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1126"/>
  <workbookPr defaultThemeVersion="166925"/>
  <mc:AlternateContent xmlns:mc="http://schemas.openxmlformats.org/markup-compatibility/2006">
    <mc:Choice Requires="x15">
      <x15ac:absPath xmlns:x15ac="http://schemas.microsoft.com/office/spreadsheetml/2010/11/ac" url="C:\Users\trist\PycharmProjects\readoverflow\10000\"/>
    </mc:Choice>
  </mc:AlternateContent>
  <xr:revisionPtr revIDLastSave="0" documentId="8_{C1E667C8-BCBF-463C-BAC1-488102C64F75}" xr6:coauthVersionLast="40" xr6:coauthVersionMax="40" xr10:uidLastSave="{00000000-0000-0000-0000-000000000000}"/>
  <bookViews>
    <workbookView xWindow="0" yWindow="0" windowWidth="23340" windowHeight="9855"/>
  </bookViews>
  <sheets>
    <sheet name="posts_questions" sheetId="1" r:id="rId1"/>
  </sheets>
  <calcPr calcId="0"/>
</workbook>
</file>

<file path=xl/calcChain.xml><?xml version="1.0" encoding="utf-8"?>
<calcChain xmlns="http://schemas.openxmlformats.org/spreadsheetml/2006/main">
  <c r="B9447" i="1" l="1"/>
</calcChain>
</file>

<file path=xl/sharedStrings.xml><?xml version="1.0" encoding="utf-8"?>
<sst xmlns="http://schemas.openxmlformats.org/spreadsheetml/2006/main" count="55786" uniqueCount="51186">
  <si>
    <t>id</t>
  </si>
  <si>
    <t>title</t>
  </si>
  <si>
    <t>body</t>
  </si>
  <si>
    <t>accepted_answer_id</t>
  </si>
  <si>
    <t>answer_count</t>
  </si>
  <si>
    <t>comment_count</t>
  </si>
  <si>
    <t>community_owned_date</t>
  </si>
  <si>
    <t>creation_date</t>
  </si>
  <si>
    <t>favorite_count</t>
  </si>
  <si>
    <t>last_activity_date</t>
  </si>
  <si>
    <t>last_edit_date</t>
  </si>
  <si>
    <t>last_editor_display_name</t>
  </si>
  <si>
    <t>last_editor_user_id</t>
  </si>
  <si>
    <t>owner_display_name</t>
  </si>
  <si>
    <t>owner_user_id</t>
  </si>
  <si>
    <t>post_type_id</t>
  </si>
  <si>
    <t>score</t>
  </si>
  <si>
    <t>tags</t>
  </si>
  <si>
    <t>view_count</t>
  </si>
  <si>
    <t>Hide "Look up" bubble on input fields - IOS Safari</t>
  </si>
  <si>
    <t>&lt;p&gt;How to hide  "Look up" bubble when the user focuses on the input field. It just appears on IOS devices using safari browser.
&lt;a href="https://i.stack.imgur.com/IvBMK.png" rel="nofollow noreferrer"&gt;&lt;img src="https://i.stack.imgur.com/IvBMK.png" alt="enter image description here"&gt;&lt;/a&gt;&lt;/p&gt;</t>
  </si>
  <si>
    <t>2018-03-05 11:44:01.730000+00:00</t>
  </si>
  <si>
    <t>javascript|html|safari</t>
  </si>
  <si>
    <t>Can I use links in chrome extensions?</t>
  </si>
  <si>
    <t>&lt;p&gt;I have manifest.json containing this:&lt;/p&gt;
&lt;pre&gt;&lt;code&gt;{
    "name": "Extension name",
    "version": "0.1",
    "description": "description",
    "content_scripts": [
        {
            "matches": [
                "https://www.google.com/*"
            ],
            "js": [
                "jquery-3.2.1.min.js",
                "main.js"
            ]
        }
    ],
  "browser_action": {
    "default_icon": "icon.png"
  },
    "manifest_version": 2
}
&lt;/code&gt;&lt;/pre&gt;
&lt;p&gt;How to use:&lt;/p&gt;
&lt;pre&gt;&lt;code&gt;"js": [
         "jquery-3.2.1.min.js",
         "main.js"
      ]
&lt;/code&gt;&lt;/pre&gt;
&lt;p&gt;With links?
If I want to use my file that I update online every time as:&lt;/p&gt;
&lt;pre&gt;&lt;code&gt;"js": [
         "jquery-3.2.1.min.js",
         "https://mywebsite.com/scripts/main.js"
      ]
&lt;/code&gt;&lt;/pre&gt;</t>
  </si>
  <si>
    <t>2017-06-20 20:42:15.823000+00:00</t>
  </si>
  <si>
    <t>user8190318</t>
  </si>
  <si>
    <t>javascript|google-chrome-extension</t>
  </si>
  <si>
    <t>JQuery click 1 does nothing</t>
  </si>
  <si>
    <t>&lt;p&gt;I have a feeling there is something wrong with my for loop. When my websites event is activated the first time, I get no response. It works as intended every time after that. I have tried tuning the numbers in the for loop looking for mistakes but as far as what I've tried. It works best as is.&lt;/p&gt;
&lt;p&gt;For the full app: &lt;a href="https://codepen.io/xcidis/full/KvKVZb/" rel="nofollow noreferrer"&gt;https://codepen.io/xcidis/full/KvKVZb/&lt;/a&gt;&lt;/p&gt;
&lt;pre&gt;&lt;code&gt;var reference = [];
function random() {
  $.ajax({
      url: "https://api.forismatic.com/api/1.0/?",
      dataType: "jsonp",
      data: "method=getQuote&amp;amp;format=jsonp&amp;amp;lang=en&amp;amp;jsonp=?",
      success: function(quote) {
        reference.push([quote.quoteText + "&amp;lt;br/&amp;gt;&amp;lt;br/&amp;gt;&amp;lt;br/&amp;gt;&amp;lt;div align='right'&amp;gt;~" + quote.quoteAuthor + "&amp;lt;/div&amp;gt;"]);
      }
  });
}
$("button").click(function(){
  random();
  for(i=0;i&amp;lt;4; i++){
    if(reference[reference.length-1] == undefined){continue}else{
    var boxes = $("&amp;lt;div id='boxes'&amp;gt;&amp;lt;/div&amp;gt;").html("&amp;lt;p&amp;gt;" + reference[reference.length-1] + "&amp;lt;/p&amp;gt;");
  $('body').append(boxes);
      break;
    };
  };
});
&lt;/code&gt;&lt;/pre&gt;</t>
  </si>
  <si>
    <t>2017-07-26 22:42:44.247000+00:00</t>
  </si>
  <si>
    <t>2017-07-27 00:09:08.560000+00:00</t>
  </si>
  <si>
    <t>javascript|ajax|for-loop</t>
  </si>
  <si>
    <t>Specify --json in webpack config instead of command line</t>
  </si>
  <si>
    <t>&lt;p&gt;I'm using Webpack 4 via webpack-stream / gulp. I'd like to write stats as a JSON file, like I would with &lt;code&gt;webpack --json &amp;gt; stats.json&lt;/code&gt;, but using my current tooling.&lt;/p&gt;
&lt;p&gt;Ideally, I would simply set the option in the config object I pass to webpack-stream, but I'm open to other options.&lt;/p&gt;</t>
  </si>
  <si>
    <t>2018-06-15 13:23:22.823000+00:00</t>
  </si>
  <si>
    <t>2018-06-20 14:05:45.530000+00:00</t>
  </si>
  <si>
    <t>webpack|gulp</t>
  </si>
  <si>
    <t>Java - key event listener</t>
  </si>
  <si>
    <t>&lt;p&gt;Is it possible to bind an action listener for keyboard events? E.g., I would like to write a program which computes something in the background, and when a key is pressed on the keyboard, the program executes a callback (a block of code).&lt;/p&gt;
&lt;p&gt;Needless to say that the program is a command line program without any fancy GUI.
Any short snippet will be great :)&lt;/p&gt;</t>
  </si>
  <si>
    <t>2012-12-01 10:59:07.213000+00:00</t>
  </si>
  <si>
    <t>2012-12-01 11:57:37.083000+00:00</t>
  </si>
  <si>
    <t>2012-12-01 11:07:10.033000+00:00</t>
  </si>
  <si>
    <t>java|command-line-interface</t>
  </si>
  <si>
    <t>Use Mapper.Initialize() for multiple mappings</t>
  </si>
  <si>
    <t>&lt;p&gt;I use &lt;a href="http://automapper.org/" rel="nofollow noreferrer"&gt;AutoMapper&lt;/a&gt; V.6.1.1 as a mapper in my ASP.Net project. 
Before I had configuration as below:  &lt;/p&gt;
&lt;pre&gt;&lt;code&gt; var config = new MapperConfiguration(cfg =&amp;gt;
        {
            cfg.CreateMap&amp;lt;A, B&amp;gt;();
            cfg.CreateMap&amp;lt;C, D&amp;gt;().ForMember(dest =&amp;gt; dest.CityDesc, opt =&amp;gt; opt.MapFrom(src =&amp;gt; src.City));
        });
  var mapper = config.CreateMapper();
  var var1= mapper.Map&amp;lt;B&amp;gt;(request);
  var var2= mapper.Map&amp;lt;List&amp;lt;C&amp;gt;, List&amp;lt;D&amp;gt;&amp;gt;(result);
&lt;/code&gt;&lt;/pre&gt;
&lt;p&gt;Now, I want to refactor the code, using &lt;code&gt;Mapper.Initialize()&lt;/code&gt;. So I used:&lt;/p&gt;
&lt;pre&gt;&lt;code&gt; Mapper.Initialize(cfg =&amp;gt;
        {
            cfg.CreateMap&amp;lt;A, B&amp;gt;();
            cfg.CreateMap&amp;lt;C, D&amp;gt;().ForMember(dest =&amp;gt; dest.CityDesc, opt =&amp;gt; opt.MapFrom(src =&amp;gt; src.City));
        });
  var var1= Mapper.Map&amp;lt;B&amp;gt;(request);
  var var2= Mapper.Map&amp;lt;List&amp;lt;C&amp;gt;, List&amp;lt;D&amp;gt;&amp;gt;(result);
&lt;/code&gt;&lt;/pre&gt;
&lt;p&gt;I have an run time error:  &lt;/p&gt;
&lt;pre&gt;&lt;code&gt; Missing type map configuration or unsupported mapping. Mapping types:    A-&amp;gt; B
&lt;/code&gt;&lt;/pre&gt;
&lt;p&gt;Is there any problem with using multiple configurations in &lt;code&gt;Mapper.Initialize&lt;/code&gt;? There is no error in the case that has one mapping in &lt;code&gt;Initialize()&lt;/code&gt; body. How should I fix the error? &lt;/p&gt;</t>
  </si>
  <si>
    <t>2018-01-22 09:11:47.790000+00:00</t>
  </si>
  <si>
    <t>2018-01-25 01:28:13.153000+00:00</t>
  </si>
  <si>
    <t>2018-01-22 09:16:59.480000+00:00</t>
  </si>
  <si>
    <t>asp.net|automapper</t>
  </si>
  <si>
    <t>Oracle SQL - Creating A Temporary Table Then Union To That Table</t>
  </si>
  <si>
    <t>&lt;p&gt;I'm trying to run a query and store the results of the query in a temporary table then union a query onto the first that will join to that table.&lt;/p&gt;
&lt;p&gt;My code so far looks like this-&lt;/p&gt;
&lt;pre&gt;&lt;code&gt; SELECT * FROM
  (WITH tmp2 AS
  (SELECT *
  FROM prod_trkg_tran ptt
  WHERE ptt.menu_optn_name = 'RF Split/Comb {Carton}'
  AND ptt.cntr_nbr         = '0031195609'
  )
  SELECT * FROM prod_trkg_tran
  )
UNION
SELECT *
FROM prod_trkg_tran ttp
INNER JOIN tmp2 -- This doesn't work
ON ttp.tran_nbr          = tmp2.tran_nbr
WHERE ttp.menu_optn_name = 'RF Split/Comb {Carton}'
AND ttp.cntr_nbr        &amp;lt;&amp;gt; '0031195609'
&lt;/code&gt;&lt;/pre&gt;
&lt;p&gt;Sorry that definately could have been clearer - I'm trying to use the tran_nbr to find all records under that tran_nbr using only a cntr_nbr, there are other records using the tran_nbr but with different cntr_nbrs. The error I get from my code is that tmp2 doesn't exist.&lt;/p&gt;
&lt;p&gt;Any help would be much appreciated :)&lt;/p&gt;
&lt;p&gt;7's&lt;/p&gt;</t>
  </si>
  <si>
    <t>2014-04-28 11:49:37.597000+00:00</t>
  </si>
  <si>
    <t>2014-04-28 13:15:09.927000+00:00</t>
  </si>
  <si>
    <t>sql|oracle|temporary</t>
  </si>
  <si>
    <t>Rewriting something like require('shipit-deploy')(shipit) in ES6 import?</t>
  </si>
  <si>
    <t>&lt;p&gt;I'm trying to find an example for es6 form of the following:&lt;/p&gt;
&lt;p&gt;&lt;code&gt;require('shipit-deploy')(shipit)&lt;/code&gt;&lt;/p&gt;
&lt;p&gt;I would usually go for something like&lt;/p&gt;
&lt;p&gt;&lt;code&gt;import 'shipit-deploy'&lt;/code&gt;&lt;/p&gt;
&lt;p&gt;however in this case there is &lt;code&gt;(shipit)&lt;/code&gt; at the end of require that I am not entirely sure how to import correctly.&lt;/p&gt;</t>
  </si>
  <si>
    <t>2016-08-31 09:08:11.707000+00:00</t>
  </si>
  <si>
    <t>2016-08-31 09:15:57.573000+00:00</t>
  </si>
  <si>
    <t>javascript|import|ecmascript-6|require</t>
  </si>
  <si>
    <t>What should I do if my "Region" is not in the list while creating SQL database in Microsoft Azure Portal?</t>
  </si>
  <si>
    <t>&lt;p&gt;I have purchased "Pay-As-You-Go" plan in Azure for my website hosting. I am from Bosnia and Herzegovina country which is located in Southern Europe Region. While creating database in windows azure, we have to select the Region from the drop down list. That drop down list doesn't contain "Southern Europe" region in the list. In this case, which Region I should select from the list? OR how should I proceed to create the database?&lt;/p&gt;</t>
  </si>
  <si>
    <t>2015-08-21 14:19:22.687000+00:00</t>
  </si>
  <si>
    <t>2015-08-23 02:32:30.900000+00:00</t>
  </si>
  <si>
    <t>azure|azure-sql-database|region</t>
  </si>
  <si>
    <t>selectAnnotation does not show callout</t>
  </si>
  <si>
    <t>&lt;p&gt;I want to change the callout shown on the MKMapView.  When I call &lt;/p&gt;
&lt;pre&gt;&lt;code&gt;[self.mapView selectAnnotation:annotation animated:YES]; 
&lt;/code&gt;&lt;/pre&gt;
&lt;p&gt;it pans the map to the annotation, but does not show its callout.  How do I get it to show the callout?&lt;/p&gt;</t>
  </si>
  <si>
    <t>2011-06-25 16:53:35.153000+00:00</t>
  </si>
  <si>
    <t>2011-07-01 18:20:40.873000+00:00</t>
  </si>
  <si>
    <t>2011-06-29 02:12:12.710000+00:00</t>
  </si>
  <si>
    <t>objective-c|cocoa-touch|ios4|mkmapview</t>
  </si>
  <si>
    <t>Reputable source for Mark Pilgrim's "Dive into Greasemonkey"</t>
  </si>
  <si>
    <t>&lt;p&gt;Given that &lt;a href="http://en.wikipedia.org/wiki/Mark_Pilgrim_%28software_developer%29" rel="noreferrer"&gt;Mark Pilgrim&lt;/a&gt; pulled his "&lt;a href="http://en.wikipedia.org/wiki/Greasemonkey#External_links" rel="noreferrer"&gt;Dive into Greasemonkey&lt;/a&gt;" on 2011-10-06, what is a reputable source for it?&lt;/p&gt;
&lt;p&gt;I don't want to go to a malware infested website to get it. For instance, is www.freetechbooks.com reputable?&lt;/p&gt;</t>
  </si>
  <si>
    <t>2012-05-19 09:46:35.050000+00:00</t>
  </si>
  <si>
    <t>2012-05-19 09:56:51.723000+00:00</t>
  </si>
  <si>
    <t>documentation|greasemonkey</t>
  </si>
  <si>
    <t>Which Haskell XML library to use?</t>
  </si>
  <si>
    <t>&lt;p&gt;I see that there is a few of XML processing libraries in Haskell.&lt;/p&gt;
&lt;ul&gt;
&lt;li&gt;&lt;a href="http://www.haskell.org/HaXml/" rel="noreferrer"&gt;HaXml&lt;/a&gt; seems to be the most popular (according to &lt;a href="http://donsbot.wordpress.com/2009/08/29/haskell-popularity-rankings-september-2009/" rel="noreferrer"&gt;dons&lt;/a&gt;)&lt;/li&gt;
&lt;li&gt;&lt;a href="http://www.fh-wedel.de/~si/HXmlToolbox/" rel="noreferrer"&gt;HXT&lt;/a&gt; seems to be the most advanced (but also the most difficult to learn thanks to arrows)&lt;/li&gt;
&lt;li&gt;&lt;a href="http://hackage.haskell.org/package/xml" rel="noreferrer"&gt;xml&lt;/a&gt; which seems to be just the basic parser&lt;/li&gt;
&lt;li&gt;&lt;a href="http://www.flightlab.com/~joe/hxml/" rel="noreferrer"&gt;HXML&lt;/a&gt; seems to be abandoned&lt;/li&gt;
&lt;li&gt;tagsoup and tagchup&lt;/li&gt;
&lt;li&gt;libXML and libXML SAX bindings&lt;/li&gt;
&lt;/ul&gt;
&lt;p&gt;So, which library to choose if I want it&lt;/p&gt;
&lt;ul&gt;
&lt;li&gt;to be reasonably powerful (to extract data from XML and to modify XML)&lt;/li&gt;
&lt;li&gt;likely to be supported long time in the future&lt;/li&gt;
&lt;li&gt;to be a ���community choice��� (default choice)&lt;/li&gt;
&lt;/ul&gt;
&lt;p&gt;And while most of the above seem to be sufficient for my current needs, what are the reason to choose one of them over the others?&lt;/p&gt;
&lt;p&gt;&lt;strong&gt;UPD 20091222&lt;/strong&gt;:&lt;/p&gt;
&lt;p&gt;Some notes about licenses:&lt;/p&gt;
&lt;ul&gt;
&lt;li&gt;BSD or MIT: &lt;a href="http://hackage.haskell.org/package/hexpat" rel="noreferrer"&gt;hexpat&lt;/a&gt;, &lt;a href="http://hackage.haskell.org/package/hxt" rel="noreferrer"&gt;hxt&lt;/a&gt;, &lt;a href="http://hackage.haskell.org/package/libxml" rel="noreferrer"&gt;libxml&lt;/a&gt;, &lt;a href="http://hackage.haskell.org/package/tagsoup" rel="noreferrer"&gt;tagsoup&lt;/a&gt;, &lt;a href="http://hackage.haskell.org/package/xml" rel="noreferrer"&gt;xml&lt;/a&gt;&lt;/li&gt;
&lt;li&gt;LGPL: &lt;a href="http://hackage.haskell.org/package/HaXml" rel="noreferrer"&gt;HaXml&lt;/a&gt;&lt;/li&gt;
&lt;li&gt;GPLv2:&lt;/li&gt;
&lt;li&gt;GPLv3: &lt;a href="http://hackage.haskell.org/package/libxml-sax" rel="noreferrer"&gt;libxml-sax&lt;/a&gt;,  &lt;a href="http://hackage.haskell.org/package/tagchup" rel="noreferrer"&gt;tagchup&lt;/a&gt;, &lt;a href="http://hackage.haskell.org/package/tagsoup-ht" rel="noreferrer"&gt;tagsoup-ht&lt;/a&gt;&lt;/li&gt;
&lt;/ul&gt;</t>
  </si>
  <si>
    <t>2009-09-01 08:48:28.603000+00:00</t>
  </si>
  <si>
    <t>2013-05-27 17:48:41.770000+00:00</t>
  </si>
  <si>
    <t>2011-04-16 20:27:54.567000+00:00</t>
  </si>
  <si>
    <t>xml|haskell|comparison</t>
  </si>
  <si>
    <t>Achieve Inter-App Communication on iOS through sockets</t>
  </si>
  <si>
    <t>&lt;p&gt;I am wondering how to do Inter-App Communication on iOS in iOS 7. It occurred to me that if I was the foreground app I could bind to sockets and act like a server, and if I was the background app (and had a background entitlement like audio) then I can connect to servers. So it seemed to me like it would be possible to do Inter-App Communication by agreeing on a port between 2 apps and simply switching which app binds to a port based on whether it is in the foreground or not.&lt;/p&gt;
&lt;p&gt;Problem is, I can never seem to connect to localhost from the background, for example I have this code on a loop:&lt;/p&gt;
&lt;pre&gt;&lt;code&gt;truct addrinfo *server_address;
int ret = getaddrinfo("localhost", "1666", NULL, &amp;amp;server_address);
int connection_id = connect(self.socketHandle, server_address-&amp;gt;ai_addr, server_address-&amp;gt;ai_addrlen);
&lt;/code&gt;&lt;/pre&gt;
&lt;p&gt;And connection_id is always -1. I am unsure why I cannot connect given the bind process does not throw any errors.&lt;/p&gt;</t>
  </si>
  <si>
    <t>2015-08-25 06:44:55.627000+00:00</t>
  </si>
  <si>
    <t>2015-08-25 07:41:48.710000+00:00</t>
  </si>
  <si>
    <t>2015-08-25 07:35:09.090000+00:00</t>
  </si>
  <si>
    <t>ios|sockets|background-process</t>
  </si>
  <si>
    <t>Absolute div overlapping sibling on resize, css solution or only with Javascript?</t>
  </si>
  <si>
    <t>&lt;p&gt;Trying to fix with css only (if possible) an overlapping absolute positioned div at the bottom of a fixed div in a sidebar.
Although it would be possible to detect this and modify the position of the absolute div with javascript, I was wondering if there is an easier css only solution.
I tried to add the padding of the height of the bottom element to the fixed parent, but it keeps overlapping it on resize (vertical)-
So how to prevent the bottom element to overlap the unordered list in case (1) the window is too small or (2) the list is too long.&lt;/p&gt;
&lt;p&gt;html:&lt;/p&gt;
&lt;pre&gt;&lt;code&gt;&amp;lt;div id="sidebar"&amp;gt;
    &amp;lt;ul&amp;gt;
        &amp;lt;li&amp;gt;list item&amp;lt;/li&amp;gt;
        &amp;lt;li&amp;gt;list item&amp;lt;/li&amp;gt;
        &amp;lt;li&amp;gt;list item&amp;lt;/li&amp;gt;
        ...     
    &amp;lt;/ul&amp;gt;
    &amp;lt;div id="bottom_element"&amp;gt;
        &amp;lt;p&amp;gt;I am a bottom element&amp;lt;/p&amp;gt;
    &amp;lt;/div&amp;gt;
&amp;lt;/div&amp;gt;
&lt;/code&gt;&lt;/pre&gt;
&lt;p&gt;css: &lt;/p&gt;
&lt;pre&gt;&lt;code&gt;#sidebar {
    position: fixed;
    right: 0;
    top: 0;
    height: 100%;
    width: 200px;
    background: #ddd;
    padding: 1em;
    padding-bottom: 100px;
}
#bottom_element {
    position: absolute;
    bottom:0;
    left: 0;
    width: 100%;
    background: #000;
    color: #fff;
    padding: 1em;
}
#sidebar &amp;gt; ul {
    height: 100%;
    overflow-y: auto;
    padding-bottom: 1em;
}
&lt;/code&gt;&lt;/pre&gt;
&lt;p&gt;An example of the code: &lt;a href="http://jsfiddle.net/ax9ssstj/" rel="nofollow"&gt;jsfiddle&lt;/a&gt;.
Updated code with jquery: &lt;a href="http://jsfiddle.net/ax9ssstj/1/" rel="nofollow"&gt;fiddle&lt;/a&gt;
Thank you very much for any help.&lt;/p&gt;</t>
  </si>
  <si>
    <t>2015-11-11 16:55:13.007000+00:00</t>
  </si>
  <si>
    <t>2016-01-27 15:59:37.423000+00:00</t>
  </si>
  <si>
    <t>2015-11-11 19:25:37.363000+00:00</t>
  </si>
  <si>
    <t>javascript|html|css</t>
  </si>
  <si>
    <t>Scroll Element into View (not under navbar) with Selenium</t>
  </si>
  <si>
    <t>&lt;p&gt;Selenium click doesn't seem to work unless the element is visible. So I want bring element to view before click. 
There is a focus method in Selenium, but it does not seem to scroll the view.
I tried &lt;a href="https://stackoverflow.com/a/20487332/5697765"&gt;Amith solution&lt;/a&gt; for Scroll Element into View with Selenium but some times element remained under navbar.
Is there any way for scroll until element become observable and selenium can click on it?&lt;/p&gt;</t>
  </si>
  <si>
    <t>2018-01-13 07:28:31.897000+00:00</t>
  </si>
  <si>
    <t>2018-01-16 06:59:18.490000+00:00</t>
  </si>
  <si>
    <t>2018-01-13 07:41:26.467000+00:00</t>
  </si>
  <si>
    <t>c#|selenium|scroll|navbar</t>
  </si>
  <si>
    <t>Python: Justifying NumPy array</t>
  </si>
  <si>
    <t>&lt;p&gt;Please I am a bit new to &lt;code&gt;Python&lt;/code&gt; and it has been nice, I could comment that python is very sexy till I needed to shift content of a 4x4 matrix  which I want to use in building a 2048 game demo of the game is &lt;a href="http://gabrielecirulli.github.io/2048" rel="nofollow noreferrer" title="2048 by Gabriele Cirulli "&gt;here&lt;/a&gt; I have this function &lt;/p&gt;
&lt;pre&gt;&lt;code&gt;def cover_left(matrix):
        new=[[0,0,0,0],[0,0,0,0],[0,0,0,0],[0,0,0,0]]
        for i in range(4):
             count=0
             for j in range(4):
                if mat[i][j]!=0:
                    new[i][count]=mat[i][j]
                    count+=1
        return new
&lt;/code&gt;&lt;/pre&gt;
&lt;p&gt;This is what this function does if you call it like this&lt;/p&gt;
&lt;pre&gt;&lt;code&gt;cover_left([
              [1,0,2,0], 
              [3,0,4,0], 
              [5,0,6,0], 
              [0,7,0,8]
          ])
&lt;/code&gt;&lt;/pre&gt;
&lt;p&gt;It will cover the zeros to the left and produce&lt;/p&gt;
&lt;pre&gt;&lt;code&gt;[  [1, 2, 0, 0],
   [3, 4, 0, 0],
   [5, 6, 0, 0],
   [7, 8, 0, 0]]
&lt;/code&gt;&lt;/pre&gt;
&lt;p&gt;Please I need someone to help me with a &lt;code&gt;numpy&lt;/code&gt; way of doing this which I believe will be faster and require less code (I am using in a depth-first search algo) and more importantly the implementation of &lt;code&gt;cover_up&lt;/code&gt;, &lt;code&gt;cover_down&lt;/code&gt; and &lt;/p&gt;
&lt;pre&gt;&lt;code&gt;`cover_left`.
`cover_up`
    [  [1, 7, 2, 8],
       [3, 0, 4, 0],
       [5, 0, 6, 0],
       [0, 0, 0, 0]]
`cover_down`
    [  [0, 0, 0, 0],
       [1, 0, 2, 0],
       [3, 0, 4, 0],
       [5, 7, 6, 8]]
`cover_right`
    [  [0, 0, 1, 2],
       [0, 0, 3, 4],
       [0, 0, 5, 6],
       [0, 0, 7, 8]]
&lt;/code&gt;&lt;/pre&gt;
&lt;p&gt;Thanks in advance.&lt;/p&gt;</t>
  </si>
  <si>
    <t>2017-06-15 03:50:35.407000+00:00</t>
  </si>
  <si>
    <t>2017-08-30 23:09:28.130000+00:00</t>
  </si>
  <si>
    <t>2017-06-15 08:34:02.583000+00:00</t>
  </si>
  <si>
    <t>python|numpy|search|artificial-intelligence|2048</t>
  </si>
  <si>
    <t>Is it possible to attach a message to a git commit that will display when pulled?</t>
  </si>
  <si>
    <t>&lt;p&gt;I work in a large codebase with &gt;100 developers pushing/merging to the same branch often, and occasionally people push up changes that require extra steps after pulled. In an ideal world, communication is a good solution, but in practice we all know that's not going to work 100% of the time.&lt;/p&gt;
&lt;p&gt;I'm looking for a git or github feature that allows us to either flag a commit or merge as needing extra steps, or somehow including a message that will be displayed when that commit is pulled.&lt;/p&gt;
&lt;p&gt;Commit messages are great, but it's not feasible to require every developer manually &lt;code&gt;git log&lt;/code&gt; after every pull to see if they need to do something.&lt;/p&gt;
&lt;p&gt;For example, it would be great if I could add a message like "requires &lt;code&gt;npm install&lt;/code&gt; after pull" to a commit in which I modify &lt;code&gt;package.json&lt;/code&gt;, and when pulled the message is displayed.&lt;/p&gt;
&lt;p&gt;&lt;strong&gt;EDIT (5/21/18)&lt;/strong&gt;&lt;/p&gt;
&lt;p&gt;See accepted answer for what I ended up doing. The &lt;code&gt;post-merge&lt;/code&gt; hook solved the functionality I was looking for, and does not rely on the developer "marking" or "leaving a message" on their commit. &lt;/p&gt;</t>
  </si>
  <si>
    <t>2017-09-06 17:37:00.797000+00:00</t>
  </si>
  <si>
    <t>2018-05-21 17:49:16.090000+00:00</t>
  </si>
  <si>
    <t>git|github</t>
  </si>
  <si>
    <t>Need a generic Xpath expression to run in Sonar Qube under XML path rule</t>
  </si>
  <si>
    <t>&lt;p&gt;I need a generic xpath expression to count number of elements under each sub-flow node. Test would fail if number of elements are more than 1. I need to know how to loop over each sub-flow element and validate the rule for each sub-flow element in the xml. Below i have mentioned an xml which contains 2 sub-flow element, but it may contain more than 2 in future. Hence i need a generic xpath expression to validate the same.
Below if the example xml :
    &lt;/p&gt;
&lt;pre&gt;&lt;code&gt;&amp;lt;flow name="test-xpathFlow"&amp;gt;
    &amp;lt;http:listener config-ref="HTTP_Listener_Configuration" path="/helloworld" allowedMethods="GET" doc:name="HTTPS"/&amp;gt;
    &amp;lt;flow-ref name="test-xpath-set-payload" doc:name="test-xpath-set-payload"/&amp;gt;
&amp;lt;/flow&amp;gt;
&amp;lt;sub-flow name="test-xpath-set-payload"&amp;gt;
    &amp;lt;set-payload value="#['Hello World']" doc:name="Set Payload"/&amp;gt;
    &amp;lt;flow-ref name="test-xpath-log-payload" doc:name="test-xpath-log-payload"/&amp;gt;
&amp;lt;/sub-flow&amp;gt;
&amp;lt;sub-flow name="test-xpath-log-payload"&amp;gt;
    &amp;lt;logger message="#[payload]" level="INFO" doc:name="Logger"/&amp;gt;
&amp;lt;/sub-flow&amp;gt;
&lt;/code&gt;&lt;/pre&gt;</t>
  </si>
  <si>
    <t>2018-08-16 04:58:25.267000+00:00</t>
  </si>
  <si>
    <t>xml|xpath|sonarqube</t>
  </si>
  <si>
    <t>Google script .setFormula() only working with explicit string</t>
  </si>
  <si>
    <t>&lt;p&gt;In Google sheets, I get a "formula parse error" in the cell this code edits:&lt;/p&gt;
&lt;pre&gt;&lt;code&gt;var A1one = 'C4';
var A1two = 'B4';
var A1three = 'B4';
var wholeFormula = '=if(today()&amp;lt;D$1,,' + A1one + '+if(isNumber(' + A1two + '),' + A1three + ',0)';
var wholeFormulaA1 = '=if(today()&amp;lt;D$1,,C4+if(isNumber(B4),B4,0))';
trackCell1.setFormula(wholeFormula);
&lt;/code&gt;&lt;/pre&gt;
&lt;p&gt;But if I change the code as follows it works fine (only change is in last line):&lt;/p&gt;
&lt;pre&gt;&lt;code&gt;var A1one = 'C4';
var A1two = 'B4';
var A1three = 'B4';
var wholeFormula = '=if(today()&amp;lt;D$1,,' + A1one + '+if(isNumber(' + A1two + '),' + A1three + ',0)';
var wholeFormulaA1 = '=if(today()&amp;lt;D$1,,C4+if(isNumber(B4),B4,0))';
trackCell1.setFormula(wholeFormulaA1);
&lt;/code&gt;&lt;/pre&gt;
&lt;p&gt;&lt;code&gt;wholeFormula&lt;/code&gt; and &lt;code&gt;wholeFormulaA1&lt;/code&gt; should be identical.  Why does Google Sheets treat them differently?&lt;/p&gt;
&lt;p&gt;I assume this is some kind of recalculation error.  If I run the first code example above, and the cell displays &lt;code&gt;#ERROR!&lt;/code&gt;, I can fix it by double clicking the cell and hitting ENTER on the keyboard. This forces the sheet to recalculate (I guess?), and the proper result of the formula is displayed in the cell.&lt;/p&gt;
&lt;p&gt;But how do I get Google Sheets to update the cell automatically when using the first code example?&lt;/p&gt;</t>
  </si>
  <si>
    <t>2017-09-01 01:04:57.477000+00:00</t>
  </si>
  <si>
    <t>2017-09-01 06:59:12.307000+00:00</t>
  </si>
  <si>
    <t>google-sheets|refresh|formula|custom-function</t>
  </si>
  <si>
    <t>Get last displayed item using ngFor at any instance in Angular 5</t>
  </si>
  <si>
    <t>&lt;p&gt;I have an Object which I am using to display in my HTML using &lt;code&gt;*ngFor&lt;/code&gt;. Now at any instance, I want to know the last displayed data.&lt;/p&gt;
&lt;p&gt;Ex:-
I have an object as &lt;code&gt;totalItems&lt;/code&gt;;&lt;/p&gt;
&lt;p&gt;Now in HTML, I display it as:&lt;/p&gt;
&lt;pre&gt;&lt;code&gt;&amp;lt;p *ngFor="let item of totalItems"&amp;gt;
{{item.Name}}
&lt;/code&gt;&lt;/pre&gt;
&lt;p&gt;&lt;/p&gt;&lt;/p&gt;
&lt;p&gt;What I want is &lt;code&gt;if item.Name&lt;/code&gt; is same as last displayed &lt;code&gt;item.Name&lt;/code&gt;, another thing will be printed.&lt;/p&gt;</t>
  </si>
  <si>
    <t>2018-07-24 08:12:04.873000+00:00</t>
  </si>
  <si>
    <t>2018-07-24 08:29:15.210000+00:00</t>
  </si>
  <si>
    <t>2018-07-24 08:14:58.790000+00:00</t>
  </si>
  <si>
    <t>angular</t>
  </si>
  <si>
    <t>Submit Button Sends Email even If reCaptcha has been done</t>
  </si>
  <si>
    <t>&lt;p&gt;Im in the process of adding the reCaptcha from google to my form. The problem is that even though I have followed the instructions from google. I can still press the Submit button without doing the recaptcha. Any Ideas please heres the relevant code snippets. &lt;/p&gt;
&lt;pre&gt;&lt;code&gt;&amp;lt;head&amp;gt;
&amp;lt;meta http-equiv="Content-Type" content="text/html; charset=UTF-8"&amp;gt;
&amp;lt;title&amp;gt;webpage title&amp;lt;/title&amp;gt;
&amp;lt;link rel="stylesheet" type="text/css" href="view.css" media="all"&amp;gt;
&amp;lt;script type="text/javascript" src="view.js"&amp;gt;&amp;lt;/script&amp;gt;
&amp;lt;script src='https://www.google.com/recaptcha/api.js'&amp;gt;&amp;lt;/script&amp;gt;
&amp;lt;/head&amp;gt;
&lt;/code&gt;&lt;/pre&gt;
&lt;p&gt;And the this snippet in the form part of the webpage&lt;/p&gt;
&lt;pre&gt;&lt;code&gt;&amp;lt;div class="g-recaptcha" data-sitekey="xxxxxxmyapikeyxxxxxxx_xxxxxxmyapikeyxxxxxxx"&amp;gt;&amp;lt;/div&amp;gt;  
                    &amp;lt;li class="buttons"&amp;gt;
                &amp;lt;input type="hidden" name="form_id" value="1136056" /&amp;gt;
                &amp;lt;input id="saveForm" class="button_text" type="submit" name="submit" value="Submit" /&amp;gt;
        &amp;lt;/li&amp;gt;
            &amp;lt;/ul&amp;gt;
        &amp;lt;/form&amp;gt; 
&lt;/code&gt;&lt;/pre&gt;
&lt;p&gt;As far as I'm aware I have placed the code in the specified areas of my webpage. One before the closing  tag on your HTML template and the snippet at the end of the  where I want the reCAPTCHA widget to appear.&lt;/p&gt;
&lt;p&gt;I have put the recaptcha before the submit button. There is a part about the server side integration that I do not understand.&lt;/p&gt;
&lt;pre&gt;&lt;code&gt;[QUOTE]
When your users submit the form where you integrated reCAPTCHA, you'll     
get as part of the payload a string with the name "g-recaptcha-response". 
In order to check whether Google has verified that user, 
send a POST request with these parameters:
URL: https://www.google.com/recaptcha/api/siteverify
secret (required)   xxxxxmysecretkeyxxxxxxx
response (required) The value of 'g-recaptcha-response'.
remoteip    The end user's ip address.
[/QUOTE]
&lt;/code&gt;&lt;/pre&gt;
&lt;p&gt;Can anyone please shed some light on this please.
Thankyou&lt;/p&gt;</t>
  </si>
  <si>
    <t>2016-06-08 16:32:30.170000+00:00</t>
  </si>
  <si>
    <t>2016-06-09 18:05:50.117000+00:00</t>
  </si>
  <si>
    <t>html|forms|submit|recaptcha</t>
  </si>
  <si>
    <t>XPath / PHP - Return index of specific tag that matches a regex</t>
  </si>
  <si>
    <t>&lt;p&gt;I'm trying to get the index of a tag which href matches certain regex, but whatever I try is throwing me a warning that says that the expression is invalid. Here's an example.&lt;/p&gt;
&lt;pre&gt;&lt;code&gt;$dom = new DOMDocument();
$dom-&amp;gt;loadHTML($html);
$url_check = testurl.com
$finder = new DomXPath($dom);
$finder-&amp;gt;registerNamespace("php", "http://php.net/xpath");
$finder-&amp;gt;registerPhpFunctions('preg_match');
//Updated to fix some errors, still invalid expression
$index = $finder-&amp;gt;evaluate("count((/ol[@id='rso']/li[not(@id) and @class = 'g' and h3[@class='r']/a[php:function('preg_match','/^(http://|https://|ftp://)?(www(\d+)?.)?($url_check)\/?$/', string(@href) &amp;gt; 0)]])/preceding-sibling::*)");
&lt;/code&gt;&lt;/pre&gt;
&lt;p&gt;&lt;code&gt;$html&lt;/code&gt; is a string that stores the html of a webpage, which contains something like this&lt;/p&gt;
&lt;pre&gt;&lt;code&gt;&amp;lt;ol id="wrap"&amp;gt;
  &amp;lt;li class="list"&amp;gt;
    &amp;lt;h3 class="j"&amp;gt;
      &amp;lt;a href="http://xxxxxx.com"&amp;gt;Not the one I'm trying to match&amp;lt;/a&amp;gt;    
    &amp;lt;/h3&amp;gt;
  &amp;lt;/li&amp;gt;
  .
  .
  .
  &amp;lt;li class="list"&amp;gt;
    &amp;lt;h3 class="j"&amp;gt;
      &amp;lt;a href="http://testurl.com"&amp;gt;Click here&amp;lt;/a&amp;gt;    
    &amp;lt;/h3&amp;gt;
  &amp;lt;/li&amp;gt;
&amp;lt;/ol&amp;gt;
&lt;/code&gt;&lt;/pre&gt;
&lt;p&gt;Any suggestion is appreciated, and if you know a better/faster way to do this feel free to share :)&lt;/p&gt;</t>
  </si>
  <si>
    <t>2014-01-05 09:04:27.043000+00:00</t>
  </si>
  <si>
    <t>2014-01-06 19:42:34.240000+00:00</t>
  </si>
  <si>
    <t>php|html|regex|xpath</t>
  </si>
  <si>
    <t>PromiseKit go back one step</t>
  </si>
  <si>
    <t>&lt;p&gt;I have a series of UIViewControllers (popups) in my app that I use to gather information from the end user. I managed to chain them with promises like this:&lt;/p&gt;
&lt;pre&gt;&lt;code&gt;firstly {
        return showFirstPopup()
    }
    .then { info1 -&amp;gt; Promise&amp;lt;Info2&amp;gt; in
        dismissFirstPopup()
        //Do sth with info1...
        return showSecondPopup()
    }
    .then { info2 -&amp;gt; Promise&amp;lt;Info3&amp;gt; in
        dismissSecondPopup()
        //Do sth with info2...
        return showThirdPopup()
    }
    .then { info3 -&amp;gt; Promise&amp;lt;Info4&amp;gt; in
        dismissThirdPopup()
        //Do sth with info3...
        return showForthPopup()
    }
    ...
    .catch { error in
        //Handle any error or cancellation...
     }
&lt;/code&gt;&lt;/pre&gt;
&lt;p&gt;If, for example, the user presses back in the third popup I need to go back to the previous "then" and not cancel the whole flow. &lt;/p&gt;
&lt;p&gt;Basically I need to be able to go back one step, let the user edit the data, then continue the flow.&lt;/p&gt;
&lt;p&gt;Is there a way to do this with PromiseKit?&lt;/p&gt;</t>
  </si>
  <si>
    <t>2017-11-13 16:42:59.003000+00:00</t>
  </si>
  <si>
    <t>2017-11-16 10:40:31.680000+00:00</t>
  </si>
  <si>
    <t>2017-11-13 17:21:34.117000+00:00</t>
  </si>
  <si>
    <t>ios|swift|promisekit</t>
  </si>
  <si>
    <t>Drawing a spiral on an HTML canvas using JavaScript</t>
  </si>
  <si>
    <t>&lt;p&gt;I have searched and haven't found anything really on how to draw spirals in canvas using JavaScript.  &lt;/p&gt;
&lt;p&gt;I thought it might be possible to do it with the bezier curve and if that didn't work use &lt;code&gt;lineTo()&lt;/code&gt;, but that seemed a lot harder.  &lt;/p&gt;
&lt;p&gt;Also, to do that I'm guessing I would have to use trigonometry and graphing with polar coordinates and its been a while since I did that.  If that is the case could you point me in the right direction on the math.&lt;/p&gt;</t>
  </si>
  <si>
    <t>2011-07-26 01:49:15.647000+00:00</t>
  </si>
  <si>
    <t>2017-03-19 20:57:21.060000+00:00</t>
  </si>
  <si>
    <t>2012-10-14 22:40:07.413000+00:00</t>
  </si>
  <si>
    <t>javascript|html|html5|math|canvas</t>
  </si>
  <si>
    <t>htaccess redirect with white space, a quote and ��</t>
  </si>
  <si>
    <t>&lt;p&gt;I have the following address:
&lt;code&gt;le%20coin%20de%20l���auteur%20-%20biographie%20de%20Cath��rine%20Boullery.html&lt;/code&gt;
which includes white spaces, a quote and a letter with an accent.&lt;/p&gt;
&lt;p&gt;I would like to use something like:
&lt;code&gt;redirect 301 /this-above-url http://telecharger-ebook-roman-fantasy-aila-pdf-fr.fr//le-coin-de-l-auteur-biographie-de-catherine-boullery.html&lt;/code&gt;&lt;/p&gt;
&lt;p&gt;I have several pages with these strange characters to redirect and have no experience with &lt;code&gt;htaccess&lt;/code&gt;, but I see, try to understand and copy...&lt;/p&gt;</t>
  </si>
  <si>
    <t>2012-04-29 20:23:21.837000+00:00</t>
  </si>
  <si>
    <t>2012-05-01 18:40:23.803000+00:00</t>
  </si>
  <si>
    <t>2012-05-01 14:49:20.327000+00:00</t>
  </si>
  <si>
    <t>user1040049</t>
  </si>
  <si>
    <t>.htaccess|redirect|space|quote|diacritics</t>
  </si>
  <si>
    <t>OLE Command Task vs OLE Destination</t>
  </si>
  <si>
    <t>&lt;p&gt;I am new to SSIS and wanted to know which would give a better performance while performing inserts in data workflow.&lt;/p&gt;
&lt;p&gt;Are there any advantages of using one over the other?&lt;/p&gt;</t>
  </si>
  <si>
    <t>2012-07-30 14:02:08.940000+00:00</t>
  </si>
  <si>
    <t>2012-07-30 14:54:12.997000+00:00</t>
  </si>
  <si>
    <t>ssis</t>
  </si>
  <si>
    <t>How to implement clojure ISeq inJava?</t>
  </si>
  <si>
    <t>&lt;p&gt;I want to pass to Clojure a map of Java functions. The functions use Java anonymous classes that implement the IFn interface. I also need to implement the ISeq interface to pass lists. The ISeq interface is simple but has &lt;a href="https://github.com/clojure/clojure/blob/master/src/jvm/clojure/lang/ISeq.java" rel="nofollow noreferrer"&gt;no documentation&lt;/a&gt;. I need to know what each method in ISeq does and/or find Java code of a class that implements all ISeq methods (I do not want to &lt;a href="https://stackoverflow.com/questions/35926652/convert-a-java-array-into-a-clojure-list-or-sequence/35926653"&gt;copy my lists&lt;/a&gt; to Clojure structures). &lt;/p&gt;</t>
  </si>
  <si>
    <t>2018-02-27 12:44:12.693000+00:00</t>
  </si>
  <si>
    <t>2018-02-27 20:46:35.200000+00:00</t>
  </si>
  <si>
    <t>2018-02-27 14:02:56.667000+00:00</t>
  </si>
  <si>
    <t>java|collections|clojure</t>
  </si>
  <si>
    <t>Error: 'Subscript indices must either be real positive integers or logicals' when using Matlab .NET builder</t>
  </si>
  <si>
    <t>&lt;p&gt;I am using matlab NE builder to compile a dll file which I call from C#. The matlab code is confirmed to work in matlab, but when called from c# the following error occurs:&lt;/p&gt;
&lt;blockquote&gt;
  &lt;p&gt;An unhandled exception of type 'System.Exception' occurred in
  MWArray.dll&lt;/p&gt;
  &lt;p&gt;Additional information: &lt;/p&gt;
  &lt;p&gt;... MWMCR::EvaluateFunction error ...  Subscript indices must either
  be real positive integers or logicals. Error in =&gt; KalmanFilter.m at
  line 108.&lt;/p&gt;
&lt;/blockquote&gt;
&lt;p&gt;The line in question is the following:&lt;/p&gt;
&lt;pre&gt;&lt;code&gt;plot(data(:, 1), data(:, 2));
&lt;/code&gt;&lt;/pre&gt;
&lt;p&gt;I have confirmed that when the line is reached, the variable data has size n by 4, with n &gt; 50, why the statement is supposed to make sense.&lt;/p&gt;
&lt;p&gt;Anyone got any experience on this?
Thanks in advance&lt;/p&gt;</t>
  </si>
  <si>
    <t>2013-01-23 07:52:57.503000+00:00</t>
  </si>
  <si>
    <t>2013-01-23 08:36:42.027000+00:00</t>
  </si>
  <si>
    <t>c#|.net|matlab|matlab-compiler</t>
  </si>
  <si>
    <t>Replace Word Within Word - Javascript</t>
  </si>
  <si>
    <t>&lt;p&gt;I need to get a id from a html element and replace a part of the word. For example:&lt;/p&gt;
&lt;p&gt;HTML&lt;/p&gt;
&lt;pre&gt;&lt;code&gt;&amp;lt;input type="checkbox" id="facebookCheckbox"&amp;gt;&amp;lt;/div&amp;gt;
&lt;/code&gt;&lt;/pre&gt;
&lt;p&gt;JavaScript&lt;/p&gt;
&lt;pre&gt;&lt;code&gt;var x = document.getElementById("facebookCheckbox");
var name = x.id;
name.replace("Checkbox","");
&lt;/code&gt;&lt;/pre&gt;
&lt;p&gt;This obviously does not work because the replacing word has to be standalone for it to be replaced. Is there a different way of doing this?&lt;/p&gt;
&lt;p&gt;I'm looking for purely javascript no jQuery&lt;/p&gt;
&lt;p&gt;Thank you!&lt;/p&gt;</t>
  </si>
  <si>
    <t>2013-08-01 02:59:35.137000+00:00</t>
  </si>
  <si>
    <t>2013-08-01 03:12:46.500000+00:00</t>
  </si>
  <si>
    <t>javascript|html|css|replace</t>
  </si>
  <si>
    <t>Find edge-disjoint paths (not the number, the paths)</t>
  </si>
  <si>
    <t>&lt;p&gt;given a directed graph we can use edmonds-karp or ford-fulkerson algorithms to find the maximum number of edge disjoint paths in a directed graph. &lt;/p&gt;
&lt;p&gt;Say there are k edge-disjoint paths in G, how can one find the actual paths in polynomial time? My best choice is BFS and once a path is found mark those edges as used.&lt;/p&gt;
&lt;p&gt;Thanks a lot!&lt;/p&gt;</t>
  </si>
  <si>
    <t>2016-12-19 16:36:26.397000+00:00</t>
  </si>
  <si>
    <t>2016-12-19 18:23:59.390000+00:00</t>
  </si>
  <si>
    <t>algorithm|graph|flow|directed-graph|network-flow</t>
  </si>
  <si>
    <t>MS ACCESS SQL How to select all column header and list them as a column</t>
  </si>
  <si>
    <t>&lt;p&gt;Hi Guys i have a table call registrants which is like that&lt;/p&gt;
&lt;pre&gt;&lt;code&gt;Registrants
Name    id    school    class    entrydate
yoyo     1    np          3      31/9/2013
&lt;/code&gt;&lt;/pre&gt;
&lt;p&gt;However i want it to show like this instead&lt;/p&gt;
&lt;pre&gt;&lt;code&gt;Registrants
Columns
Name
id
school
class
entrydate
&lt;/code&gt;&lt;/pre&gt;
&lt;p&gt;Please help me as i wanted to populate them into a combobox. THank you Very Much&lt;/p&gt;</t>
  </si>
  <si>
    <t>2014-09-04 07:06:41.167000+00:00</t>
  </si>
  <si>
    <t>2014-09-04 07:27:43.293000+00:00</t>
  </si>
  <si>
    <t>sql|ms-access-2010</t>
  </si>
  <si>
    <t>C Vector initialization and use</t>
  </si>
  <si>
    <t>&lt;p&gt;I'm writing my first c program to be run on a raspberry pi which uses pigpio to create waves and an Adafruit_1015 ADC to capture data from a receiver when a pigpio callback is triggered.  The code is working fine and I can output the ADC data to the screen.  Now what I need to do is capture those data readings into a vector so that I can average it and then capture the standard deviation of the total readings, which may be anywhere from 100 to 1000 elements in total.&lt;/p&gt;
&lt;p&gt;I have the following applicable lines before the main function:&lt;/p&gt;
&lt;pre&gt;&lt;code&gt;#include &amp;lt;vector&amp;gt;
#define datavector
std::vector &amp;lt;int16_t&amp;gt; datavector;`
&lt;/code&gt;&lt;/pre&gt;
&lt;p&gt;Then within the pigpio callback (named edges) to add data to the vector, I am using&lt;/p&gt;
&lt;pre&gt;&lt;code&gt;`std::vector&amp;lt;datavector&amp;gt;.push_back(adc2);`
&lt;/code&gt;&lt;/pre&gt;
&lt;p&gt;The adc2 is the data read from channel 2 of the ADC of a type int16_t.&lt;/p&gt;
&lt;p&gt;The problem I am having is that when I try to compile (gcc) I get the following error message:&lt;/p&gt;
&lt;pre&gt;&lt;code&gt;main.cpp:46:6: error: declaration does not declare anything [-fpermissive]
std::vector &amp;lt;int16_t&amp;gt; datavector;
  ^
main.cpp: In function ���void edges(int, int, uint32_t)���:
main.cpp:148:15: error: expected primary-expression before ���.��� token
datavector.push_back(adc2);
&lt;/code&gt;&lt;/pre&gt;
&lt;p&gt;It seems that I've done everything correctly, but clearly something is wrong.  Can someone point me in the right direction on this implementation of a vector?&lt;/p&gt;
&lt;p&gt;EDIT:
If I remove the #define datavector as recommended by Jean, I get many more compiler errors that read as follows:&lt;/p&gt;
&lt;pre&gt;&lt;code&gt;/tmp/ccMOBzge.o: In function `std::_Vector_base&amp;lt;short, std::allocator&amp;lt;short&amp;gt; &amp;gt;::~_Vector_base()':
main.cpp: (.text._ZNSt12_Vector_baseIsSaIsEED2Ev[_ZNSt12_Vector_baseIsSaIsEED5Ev]+0x64): undefined reference to `__cxa_end_cleanup'
/tmp/ccMOBzge.o:(.ARM.extab.text._ZNSt12_Vector_baseIsSaIsEED2Ev[_ZNSt12_Vector_baseIsSaIsEED5Ev]+0x0): undefined reference to `__gxx_personality_v0'
/tmp/ccMOBzge.o: In function `std::vector&amp;lt;short, std::allocator&amp;lt;short&amp;gt; &amp;gt;::_M_insert_aux(__gnu_cxx::__normal_iterator&amp;lt;short*, std::vector&amp;lt;short, std::allocator&amp;lt;short&amp;gt; &amp;gt; &amp;gt;, short const&amp;amp;)':
main.cpp:(.text._ZNSt6vectorIsSaIsEE13_M_insert_auxEN9__gnu_cxx17__normal_iteratorIPsS1_EERKs[_ZNSt6vectorIsSaIsEE13_M_insert_auxEN9__gnu_cxx17__normal_iteratorIPsS1_EERKs]+0x290): undefined reference to `__cxa_end_catch'
main.cpp:(.text._ZNSt6vectorIsSaIsEE13_M_insert_auxEN9__gnu_cxx17__normal_iteratorIPsS1_EERKs[_ZNSt6vectorIsSaIsEE13_M_insert_auxEN9__gnu_cxx17__normal_iteratorIPsS1_EERKs]+0x294): undefined reference to `__cxa_end_cleanup'
main.cpp:(.text._ZNSt6vectorIsSaIsEE13_M_insert_auxEN9__gnu_cxx17__normal_iteratorIPsS1_EERKs[_ZNSt6vectorIsSaIsEE13_M_insert_auxEN9__gnu_cxx17__normal_iteratorIPsS1_EERKs]+0x2a0): undefined reference to `__cxa_begin_catch'
main.cpp:(.text._ZNSt6vectorIsSaIsEE13_M_insert_auxEN9__gnu_cxx17__normal_iteratorIPsS1_EERKs[_ZNSt6vectorIsSaIsEE13_M_insert_auxEN9__gnu_cxx17__normal_iteratorIPsS1_EERKs]+0x308): undefined reference to `__cxa_rethrow'
/tmp/ccMOBzge.o:(.ARM.extab.text._ZNSt6vectorIsSaIsEE13_M_insert_auxEN9__gnu_cxx17__normal_iteratorIPsS1_EERKs[_ZNSt6vectorIsSaIsEE13_M_insert_auxEN9__gnu_cxx17__normal_iteratorIPsS1_EERKs]+0x0): undefined reference to `__gxx_personality_v0'
/tmp/ccMOBzge.o: In function `std::vector&amp;lt;short, std::allocator&amp;lt;short&amp;gt; &amp;gt;::_M_check_len(unsigned int, char const*) const':
main.cpp:(.text._ZNKSt6vectorIsSaIsEE12_M_check_lenEjPKc[_ZNKSt6vectorIsSaIsEE12_M_check_lenEjPKc]+0x54): undefined reference to `std::__throw_length_error(char const*)'
/tmp/ccMOBzge.o: In function `__gnu_cxx::new_allocator&amp;lt;short&amp;gt;::deallocate(short*, unsigned int)':
main.cpp:(.text._ZN9__gnu_cxx13new_allocatorIsE10deallocateEPsj[_ZN9__gnu_cxx13new_allocatorIsE10deallocateEPsj]+0x1c): undefined reference to `operator delete(void*)'
/tmp/ccMOBzge.o: In function `__gnu_cxx::new_allocator&amp;lt;short&amp;gt;::allocate(unsigned int, void const*)':
main.cpp:(.text._ZN9__gnu_cxx13new_allocatorIsE8allocateEjPKv[_ZN9__gnu_cxx13new_allocatorIsE8allocateEjPKv]+0x40): undefined reference to `std::__throw_bad_alloc()'
main.cpp:(.text._ZN9__gnu_cxx13new_allocatorIsE8allocateEjPKv[_ZN9__gnu_cxx13new_allocatorIsE8allocateEjPKv]+0x50): undefined reference to `operator new(unsigned int)'
/tmp/ccMOBzge.o: In function `std::vector&amp;lt;short, std::allocator&amp;lt;short&amp;gt; &amp;gt;::~vector()':
main.cpp:(.text._ZNSt6vectorIsSaIsEED2Ev[_ZNSt6vectorIsSaIsEED5Ev]+0x60): undefined reference to `__cxa_end_cleanup'
/tmp/ccMOBzge.o:(.ARM.extab.text._ZNSt6vectorIsSaIsEED2Ev[_ZNSt6vectorIsSaIsEED5Ev]+0x0): undefined reference to `__gxx_personality_v0'
collect2: error: ld returned 1 exit status
&lt;/code&gt;&lt;/pre&gt;
&lt;p&gt;So I'm fairly certain that's not the right answer.&lt;/p&gt;</t>
  </si>
  <si>
    <t>2017-08-19 18:46:27.807000+00:00</t>
  </si>
  <si>
    <t>2017-08-19 22:05:50.467000+00:00</t>
  </si>
  <si>
    <t>2017-08-19 21:51:19.730000+00:00</t>
  </si>
  <si>
    <t>c++|vector</t>
  </si>
  <si>
    <t>compiler error: "Expected ;" error in C struct</t>
  </si>
  <si>
    <t>&lt;p&gt;I'm trying to add a &lt;code&gt;struct&lt;/code&gt; to my program using this syntax:&lt;/p&gt;
&lt;pre&gt;&lt;code&gt;struct foo {
    char bar[] = "baz";
    char qux[] = "abc";
    /* and so on */
};
&lt;/code&gt;&lt;/pre&gt;
&lt;p&gt;For some reason, I get an error on each variable declaration within the &lt;code&gt;struct&lt;/code&gt; saying that I have to add semicolons, and seems to fall into a kind of loop with this. The suggested syntax would be something like&lt;/p&gt;
&lt;pre&gt;&lt;code&gt;struct foo {
    char bar[]; =; ;;;;;;/* infinite semicolons */"baz";
}
&lt;/code&gt;&lt;/pre&gt;
&lt;p&gt;This is the first time I've had this kind of error; am I really doing something wrong, or is this just an issue with the compiler itself?&lt;/p&gt;</t>
  </si>
  <si>
    <t>2013-06-21 16:53:59.040000+00:00</t>
  </si>
  <si>
    <t>2013-06-21 16:59:14.050000+00:00</t>
  </si>
  <si>
    <t>user529758</t>
  </si>
  <si>
    <t>c|struct|semicolon</t>
  </si>
  <si>
    <t>e-text editor or textmate: What are environmental variables? or in e-text: environment - KEY_____ VALUE_____</t>
  </si>
  <si>
    <t>&lt;p&gt;I'm sure this has to do with programming/coding, in e-text editor, under edit&gt;settings, there's a tab called "environment", when clicked on you see 2 columns, the left if titled KEY, and the right is titled VALUE. I Googled it and I think it might be the equivalent of textmate's &lt;a href="http://manual.macromates.com/en/environment_variables.html" rel="nofollow"&gt;Environment Variables&lt;/a&gt;, &lt;a href="http://www.e-texteditor.com/wiki/index.php/Projects#Project_Specific_Environment_Variables" rel="nofollow"&gt;here's their wikipedia page that shows a screenshot&lt;/a&gt;. I just don't understand what 'Project Specific Environment Variables' are, and what you would use them for, an example? How would I use this?&lt;/p&gt;
&lt;p&gt;I'm pretty sure this will be an acceptable question for stackoverflow, if not, then I apologize. &lt;/p&gt;</t>
  </si>
  <si>
    <t>2010-12-14 11:47:17.377000+00:00</t>
  </si>
  <si>
    <t>2010-12-23 03:08:14.547000+00:00</t>
  </si>
  <si>
    <t>editor|text-editor|environment-variables|key</t>
  </si>
  <si>
    <t>jQuery alternatate rows color - IE problem</t>
  </si>
  <si>
    <t>&lt;p&gt;Why is it that this code:&lt;/p&gt;
&lt;pre&gt;&lt;code&gt;$('#tbl tr:odd').css('background-color', '#f6f6f6');
$('#tbl tr:even').css('background-color', '#cccccc');
&lt;/code&gt;&lt;/pre&gt;
&lt;p&gt;&lt;a href="http://jsbin.com/arima" rel="nofollow noreferrer"&gt;works fine&lt;/a&gt; outside of the plugin in all browsers. While the same code:&lt;/p&gt;
&lt;pre&gt;&lt;code&gt;$('tr:odd', $this).css('background-color', options.tr_odd_bgcolor);
$('tr:even', $this).css('background-color', options.tr_even_bgcolor);
&lt;/code&gt;&lt;/pre&gt;
&lt;p&gt;doesn't color rows at all in any version of IE where &lt;code&gt;$this&lt;/code&gt; refers to table specified in wrapped set and &lt;code&gt;options.tr_odd_bgcolor&lt;/code&gt; refers to color for example &lt;code&gt;green&lt;/code&gt;.&lt;/p&gt;
&lt;p&gt;The plugin styling does apply in all browsers except for IE.&lt;/p&gt;
&lt;p&gt;Here is the plugin code for your reference:&lt;/p&gt;
&lt;pre&gt;&lt;code&gt;    (function($){
        $.fn.styleTable = function(settings){
            var opts = $.extend({}, $.fn.styleTable.defaults, settings);
            return this.each(function(settings){
               var options = $.extend({}, opts, $(this).data());
               var $this = $(this);
           $('tr:odd', $this).css('background-color', options.tr_odd_bgcolor);
           $('tr:even', $this).css('background-color', options.tr_even_bgcolor);
            });
        }
      $.fn.styleTable.defaults = {
        tr_odd_bgcolor: '#f6f6f6',
        tr_even_bgcolor: '#fff'
      }
})(jQuery);
&lt;/code&gt;&lt;/pre&gt;</t>
  </si>
  <si>
    <t>2010-09-04 18:46:09.047000+00:00</t>
  </si>
  <si>
    <t>2010-09-04 19:49:59.383000+00:00</t>
  </si>
  <si>
    <t>webSol</t>
  </si>
  <si>
    <t>jquery|jquery-plugins</t>
  </si>
  <si>
    <t>How to check for empty fields</t>
  </si>
  <si>
    <t>&lt;p&gt;I have an input file where each line has 4 fields separated by commas. For example&lt;/p&gt;
&lt;pre&gt;&lt;code&gt;a,b,c,d
&lt;/code&gt;&lt;/pre&gt;
&lt;p&gt;Unfortunately, a small number of lines are broken and are missing fields. For example&lt;/p&gt;
&lt;pre&gt;&lt;code&gt;a,,c,d
&lt;/code&gt;&lt;/pre&gt;
&lt;p&gt;I currently use split to put the fields into a list.  How can I check if any of the entries in this list are now empty?&lt;/p&gt;</t>
  </si>
  <si>
    <t>2014-09-18 12:52:32.057000+00:00</t>
  </si>
  <si>
    <t>2014-09-18 13:08:07.143000+00:00</t>
  </si>
  <si>
    <t>python</t>
  </si>
  <si>
    <t>Rename more then one shape</t>
  </si>
  <si>
    <t>&lt;p&gt;I have macro for renaming shape but it only works for one shape object. I want to create macro to rename all selected shapes &lt;strong&gt;OR&lt;/strong&gt; would be perfect if I can select one multiple shapes, run macro and InputBox comes back to me for each shape and rename it. Is this possible to create? Could anybody help me?
Thanks in advance&lt;/p&gt;
&lt;pre&gt;&lt;code&gt;Sub RenameShape()
    Dim objName
    On Error GoTo CheckErrors
    If ActiveWindow.Selection.ShapeRange.Count = 0 Then
        MsgBox "You need to select a shape first"
        Exit Sub
    End If
    objName = ActiveWindow.Selection.ShapeRange(1).Name
    objName = InputBox$("Assing a new name to this shape", "Rename Shape", objName)
    If objName &amp;lt;&amp;gt; "" Then
        ActiveWindow.Selection.ShapeRange(1).Name = objName
    End If
    Exit Sub
    CheckErrors:
        MsgBox Err.Description
End Sub
&lt;/code&gt;&lt;/pre&gt;</t>
  </si>
  <si>
    <t>2016-06-17 13:20:51.053000+00:00</t>
  </si>
  <si>
    <t>2016-06-17 14:29:52.293000+00:00</t>
  </si>
  <si>
    <t>2016-06-17 13:48:22.440000+00:00</t>
  </si>
  <si>
    <t>vba|powerpoint-vba|powerpoint-2010</t>
  </si>
  <si>
    <t>Why does the whole native app freeze, when I overload the webview component?</t>
  </si>
  <si>
    <t>&lt;p&gt;So I have an app that looks like this&lt;/p&gt;
&lt;p&gt;&lt;code&gt;
&amp;lt;WebView
        injectedJavaScript={while(true){}}
        javaScriptEnabled
      /&amp;gt;
&lt;/code&gt;&lt;/p&gt;
&lt;p&gt;Why does the whole app freeze in this case? WebView should run its javascript in a separate thread, why is the main (ui) thread blocked?&lt;/p&gt;</t>
  </si>
  <si>
    <t>2018-03-26 09:02:08.777000+00:00</t>
  </si>
  <si>
    <t>ios|react-native</t>
  </si>
  <si>
    <t>Averaging every n columns and keep first two columns in the new data.frame in r</t>
  </si>
  <si>
    <t>&lt;p&gt;I have a  data frame for daily time series with 4 observation for every day (every 6 hours) for each x and y (I have 202552 cells).&lt;/p&gt;
&lt;pre&gt;&lt;code&gt;&amp;gt; head(tab,10)
       x  y X1990.05.01.01.00.00 X1990.05.01.07.00.00 X1990.05.01.13.00.00 X1990.05.01.19.00.00 X1990.05.02.01.00.00 X1990.05.02.07.00.00 X1990.05.02.13.00.00
1  5.000 60             276.9105             277.8516             278.9908             279.2422             279.6751             279.8078             280.4396
2  5.125 60             276.8863             277.8682             278.9966             279.2543             279.6863             279.7885             280.4033
3  5.250 60             276.8621             277.8830             279.0006             279.2659             279.6989             279.7688             280.3661
4  5.375 60             276.8379             277.8969             279.0029             279.2772             279.7123             279.7477             280.3289
5  5.500 60             276.8142             277.9094             279.0033             279.2879             279.7257             279.7244             280.2909
6  5.625 60             276.7913             277.9224             279.0033             279.2987             279.7396             279.6993             280.2523
7  5.750 60             276.7707             277.9363             279.0020             279.3094             279.7531             279.6715             280.2142
8  5.875 60             276.7537             277.9520             279.0002             279.3202             279.7656             279.6406             280.1770
9  6.000 60             276.7416             277.9713             278.9980             279.3314             279.7773             279.6070             280.1407
10 6.125 60             276.7357             277.9946             278.9953             279.3435             279.7871             279.5707             280.1071
   X1990.05.02.19.00.00 X1990.05.03.01.00.00 X1990.05.03.07.00.00 X1990.05.03.13.00.00 X1990.05.03.19.00.00 X1990.05.04.01.00.00 X1990.05.04.07.00.00
1              280.5674             280.3316             280.3796             280.2308             280.6216             280.6216             280.1842
2              280.5414             280.3106             280.3697             280.2133             280.6220             280.6368             280.2053
3              280.5145             280.2886             280.3594             280.1927             280.6184             280.6503             280.2227
4              280.4858             280.2653             280.3482             280.1703             280.6113             280.6619             280.2380
5              280.4562             280.2420             280.3379             280.1466             280.6010             280.6722             280.2492
6              280.4262             280.2192             280.3280             280.1219             280.5880             280.6816             280.2572
7              280.3957             280.1981             280.3209             280.0973             280.5732             280.6910             280.2613
8              280.3661             280.1793             280.3159             280.0748             280.5571             280.7009             280.2626
9              280.3384             280.1640             280.3155             280.0542             280.5414             280.7112             280.2599
10             280.3128             280.1542             280.3195             280.0385             280.5270 
&lt;/code&gt;&lt;/pre&gt;
&lt;p&gt;I'd like to compute the daily average for every 4 columns (as each day has 4 measurements). I was able to use this function but I need to keep x and y for each row.&lt;/p&gt;
&lt;pre&gt;&lt;code&gt;### daily mean
byapply &amp;lt;- function(x, by, fun, ...)
{
  # Create index list
  if (length(by) == 1)
  {
    nc &amp;lt;- ncol(x)
    split.index &amp;lt;- rep(1:ceiling(nc / by), each = by, length.out = nc)
  } else # 'by' is a vector of groups
  {
    nc &amp;lt;- length(by)
    split.index &amp;lt;- by
  }
  index.list &amp;lt;- split(seq(from = 1, to = nc), split.index)
  # Pass index list to fun using sapply() and return object
  sapply(index.list, function(i)
  {
    do.call(fun, list(x[, i], ...))
  })
}
DM&amp;lt;- data.frame(byapply(tab[3:2800], 4, rowMeans))
&amp;gt; head(DM, 10)
         X1       X2       X3       X4       X5
1  278.2488 280.1225 280.3909 279.4138 276.6809
2  278.2514 280.1049 280.3789 279.4395 276.7141
3  278.2529 280.0871 280.3648 279.4634 276.7437
4  278.2537 280.0687 280.3488 279.4858 276.7691
5  278.2537 280.0493 280.3319 279.5066 276.7909
6  278.2539 280.0294 280.3143 279.5264 276.8090
7  278.2546 280.0086 280.2974 279.5453 276.8244
8  278.2565 279.9873 280.2818 279.5639 276.8377
9  278.2605 279.9658 280.2688 279.5819 276.8495
10 278.2673 279.9444 280.2598 279.5998 276.8611
&lt;/code&gt;&lt;/pre&gt;
&lt;p&gt;Then I can use &lt;code&gt;cbind&lt;/code&gt; to link daily means with each x and y &lt;/p&gt;
&lt;pre&gt;&lt;code&gt;lonlat&amp;lt;-tab[-(3:2800)]
DMxy&amp;lt;- data.frame(cbind(lonlat, DM))
&lt;/code&gt;&lt;/pre&gt;
&lt;p&gt;But I am looking for a way that I can compute the daily average directly by keeping the first two columns (x and y) in the new data frame (without deleting x and y) to minimize any possible error in &lt;code&gt;cobind&lt;/code&gt;&lt;/p&gt;</t>
  </si>
  <si>
    <t>2017-08-05 16:03:03.320000+00:00</t>
  </si>
  <si>
    <t>2017-08-05 18:26:44.523000+00:00</t>
  </si>
  <si>
    <t>2017-08-05 16:30:15.317000+00:00</t>
  </si>
  <si>
    <t>r</t>
  </si>
  <si>
    <t>Get standard application for txt files (.NET)</t>
  </si>
  <si>
    <t>&lt;p&gt;In my application I want to open a text file, which has no .txt extension. Is there any way to get the standard application for .txt files in .NET (C#)? Sure I could use "notepad", but there might be some people (like me), who prefer another (their standard) editor.&lt;/p&gt;
&lt;hr&gt;
&lt;p&gt;Edit:&lt;/p&gt;
&lt;p&gt;The registry key "[HKEY_CLASSES_ROOT]\txtfile\shell\open\command" references notepad, but that's not my standard app for txt files. How do I get the my current standard app for .txt?&lt;/p&gt;</t>
  </si>
  <si>
    <t>2011-02-18 23:02:30.987000+00:00</t>
  </si>
  <si>
    <t>2018-07-10 16:56:50.560000+00:00</t>
  </si>
  <si>
    <t>c#|.net|windows|process</t>
  </si>
  <si>
    <t>OnTouchListener receives oscilating touch points</t>
  </si>
  <si>
    <t>&lt;p&gt;I have an activity where i set an OnTouchListener to a View (see code below). It should translate the View horizontally a bit until the GestureDetector kicks in and does something.&lt;/p&gt;
&lt;p&gt;The code so far is very simple ignoring multiple touch events etc... I will include this later.&lt;/p&gt;
&lt;pre&gt;&lt;code&gt;getView().setOnTouchListener(new OnTouchListener() {
    private float downPos = 0;
    @Override
    public boolean onTouch(View vw, MotionEvent event)
    {
        switch (event.getActionMasked())
        {
            case MotionEvent.ACTION_DOWN:
                downPos = event.getX();
                break;
            case MotionEvent.ACTION_MOVE:
                Log.d("MyActivity", "X: " + event.getX());
                vw.setTranslationX(event.getX() - downPos);
                break;
            case MotionEvent.ACTION_UP:
                vw.setTranslationX(0);
                break;
        }
        return detector.onTouchEvent(event);
    }
});
&lt;/code&gt;&lt;/pre&gt;
&lt;p&gt;The problem that i have is that the MotionEvents that the listener receives oscilate between two points.&lt;/p&gt;
&lt;pre&gt;&lt;code&gt;D/MyActivity(5098): X: 586.0 
D/MyActivity(5098): X: 585.0 
D/MyActivity(5098): X: 587.0 
D/MyActivity(5098): X: 586.0 
D/MyActivity(5098): X: 589.0 
D/MyActivity(5098): X: 587.0 
D/MyActivity(5098): X: 590.0 
D/MyActivity(5098): X: 588.0 
D/MyActivity(5098): X: 591.0 
D/MyActivity(5098): X: 589.0 
D/MyActivity(5098): X: 592.0 
&lt;/code&gt;&lt;/pre&gt;
&lt;p&gt;Notice how the values go up and down. Since I use it for translating the View I get some kind of flickering.&lt;/p&gt;
&lt;p&gt;It is not the first time I notice this. I used a ScaleGestureDetector on an ImageView to scale the image once where I had the same problems.&lt;/p&gt;
&lt;p&gt;Does anyone had the same problems and could solve them? Or this a hardware failure?&lt;/p&gt;
&lt;p&gt;My device is an acer A500 (Iconia Tablet)&lt;/p&gt;
&lt;p&gt;EDIT: I tested it on the emulator. I have the prblem there as well. So it is not the fault of the device but is a bug in the Android SDK or me not understanding MotionEvents right.&lt;/p&gt;</t>
  </si>
  <si>
    <t>2011-11-10 13:03:57.147000+00:00</t>
  </si>
  <si>
    <t>2011-11-10 14:33:13.910000+00:00</t>
  </si>
  <si>
    <t>android|view|ontouchlistener</t>
  </si>
  <si>
    <t>Fixing row height of frozen columns jqgrid 4.6</t>
  </si>
  <si>
    <t>&lt;p&gt;I'm trying to fix the row height of frozen columns of JQGrid using &lt;a href="https://stackoverflow.com/questions/16516356/how-to-make-jqgrid-frozen-column-word-wrap/16517257"&gt;&lt;strong&gt;this&lt;/strong&gt;&lt;/a&gt; article. I have been trying get it to work since couple of days now. I was succeeded up to some extend as grid loads properly but still I'm having issue when re-sizing the column headers.&lt;/p&gt;
&lt;p&gt;Only the modification that I have done to the original code is that adding following condition to the fixPositionsOfFrozenDivs function.&lt;/p&gt;
&lt;blockquote&gt;
  &lt;p&gt;if (this.grid !== undefined) {
  }&lt;/p&gt;
&lt;/blockquote&gt;
&lt;p&gt;&lt;strong&gt;Steps to Reproduce the Problem:&lt;/strong&gt;&lt;/p&gt;
&lt;ol&gt;
&lt;li&gt;Load the grid.&lt;/li&gt;
&lt;li&gt;Try to reduce the width of a column header which allows frozen column's height to be re-sized.&lt;/li&gt;
&lt;/ol&gt;
&lt;p&gt;Following is my code:&lt;/p&gt;
&lt;pre&gt;&lt;code&gt;$.jgrid.no_legacy_api = true;
$.jgrid.useJSON = true;
//&amp;lt;![CDATA[
/*global $ */
/*jslint browser: true, nomen: true */
$(document).ready(function () {
    var budgetType = $('#IntBudgetType').val();
    var budgetExportJQGridDefaults = {
        colNames: ['Item Control No', 'Budget Revision'],
        shrinkToFit: false,
        colModel: [
            {
                name: 'ItemCode', index: 'ItemCode', search: true, width: 190, cellattr: makeCellContentWrap, frozen: true, searchoptions: {
                    sopt: jqGridSearchOperationsFor.String,
                },
                searchrules: jqGridSearchRulesFor.DefaultMandatory
            },
            {
                name: 'BudgetRevision', index: 'BudgetRevision', search: true, width: 120, searchtype: 'number', cellattr: makeCellContentWrap, searchoptions: {
                    sopt: jqGridSearchOperationsFor.Number
                },
                searchrules: jqGridSearchRulesFor.PositiveIntMandatory
            },
        ],
        pager: '#BudgetExportGridPager',
        rowNum: paramFromView.PageSize,
        sortname: paramFromView.SortName,
        sortorder: paramFromView.SortOrder,
        url: paramFromView.Url,
        afterInsertRow: afterInsert,
        loadComplete: function () {
            fixPositionsOfFrozenDivs.call(this);
        }
    };
    //Add filter only if it's available (an attempt to fire searchrules validations when loading)
    if (paramFromView.hasFilter) {
        budgetExportJQGridDefaults = $.extend({}, budgetExportJQGridDefaults, {
            postData: {
                filters: paramFromView.filterStr
            },
            search: paramFromView.hasFilter
        })
    }
    var budgetExportJQGridSearchDefaults = {
    };
    budgetExportJQGridDefaults = $.extend({}, jqGridAppDefaults, budgetExportJQGridDefaults);
    budgetExportJQGridSearchDefaults = $.extend({}, jqGridSearchDefauls, budgetExportJQGridSearchDefaults);
    $('#BudgetExportGrid').jqGrid(budgetExportJQGridDefaults).navGrid('#BudgetExportGridPager', jqGridNavGridDefaultParameters,
    {},
    {},
    {},
    budgetExportJQGridSearchDefaults);
    $("#BudgetExportGrid").jqGrid('setFrozenColumns');
    function ResizeGridAfterScreenResize() {
        $('#BudgetExportGrid').jqGrid('setGridWidth', $('#BudgetExportGrid').parents('.main-content').width() - 2);
    }
    function afterInsert(rowid, rowdata) {
        var val = $(this).jqGrid('getCell', rowid, 'Error');;
        if (val != '') {
            $(this).jqGrid('setRowData', rowid, false, 'ui-state-error');
        }
    }
    $(window).resize(function () {
        clearTimeout(this.id);
        this.id = setTimeout(function () {
            ResizeGridAfterScreenResize();
        }, 300);
    });
    //fire 1st time when page has loaded
    ResizeGridAfterScreenResize();
    //});
    'use strict';
    $grid = $("#list"),
    resizeColumnHeader = function () {
        var rowHight, resizeSpanHeight,
            // get the header row which contains
            headerRow = $(this).closest("div.ui-jqgrid-view")
                .find("table.ui-jqgrid-htable&amp;gt;thead&amp;gt;tr.ui-jqgrid-labels");
        // reset column height
        headerRow.find("span.ui-jqgrid-resize").each(function () {
            this.style.height = '';
        });
        // increase the height of the resizing span
        resizeSpanHeight = 'height: ' + headerRow.height() + 'px !important; cursor: col-resize;';
        headerRow.find("span.ui-jqgrid-resize").each(function () {
            this.style.cssText = resizeSpanHeight;
        });
        // set position of the dive with the column header text to the middle
        rowHight = headerRow.height();
        headerRow.find("div.ui-jqgrid-sortable").each(function () {
            var $div = $(this);
            $div.css('top', (rowHight - $div.outerHeight()) / 2 + 'px');
        });
    },
    fixPositionsOfFrozenDivs = function () {
        var $rows;
        if (this.grid !== undefined) {
            if (this.grid.fbDiv !== undefined) {
                $rows = $('&amp;gt;div&amp;gt;table.ui-jqgrid-btable&amp;gt;tbody&amp;gt;tr', this.grid.bDiv);
                $('&amp;gt;table.ui-jqgrid-btable&amp;gt;tbody&amp;gt;tr', this.grid.fbDiv).each(function (i) {
                    var rowHight = $($rows[i]).height(), rowHightFrozen = $(this).height();
                    if ($(this).hasClass("jqgrow")) {
                        $(this).height(rowHight);
                        rowHightFrozen = $(this).height();
                        if (rowHight !== rowHightFrozen) {
                            $(this).height(rowHight + (rowHight - rowHightFrozen));
                        }
                    }
                });
                $(this.grid.fbDiv).height(this.grid.bDiv.clientHeight);
                $(this.grid.fbDiv).css($(this.grid.bDiv).position());
            }
            if (this.grid.fhDiv !== undefined) {
                $rows = $('&amp;gt;div&amp;gt;table.ui-jqgrid-htable&amp;gt;thead&amp;gt;tr', this.grid.hDiv);
                $('&amp;gt;table.ui-jqgrid-htable&amp;gt;thead&amp;gt;tr', this.grid.fhDiv).each(function (i) {
                    var rowHight = $($rows[i]).height(), rowHightFrozen = $(this).height();
                    $(this).height(rowHight);
                    rowHightFrozen = $(this).height();
                    if (rowHight !== rowHightFrozen) {
                        $(this).height(rowHight + (rowHight - rowHightFrozen));
                    }
                });
                $(this.grid.fhDiv).height(this.grid.hDiv.clientHeight);
                $(this.grid.fhDiv).css($(this.grid.hDiv).position());
            }
        }
    },
    fixGboxHeight = function () {
        var gviewHeight = $("#gview_" + $.jgrid.jqID(this.id)).outerHeight(),
            pagerHeight = $(this.p.pager).outerHeight();
        $("#gbox_" + $.jgrid.jqID(this.id)).height(gviewHeight + pagerHeight);
        gviewHeight = $("#gview_" + $.jgrid.jqID(this.id)).outerHeight();
        pagerHeight = $(this.p.pager).outerHeight();
        $("#gbox_" + $.jgrid.jqID(this.id)).height(gviewHeight + pagerHeight);
    };
    $grid.jqGrid('gridResize', {
        minWidth: 450,
        stop: function () {
            fixPositionsOfFrozenDivs.call(this);
            fixGboxHeight.call(this);
        }
    });
    $grid.bind("jqGridResizeStop", function () {
        resizeColumnHeader.call(this);
        fixPositionsOfFrozenDivs.call(this);
        fixGboxHeight.call(this);
    });
    resizeColumnHeader.call($grid[0]);
    $grid.jqGrid('setFrozenColumns');
    $grid.triggerHandler("jqGridAfterGridComplete");
    fixPositionsOfFrozenDivs.call($grid[0]);
});
//]]&amp;gt;
&lt;/code&gt;&lt;/pre&gt;
&lt;p&gt;This is how it displays when re-sizing column headers.&lt;/p&gt;
&lt;p&gt;&lt;img src="https://i.stack.imgur.com/SLNi5.png" alt="enter image description here"&gt;&lt;/p&gt;
&lt;p&gt;What am I doing wrong here?&lt;/p&gt;</t>
  </si>
  <si>
    <t>2014-11-18 13:10:30.647000+00:00</t>
  </si>
  <si>
    <t>2014-11-18 19:30:07.097000+00:00</t>
  </si>
  <si>
    <t>2017-05-23 12:13:45.863000+00:00</t>
  </si>
  <si>
    <t>jquery|css|jqgrid</t>
  </si>
  <si>
    <t>Determine which role is restricting access in Sitecore</t>
  </si>
  <si>
    <t>&lt;p&gt;I've got a Sitecore Multilist that has several pre-selected items on it.  Certain users aren't able to see the items on the list, because they don't have read access to the items.&lt;/p&gt;
&lt;p&gt;The problem I've run into is that these users have some 12 roles and I can't figure out which one is restricting their read access to the items in the list.  Is there an easy way to figure out which role needs to be modified to give them read access to these items?  &lt;/p&gt;
&lt;p&gt;I'm running Sitecore 7.2&lt;/p&gt;</t>
  </si>
  <si>
    <t>2015-03-03 14:18:11.113000+00:00</t>
  </si>
  <si>
    <t>2015-03-04 13:50:34.993000+00:00</t>
  </si>
  <si>
    <t>sitecore|sitecore7|sitecore7.2</t>
  </si>
  <si>
    <t>Java: Overriding function to disable SSL certificate check</t>
  </si>
  <si>
    <t>&lt;p&gt;The web service is rest over SSL and it has self signed certificate, hosted in remote system.I have already created a client accessing that web service. This is done by adding the certificate to the  &lt;a href="https://stackoverflow.com/questions/19628753/java-add-self-signed-certificate-to-keystore-programatically"&gt;key store programatically&lt;/a&gt;.&lt;/p&gt;
&lt;p&gt;Now I heard that, it is not necessary to add certificate to key store for accesing a self signed web service. &lt;strong&gt;Instead we can disable the certificate check by overriding some methods. Is this true? Which are those methods?&lt;/strong&gt; Please help.&lt;/p&gt;</t>
  </si>
  <si>
    <t>2013-11-01 08:42:41.553000+00:00</t>
  </si>
  <si>
    <t>2017-10-11 06:59:20.107000+00:00</t>
  </si>
  <si>
    <t>2017-05-23 12:18:10.910000+00:00</t>
  </si>
  <si>
    <t>java|web-services|ssl|self-signed|method-overriding</t>
  </si>
  <si>
    <t>Windows Scheduler doesn't execute Batch File or VBS</t>
  </si>
  <si>
    <t>&lt;p&gt;I am trying to  schedule a job to run either a batch file or a vbscript but it just stays on Running Status&lt;/p&gt;
&lt;p&gt;Manually running the batch or vbscript works as intended but it doesn't once setup in task scheduler&lt;/p&gt;
&lt;p&gt;&lt;strong&gt;VBScript (excel.vbs)&lt;/strong&gt;&lt;/p&gt;
&lt;pre&gt;&lt;code&gt;Set xlBook = GetObject("C:\MarvalDump\MarvalDump.xlsx")
xlBook.Save
&lt;/code&gt;&lt;/pre&gt;
&lt;p&gt;&lt;strong&gt;Batch (excel.bat)&lt;/strong&gt; &lt;/p&gt;
&lt;pre&gt;&lt;code&gt;cscript //nologo C:\dump\excel.vbs
&lt;/code&gt;&lt;/pre&gt;
&lt;p&gt;Running both scripts via Scheduler just creates an Excel process on Task Manager.&lt;/p&gt;
&lt;p&gt;&lt;strong&gt;PS.&lt;/strong&gt; I am using Windows Server 2012 R2  / Office 365 Pro Plus 2016 64-bit&lt;/p&gt;</t>
  </si>
  <si>
    <t>2017-01-20 19:37:49.320000+00:00</t>
  </si>
  <si>
    <t>excel|windows|task|scheduled-tasks|job-scheduling</t>
  </si>
  <si>
    <t>window.close() not working in Microsoft Edge browser</t>
  </si>
  <si>
    <t>&lt;p&gt;In Microsoft Edge, &lt;code&gt;window.close()&lt;/code&gt; is not working in child windows after closing a print dialog.&lt;/p&gt;
&lt;p&gt;Steps to reproduce:&lt;/p&gt;
&lt;ol&gt;
&lt;li&gt;Open a print dialog from a child window.&lt;/li&gt;
&lt;li&gt;Close it.&lt;/li&gt;
&lt;/ol&gt;
&lt;p&gt;After closing the print dialog, the close button of the child window is not closing it.&lt;/p&gt;
&lt;h2&gt;Code for parent window:&lt;/h2&gt;
&lt;pre&gt;&lt;code&gt;    &amp;lt;script type="text/javascript"&amp;gt;
    function openChild(){ 
       window.open("childWindow.html", "", "width=600, height=400"); 
    }
    &amp;lt;/script&amp;gt;
    &amp;lt;/head&amp;gt;
    &amp;lt;body&amp;gt;
        &amp;lt;input type="button" value="Open Child Window" onclick="openChild()" /&amp;gt;
    &amp;lt;/body&amp;gt;
&lt;/code&gt;&lt;/pre&gt;
&lt;h2&gt;Code for child window:&lt;/h2&gt;
&lt;pre&gt;&lt;code&gt;&amp;lt;script type="text/javascript"&amp;gt;
    function closeWindow(){
        window.close();
    }
    function printPage() {
        window.print();
    }
    &amp;lt;/script&amp;gt;
    &amp;lt;/head&amp;gt;
    &amp;lt;body&amp;gt;
        &amp;lt;input type="button" value="Print" onclick="printPage()" /&amp;gt;
        &amp;lt;input type="button" value="Close Window" onclick="closeWindow()" style="float: right" /&amp;gt;
    &amp;lt;/body&amp;gt;
&lt;/code&gt;&lt;/pre&gt;</t>
  </si>
  <si>
    <t>2015-10-05 23:13:31.050000+00:00</t>
  </si>
  <si>
    <t>2015-10-05 23:40:09.090000+00:00</t>
  </si>
  <si>
    <t>javascript|microsoft-edge</t>
  </si>
  <si>
    <t>Scala - Running Two Functions in Parallel</t>
  </si>
  <si>
    <t>&lt;p&gt;I have two functions &lt;code&gt;(f : Unit =&amp;gt; T, g : Unit =&amp;gt; U)&lt;/code&gt; for some types &lt;code&gt;T, U&lt;/code&gt;. I want to run these two functions in parallel (equivalently on different threads). I want the main thread to wait for the two function calls to terminate and also get the result of both function calls. I was wondering what the best way to do this in Scala was. I have looked into Actors and Parallel Collections but can't find a way to do what I want. Any help would be appreciated.&lt;/p&gt;</t>
  </si>
  <si>
    <t>2014-02-20 20:22:12.347000+00:00</t>
  </si>
  <si>
    <t>2014-02-21 13:09:52.137000+00:00</t>
  </si>
  <si>
    <t>concurrency|parallel-processing|scala-2.10</t>
  </si>
  <si>
    <t>Smoothly Animate in GMS poly line using google direction api from steps point poly line in iOS</t>
  </si>
  <si>
    <t>&lt;p&gt;I am trying to move smoothly animated polyline with using google direction api. From API Response, I am getting each polyline points from steps of legs Array. As Written code below , output of animation polyline is not moving continously as I want, So give any idea for regular or continuous movement of poly line on drawn route.&lt;/p&gt;
&lt;pre&gt;&lt;code&gt;var gmsPath = GMSMutablePath()
var path = GMSPath()
var polyline = GMSPolyline()
var animationPath = GMSMutablePath()
var animationPolyline = GMSPolyline()
func polyline(){
self.createPolyline(arrStep: arrPath, complitionBlock: { (success) in
        if success{
                    print("Success")
                    self.timer = Timer.scheduledTimer(timeInterval: 0.3, target: self, selector: #selector(self.animatePath), userInfo: nil, repeats: true)
                   }else{
                        print("Did not success")
                    }
                })
 }
////Create Polyline On MAP
func createPolyline(arrStep:[String],complitionBlock : @escaping (Bool)-&amp;gt;Void){
    for points in arrStep{
        self.gmsPath.appendPath(path: GMSMutablePath(fromEncodedPath: points))
        self.polyline.path = gmsPath
        self.polyline.strokeColor = UIColor.blue
        self.polyline.strokeWidth = 4.0
        self.polyline.map = self.gmsMapView
    }
    complitionBlock(true)
}
////Animate Path In Polyline
@objc func animatePath() {
    if (self.i &amp;lt; self.gmsPath.count()){
        self.animationPath.add(self.gmsPath.coordinate(at: UInt(self.i)))
        self.animationPolyline.path = self.animationPath
        self.animationPolyline.strokeColor = UIColor.purple
        self.animationPolyline.strokeWidth = 4
        self.animationPolyline.map = self.gmsMapView
        self.i += 1
    }else{
        self.i = 0
        self.animationPath = GMSMutablePath()
        self.animationPolyline.map = nil
    }
}
&lt;/code&gt;&lt;/pre&gt;</t>
  </si>
  <si>
    <t>2018-07-20 14:32:11.650000+00:00</t>
  </si>
  <si>
    <t>2018-07-20 17:07:40.747000+00:00</t>
  </si>
  <si>
    <t>ios|swift</t>
  </si>
  <si>
    <t>Android setStreamVolume to ZERO doesn't work in Android 4</t>
  </si>
  <si>
    <t>&lt;p&gt;I noticed that under Android 4.x setting ring volume to 0 is not possible. If I execute this code and then I go to Settings--&gt; Sound --&gt; Volumes I can see it is set to 1. I&lt;/p&gt;
&lt;pre&gt;&lt;code&gt;audiomanager.setStreamVolume(AudioManager.STREAM_RING, 0, 0);
&lt;/code&gt;&lt;/pre&gt;
&lt;p&gt;Do you know why? 
I know I could use audiomanager.setRingerMode(RINGER_MODE_SILENT) but annoys me!! because in this case I would have to "remember" if vibration is on or off for activating again sound.&lt;/p&gt;
&lt;p&gt;Of course, all this works in other Android versions.&lt;/p&gt;</t>
  </si>
  <si>
    <t>2012-07-01 16:53:50.380000+00:00</t>
  </si>
  <si>
    <t>2013-08-16 17:30:42.593000+00:00</t>
  </si>
  <si>
    <t>android|android-audiomanager</t>
  </si>
  <si>
    <t>C++ MFC Serialization</t>
  </si>
  <si>
    <t>&lt;p&gt;I need to serialize a vector of pointers to base class and derived class.
Serialize function overloaded for both classes, so I did it succesfully like this:`&lt;/p&gt;
&lt;pre&gt;&lt;code&gt;CFile out;
if (!out.Open(filename.c_str(), CFile::modeWrite | CFile::modeCreate))
    return false;
CArchive ar(&amp;amp;out, CArchive::store);
for (auto it = container_.begin(); it != container_.end(); ++it)
{
    (*it)-&amp;gt;Serialize(ar);
}
ar.Close();
out.Close();
&lt;/code&gt;&lt;/pre&gt;
&lt;p&gt;So the question is, how should I DEserialize it now? I have no ideas about calling correct constructor while reading objects from CArchive...&lt;/p&gt;</t>
  </si>
  <si>
    <t>2015-11-14 00:44:14.603000+00:00</t>
  </si>
  <si>
    <t>2015-11-14 02:06:19.090000+00:00</t>
  </si>
  <si>
    <t>c++|serialization|mfc</t>
  </si>
  <si>
    <t>FilesystemWatcher firing events only once</t>
  </si>
  <si>
    <t>&lt;p&gt;I'm buidling an c# app that would have separate FilesystemWatcher instances to monitor multiple folders and update it's associated listboxes.&lt;/p&gt;
&lt;pre&gt;&lt;code&gt;   public class MyFileWatcher
{
    private TextBox _textBox;
    private ListBox _listBox;
    private string _folderDestination;
    FileSystemWatcher  _watcher;
    public  MyFileWatcher(TextBox textBox, ListBox listBox, string destfolderTextBox , System.ComponentModel.ISynchronizeInvoke syncObj)
    {
        this._textBox = textBox;
        this._listBox = listBox;
    this._folderDestination = destfolderTextBox;
        this._watcher = new FileSystemWatcher();
      //  this._watcher.SynchronizingObject = syncObj;
        this._watcher.Changed += new FileSystemEventHandler(convertXML);
        this._watcher.IncludeSubdirectories = false;
        this._watcher.Path = textBox.Text;
        this._watcher.EnableRaisingEvents = true;
        // add any other required initialization of the FileSystemWatcher here. 
    }
    public void WatchFile(TextBox ctrlTB, ListBox ctrlLB)
    {
        // FileSystemWatcher _watcher = new FileSystemWatcher();
        //var localTB = ctrlTB as TextBox;
        //var localLB = ctrlLB as ListBox;
        _watcher.Path = ctrlTB.Text;
        _watcher.Path = ctrlTB.Text;
        _watcher.NotifyFilter = NotifyFilters.LastWrite;
        _watcher.Filter = "*.xml";
        _watcher.Changed += new FileSystemEventHandler(convertXML);
        // _watcher.Changed += (s, e) =&amp;gt; convertXML(s,e); 
        // _watcher.Error += new ErrorEventHandler(WatcherError);
        _watcher.EnableRaisingEvents = true;
        _watcher.IncludeSubdirectories = false;
        ctrlLB.Items.Add("Started Monitoring @ " + ctrlTB.Text);
        ctrlLB.SelectedIndex = ctrlLB.Items.Count - 1;
    }
&lt;/code&gt;&lt;/pre&gt;
&lt;p&gt;This being fired from:&lt;/p&gt;
&lt;pre&gt;&lt;code&gt; public void button9_Click(object sender, EventArgs e)
    {
        if (!Directory.Exists(this.textBox1.Text))
        {
            //Form2.ActiveForm.Text = "Please select Source Folder";
            // popup.Show("Please Select Source Folder");
            MessageBox.Show("Please Select Proper Source Folder");
            return;
        }
        else
        {
            textBox1.Enabled = false;
            button9.Enabled = false;
            button1.Enabled = false;
          //  button4.Enabled = false;
         //   FileSystemWatcher _watcher = new FileSystemWatcher();
          //  _watcher.SynchronizingObject = this;
         //  WatchFile(textBox1,listBox1 ,_watcher);
            //object syncobj = Form1.ActiveForm;
            string destfolder = textBox7.Text + "\\";
            destfolder += "test.xml";
            MyFileWatcher myWatcher = new MyFileWatcher(textBox1, listBox1, destfolder, this);
          myWatcher.WatchFile(textBox1, listBox1);
        }
    }
&lt;/code&gt;&lt;/pre&gt;
&lt;p&gt;Now when this is fired. It works the first time but it doesn't pick up the second time. I feel like the &lt;strong&gt;_watcher&lt;/strong&gt; instance is being garbage collected. But something I don't understand is it's declared as global within the &lt;strong&gt;MyFileWatcher&lt;/strong&gt; class.&lt;/p&gt;</t>
  </si>
  <si>
    <t>2014-09-25 06:42:10.597000+00:00</t>
  </si>
  <si>
    <t>2014-09-25 07:39:16.783000+00:00</t>
  </si>
  <si>
    <t>c#|.net|winforms|filesystemwatcher</t>
  </si>
  <si>
    <t>.NET Regex to Remove Square Brackets and @ sign inside it</t>
  </si>
  <si>
    <t>&lt;p&gt;I need to get the attribute name in the XPath "root/customer/contact_number[@cellPhone]" so I could get "cellPhone".&lt;/p&gt;
&lt;p&gt;I know how to get the entire "[@cellPhone]" string using "[@(.*?)]" as per &lt;a href="http://regexstorm.net/tester?p=%5C%5B%40%28.*%3F%29%5C%5D&amp;amp;i=root%2Fcustomer%2Fcontact_number%5B%40cellPhone%5D" rel="nofollow noreferrer"&gt;this&lt;/a&gt;. I need the solution to be Regex as well.&lt;/p&gt;</t>
  </si>
  <si>
    <t>2017-12-13 00:59:04.267000+00:00</t>
  </si>
  <si>
    <t>2017-12-13 01:15:54.187000+00:00</t>
  </si>
  <si>
    <t>c#|.net|regex</t>
  </si>
  <si>
    <t>Defaultdict using Django</t>
  </si>
  <si>
    <t>&lt;p&gt;I have a defaultdict like this: &lt;/p&gt;
&lt;pre&gt;&lt;code&gt;{a = [m1,m2,...], b = [m1,m3,...], ... }
&lt;/code&gt;&lt;/pre&gt;
&lt;p&gt;How could I create a Django model in order to "load" the dictionary on the Admin page? Should I use a ManyToMany relation?&lt;/p&gt;</t>
  </si>
  <si>
    <t>2014-08-16 17:05:15.927000+00:00</t>
  </si>
  <si>
    <t>2014-08-16 17:21:13.700000+00:00</t>
  </si>
  <si>
    <t>python|django</t>
  </si>
  <si>
    <t>Restlet server on Android: client is getting a null object</t>
  </si>
  <si>
    <t>&lt;p&gt;I implemented a simple Android Restlet server demo that can provide the sensor values to a Restlet client. &lt;strong&gt;However, when the restlet client receives the object, it is null.&lt;/strong&gt; I suppose there is not much missing because the transaction shows that it was done correctly in the server logcat:&lt;/p&gt;
&lt;pre&gt;&lt;code&gt;D/SensorTemperature: GET temperature: 20.0
W/System.err: 2015-10-23    20:28:37    192.168.2.129   -   -   8080    GET /sensors/temperature    -   200 -   0   198 http://192.168.2.94:8080    Restlet-Framework/2.3.5 -
&lt;/code&gt;&lt;/pre&gt;
&lt;p&gt;And on the client side, the ClientResource prints (logcat):&lt;/p&gt;
&lt;pre&gt;&lt;code&gt;ClientProxy for resource: GET http://192.168.2.94:8080/sensors/temperature HTTP/1.1 =&amp;gt; HTTP/1.1 - OK (200) - The request has succeeded
&lt;/code&gt;&lt;/pre&gt;
&lt;p&gt;Moreover, the browser interface works as expected when using the restlet request/response (see "/test" below:  ).&lt;/p&gt;
&lt;p&gt;I followed the official Restlet tutorial:
&lt;a href="http://restlet.com/technical-resources/restlet-framework/guide/2.2/introduction/first-steps/first-application" rel="nofollow"&gt;http://restlet.com/technical-resources/restlet-framework/guide/2.2/introduction/first-steps/first-application&lt;/a&gt;&lt;/p&gt;
&lt;p&gt;git: &lt;a href="https://github.com/restlet/restlet-tutorial/tree/master/modules/org.restlet.tutorial.webapi/src/main/java/org/restlet/tutorial" rel="nofollow"&gt;https://github.com/restlet/restlet-tutorial/tree/master/modules/org.restlet.tutorial.webapi/src/main/java/org/restlet/tutorial&lt;/a&gt;&lt;/p&gt;
&lt;p&gt;Along with this example:
&lt;a href="http://maxrohde.com/2011/09/02/restlet-quickstart/" rel="nofollow"&gt;http://maxrohde.com/2011/09/02/restlet-quickstart/&lt;/a&gt;&lt;/p&gt;
&lt;p&gt;&lt;strong&gt;The code:&lt;/strong&gt;&lt;/p&gt;
&lt;p&gt;Here is the restlet server: &lt;/p&gt;
&lt;pre&gt;&lt;code&gt;public class ServerFactory {
    static {
        // Get NIO engines, instead of defaults
        Engine.getInstance().getRegisteredServers().add(new HttpsServerHelper(null));
        Engine.getInstance().getRegisteredServers().add(new HttpServerHelper(null));
        // Engine.setLogLevel(Level.FINEST);
        Engine.getInstance().getRegisteredConverters().add(new JacksonConverter());
    }
    private static Restlet restlet = new Restlet() {
        @Override
        public void handle(Request request, Response response) {
            Date date = new Date();
            float temp = WSDataProvider.getInstance().getTemperature();
            response.setEntity("Hello World!\nTime: " + date + "\nTemp: " + temp, MediaType.TEXT_PLAIN);
        }
    };
    public static Server createServer(int port, final String rootUri) {
        Component component = new Component();
        Server server = component.getServers().add(Protocol.HTTP, port);
        // Attach the sample application.
        component.getDefaultHost().attach("/test", restlet);
        SensorsApplication sensorsApp = new SensorsApplication();
        component.getDefaultHost().attach("/sensors", sensorsApp);
        return server;  // server.start() and server.stop() called via Android buttons
    }
}
&lt;/code&gt;&lt;/pre&gt;
&lt;p&gt;And the client:&lt;/p&gt;
&lt;pre&gt;&lt;code&gt;Thread thread = new Thread(new Runnable(){
    @Override
    public void run() {
        try {
            Engine.getInstance().getRegisteredConverters().add(new JacksonConverter());
            // Initialize the resource proxy.
            final ClientResource cr = new ClientResource("http://192.168.2.94:8080/sensors/temperature");
            final SensorResource resource = cr.wrap(SensorResource.class);
            // Get the remote temperature sensor
            final SensorBase sensorBase = resource.retrieve();
            if (sensorBase != null)
                Log.e(TAG, "sensorBase.getData() = " + sensorBase.data);
            else
                Log.e(TAG, "sensorBase is null !!");
        } catch (Exception e) {
            e.printStackTrace();
        }
    }
});
thread.start();
&lt;/code&gt;&lt;/pre&gt;
&lt;p&gt;SensorBase class: (client + server)&lt;/p&gt;
&lt;pre&gt;&lt;code&gt;public class SensorBase implements Serializable {
    private static final long serialVersionUID = 1L;
    public static final int TYPE_UNKNOWN = 0;
    public static final int TYPE_TEMPERATURE = 1;
    public static final int TYPE_HUMIDITY = 2;
    public int type;
    public float data;
    public SensorBase(final int type) {
        super();
        this.type = type;
    }
}
&lt;/code&gt;&lt;/pre&gt;
&lt;p&gt;SensorResource class: (client + server)&lt;/p&gt;
&lt;pre&gt;&lt;code&gt;public interface SensorResource {
    @Get
    public SensorBase retrieve();
}
&lt;/code&gt;&lt;/pre&gt;
&lt;p&gt;SensorTemperature class:&lt;/p&gt;
&lt;pre&gt;&lt;code&gt;public class SensorTemperature extends ServerResource implements SensorResource {
    private static final String TAG = "SensorTemperature";
    private static volatile SensorBase sensorBase = new SensorBase(SensorBase.TYPE_TEMPERATURE);
    public SensorBase retrieve() {
        float temp = WSDataProvider.getInstance().getTemperature();
        Log.d(TAG, "GET temperature: " + temp);
        sensorBase.data = temp;
        return sensorBase;
    }
}
&lt;/code&gt;&lt;/pre&gt;
&lt;p&gt;SensorsApplication class:&lt;/p&gt;
&lt;pre&gt;&lt;code&gt;public class SensorsApplication extends Application {
    public Restlet createInboundRoot() {
        Router router = new Router(getContext());
        router.attach("/temperature", SensorTemperature.class);
        //TODO add more sensors
        return router;
    }
}
&lt;/code&gt;&lt;/pre&gt;
&lt;p&gt;&lt;strong&gt;Update&lt;/strong&gt;&lt;/p&gt;
&lt;p&gt;I have fixed the null pointer exception by including the jackson jar file &lt;code&gt;com.fasterxml.jackson.core.jar&lt;/code&gt;. The class not found error was only shown when the Restlet client was using &lt;code&gt;Engine.setLogLevel(Level.FINEST);&lt;/code&gt; !&lt;/p&gt;
&lt;p&gt;However, I get the following Exception from the client now:&lt;/p&gt;
&lt;pre&gt;&lt;code&gt;org.restlet.resource.ResourceException: Unprocessable Entity (422) - The server understands the content type of the request entity and the syntax of the request entity is correct but was unable to process the contained instructions
&lt;/code&gt;&lt;/pre&gt;
&lt;p&gt;Thanks !&lt;/p&gt;</t>
  </si>
  <si>
    <t>2015-10-23 20:57:49.657000+00:00</t>
  </si>
  <si>
    <t>2015-10-27 07:44:24.433000+00:00</t>
  </si>
  <si>
    <t>2015-10-23 22:21:52.760000+00:00</t>
  </si>
  <si>
    <t>android|restlet|restlet-2.0</t>
  </si>
  <si>
    <t>Spring + HSQL : How do you relocate hsql jdbc script to a subdirectory within resources?</t>
  </si>
  <si>
    <t>&lt;p&gt;I am currently working on a project leveraging spring and hsqldb. The project is currently structured and working where my &lt;strong&gt;jdbc:script&lt;/strong&gt; is in the top level &lt;strong&gt;src/main/resources&lt;/strong&gt; directory. I would like to relocate this script to a sub directory within &lt;strong&gt;resources&lt;/strong&gt;. Below is an example. This is not working, Spring is unable to find the script in the new subdirectory. &lt;/p&gt;
&lt;pre&gt;&lt;code&gt;&amp;lt;jdbc:embedded-database id="dataSource" type="HSQL"&amp;gt;
    &amp;lt;jdbc:script location="classpath:sql/hsql/database_tables.hsql.sql"/&amp;gt;
&amp;lt;/jdbc:embedded-database&amp;gt;
&lt;/code&gt;&lt;/pre&gt;
&lt;p&gt;Any guidance would be most appreciated. Thanks in advance for your help.&lt;/p&gt;</t>
  </si>
  <si>
    <t>2018-10-07 21:22:17.797000+00:00</t>
  </si>
  <si>
    <t>2018-10-08 22:04:12.777000+00:00</t>
  </si>
  <si>
    <t>spring|hsqldb</t>
  </si>
  <si>
    <t>How can I get the current DateTime from the Precompiler in C#?</t>
  </si>
  <si>
    <t>&lt;p&gt;In C# 3.0, I have a property which is suppose to contain the version of the class. The version number is simply the date and time of compilation. Right now, I have the following code:&lt;/p&gt;
&lt;pre&gt;&lt;code&gt;public DateTime Version
{
    get { return DateTime.UtcNow; }
}
&lt;/code&gt;&lt;/pre&gt;
&lt;p&gt;Obviously, this is wrong since this property returns me the current date and time. &lt;strong&gt;So, is the precompiler can &lt;em&gt;print&lt;/em&gt; the DateTime at compile time?&lt;/strong&gt; In this case, I could do something similar to below.&lt;/p&gt;
&lt;pre&gt;&lt;code&gt;public DateTime Version
{
    get { return new DateTime("PRECOMPILER DATE"); }
}
&lt;/code&gt;&lt;/pre&gt;</t>
  </si>
  <si>
    <t>2009-01-07 07:49:07.670000+00:00</t>
  </si>
  <si>
    <t>2016-08-14 08:14:25.213000+00:00</t>
  </si>
  <si>
    <t>Jon Skeet</t>
  </si>
  <si>
    <t>c#|.net|c-preprocessor</t>
  </si>
  <si>
    <t>JAX-RS resource error: Couldn't find JAX-B element for class java.lang.String and some more exceptions</t>
  </si>
  <si>
    <t>&lt;p&gt;When I do an OPTIONS call on the rest resource 'queue' from the Java EE 7 SDK example 'async-chat', I get many exceptions, when the log level for jersey is set to FINE (org.glassfish.jersey.level=FINE). The same exceptions happen in my code, given below. Both applications run correctly. &lt;/p&gt;
&lt;p&gt;&lt;strong&gt;Are these exceptions irrelevant (just thrown when the logging level is on FINE)?&lt;/strong&gt; &lt;/p&gt;
&lt;p&gt;&lt;strong&gt;If not, why are they thrown?&lt;/strong&gt;&lt;/p&gt;
&lt;p&gt;I tested several GlassFish 4 installations and also GlassFish 4.0.1. They all show the same behavior. &lt;/p&gt;
&lt;p&gt;Exceptions:&lt;/p&gt;
&lt;pre&gt;&lt;code&gt;Many of those entries:
FINE:   Couldn't find JAX-B element for class java.lang.String
FINE:   Couldn't find JAX-B element for class javax.ws.rs.core.Response
Also many of those (there are between 10 and 20 such error blocks):
FINE:   java.lang.NoSuchMethodException: javax.ws.rs.container.ContainerRequestContext.&amp;lt;init&amp;gt;()
    at java.lang.Class.getConstructor0(Class.java:2800)
    at java.lang.Class.getDeclaredConstructor(Class.java:2043)
    at org.glassfish.jersey.server.wadl.internal.generators.WadlGeneratorJAXBGrammarGenerator$6.resolve(WadlGeneratorJAXBGrammarGenerator.java:418)
    at org.glassfish.jersey.server.wadl.WadlGenerator$ExternalGrammarDefinition.resolve(WadlGenerator.java:179)
    at org.glassfish.jersey.server.wadl.internal.ApplicationDescription.resolve(ApplicationDescription.java:82)
    at org.glassfish.jersey.server.wadl.internal.generators.WadlGeneratorJAXBGrammarGenerator.attachTypes(WadlGeneratorJAXBGrammarGenerator.java:481)
    at org.glassfish.jersey.server.wadl.internal.WadlBuilder.generate(WadlBuilder.java:122)
    at org.glassfish.jersey.server.wadl.internal.WadlApplicationContextImpl.getApplication(WadlApplicationContextImpl.java:131)
    at org.glassfish.jersey.server.wadl.internal.WadlApplicationContextImpl.getApplication(WadlApplicationContextImpl.java:150)
    at org.glassfish.jersey.server.wadl.processor.WadlModelProcessor$OptionsHandler.apply(WadlModelProcessor.java:134)
    at org.glassfish.jersey.server.wadl.processor.WadlModelProcessor$OptionsHandler.apply(WadlModelProcessor.java:118)
    at sun.reflect.NativeMethodAccessorImpl.invoke0(Native Method)
    at sun.reflect.NativeMethodAccessorImpl.invoke(NativeMethodAccessorImpl.java:57)
    at sun.reflect.DelegatingMethodAccessorImpl.invoke(DelegatingMethodAccessorImpl.java:43)
    at java.lang.reflect.Method.invoke(Method.java:606)
    at org.glassfish.jersey.server.model.internal.ResourceMethodInvocationHandlerFactory$1.invoke(ResourceMethodInvocationHandlerFactory.java:81)
    at org.glassfish.jersey.server.model.internal.AbstractJavaResourceMethodDispatcher.invoke(AbstractJavaResourceMethodDispatcher.java:125)
    at org.glassfish.jersey.server.model.internal.JavaResourceMethodDispatcherProvider$ObjectOutInvoker.doDispatch(JavaResourceMethodDispatcherProvider.java:167)
    at org.glassfish.jersey.server.model.internal.AbstractJavaResourceMethodDispatcher.dispatch(AbstractJavaResourceMethodDispatcher.java:91)
    at org.glassfish.jersey.server.model.ResourceMethodInvoker.invoke(ResourceMethodInvoker.java:346)
    at org.glassfish.jersey.server.model.ResourceMethodInvoker.apply(ResourceMethodInvoker.java:341)
    at org.glassfish.jersey.server.model.ResourceMethodInvoker.apply(ResourceMethodInvoker.java:101)
    at org.glassfish.jersey.server.ServerRuntime$1.run(ServerRuntime.java:224)
    at org.glassfish.jersey.internal.Errors$1.call(Errors.java:271)
    at org.glassfish.jersey.internal.Errors$1.call(Errors.java:267)
    at org.glassfish.jersey.internal.Errors.process(Errors.java:315)
    at org.glassfish.jersey.internal.Errors.process(Errors.java:297)
    at org.glassfish.jersey.internal.Errors.process(Errors.java:267)
    at org.glassfish.jersey.process.internal.RequestScope.runInScope(RequestScope.java:317)
    at org.glassfish.jersey.server.ServerRuntime.process(ServerRuntime.java:198)
    at org.glassfish.jersey.server.ApplicationHandler.handle(ApplicationHandler.java:946)
    at org.glassfish.jersey.servlet.WebComponent.service(WebComponent.java:323)
    at org.glassfish.jersey.servlet.ServletContainer.service(ServletContainer.java:372)
    at org.glassfish.jersey.servlet.ServletContainer.service(ServletContainer.java:335)
    at org.glassfish.jersey.servlet.ServletContainer.service(ServletContainer.java:218)
    at org.apache.catalina.core.StandardWrapper.service(StandardWrapper.java:1682)
    at org.apache.catalina.core.StandardWrapperValve.invoke(StandardWrapperValve.java:318)
    at org.apache.catalina.core.StandardContextValve.invoke(StandardContextValve.java:160)
    at org.apache.catalina.core.StandardPipeline.doInvoke(StandardPipeline.java:734)
    at org.apache.catalina.core.StandardPipeline.invoke(StandardPipeline.java:673)
    at com.sun.enterprise.web.WebPipeline.invoke(WebPipeline.java:99)
    at org.apache.catalina.core.StandardHostValve.invoke(StandardHostValve.java:174)
    at org.apache.catalina.connector.CoyoteAdapter.doService(CoyoteAdapter.java:357)
    at org.apache.catalina.connector.CoyoteAdapter.service(CoyoteAdapter.java:260)
    at com.sun.enterprise.v3.services.impl.ContainerMapper.service(ContainerMapper.java:188)
    at org.glassfish.grizzly.http.server.HttpHandler.runService(HttpHandler.java:191)
    at org.glassfish.grizzly.http.server.HttpHandler.doHandle(HttpHandler.java:168)
    at org.glassfish.grizzly.http.server.HttpServerFilter.handleRead(HttpServerFilter.java:189)
    at org.glassfish.grizzly.filterchain.ExecutorResolver$9.execute(ExecutorResolver.java:119)
    at org.glassfish.grizzly.filterchain.DefaultFilterChain.executeFilter(DefaultFilterChain.java:288)
    at org.glassfish.grizzly.filterchain.DefaultFilterChain.executeChainPart(DefaultFilterChain.java:206)
    at org.glassfish.grizzly.filterchain.DefaultFilterChain.execute(DefaultFilterChain.java:136)
    at org.glassfish.grizzly.filterchain.DefaultFilterChain.process(DefaultFilterChain.java:114)
    at org.glassfish.grizzly.ProcessorExecutor.execute(ProcessorExecutor.java:77)
    at org.glassfish.grizzly.nio.transport.TCPNIOTransport.fireIOEvent(TCPNIOTransport.java:838)
    at org.glassfish.grizzly.strategies.AbstractIOStrategy.fireIOEvent(AbstractIOStrategy.java:113)
    at org.glassfish.grizzly.strategies.WorkerThreadIOStrategy.run0(WorkerThreadIOStrategy.java:115)
    at org.glassfish.grizzly.strategies.WorkerThreadIOStrategy.access$100(WorkerThreadIOStrategy.java:55)
    at org.glassfish.grizzly.strategies.WorkerThreadIOStrategy$WorkerThreadRunnable.run(WorkerThreadIOStrategy.java:135)
    at org.glassfish.grizzly.threadpool.AbstractThreadPool$Worker.doWork(AbstractThreadPool.java:564)
    at org.glassfish.grizzly.threadpool.AbstractThreadPool$Worker.run(AbstractThreadPool.java:544)
    at java.lang.Thread.run(Thread.java:724)
FINE:   Couldn't find JAX-B element for class javax.ws.rs.container.ContainerRequestContext
FINE:   java.lang.InstantiationException
    at sun.reflect.InstantiationExceptionConstructorAccessorImpl.newInstance(InstantiationExceptionConstructorAccessorImpl.java:48)
    at java.lang.reflect.Constructor.newInstance(Constructor.java:526)
    at org.glassfish.jersey.server.wadl.internal.generators.WadlGeneratorJAXBGrammarGenerator$6.resolve(WadlGeneratorJAXBGrammarGenerator.java:420)
    at org.glassfish.jersey.server.wadl.WadlGenerator$ExternalGrammarDefinition.resolve(WadlGenerator.java:179)
    at org.glassfish.jersey.server.wadl.internal.ApplicationDescription.resolve(ApplicationDescription.java:82)
    at org.glassfish.jersey.server.wadl.internal.generators.WadlGeneratorJAXBGrammarGenerator.attachTypes(WadlGeneratorJAXBGrammarGenerator.java:481)
    at org.glassfish.jersey.server.wadl.internal.WadlBuilder.generate(WadlBuilder.java:122)
    at org.glassfish.jersey.server.wadl.internal.WadlApplicationContextImpl.getApplication(WadlApplicationContextImpl.java:131)
    at org.glassfish.jersey.server.wadl.internal.WadlApplicationContextImpl.getApplication(WadlApplicationContextImpl.java:150)
    at org.glassfish.jersey.server.wadl.processor.WadlModelProcessor$OptionsHandler.apply(WadlModelProcessor.java:134)
    at org.glassfish.jersey.server.wadl.processor.WadlModelProcessor$OptionsHandler.apply(WadlModelProcessor.java:118)
    at sun.reflect.NativeMethodAccessorImpl.invoke0(Native Method)
    at sun.reflect.NativeMethodAccessorImpl.invoke(NativeMethodAccessorImpl.java:57)
    at sun.reflect.DelegatingMethodAccessorImpl.invoke(DelegatingMethodAccessorImpl.java:43)
    at java.lang.reflect.Method.invoke(Method.java:606)
    at org.glassfish.jersey.server.model.internal.ResourceMethodInvocationHandlerFactory$1.invoke(ResourceMethodInvocationHandlerFactory.java:81)
    at org.glassfish.jersey.server.model.internal.AbstractJavaResourceMethodDispatcher.invoke(AbstractJavaResourceMethodDispatcher.java:125)
    at org.glassfish.jersey.server.model.internal.JavaResourceMethodDispatcherProvider$ObjectOutInvoker.doDispatch(JavaResourceMethodDispatcherProvider.java:167)
    at org.glassfish.jersey.server.model.internal.AbstractJavaResourceMethodDispatcher.dispatch(AbstractJavaResourceMethodDispatcher.java:91)
    at org.glassfish.jersey.server.model.ResourceMethodInvoker.invoke(ResourceMethodInvoker.java:346)
    at org.glassfish.jersey.server.model.ResourceMethodInvoker.apply(ResourceMethodInvoker.java:341)
    at org.glassfish.jersey.server.model.ResourceMethodInvoker.apply(ResourceMethodInvoker.java:101)
    at org.glassfish.jersey.server.ServerRuntime$1.run(ServerRuntime.java:224)
    at org.glassfish.jersey.internal.Errors$1.call(Errors.java:271)
    at org.glassfish.jersey.internal.Errors$1.call(Errors.java:267)
    at org.glassfish.jersey.internal.Errors.process(Errors.java:315)
    at org.glassfish.jersey.internal.Errors.process(Errors.java:297)
    at org.glassfish.jersey.internal.Errors.process(Errors.java:267)
    at org.glassfish.jersey.process.internal.RequestScope.runInScope(RequestScope.java:317)
    at org.glassfish.jersey.server.ServerRuntime.process(ServerRuntime.java:198)
    at org.glassfish.jersey.server.ApplicationHandler.handle(ApplicationHandler.java:946)
    at org.glassfish.jersey.servlet.WebComponent.service(WebComponent.java:323)
    at org.glassfish.jersey.servlet.ServletContainer.service(ServletContainer.java:372)
    at org.glassfish.jersey.servlet.ServletContainer.service(ServletContainer.java:335)
    at org.glassfish.jersey.servlet.ServletContainer.service(ServletContainer.java:218)
    at org.apache.catalina.core.StandardWrapper.service(StandardWrapper.java:1682)
    at org.apache.catalina.core.StandardWrapperValve.invoke(StandardWrapperValve.java:318)
    at org.apache.catalina.core.StandardContextValve.invoke(StandardContextValve.java:160)
    at org.apache.catalina.core.StandardPipeline.doInvoke(StandardPipeline.java:734)
    at org.apache.catalina.core.StandardPipeline.invoke(StandardPipeline.java:673)
    at com.sun.enterprise.web.WebPipeline.invoke(WebPipeline.java:99)
    at org.apache.catalina.core.StandardHostValve.invoke(StandardHostValve.java:174)
    at org.apache.catalina.connector.CoyoteAdapter.doService(CoyoteAdapter.java:357)
    at org.apache.catalina.connector.CoyoteAdapter.service(CoyoteAdapter.java:260)
    at com.sun.enterprise.v3.services.impl.ContainerMapper.service(ContainerMapper.java:188)
    at org.glassfish.grizzly.http.server.HttpHandler.runService(HttpHandler.java:191)
    at org.glassfish.grizzly.http.server.HttpHandler.doHandle(HttpHandler.java:168)
    at org.glassfish.grizzly.http.server.HttpServerFilter.handleRead(HttpServerFilter.java:189)
    at org.glassfish.grizzly.filterchain.ExecutorResolver$9.execute(ExecutorResolver.java:119)
    at org.glassfish.grizzly.filterchain.DefaultFilterChain.executeFilter(DefaultFilterChain.java:288)
    at org.glassfish.grizzly.filterchain.DefaultFilterChain.executeChainPart(DefaultFilterChain.java:206)
    at org.glassfish.grizzly.filterchain.DefaultFilterChain.execute(DefaultFilterChain.java:136)
    at org.glassfish.grizzly.filterchain.DefaultFilterChain.process(DefaultFilterChain.java:114)
    at org.glassfish.grizzly.ProcessorExecutor.execute(ProcessorExecutor.java:77)
    at org.glassfish.grizzly.nio.transport.TCPNIOTransport.fireIOEvent(TCPNIOTransport.java:838)
    at org.glassfish.grizzly.strategies.AbstractIOStrategy.fireIOEvent(AbstractIOStrategy.java:113)
    at org.glassfish.grizzly.strategies.WorkerThreadIOStrategy.run0(WorkerThreadIOStrategy.java:115)
    at org.glassfish.grizzly.strategies.WorkerThreadIOStrategy.access$100(WorkerThreadIOStrategy.java:55)
    at org.glassfish.grizzly.strategies.WorkerThreadIOStrategy$WorkerThreadRunnable.run(WorkerThreadIOStrategy.java:135)
    at org.glassfish.grizzly.threadpool.AbstractThreadPool$Worker.doWork(AbstractThreadPool.java:564)
    at org.glassfish.grizzly.threadpool.AbstractThreadPool$Worker.run(AbstractThreadPool.java:544)
    at java.lang.Thread.run(Thread.java:724)
&lt;/code&gt;&lt;/pre&gt;
&lt;p&gt;Resource:&lt;/p&gt;
&lt;pre&gt;&lt;code&gt;package com.test.rest;
import javax.ws.rs.Consumes;
import javax.ws.rs.GET;
import javax.ws.rs.PUT;
import javax.ws.rs.Path;
import javax.ws.rs.Produces;
import org.slf4j.Logger;
import org.slf4j.LoggerFactory;
@Path("rest/import")
public class DataImport {
    private final Logger logger = LoggerFactory.getLogger(getClass());
    public DataImport() {}
    @GET
    @Produces("text/html")
    public String getHtml() {
        logger.debug("getHtml of DataImport called!");
        return "&amp;lt;html&amp;gt;&amp;lt;body&amp;gt;&amp;lt;h1&amp;gt;IMPORT Resource Test&amp;lt;/body&amp;gt;&amp;lt;/h1&amp;gt;&amp;lt;/html&amp;gt;";
    }
}
&lt;/code&gt;&lt;/pre&gt;
&lt;p&gt;ApplicationConfig:&lt;/p&gt;
&lt;pre&gt;&lt;code&gt;package com.test.rest;
import java.util.logging.Logger;
import org.glassfish.jersey.filter.LoggingFilter;
import org.glassfish.jersey.server.ResourceConfig;
import org.glassfish.jersey.server.filter.RolesAllowedDynamicFeature;
@javax.ws.rs.ApplicationPath("/rest")
public class ApplicationConfig extends ResourceConfig {
    public ApplicationConfig() {
        register(DataImport.class);
        register(RolesAllowedDynamicFeature.class);
        //tracing/logging
        property("jersey.config.server.tracing.type", "ALL"); //enable tracing support, logs requests
        registerInstances(new LoggingFilter(Logger.getLogger(ApplicationConfig.class.getName()), true));
    }
}
&lt;/code&gt;&lt;/pre&gt;
&lt;p&gt;POM:&lt;/p&gt;
&lt;pre&gt;&lt;code&gt;&amp;lt;project xmlns="http://maven.apache.org/POM/4.0.0" xmlns:xsi="http://www.w3.org/2001/XMLSchema-instance"
         xsi:schemaLocation="http://maven.apache.org/POM/4.0.0 http://maven.apache.org/maven-v4_0_0.xsd"&amp;gt;
    &amp;lt;modelVersion&amp;gt;4.0.0&amp;lt;/modelVersion&amp;gt;
    &amp;lt;groupId&amp;gt;com.test&amp;lt;/groupId&amp;gt;
    &amp;lt;artifactId&amp;gt;test&amp;lt;/artifactId&amp;gt;
    &amp;lt;packaging&amp;gt;war&amp;lt;/packaging&amp;gt;
    &amp;lt;version&amp;gt;0.1-SNAPSHOT&amp;lt;/version&amp;gt;
    &amp;lt;name&amp;gt;test-service&amp;lt;/name&amp;gt;
    &amp;lt;dependencyManagement&amp;gt;
        &amp;lt;dependencies&amp;gt;
            &amp;lt;dependency&amp;gt;
                &amp;lt;groupId&amp;gt;org.glassfish.jersey&amp;lt;/groupId&amp;gt;
                &amp;lt;artifactId&amp;gt;jersey-bom&amp;lt;/artifactId&amp;gt;
                &amp;lt;version&amp;gt;${jersey.version}&amp;lt;/version&amp;gt;
                &amp;lt;type&amp;gt;pom&amp;lt;/type&amp;gt;
                &amp;lt;scope&amp;gt;import&amp;lt;/scope&amp;gt;
            &amp;lt;/dependency&amp;gt;
        &amp;lt;/dependencies&amp;gt;
    &amp;lt;/dependencyManagement&amp;gt;
    &amp;lt;dependencies&amp;gt;
        &amp;lt;dependency&amp;gt;
            &amp;lt;groupId&amp;gt;org.glassfish.jersey.containers&amp;lt;/groupId&amp;gt;
            &amp;lt;artifactId&amp;gt;jersey-container-grizzly2-http&amp;lt;/artifactId&amp;gt;
            &amp;lt;scope&amp;gt;provided&amp;lt;/scope&amp;gt;
        &amp;lt;/dependency&amp;gt;
        &amp;lt;dependency&amp;gt;
            &amp;lt;groupId&amp;gt;org.glassfish.jersey.containers&amp;lt;/groupId&amp;gt;
            &amp;lt;artifactId&amp;gt;jersey-container-grizzly2-servlet&amp;lt;/artifactId&amp;gt;
            &amp;lt;scope&amp;gt;provided&amp;lt;/scope&amp;gt;
        &amp;lt;/dependency&amp;gt;
        &amp;lt;dependency&amp;gt;  
            &amp;lt;groupId&amp;gt;org.jboss.weld.se&amp;lt;/groupId&amp;gt;
            &amp;lt;artifactId&amp;gt;weld-se&amp;lt;/artifactId&amp;gt;
           &amp;lt;version&amp;gt;2.2.1.Final&amp;lt;/version&amp;gt;
           &amp;lt;scope&amp;gt;test&amp;lt;/scope&amp;gt;
        &amp;lt;/dependency&amp;gt;  
         &amp;lt;dependency&amp;gt;
            &amp;lt;groupId&amp;gt;org.glassfish.jersey.media&amp;lt;/groupId&amp;gt;
            &amp;lt;artifactId&amp;gt;jersey-media-moxy&amp;lt;/artifactId&amp;gt;
            &amp;lt;scope&amp;gt;provided&amp;lt;/scope&amp;gt; 
        &amp;lt;/dependency&amp;gt;
        &amp;lt;dependency&amp;gt;
            &amp;lt;groupId&amp;gt;junit&amp;lt;/groupId&amp;gt;
            &amp;lt;artifactId&amp;gt;junit&amp;lt;/artifactId&amp;gt;
            &amp;lt;version&amp;gt;4.9&amp;lt;/version&amp;gt;
            &amp;lt;scope&amp;gt;test&amp;lt;/scope&amp;gt; 
        &amp;lt;/dependency&amp;gt;
        &amp;lt;dependency&amp;gt;
            &amp;lt;groupId&amp;gt;log4j&amp;lt;/groupId&amp;gt;
            &amp;lt;artifactId&amp;gt;log4j&amp;lt;/artifactId&amp;gt;
            &amp;lt;version&amp;gt;1.2.17&amp;lt;/version&amp;gt;
        &amp;lt;/dependency&amp;gt;
        &amp;lt;dependency&amp;gt;
            &amp;lt;groupId&amp;gt;org.slf4j&amp;lt;/groupId&amp;gt;
            &amp;lt;artifactId&amp;gt;slf4j-log4j12&amp;lt;/artifactId&amp;gt;
            &amp;lt;version&amp;gt;1.7.7&amp;lt;/version&amp;gt;
        &amp;lt;/dependency&amp;gt;
        &amp;lt;dependency&amp;gt;
            &amp;lt;groupId&amp;gt;javax.enterprise&amp;lt;/groupId&amp;gt;
            &amp;lt;artifactId&amp;gt;cdi-api&amp;lt;/artifactId&amp;gt;
            &amp;lt;version&amp;gt;1.2&amp;lt;/version&amp;gt;
            &amp;lt;scope&amp;gt;provided&amp;lt;/scope&amp;gt;
        &amp;lt;/dependency&amp;gt;
    &amp;lt;/dependencies&amp;gt;
    &amp;lt;build&amp;gt;
        &amp;lt;plugins&amp;gt;
            &amp;lt;plugin&amp;gt; 
                &amp;lt;groupId&amp;gt;org.apache.maven.plugins&amp;lt;/groupId&amp;gt; 
                &amp;lt;artifactId&amp;gt;maven-war-plugin&amp;lt;/artifactId&amp;gt; 
                &amp;lt;version&amp;gt;2.3&amp;lt;/version&amp;gt; 
                &amp;lt;configuration&amp;gt; 
                    &amp;lt;failOnMissingWebXml&amp;gt;false&amp;lt;/failOnMissingWebXml&amp;gt; 
                &amp;lt;/configuration&amp;gt; 
            &amp;lt;/plugin&amp;gt;
            &amp;lt;plugin&amp;gt;
                &amp;lt;groupId&amp;gt;org.apache.maven.plugins&amp;lt;/groupId&amp;gt;
                &amp;lt;artifactId&amp;gt;maven-compiler-plugin&amp;lt;/artifactId&amp;gt;
                &amp;lt;version&amp;gt;2.5.1&amp;lt;/version&amp;gt;
                &amp;lt;inherited&amp;gt;true&amp;lt;/inherited&amp;gt;
                &amp;lt;configuration&amp;gt;
                    &amp;lt;source&amp;gt;1.7&amp;lt;/source&amp;gt;
                    &amp;lt;target&amp;gt;1.7&amp;lt;/target&amp;gt;
                &amp;lt;/configuration&amp;gt;
            &amp;lt;/plugin&amp;gt;
            &amp;lt;plugin&amp;gt;
                &amp;lt;groupId&amp;gt;org.codehaus.mojo&amp;lt;/groupId&amp;gt;
                &amp;lt;artifactId&amp;gt;exec-maven-plugin&amp;lt;/artifactId&amp;gt;
                &amp;lt;version&amp;gt;1.2.1&amp;lt;/version&amp;gt;
                &amp;lt;executions&amp;gt;
                    &amp;lt;execution&amp;gt;
                        &amp;lt;goals&amp;gt;
                            &amp;lt;goal&amp;gt;java&amp;lt;/goal&amp;gt;
                        &amp;lt;/goals&amp;gt;
                    &amp;lt;/execution&amp;gt;
                &amp;lt;/executions&amp;gt;
                &amp;lt;configuration&amp;gt;
                    &amp;lt;mainClass&amp;gt;com.example.Main&amp;lt;/mainClass&amp;gt;
                &amp;lt;/configuration&amp;gt;
            &amp;lt;/plugin&amp;gt;
        &amp;lt;/plugins&amp;gt;
    &amp;lt;/build&amp;gt;
    &amp;lt;properties&amp;gt;
        &amp;lt;jersey.version&amp;gt;2.8&amp;lt;/jersey.version&amp;gt;
        &amp;lt;project.build.sourceEncoding&amp;gt;UTF-8&amp;lt;/project.build.sourceEncoding&amp;gt;
    &amp;lt;/properties&amp;gt;
&amp;lt;/project&amp;gt;
&lt;/code&gt;&lt;/pre&gt;
&lt;p&gt;When I use CDI injection in the resource, it works fine too, but I get additional exceptions:&lt;/p&gt;
&lt;pre&gt;&lt;code&gt;FINER:   Unable to get the com.sun.proxy.$Proxy8 annotation value property
java.lang.NoSuchMethodException: javax.inject.Inject.value()
    at java.lang.Class.getMethod(Class.java:1655)
    at org.glassfish.jersey.server.model.Parameter.getValue(Parameter.java:458)
    at org.glassfish.jersey.server.model.Parameter.create(Parameter.java:320)
    at org.glassfish.jersey.server.model.IntrospectionModeller.checkResourceClassFields(IntrospectionModeller.java:206)
    at org.glassfish.jersey.server.model.IntrospectionModeller.doCreateResourceBuilder(IntrospectionModeller.java:137)
    at org.glassfish.jersey.server.model.IntrospectionModeller.access$000(IntrospectionModeller.java:80)
    at org.glassfish.jersey.server.model.IntrospectionModeller$1.call(IntrospectionModeller.java:111)
    at org.glassfish.jersey.server.model.IntrospectionModeller$1.call(IntrospectionModeller.java:108)
    at org.glassfish.jersey.internal.Errors.process(Errors.java:315)
    at org.glassfish.jersey.internal.Errors.process(Errors.java:297)
    at org.glassfish.jersey.internal.Errors.processWithException(Errors.java:255)
    at org.glassfish.jersey.server.model.IntrospectionModeller.createResourceBuilder(IntrospectionModeller.java:108)
    at org.glassfish.jersey.server.model.Resource.from(Resource.java:587)
    at org.glassfish.jersey.server.ApplicationHandler.initialize(ApplicationHandler.java:353)
    at org.glassfish.jersey.server.ApplicationHandler.access$500(ApplicationHandler.java:157)
    at org.glassfish.jersey.server.ApplicationHandler$3.run(ApplicationHandler.java:280)
    at org.glassfish.jersey.internal.Errors$2.call(Errors.java:289)
    at org.glassfish.jersey.internal.Errors$2.call(Errors.java:286)
    at org.glassfish.jersey.internal.Errors.process(Errors.java:315)
    at org.glassfish.jersey.internal.Errors.process(Errors.java:297)
    at org.glassfish.jersey.internal.Errors.processWithException(Errors.java:286)
    at org.glassfish.jersey.server.ApplicationHandler.&amp;lt;init&amp;gt;(ApplicationHandler.java:277)
    at org.glassfish.jersey.servlet.WebComponent.&amp;lt;init&amp;gt;(WebComponent.java:262)
    at org.glassfish.jersey.servlet.ServletContainer.init(ServletContainer.java:167)
    at org.glassfish.jersey.servlet.ServletContainer.init(ServletContainer.java:349)
    at javax.servlet.GenericServlet.init(GenericServlet.java:244)
    at org.apache.catalina.core.StandardWrapper.initServlet(StandardWrapper.java:1583)
    at org.apache.catalina.core.StandardWrapper.allocate(StandardWrapper.java:1225)
    at org.apache.catalina.core.StandardWrapperValve.invoke(StandardWrapperValve.java:237)
    at org.apache.catalina.core.StandardContextValve.invoke(StandardContextValve.java:160)
    at org.apache.catalina.core.StandardPipeline.doInvoke(StandardPipeline.java:734)
    at org.apache.catalina.core.StandardPipeline.invoke(StandardPipeline.java:673)
    at com.sun.enterprise.web.WebPipeline.invoke(WebPipeline.java:99)
    at org.apache.catalina.core.StandardHostValve.invoke(StandardHostValve.java:174)
    at org.apache.catalina.connector.CoyoteAdapter.doService(CoyoteAdapter.java:357)
    at org.apache.catalina.connector.CoyoteAdapter.service(CoyoteAdapter.java:260)
    at com.sun.enterprise.v3.services.impl.ContainerMapper.service(ContainerMapper.java:188)
    at org.glassfish.grizzly.http.server.HttpHandler.runService(HttpHandler.java:191)
    at org.glassfish.grizzly.http.server.HttpHandler.doHandle(HttpHandler.java:168)
    at org.glassfish.grizzly.http.server.HttpServerFilter.handleRead(HttpServerFilter.java:189)
    at org.glassfish.grizzly.filterchain.ExecutorResolver$9.execute(ExecutorResolver.java:119)
    at org.glassfish.grizzly.filterchain.DefaultFilterChain.executeFilter(DefaultFilterChain.java:288)
    at org.glassfish.grizzly.filterchain.DefaultFilterChain.executeChainPart(DefaultFilterChain.java:206)
    at org.glassfish.grizzly.filterchain.DefaultFilterChain.execute(DefaultFilterChain.java:136)
    at org.glassfish.grizzly.filterchain.DefaultFilterChain.process(DefaultFilterChain.java:114)
    at org.glassfish.grizzly.ProcessorExecutor.execute(ProcessorExecutor.java:77)
    at org.glassfish.grizzly.nio.transport.TCPNIOTransport.fireIOEvent(TCPNIOTransport.java:838)
    at org.glassfish.grizzly.strategies.AbstractIOStrategy.fireIOEvent(AbstractIOStrategy.java:113)
    at org.glassfish.grizzly.strategies.WorkerThreadIOStrategy.run0(WorkerThreadIOStrategy.java:115)
    at org.glassfish.grizzly.strategies.WorkerThreadIOStrategy.access$100(WorkerThreadIOStrategy.java:55)
    at org.glassfish.grizzly.strategies.WorkerThreadIOStrategy$WorkerThreadRunnable.run(WorkerThreadIOStrategy.java:135)
    at org.glassfish.grizzly.threadpool.AbstractThreadPool$Worker.doWork(AbstractThreadPool.java:564)
    at org.glassfish.grizzly.threadpool.AbstractThreadPool$Worker.run(AbstractThreadPool.java:544)
    at java.lang.Thread.run(Thread.java:724)
&lt;/code&gt;&lt;/pre&gt;
&lt;p&gt;I am using: Glassfish 4.0 (build 89) (Java EE 7 Web)/NetBeans 8.0/maven 3.2.1/JDK 1.7&lt;/p&gt;</t>
  </si>
  <si>
    <t>2014-07-16 08:27:27.673000+00:00</t>
  </si>
  <si>
    <t>2016-07-21 08:12:53.613000+00:00</t>
  </si>
  <si>
    <t>2014-07-21 12:54:22.627000+00:00</t>
  </si>
  <si>
    <t>java|netbeans|glassfish|cdi|jersey-2.0</t>
  </si>
  <si>
    <t>Adding row/column headers to NumPy arrays</t>
  </si>
  <si>
    <t>&lt;p&gt;I have a &lt;code&gt;NumPy&lt;/code&gt; &lt;code&gt;ndarray&lt;/code&gt; to which I would like to add row/column headers. &lt;/p&gt;
&lt;p&gt;The data is actually 7x12x12, but I can represent it like this: &lt;/p&gt;
&lt;pre&gt;&lt;code&gt;  A=[[[0, 1, 2, 3, 4, 5],
      [1, 0, 3, 4, 5, 6],
      [2, 3, 0, 5, 6, 7],
      [3, 4, 5, 0, 7, 8],
      [4, 5, 6, 7, 0, 9],
      [5, 6, 7, 8, 9, 0]]
     [[0, 1, 2, 3, 4, 5],
      [1, 0, 3, 4, 5, 6],
      [2, 3, 0, 5, 6, 7],
      [3, 4, 5, 0, 7, 8],
      [4, 5, 6, 7, 0, 9],
      [5, 6, 7, 8, 9, 0]]]
&lt;/code&gt;&lt;/pre&gt;
&lt;p&gt;where A is my 2x6x6 array.&lt;/p&gt;
&lt;p&gt;&lt;strong&gt;How do I insert headers across the first row and the first column, so that each array looks like this in my &lt;code&gt;CSV&lt;/code&gt; output file?&lt;/strong&gt;&lt;/p&gt;
&lt;pre&gt;&lt;code&gt;        A, a, b, c, d, e, f 
        a, 0, 1, 2, 3, 4, 5,
        b, 1, 0, 3, 4, 5, 6,
        c, 2, 3, 0, 5, 6, 7,
        d, 3, 4, 5, 0, 7, 8,
        e, 4, 5, 6, 7, 0, 9,
        f, 5, 6, 7, 8, 9, 0
&lt;/code&gt;&lt;/pre&gt;
&lt;p&gt;Right now, what I have done is made the array 7x13x13 and inserted the data such that I have a row and column of zeros, but I'd much prefer strings. &lt;/p&gt;
&lt;p&gt;I guess I could just write an Excel macro to replace the zeros with strings. However, the problem is that &lt;code&gt;NumPy&lt;/code&gt; cannot convert &lt;code&gt;string&lt;/code&gt; to &lt;code&gt;float&lt;/code&gt;, if I try to reassign those zeros as the strings I want.&lt;/p&gt;</t>
  </si>
  <si>
    <t>2012-06-19 17:52:13.093000+00:00</t>
  </si>
  <si>
    <t>2018-04-07 16:12:44.433000+00:00</t>
  </si>
  <si>
    <t>python|matrix|numpy</t>
  </si>
  <si>
    <t>Get old value and new value from dropdown</t>
  </si>
  <si>
    <t>&lt;p&gt;I'm trying to simply get the previous value, and the newly selected value from a drop-down.  In this example, the drop-down is pre-populated with the current group the user is assigned. &lt;/p&gt;
&lt;p&gt;When the drop-down is changed, I want to be able to return the old value and the new value. I can already get the old value, but I don't know how to return the new value.&lt;/p&gt;
&lt;p&gt;&lt;strong&gt;Controller Code:&lt;/strong&gt;&lt;/p&gt;
&lt;pre&gt;&lt;code&gt;// User Object
userAccess = [{"user_name":"dodsosr11",
                  "group_level":1,
                  "user_id":500,
                  "group_id":10,
                  "group_name":"Conferences_Admins"},
              {"user_name":"keatikj09",
                  "group_level":1,
                  "user_id":250,
                  "group_id":10,
                  "group_name":"Conferences_Admins"},
              {"user_name":"malinag10",
                  "group_level":1,
                  "user_id":492,
                  "group_id":10,
                  "group_name":"Conferences_Admins"}];
//Group Object
groupAccess = [{"group_name":"Conferences_Admins",
                   "id":10,
                   "level_id":1},
               {"group_name":"ticket_sales",
                   "id":59,
                   "level_id":3},
               {"group_name":"Web Developers",
                   "id":1,
                   "level_id":1}];
$scope.reassignUser = function(){
    var oldGroup = this.user.group_id;
    var newGroup = ?????
};
&lt;/code&gt;&lt;/pre&gt;
&lt;p&gt;HTML:&lt;/p&gt;
&lt;pre&gt;&lt;code&gt;&amp;lt;tr ng-repeat="user in userAccess"&amp;gt;
    &amp;lt;td&amp;gt;{{ user.user_name}}&amp;lt;/td&amp;gt;
    &amp;lt;td&amp;gt;
        &amp;lt;select ng-change="reassignUser()" 
                ng-model="user.group_name" 
                ng-options="g.group_name as g.group_name for g in groupAccess"&amp;gt;
        &amp;lt;/select&amp;gt;
    &amp;lt;/td&amp;gt;
&amp;lt;/tr&amp;gt;
&lt;/code&gt;&lt;/pre&gt;
&lt;p&gt;I've created a fiddle here using the watch example that was provided in the first response below.   &lt;a href="http://jsfiddle.net/LHz9D/1/" rel="noreferrer"&gt;http://jsfiddle.net/LHz9D/1/&lt;/a&gt;&lt;/p&gt;</t>
  </si>
  <si>
    <t>2014-02-20 13:24:37.477000+00:00</t>
  </si>
  <si>
    <t>2016-03-21 10:53:56.040000+00:00</t>
  </si>
  <si>
    <t>2014-02-20 15:09:15.357000+00:00</t>
  </si>
  <si>
    <t>angularjs|ng-repeat|ng-options</t>
  </si>
  <si>
    <t>Sencha ExtJS. Cannot send POST request on cross-domain with Ext.Ajax.request</t>
  </si>
  <si>
    <t>&lt;p&gt;I have backend with POST functionality (so JSONP is not working).
Backend sends &lt;code&gt;Access-Control-Allow-Origin: *&lt;/code&gt; correctly (jQuery.ajax works successfully).
But I cannot send request using Ext.Ajax.request&lt;/p&gt;
&lt;pre&gt;&lt;code&gt;Ext.Ajax.request({
  url: 'http://myurl',
  method: 'POST',
  cors: true,
  success: function () {
    alert('success');
  },
  failure: function () {
    alert('failure');
  }
});
&lt;/code&gt;&lt;/pre&gt;
&lt;p&gt;In debug console I see OPTIONS method &lt;/p&gt;
&lt;p&gt;&lt;img src="https://i.stack.imgur.com/QwQn5.png" alt="enter image description here"&gt;&lt;/p&gt;
&lt;p&gt;Where is my mistake?&lt;/p&gt;
&lt;pre&gt;&lt;code&gt;Ext.getVersion()
&lt;/code&gt;&lt;/pre&gt;
&lt;blockquote&gt;
  &lt;p&gt;version: "5.0.1.1255"&lt;/p&gt;
&lt;/blockquote&gt;</t>
  </si>
  <si>
    <t>2014-12-29 02:42:49.033000+00:00</t>
  </si>
  <si>
    <t>2014-12-29 07:36:58.460000+00:00</t>
  </si>
  <si>
    <t>ajax|extjs|cross-domain</t>
  </si>
  <si>
    <t>Highcharts bar chart force bar to use space</t>
  </si>
  <si>
    <t>&lt;p&gt;I need to put some highcharts bar charts into a tight space. Therefore, I specify the max of yAxis to be the same as the value of the greatest bar. In some cases, this causes the bar to use all the available space on the chart. In other cases it does not. How can I get it to always use all the available space? In the following jsfiddle, I am setting the max to 13 (and the max in the data is also 13). If changed to 4, then the bar uses all space.&lt;/p&gt;
&lt;p&gt;Here is the max:&lt;/p&gt;
&lt;pre&gt;&lt;code&gt;"yAxis": {
  "min": 0,
  "max": 13,
&lt;/code&gt;&lt;/pre&gt;
&lt;p&gt;and the data:&lt;/p&gt;
&lt;pre&gt;&lt;code&gt;"data": [0, 0, 1, 13, 0, 0, 0]
&lt;/code&gt;&lt;/pre&gt;
&lt;p&gt;&lt;a href="http://jsfiddle.net/MichaelWitt/2ksq39g3/2/" rel="nofollow noreferrer"&gt;http://jsfiddle.net/MichaelWitt/2ksq39g3/2/&lt;/a&gt;&lt;/p&gt;
&lt;p&gt;Here is the gap:
&lt;a href="https://i.stack.imgur.com/JvYgV.png" rel="nofollow noreferrer"&gt;&lt;img src="https://i.stack.imgur.com/JvYgV.png" alt="enter image description here"&gt;&lt;/a&gt;&lt;/p&gt;
&lt;p&gt;When I set the pertinent values to 4, I don't get this gap:&lt;a href="https://i.stack.imgur.com/7U10g.png" rel="nofollow noreferrer"&gt;&lt;img src="https://i.stack.imgur.com/7U10g.png" alt="enter image description here"&gt;&lt;/a&gt;&lt;/p&gt;</t>
  </si>
  <si>
    <t>2017-04-27 19:34:34.453000+00:00</t>
  </si>
  <si>
    <t>2017-04-28 05:46:07.523000+00:00</t>
  </si>
  <si>
    <t>2017-04-27 20:12:58.987000+00:00</t>
  </si>
  <si>
    <t>highcharts</t>
  </si>
  <si>
    <t>Exception in thread "main" java.lang.NumberFormatException: radix 482 greater than Character.MAX_RADIX</t>
  </si>
  <si>
    <t>&lt;p&gt;Lately I have been having an issue with my game, this:&lt;/p&gt;
&lt;pre&gt;&lt;code&gt;@Override
public Tile getPlace(List args)
{
    return new CraftingTableTile(Integer.valueOf((String)args.get(0), 
    Integer.valueOf((String)args.get(1)).intValue()).intValue(), this.healthrep);
}
&lt;/code&gt;&lt;/pre&gt;
&lt;p&gt;as well as:&lt;/p&gt;
&lt;pre&gt;&lt;code&gt;s.map[selectedx][selectedy] = s.mp.inven.i[s.mp.invsel].getPlace(args);
&lt;/code&gt;&lt;/pre&gt;
&lt;p&gt;gives an error:&lt;/p&gt;
&lt;pre&gt;&lt;code&gt;Exception in thread "main" java.lang.NumberFormatException: radix 482 greater than Character.MAX_RADIX
    at java.lang.Integer.parseInt(Unknown Source)
    at java.lang.Integer.valueOf(Unknown Source)
    at net.spideynn.miner2d.CraftingTableItem.getPlace(CraftingTableItem.java:21)
    at net.spideynn.miner2d.MainGame.mousePressed(MainGame.java:851)
    at org.newdawn.slick.Input.poll(Input.java:1217)
    at org.newdawn.slick.GameContainer.updateAndRender(GameContainer.java:641)
    at org.newdawn.slick.AppGameContainer.gameLoop(AppGameContainer.java:411)
    at org.newdawn.slick.AppGameContainer.start(AppGameContainer.java:321)
    at net.spideynn.miner2d.MainGame.main(MainGame.java:2074)
&lt;/code&gt;&lt;/pre&gt;
&lt;p&gt;Any Ideas?&lt;/p&gt;
&lt;p&gt;(Sorry if the answer is easy, I couldn't find a solution.)&lt;/p&gt;</t>
  </si>
  <si>
    <t>2014-04-07 22:25:42.043000+00:00</t>
  </si>
  <si>
    <t>2014-04-07 22:38:06.917000+00:00</t>
  </si>
  <si>
    <t>2014-04-07 22:28:16.323000+00:00</t>
  </si>
  <si>
    <t>java</t>
  </si>
  <si>
    <t>Query plan estimated row count insanely low despite valid stats</t>
  </si>
  <si>
    <t>&lt;p&gt;I have a simple query (below) in my data warehouse for which the proper indexes are created.  The query plan always says the estimated row count is around 1 or 2 when it should be around 6,000,000.  I ran sp_updatestats 'resample' and I checked the statistics histogram and it shows 6,000,000 for EQ_ROWS where the DWDateEnd = 12/31/9999, so I'm stumped.  99% of the rows of all tables have a DWDateEnd of 12/31/9999.  If I remove the DWDateEnd filters the estimated row counts become fairly accurate.  It seems to be slowing my queries by causing nested loops where it should be doing hash joins.  Help!&lt;/p&gt;
&lt;pre&gt;&lt;code&gt;SELECT r.OrderID
FROM DWOrders r
JOIN DWOrderStatus rs ON r.OrderID = rs.OrderID AND rs.StatusID = 5 AND rs.ExpiredDate IS NULL 
WHERE rs.StatusTimeStamp BETWEEN @StartDate AND @EndDate AND r.DWDateEnd = '12/31/9999' 
AND rs.DWDateEnd = '12/31/9999' 
&lt;/code&gt;&lt;/pre&gt;
&lt;p&gt;Here's the execution plan.&lt;/p&gt;
&lt;pre&gt;&lt;code&gt;&amp;lt;?xml version="1.0" encoding="utf-16"?&amp;gt;
&amp;lt;ShowPlanXML xmlns:xsi="http://www.w3.org/2001/XMLSchema-instance" xmlns:xsd="http://www.w3.org/2001/XMLSchema" Version="1.1" Build="10.50.4000.0" xmlns="http://schemas.microsoft.com/sqlserver/2004/07/showplan"&amp;gt;
  &amp;lt;BatchSequence&amp;gt;
    &amp;lt;Batch&amp;gt;          
      &amp;lt;Statements&amp;gt;
        &amp;lt;StmtSimple StatementCompId="3" StatementEstRows="2.48996" StatementId="3" StatementOptmLevel="FULL" StatementOptmEarlyAbortReason="GoodEnoughPlanFound" StatementSubTreeCost="0.00817222" StatementText="&amp;amp;#xA;SELECT r.OrderID&amp;amp;#xD;&amp;amp;#xA;           FROM DWOrder r&amp;amp;#xD;&amp;amp;#xA;            JOIN DWOrderStatus rs ON r.OrderID = rs.OrderID AND rs.StatusID = 5 AND rs.ExpiredDate IS NULL AND rs.DWDateEnd = '12/31/9999' &amp;amp;#xD;&amp;amp;#xA;           WHERE rs.StatusTimeStamp BETWEEN @StartDate AND @EndDate AND r.DWDateEnd = '12/31/9999' &amp;amp;#xD;&amp;amp;#xA;&amp;amp;#xD;&amp;amp;#xA;" StatementType="SELECT" QueryHash="0x24DFCAFA0E610FB3" QueryPlanHash="0x6DD5D50E203E6273"&amp;gt;
          &amp;lt;StatementSetOptions ANSI_NULLS="true" ANSI_PADDING="true" ANSI_WARNINGS="true" ARITHABORT="true" CONCAT_NULL_YIELDS_NULL="true" NUMERIC_ROUNDABORT="false" QUOTED_IDENTIFIER="true" /&amp;gt;
          &amp;lt;QueryPlan CachedPlanSize="24" CompileTime="6" CompileCPU="6" CompileMemory="472"&amp;gt;
            &amp;lt;RelOp AvgRowSize="11" EstimateCPU="1.0408E-05" EstimateIO="0" EstimateRebinds="0" EstimateRewinds="0" EstimateRows="2.48996" LogicalOp="Inner Join" NodeId="0" Parallel="false" PhysicalOp="Nested Loops" EstimatedTotalSubtreeCost="0.00817222"&amp;gt;
              &amp;lt;OutputList&amp;gt;
                &amp;lt;ColumnReference Database="[EcommArchive]" Schema="[dbo]" Table="[DWOrder]" Alias="[r]" Column="OrderID" /&amp;gt;
              &amp;lt;/OutputList&amp;gt;
              &amp;lt;NestedLoops Optimized="false"&amp;gt;
                &amp;lt;OuterReferences&amp;gt;
                  &amp;lt;ColumnReference Database="[EcommArchive]" Schema="[dbo]" Table="[DWOrderStatus]" Alias="[rs]" Column="OrderID" /&amp;gt;
                &amp;lt;/OuterReferences&amp;gt;
                &amp;lt;RelOp AvgRowSize="11" EstimateCPU="0.000159131" EstimateIO="0.003125" EstimateRebinds="0" EstimateRewinds="0" EstimateRows="1.93725" LogicalOp="Index Seek" NodeId="1" Parallel="false" PhysicalOp="Index Seek" EstimatedTotalSubtreeCost="0.00328413" TableCardinality="24961700"&amp;gt;
                  &amp;lt;OutputList&amp;gt;
                    &amp;lt;ColumnReference Database="[EcommArchive]" Schema="[dbo]" Table="[DWOrderStatus]" Alias="[rs]" Column="OrderID" /&amp;gt;
                  &amp;lt;/OutputList&amp;gt;
                  &amp;lt;IndexScan Ordered="true" ScanDirection="FORWARD" ForcedIndex="false" ForceSeek="false" ForceScan="false" NoExpandHint="false"&amp;gt;
                    &amp;lt;DefinedValues&amp;gt;
                      &amp;lt;DefinedValue&amp;gt;
                        &amp;lt;ColumnReference Database="[EcommArchive]" Schema="[dbo]" Table="[DWOrderStatus]" Alias="[rs]" Column="OrderID" /&amp;gt;
                      &amp;lt;/DefinedValue&amp;gt;
                    &amp;lt;/DefinedValues&amp;gt;
                    &amp;lt;Object Database="[EcommArchive]" Schema="[dbo]" Table="[DWOrderStatus]" Index="[IX_DWOrderStatus_DWDateEnd_ExpiredDate_SID_STS_RID]" Alias="[rs]" IndexKind="NonClustered" /&amp;gt;
                    &amp;lt;SeekPredicates&amp;gt;
                      &amp;lt;SeekPredicateNew&amp;gt;
                        &amp;lt;SeekKeys&amp;gt;
                          &amp;lt;Prefix ScanType="EQ"&amp;gt;
                            &amp;lt;RangeColumns&amp;gt;
                              &amp;lt;ColumnReference Database="[EcommArchive]" Schema="[dbo]" Table="[DWOrderStatus]" Alias="[rs]" Column="DWDateEnd" /&amp;gt;
                              &amp;lt;ColumnReference Database="[EcommArchive]" Schema="[dbo]" Table="[DWOrderStatus]" Alias="[rs]" Column="ExpiredDate" /&amp;gt;
                              &amp;lt;ColumnReference Database="[EcommArchive]" Schema="[dbo]" Table="[DWOrderStatus]" Alias="[rs]" Column="StatusID" /&amp;gt;
                            &amp;lt;/RangeColumns&amp;gt;
                            &amp;lt;RangeExpressions&amp;gt;
                              &amp;lt;ScalarOperator ScalarString="'9999-12-31 00:00:00.000'"&amp;gt;
                                &amp;lt;Const ConstValue="'9999-12-31 00:00:00.000'" /&amp;gt;
                              &amp;lt;/ScalarOperator&amp;gt;
                              &amp;lt;ScalarOperator ScalarString="NULL"&amp;gt;
                                &amp;lt;Const ConstValue="NULL" /&amp;gt;
                              &amp;lt;/ScalarOperator&amp;gt;
                              &amp;lt;ScalarOperator ScalarString="(5)"&amp;gt;
                                &amp;lt;Const ConstValue="(5)" /&amp;gt;
                              &amp;lt;/ScalarOperator&amp;gt;
                            &amp;lt;/RangeExpressions&amp;gt;
                          &amp;lt;/Prefix&amp;gt;
                          &amp;lt;StartRange ScanType="GE"&amp;gt;
                            &amp;lt;RangeColumns&amp;gt;
                              &amp;lt;ColumnReference Database="[EcommArchive]" Schema="[dbo]" Table="[DWOrderStatus]" Alias="[rs]" Column="StatusTimeStamp" /&amp;gt;
                            &amp;lt;/RangeColumns&amp;gt;
                            &amp;lt;RangeExpressions&amp;gt;
                              &amp;lt;ScalarOperator ScalarString="[@StartDate]"&amp;gt;
                                &amp;lt;Identifier&amp;gt;
                                  &amp;lt;ColumnReference Column="@StartDate" /&amp;gt;
                                &amp;lt;/Identifier&amp;gt;
                              &amp;lt;/ScalarOperator&amp;gt;
                            &amp;lt;/RangeExpressions&amp;gt;
                          &amp;lt;/StartRange&amp;gt;
                          &amp;lt;EndRange ScanType="LE"&amp;gt;
                            &amp;lt;RangeColumns&amp;gt;
                              &amp;lt;ColumnReference Database="[EcommArchive]" Schema="[dbo]" Table="[DWOrderStatus]" Alias="[rs]" Column="StatusTimeStamp" /&amp;gt;
                            &amp;lt;/RangeColumns&amp;gt;
                            &amp;lt;RangeExpressions&amp;gt;
                              &amp;lt;ScalarOperator ScalarString="[@EndDate]"&amp;gt;
                                &amp;lt;Identifier&amp;gt;
                                  &amp;lt;ColumnReference Column="@EndDate" /&amp;gt;
                                &amp;lt;/Identifier&amp;gt;
                              &amp;lt;/ScalarOperator&amp;gt;
                            &amp;lt;/RangeExpressions&amp;gt;
                          &amp;lt;/EndRange&amp;gt;
                        &amp;lt;/SeekKeys&amp;gt;
                      &amp;lt;/SeekPredicateNew&amp;gt;
                    &amp;lt;/SeekPredicates&amp;gt;
                  &amp;lt;/IndexScan&amp;gt;
                &amp;lt;/RelOp&amp;gt;
                &amp;lt;RelOp AvgRowSize="11" EstimateCPU="0.000158414" EstimateIO="0.003125" EstimateRebinds="0.937251" EstimateRewinds="0" EstimateRows="1.28531" LogicalOp="Index Seek" NodeId="2" Parallel="false" PhysicalOp="Index Seek" EstimatedTotalSubtreeCost="0.00487768" TableCardinality="8048090"&amp;gt;
                  &amp;lt;OutputList&amp;gt;
                    &amp;lt;ColumnReference Database="[EcommArchive]" Schema="[dbo]" Table="[DWOrder]" Alias="[r]" Column="OrderID" /&amp;gt;
                  &amp;lt;/OutputList&amp;gt;
                  &amp;lt;IndexScan Ordered="true" ScanDirection="FORWARD" ForcedIndex="false" ForceSeek="false" ForceScan="false" NoExpandHint="false"&amp;gt;
                    &amp;lt;DefinedValues&amp;gt;
                      &amp;lt;DefinedValue&amp;gt;
                        &amp;lt;ColumnReference Database="[EcommArchive]" Schema="[dbo]" Table="[DWOrder]" Alias="[r]" Column="OrderID" /&amp;gt;
                      &amp;lt;/DefinedValue&amp;gt;
                    &amp;lt;/DefinedValues&amp;gt;
                    &amp;lt;Object Database="[EcommArchive]" Schema="[dbo]" Table="[DWOrder]" Index="[IX_DWOrder_DWDateEnd]" Alias="[r]" IndexKind="NonClustered" /&amp;gt;
                    &amp;lt;SeekPredicates&amp;gt;
                      &amp;lt;SeekPredicateNew&amp;gt;
                        &amp;lt;SeekKeys&amp;gt;
                          &amp;lt;Prefix ScanType="EQ"&amp;gt;
                            &amp;lt;RangeColumns&amp;gt;
                              &amp;lt;ColumnReference Database="[EcommArchive]" Schema="[dbo]" Table="[DWOrder]" Alias="[r]" Column="DWDateEnd" /&amp;gt;
                              &amp;lt;ColumnReference Database="[EcommArchive]" Schema="[dbo]" Table="[DWOrder]" Alias="[r]" Column="OrderID" /&amp;gt;
                            &amp;lt;/RangeColumns&amp;gt;
                            &amp;lt;RangeExpressions&amp;gt;
                              &amp;lt;ScalarOperator ScalarString="'9999-12-31 00:00:00.000'"&amp;gt;
                                &amp;lt;Const ConstValue="'9999-12-31 00:00:00.000'" /&amp;gt;
                              &amp;lt;/ScalarOperator&amp;gt;
                              &amp;lt;ScalarOperator ScalarString="[EcommArchive].[dbo].[DWOrderStatus].[OrderID] as [rs].[OrderID]"&amp;gt;
                                &amp;lt;Identifier&amp;gt;
                                  &amp;lt;ColumnReference Database="[EcommArchive]" Schema="[dbo]" Table="[DWOrderStatus]" Alias="[rs]" Column="OrderID" /&amp;gt;
                                &amp;lt;/Identifier&amp;gt;
                              &amp;lt;/ScalarOperator&amp;gt;
                            &amp;lt;/RangeExpressions&amp;gt;
                          &amp;lt;/Prefix&amp;gt;
                        &amp;lt;/SeekKeys&amp;gt;
                      &amp;lt;/SeekPredicateNew&amp;gt;
                    &amp;lt;/SeekPredicates&amp;gt;
                  &amp;lt;/IndexScan&amp;gt;
                &amp;lt;/RelOp&amp;gt;
              &amp;lt;/NestedLoops&amp;gt;
            &amp;lt;/RelOp&amp;gt;
          &amp;lt;/QueryPlan&amp;gt;
        &amp;lt;/StmtSimple&amp;gt;
      &amp;lt;/Statements&amp;gt;
    &amp;lt;/Batch&amp;gt;
  &amp;lt;/BatchSequence&amp;gt;
&amp;lt;/ShowPlanXML&amp;gt;
&lt;/code&gt;&lt;/pre&gt;
&lt;p&gt;One interesting thing is that if I change = '12/31/9999' to &gt;= '12/31/9999' then it uses a hash join but wants me to change most of my indexes.&lt;/p&gt;</t>
  </si>
  <si>
    <t>2013-04-10 23:36:10.917000+00:00</t>
  </si>
  <si>
    <t>2013-10-29 23:14:58.890000+00:00</t>
  </si>
  <si>
    <t>2013-04-17 19:18:28.513000+00:00</t>
  </si>
  <si>
    <t>sql-server|sql-server-2008-r2|indexing</t>
  </si>
  <si>
    <t>Replay system for cocos2d with FPS correction</t>
  </si>
  <si>
    <t>&lt;p&gt;I'm building a replay system for my cocos2d-x game, it uses box2d too.&lt;/p&gt;
&lt;p&gt;The game is nondeterministic so I can't store the user actions and replay them, so what I'm doing is storing position and angle of a sprite for each time step into a stream.&lt;/p&gt;
&lt;p&gt;Now I have replay files that are in the following format&lt;/p&gt;
&lt;pre&gt;&lt;code&gt;x,y,angle\r\n
&lt;/code&gt;&lt;/pre&gt;
&lt;p&gt;Each line represents the state of the sprite at a given time step.&lt;/p&gt;
&lt;p&gt;Now when I replay it back on the same device, it's all perfect, but of course life isn't this easy, so the problem arises if i want to play it back on different frame rates, how can this happen ?&lt;/p&gt;
&lt;p&gt;is there a smart way to handle this issue ?&lt;/p&gt;
&lt;p&gt;I don't have a fixed time step too, I'll implement this soon so you can consider a fixed time step in your answer :)&lt;/p&gt;
&lt;p&gt;Thanks !&lt;/p&gt;</t>
  </si>
  <si>
    <t>2013-03-23 16:48:05.367000+00:00</t>
  </si>
  <si>
    <t>2013-03-23 21:05:51.683000+00:00</t>
  </si>
  <si>
    <t>c++|cocos2d-iphone|cocos2d-x|game-physics</t>
  </si>
  <si>
    <t>Use structs in aggregate initialization</t>
  </si>
  <si>
    <t>&lt;p&gt;Is it possible to support using structs in aggregate initialization without creating a constructor for each case? This is what I'm talking about:&lt;/p&gt;
&lt;pre&gt;&lt;code&gt;struct Vector3 {
    float x, y, z;
}
struct Vector2 {
    float x, y;
}
Vector2 vec2 { 1, 2 };
Vector3 vec3 { vec2, 3 };
&lt;/code&gt;&lt;/pre&gt;</t>
  </si>
  <si>
    <t>2018-10-13 13:28:46.610000+00:00</t>
  </si>
  <si>
    <t>c++|struct|initialization</t>
  </si>
  <si>
    <t>Rotate two links with Bitly API?</t>
  </si>
  <si>
    <t>&lt;p&gt;The intention is to split Ad revenue between two partners, use the same "link offer" and in the back-end rotate two URLs.&lt;/p&gt;
&lt;p&gt;The product is the same and both URLs will divide the revenue.&lt;/p&gt;
&lt;p&gt;In practice, if someone clicks the "link offer" through social media:&lt;/p&gt;
&lt;ol&gt;
&lt;li&gt;The &lt;strong&gt;first link&lt;/strong&gt; will be selected and the visitor will continue through that route.&lt;/li&gt;
&lt;li&gt;A second visitor will go through the &lt;strong&gt;second link&lt;/strong&gt;&lt;/li&gt;
&lt;li&gt;And a &lt;strong&gt;third&lt;/strong&gt; visitor will be back to link number one. An so forth.&lt;/li&gt;
&lt;/ol&gt;
&lt;p&gt;In that case we will always split the revenue (50/50).&lt;/p&gt;
&lt;p&gt;Is it possible to make Bitly API do this through a php file hosted on my site which would act as the re-director for both URLs?&lt;/p&gt;</t>
  </si>
  <si>
    <t>2016-03-11 03:36:14.107000+00:00</t>
  </si>
  <si>
    <t>2016-03-11 04:02:26.903000+00:00</t>
  </si>
  <si>
    <t>php|database|function|api|redirect</t>
  </si>
  <si>
    <t>Why i get exception with use SwitchPreference</t>
  </si>
  <si>
    <t>&lt;p&gt;i wanna use SwitchPreference sToggle when api&gt;=14 and use CheckBoxPreference chToggle when api&amp;lt;14&lt;/p&gt;
&lt;p&gt;i get exception with my code&lt;/p&gt;
&lt;pre&gt;&lt;code&gt;public class SettingsActivity extends PreferenceActivity {
SwitchPreference sToggle;
CheckBoxPreference chToggle;
&lt;/code&gt;&lt;/pre&gt;
&lt;p&gt;...&lt;/p&gt;
&lt;pre&gt;&lt;code&gt;@Override
public void onCreate(Bundle savedInstanceState) {
    super.onCreate(savedInstanceState);
&lt;/code&gt;&lt;/pre&gt;
&lt;p&gt;...&lt;/p&gt;
&lt;pre&gt;&lt;code&gt;if (VERSION.SDK_INT &amp;gt;= VERSION_CODES.ICE_CREAM_SANDWICH) {
        sToggle = new CheckBoxPreference(this);
        sToggle.setTitle("One");
        targetCategory.addPreference(sToggle);
    } else {
        chToggle = new CheckBoxPreference(this);
        chToggle.setTitle("Two");
        targetCategory.addPreference(chToggle);
    }
&lt;/code&gt;&lt;/pre&gt;
&lt;p&gt;can u help me?)&lt;/p&gt;</t>
  </si>
  <si>
    <t>2013-07-02 12:05:31.383000+00:00</t>
  </si>
  <si>
    <t>2016-12-31 21:02:14.267000+00:00</t>
  </si>
  <si>
    <t>android|android-preferences|togglebutton|android-2.2-froyo|verifyerror</t>
  </si>
  <si>
    <t>Understanding brace initialization</t>
  </si>
  <si>
    <t>&lt;p&gt;I was playing around with variadic templates and decided to implement my own tuple class. But when I tried to implement the constructors, I discovered that the implicitly created constructors seem to cover what i was about to build. Consider to following code.&lt;/p&gt;
&lt;pre&gt;&lt;code&gt;template&amp;lt;typename ... Tail&amp;gt; struct mytuple { };
template&amp;lt;typename Head, typename ... Tail&amp;gt;
struct mytuple&amp;lt;Head, Tail...&amp;gt;
{
    Head head;
    mytuple&amp;lt;Tail...&amp;gt; tail;
};
int main()
{
    mytuple&amp;lt;int, int, int&amp;gt; t1{1,2,3};        // &amp;lt;--
    mytuple&amp;lt;int, int, int&amp;gt; t2{1,{2,{3,{}}}};
}
&lt;/code&gt;&lt;/pre&gt;
&lt;ul&gt;
&lt;li&gt;Why does the the simple brace-initialization &lt;code&gt;t1{1,2,3}&lt;/code&gt; already work?&lt;/li&gt;
&lt;li&gt;Which constructor is called here?&lt;/li&gt;
&lt;li&gt;Why does the second initialization &lt;code&gt;t2{1,{2,{3,{}}}}&lt;/code&gt; work as well and not only one and not the other?&lt;/li&gt;
&lt;/ul&gt;
&lt;p&gt;My guess is that this "magic" is done by some implicitly defined initializer-list constructor (since C++11 I'm not sure which constructors are defined under which conditions). In case of the second tuple &lt;code&gt;t2{1,{2,{3,{}}}}&lt;/code&gt; I kind of understand why this is working, since the structure of the braces is reflecting the structure of the constructed class. But to my surprise both variants seem to work.&lt;/p&gt;</t>
  </si>
  <si>
    <t>2014-10-16 09:21:15.613000+00:00</t>
  </si>
  <si>
    <t>c++|c++11|constructor|initializer-list</t>
  </si>
  <si>
    <t>Summing totals to an edit text output and preventing negatives</t>
  </si>
  <si>
    <t>&lt;p&gt;I have been stuck, regrettably, in a simple math problem.
I am creating a coffee application, as seen below, that takes the "Quantity" and multiplies it by the price to create a sub-total for each drink drink. It will then take all sub-totals from the drinks and add them together for the output at the bottom which would be updated automatically.&lt;/p&gt;
&lt;p&gt;&lt;img src="https://38.media.tumblr.com/277e1a9aa8fa5c528cd98a769a80a155/tumblr_nf66p2yuwf1qda9mto1_250.jpg" alt="drink Menu"&gt;&lt;/p&gt;
&lt;p&gt;I have worked on the code to add or subtract from the 0 (I still can't figure out a way to prevent it from going below 0, if anyone has an idea, help is appreciated).
I have it so that the first 2 buttons (in pink) work right now for Espresso and Macchiato.&lt;/p&gt;
&lt;p&gt;&lt;strong&gt;Here is my Java file&lt;/strong&gt;&lt;/p&gt;
&lt;pre&gt;&lt;code&gt;package com.example.cofeeshop;
import android.app.Activity;
import android.content.Context;
import android.content.Intent;
import android.os.Bundle;
import android.view.View;
import android.view.View.OnClickListener;
import android.widget.Button;
import android.widget.EditText;
public class DrinkMenu extends Activity {
EditText quantity, quantity2, total;
Button button, plus1, minus1, plus2, minus2;
@Override
public void onCreate(Bundle savedInstanceState) {
    super.onCreate(savedInstanceState);
    setContentView(R.layout.drinkmenu);
    addListenerOnButton();
    // area for the espresso
    plus1 = (Button) findViewById(R.id.button6);
    minus1 = (Button) findViewById(R.id.button7);
    quantity = (EditText) findViewById(R.id.editText2);
    // area for the macchiato
    plus2 = (Button) findViewById(R.id.button8);
    minus2 = (Button) findViewById(R.id.button9);
    quantity2 = (EditText) findViewById(R.id.editText4);
    //subtotal for espresso
    //subtotal for macchiato
    total = (EditText) findViewById(R.id.editText9);
    plus1.setOnClickListener(new OnClickListener(){
        @Override
        public void onClick(View V){
            String numb1 = quantity.getText().toString();
            int num1 = Integer.parseInt(numb1);
            int inum1 = num1+1;
            quantity.setText(Integer.toString(inum1));
        }
    });//plus1 button
    minus1.setOnClickListener(new OnClickListener() {
        @Override
        public void onClick(View v) {
            String numb1 = quantity.getText().toString();
            int num1 = Integer.parseInt(numb1);
            int inum1 = num1-1;
            quantity.setText(Integer.toString(inum1));
        }
    });//minus1 button
    plus2.setOnClickListener(new OnClickListener(){
        @Override
        public void onClick(View V){
            String numb2 = quantity2.getText().toString();
            int num2 = Integer.parseInt(numb2);
            int inum2 = num2+1;
            quantity2.setText(Integer.toString(inum2));
        }
    });//plus2 button
    minus2.setOnClickListener(new OnClickListener() {
        @Override
        public void onClick(View v) {
            String numb2 = quantity2.getText().toString();
            int num2 = Integer.parseInt(numb2);
            int inum2 = num2-1;
            quantity2.setText(Integer.toString(inum2));
        }
    });//minus2 button
    // Here is where I think I should place the sub-total multiplied by the prices
    // and will be out put to the total = espresso_sub_total*espress_price + 
    // macchiato_sub_total*macchiato_price + and so on for the other drinks
  }
}
&lt;/code&gt;&lt;/pre&gt;
&lt;p&gt;Now, It may be imperative that I set my Total price to a Text View rather than Edit Text also, thoughts?&lt;/p&gt;
&lt;p&gt;So after implementing ideas from both users @useruser3249477 and @Shobhit I have gotten the numbers to stop going below 0 and above 10, but then I tried to add the total together in the Total area of '0'. I have updated code below for both java and the xml file. It crashes as I press the '+' button.&lt;/p&gt;
&lt;p&gt;&lt;strong&gt;updated Java source code&lt;/strong&gt;:&lt;/p&gt;
&lt;pre&gt;&lt;code&gt;package com.example.cofeeshop;
import android.app.Activity;
import android.content.Context;
import android.content.Intent;
import android.os.Bundle;
import android.text.Editable;
import android.text.TextWatcher;
import android.view.View;
import android.view.View.OnClickListener;
import android.widget.Button;
import android.widget.EditText;
import android.widget.TextView;
public class DrinkMenu extends Activity {
EditText quantity, quantity2;
//TextView total;
Button button, plus1, minus1, plus2, minus2;
@Override
public void onCreate(Bundle savedInstanceState) {
    super.onCreate(savedInstanceState);
    setContentView(R.layout.drinkmenu);
    addListenerOnButton();
    // area for the espresso
    plus1 = (Button) findViewById(R.id.button6);
    minus1 = (Button) findViewById(R.id.button7);
    quantity = (EditText) findViewById(R.id.editText2);
    // area for the macchiato
    plus2 = (Button) findViewById(R.id.button8);
    minus2 = (Button) findViewById(R.id.button9);
    quantity2 = (EditText) findViewById(R.id.editText4);
    //espresso-sub-total
    //macchiato-sub-total
    //total = (TextView) findViewById(R.id.textView7);
    plus1.setOnClickListener(new OnClickListener(){
        @Override
        public void onClick(View V){
            String numb1 = quantity.getText().toString();
            int num1 = Integer.parseInt(numb1);
            int inum1 = num1+1;
            if (inum1 &amp;gt; 10) return;
            quantity.setText(Integer.toString(inum1));
        }
    });//plus1 button
    minus1.setOnClickListener(new OnClickListener() {
        @Override
        public void onClick(View v) {
            String numb1 = quantity.getText().toString();
            int num1 = Integer.parseInt(numb1);
            int inum1 = num1-1;
            if (inum1 &amp;lt; 0) return;
            quantity.setText(Integer.toString(inum1));
        }
    });//minus2 button
    plus2.setOnClickListener(new OnClickListener(){
        @Override
        public void onClick(View V){
            String numb2 = quantity2.getText().toString();
            int num2 = Integer.parseInt(numb2);
            int inum2 = num2+1;
            if (inum2 &amp;gt; 10) return;
            quantity2.setText(Integer.toString(inum2));
        }
    });//plus1 buttons
    minus2.setOnClickListener(new OnClickListener() {
        @Override
        public void onClick(View v) {
            String numb2 = quantity2.getText().toString();
            int num2 = Integer.parseInt(numb2);
            int inum2 = num2-1;
            if (inum2 &amp;lt; 0) return;
            quantity2.setText(Integer.toString(inum2));
        }
    });
//    double subtotal = Double.parseDouble(numb1);
    // Here is where I think I should place the sub-total multiplied by the prices
    // and will be out put to the total = num1*3;
    final TextView total = (TextView) findViewById(R.id.textView7);
    TextWatcher textWatcher = new TextWatcher() {
        @Override
        public void beforeTextChanged(CharSequence charSequence, int i, int i2, int i3) {
            // Remove previous price of these items
            int count = Integer.parseInt(charSequence.toString());
            // Assume total holds text of an integer
            int curTotal = Integer.parseInt(total.getText().toString());
            int newTotal = curTotal - count*3;
            total.setText(newTotal);
        }
        @Override
        public void onTextChanged(CharSequence charSequence, int i, int i2, int i3) {
            // Add the new items price
            int count = Integer.parseInt(charSequence.toString());
            // Assume total holds text of an integer
            int curTotal = Integer.parseInt(total.getText().toString());
            int newTotal = curTotal + count*3;
            total.setText(newTotal);
        }
        @Override
        public void afterTextChanged(Editable editable) {}
    };
    quantity.addTextChangedListener(textWatcher);
    quantity2.addTextChangedListener(textWatcher);
}
//order button code that is useless to this question.
}
&lt;/code&gt;&lt;/pre&gt;
&lt;p&gt;&lt;strong&gt;Here is my updated XML file that is updated:&lt;/strong&gt;
    &lt;/p&gt;
&lt;pre&gt;&lt;code&gt;&amp;lt;TextView
    android:id="@+id/textView"
    android:layout_width="wrap_content"
    android:layout_height="wrap_content"
    android:layout_alignEnd="@+id/button"
    android:layout_alignParentTop="true"
    android:layout_alignRight="@+id/button"
    android:layout_marginRight="75dp"
    android:layout_toLeftOf="@+id/textView2"
    android:layout_toStartOf="@+id/textView2"
    android:background="#FFFFFF"
    android:text="Drinks:"
    android:textAppearance="?android:attr/textAppearanceLarge"
    android:textSize="24dp"
    android:textStyle="bold" /&amp;gt;
&amp;lt;TextView
    android:id="@+id/textView2"
    android:layout_width="wrap_content"
    android:layout_height="wrap_content"
    android:layout_alignEnd="@+id/orderbtn"
    android:layout_alignParentTop="true"
    android:layout_alignRight="@+id/orderbtn"
    android:background="#FFFFFF"
    android:text="Quantity:"
    android:textAppearance="?android:attr/textAppearanceLarge"
    android:textSize="24dp"
    android:textStyle="bold" /&amp;gt;
&amp;lt;Button
    android:id="@+id/button"
    android:layout_width="240dp"
    android:layout_height="wrap_content"
    android:layout_alignParentLeft="true"
    android:layout_alignParentStart="true"
    android:layout_below="@+id/textView"
    android:layout_marginTop="30dp"
    android:background="#FFFFFF"
    android:text="Espresso"
    android:textSize="24dp" /&amp;gt;
&amp;lt;Button
    android:id="@+id/button2"
    android:layout_width="240dp"
    android:layout_height="wrap_content"
    android:layout_alignParentLeft="true"
    android:layout_alignParentStart="true"
    android:layout_below="@+id/button"
    android:layout_marginTop="30dp"
    android:background="#FFFFFF"
    android:text="Macchiato"
    android:textSize="24dp" /&amp;gt;
&amp;lt;Button
    android:id="@+id/button3"
    android:layout_width="240dp"
    android:layout_height="wrap_content"
    android:layout_alignParentLeft="true"
    android:layout_alignParentStart="true"
    android:layout_below="@+id/button2"
    android:layout_marginTop="30dp"
    android:background="#FFFFFF"
    android:text="Con Panna"
    android:textSize="24dp" /&amp;gt;
&amp;lt;Button
    android:id="@+id/button5"
    style="?android:attr/buttonStyleSmall"
    android:layout_width="240dp"
    android:layout_height="wrap_content"
    android:layout_alignParentLeft="true"
    android:layout_alignParentStart="true"
    android:layout_below="@+id/button4"
    android:layout_marginTop="30dp"
    android:background="#FFFFFF"
    android:text="Latte"
    android:textSize="24dp" /&amp;gt;
&amp;lt;Button
    android:id="@+id/button6"
    android:layout_width="30dp"
    android:layout_height="wrap_content"
    android:layout_alignParentEnd="true"
    android:layout_alignParentRight="true"
    android:layout_alignTop="@+id/button"
    android:background="#ffff45df"
    android:text="+"
    android:textSize="24dp" /&amp;gt;
&amp;lt;EditText
    android:id="@+id/editText2"
    android:layout_width="30dp"
    android:layout_height="wrap_content"
    android:layout_above="@+id/button2"
    android:layout_alignTop="@+id/button"
    android:layout_toLeftOf="@+id/button6"
    android:layout_toStartOf="@+id/button6"
    android:background="#FFFFFF"
    android:digits="0123456789"
    android:ems="10"
    android:inputType="number"
    android:text="0"
    android:textSize="24dp" /&amp;gt;
&amp;lt;Button
    android:id="@+id/button7"
    android:layout_width="30dp"
    android:layout_height="wrap_content"
    android:layout_alignTop="@+id/button"
    android:layout_toLeftOf="@+id/editText2"
    android:layout_toStartOf="@+id/editText2"
    android:background="#ffff45df"
    android:text="-"
    android:textSize="24dp" /&amp;gt;
&amp;lt;Button
    android:id="@+id/button8"
    android:layout_width="30dp"
    android:layout_height="wrap_content"
    android:layout_alignParentEnd="true"
    android:layout_alignParentRight="true"
    android:layout_alignTop="@+id/button2"
    android:background="#ffff45df"
    android:text="+"
    android:textSize="24dp" /&amp;gt;
&amp;lt;EditText
    android:id="@+id/editText3"
    android:layout_width="30dp"
    android:layout_height="wrap_content"
    android:layout_alignTop="@+id/button2"
    android:layout_toLeftOf="@+id/button8"
    android:layout_toStartOf="@+id/button8"
    android:background="#FFFFFF"
    android:ems="10"
    android:inputType="number"
    android:text=" 0"
    android:textSize="24dp" /&amp;gt;
&amp;lt;EditText
    android:id="@+id/editText4"
    android:layout_width="30dp"
    android:layout_height="wrap_content"
    android:layout_alignBottom="@+id/button8"
    android:layout_alignTop="@+id/button2"
    android:layout_toLeftOf="@+id/button8"
    android:layout_toStartOf="@+id/button8"
    android:background="#FFFFFF"
    android:digits="0123456789"
    android:ems="10"
    android:inputType="number"
    android:text="0"
    android:textSize="24sp" /&amp;gt;
&amp;lt;Button
    android:id="@+id/button9"
    android:layout_width="30dp"
    android:layout_height="wrap_content"
    android:layout_alignTop="@+id/button2"
    android:layout_toLeftOf="@+id/editText3"
    android:layout_toStartOf="@+id/editText3"
    android:background="#ffff45df"
    android:text="-"
    android:textSize="24dp" /&amp;gt;
&amp;lt;Button
    android:id="@+id/button10"
    android:layout_width="30dp"
    android:layout_height="wrap_content"
    android:layout_alignEnd="@+id/button8"
    android:layout_alignRight="@+id/button8"
    android:layout_alignTop="@+id/button3"
    android:background="#ffff45df"
    android:text="+"
    android:textSize="24dp" /&amp;gt;
&amp;lt;Button
    android:id="@+id/button11"
    android:layout_width="30dp"
    android:layout_height="wrap_content"
    android:layout_alignParentEnd="true"
    android:layout_alignParentRight="true"
    android:layout_alignTop="@+id/button4"
    android:background="#ffff45df"
    android:text="+"
    android:textSize="24dp" /&amp;gt;
&amp;lt;Button
    android:id="@+id/button12"
    android:layout_width="30dp"
    android:layout_height="wrap_content"
    android:layout_alignParentEnd="true"
    android:layout_alignParentRight="true"
    android:layout_alignTop="@+id/button5"
    android:background="#ffff45df"
    android:text="+"
    android:textSize="24dp" /&amp;gt;
&amp;lt;EditText
    android:id="@+id/editText5"
    android:layout_width="30dp"
    android:layout_height="wrap_content"
    android:layout_above="@+id/button4"
    android:layout_alignTop="@+id/button3"
    android:layout_toLeftOf="@+id/button10"
    android:layout_toStartOf="@+id/button10"
    android:background="#FFFFFF"
    android:digits="0123456789"
    android:ems="10"
    android:inputType="number"
    android:text="0"
    android:textSize="24dp" /&amp;gt;
&amp;lt;EditText
    android:id="@+id/editText6"
    android:layout_width="30dp"
    android:layout_height="wrap_content"
    android:layout_alignBottom="@+id/button11"
    android:layout_alignTop="@+id/button4"
    android:layout_toLeftOf="@+id/button11"
    android:layout_toStartOf="@+id/button11"
    android:background="#FFFFFF"
    android:digits="0123456789"
    android:ems="10"
    android:inputType="number"
    android:text="0"
    android:textSize="24dp" /&amp;gt;
&amp;lt;EditText
    android:id="@+id/editText7"
    android:layout_width="30dp"
    android:layout_height="wrap_content"
    android:layout_alignBottom="@+id/button12"
    android:layout_alignTop="@+id/button5"
    android:layout_toLeftOf="@+id/button12"
    android:layout_toStartOf="@+id/button12"
    android:background="#FFFFFF"
    android:digits="0123456789"
    android:ems="10"
    android:inputType="number"
    android:text="0"
    android:textSize="24dp" /&amp;gt;
&amp;lt;Button
    android:id="@+id/button14"
    android:layout_width="30dp"
    android:layout_height="wrap_content"
    android:layout_alignTop="@+id/button4"
    android:layout_toLeftOf="@+id/editText6"
    android:layout_toStartOf="@+id/editText6"
    android:background="#ffff45df"
    android:text="-"
    android:textSize="24sp" /&amp;gt;
&amp;lt;Button
    android:id="@+id/button15"
    android:layout_width="30dp"
    android:layout_height="wrap_content"
    android:layout_alignTop="@+id/button5"
    android:layout_toLeftOf="@+id/editText7"
    android:layout_toStartOf="@+id/editText7"
    android:background="#ffff45df"
    android:text="-"
    android:textSize="24sp" /&amp;gt;
&amp;lt;Button
    android:id="@+id/button16"
    android:layout_width="30dp"
    android:layout_height="wrap_content"
    android:layout_alignTop="@+id/button3"
    android:layout_toLeftOf="@+id/editText5"
    android:layout_toStartOf="@+id/editText5"
    android:background="#ffff45df"
    android:text="-"
    android:textSize="24sp" /&amp;gt;
&amp;lt;TextView
    android:id="@+id/textView1"
    android:layout_width="wrap_content"
    android:layout_height="wrap_content"
    android:layout_above="@+id/button7"
    android:layout_alignParentLeft="true"
    android:layout_alignParentStart="true"
    android:text="$3.00 per drink"
    android:textColor="#000000"
    android:textSize="20sp" /&amp;gt;
&amp;lt;TextView
    android:id="@+id/textView3"
    android:layout_width="wrap_content"
    android:layout_height="wrap_content"
    android:layout_above="@+id/button9"
    android:layout_alignParentLeft="true"
    android:layout_alignParentStart="true"
    android:text="$3.00 per drink"
    android:textColor="#000000"
    android:textSize="20sp" /&amp;gt;
&amp;lt;TextView
    android:id="@+id/textView4"
    android:layout_width="wrap_content"
    android:layout_height="wrap_content"
    android:layout_above="@+id/button16"
    android:layout_alignParentLeft="true"
    android:layout_alignParentStart="true"
    android:text="$3.00 per drink"
    android:textColor="#000000"
    android:textSize="20sp" /&amp;gt;
&amp;lt;TextView
    android:id="@+id/textView5"
    android:layout_width="wrap_content"
    android:layout_height="wrap_content"
    android:layout_above="@+id/button14"
    android:layout_alignParentLeft="true"
    android:layout_alignParentStart="true"
    android:text="$3.00 per drink"
    android:textColor="#000000"
    android:textSize="20sp" /&amp;gt;
&amp;lt;TextView
    android:id="@+id/textView6"
    android:layout_width="wrap_content"
    android:layout_height="wrap_content"
    android:layout_above="@+id/button15"
    android:layout_alignParentLeft="true"
    android:layout_alignParentStart="true"
    android:text="$3.00 per drink"
    android:textColor="#000000"
    android:textSize="20sp" /&amp;gt;
&amp;lt;Button
    android:id="@+id/button4"
    android:layout_width="240dp"
    android:layout_height="wrap_content"
    android:layout_alignParentLeft="true"
    android:layout_alignParentStart="true"
    android:layout_below="@+id/button3"
    android:layout_marginTop="32dp"
    android:background="#FFFFFF"
    android:text="Americano"
    android:textSize="24dp"
    android:textColor="#000000" /&amp;gt;
&amp;lt;Button
    android:id="@+id/orderbtn"
    android:layout_width="wrap_content"
    android:layout_height="wrap_content"
    android:layout_alignParentBottom="true"
    android:layout_alignParentEnd="true"
    android:layout_alignParentRight="true"
    android:background="@drawable/buttonround"
    android:text="Order"
    android:textSize="24sp" /&amp;gt;
&amp;lt;TextView
    android:id="@+id/textView8"
    android:layout_width="wrap_content"
    android:layout_height="wrap_content"
    android:layout_alignBaseline="@+id/orderbtn"
    android:layout_alignBottom="@+id/orderbtn"
    android:layout_alignParentLeft="true"
    android:background="#FFFFFF"
    android:text="Total:  $"
    android:textColor="#000000"
    android:textSize="24sp" /&amp;gt;
&amp;lt;TextView
    android:id="@+id/textView7"
    android:layout_width="wrap_content"
    android:layout_height="wrap_content"
    android:layout_alignBaseline="@+id/textView8"
    android:layout_alignBottom="@+id/textView8"
    android:layout_alignLeft="@+id/textView"
    android:layout_alignRight="@+id/textView6"
    android:layout_alignStart="@+id/textView"
    android:background="#FFFFFF"
    android:text="0"
    android:textSize="24sp" /&amp;gt;
&amp;lt;/RelativeLayout&amp;gt;
&lt;/code&gt;&lt;/pre&gt;
&lt;p&gt;Here are some of the errors coming out.&lt;/p&gt;
&lt;p&gt;E/AndroidRuntime(369): FATAL EXCEPTION: main&lt;/p&gt;
&lt;p&gt;E/AndroidRuntime(369): android.content.res.Resources$NotFoundException: String resource ID #0x0// seems to be here&lt;/p&gt;
&lt;p&gt;E/AndroidRuntime(369):  at android.content.res.Resources.getText(Resources.java:201)&lt;/p&gt;</t>
  </si>
  <si>
    <t>2014-11-18 23:19:36.077000+00:00</t>
  </si>
  <si>
    <t>2014-11-19 22:22:09.893000+00:00</t>
  </si>
  <si>
    <t>java|android|eclipse|parsing|user-interface</t>
  </si>
  <si>
    <t>How to click on an element based on its coordinates with selenium webdriver</t>
  </si>
  <si>
    <t>&lt;p&gt;So, the web app we're developing has a TV/PC mode, and i'm testing the ability to transit between these two modes. `&lt;/p&gt;
&lt;pre&gt;&lt;code&gt; def pc_to_tv(self):
        pc_to_tv = self.driver.find_element_by_xpath(
            'html/body/div[1]/div/topbar/header/div[2]/div[2]/div[1]/button[1]')
        pc_to_tv.click()
 def tv_to_pc(self):
      tv_to_pc = self.driver.find_element_by_xpath(
            'html/body/div[1]/div/topbar/header/div[2]/div[2]/div[1]/button[2]')
      tv_to_pc.click()`
&lt;/code&gt;&lt;/pre&gt;
&lt;p&gt;The problem is, when i switch from pc to tv, the screen "zooms in", making the button appear in the same place it would be without the zoom. so, i can't click on the button with my 'tv_to_pc' method, 'cause instead on clicking on the actual button, it clicks where the button should be.&lt;/p&gt;
&lt;p&gt;So, the solution i found was clicking on the button with coordinates, that way i'll actually click on the place i want, instead of clicking on an unclickable place like i was doing.&lt;/p&gt;
&lt;p&gt;The thing is, i don't know how to do this, and need help on this matter.&lt;/p&gt;</t>
  </si>
  <si>
    <t>2017-09-29 21:43:00.623000+00:00</t>
  </si>
  <si>
    <t>2017-10-02 19:05:10.143000+00:00</t>
  </si>
  <si>
    <t>python|selenium|testing|webdriver</t>
  </si>
  <si>
    <t>Adding swift files to existing objective c project</t>
  </si>
  <si>
    <t>&lt;p&gt;I am working on a project which was developed in Objective C till today, and from now all new files to be developed in Swift3. I am giving you a small scenario here... ViewController, TableViewController  and respective custom table view cells are in objective c till now, from now for any new table view cells to be developed we need to use swift and xib, can some one tell me the way or some urls that helps me.&lt;/p&gt;</t>
  </si>
  <si>
    <t>2016-12-29 17:15:48.720000+00:00</t>
  </si>
  <si>
    <t>2016-12-29 19:12:16.850000+00:00</t>
  </si>
  <si>
    <t>How to best approach scalable test infrastructure compatible with API invocation validation?</t>
  </si>
  <si>
    <t>&lt;p&gt;I am currently working on writing a test helper that would take an object instance and run it through a sequence of API invocations and validate the corresponding results. Please note that the API invocations results can vary based on the current state of the object instance. Currently, my initial stab at this looks like the following:&lt;/p&gt;
&lt;pre&gt;&lt;code&gt;enum class API
{
    DoWork1,
    DoWork2,
};
struct DoWork1_Data
{
    bool bSlowPath;
};
struct DoWork2_Data;
{
    unsigned Seed;
};
struct APIOperation
{
    API Api;
    void* pData;
    unsigned Size;
};
/* There will be many of this per combination of APIs that we want to validate */
std::vector&amp;lt;APIOperation&amp;gt; BuildAPIOperations()
{
    std::vector&amp;lt;APIOperation&amp;gt; APIOperations;
    DoWork1_Data DoWork1Data = {};
    DoWork1Data.bSlowPath = true;
    APIOperation Op1 = {};
    Op1.Type = API::DoWork1;
    Op1.pData = &amp;amp;DoWork1Data;
    Op1.Size = sizeof(DoWork1Data);
    APIOperations.push_back(Op1);
    DoWork2_Data DoWork2Data = {};
    DoWork2Data.Seed = 0xDEADBEEF;
    APIOperation Op2 = {};
    Op2.Type = API::DoWork2;
    Op2.pData = &amp;amp;DoWork2Data;
    Op2.Size = sizeof(DoWork2Data);
    APIOperations.push_back(Op2);
    return APIOperations;
}
void ExerciseAPIOperations(IUnknown *pObject, std::vector&amp;lt;APIOperation&amp;gt; &amp;amp; APIOperations)
{   
    for(unsigned i=0; i &amp;lt; APIOperations.size(); i++)
    {
        switch (APIOperations[i].Type)
        {
            case API::DoWork1:
                {
                    /* validation of pData */ 
                    DoWork1_Data *pData = static_cast&amp;lt;DoWork1_Data*&amp;gt;(APIOperations[i].pData);
                    pObject-&amp;gt;DoWork1(pData-&amp;gt;bSlowPath);
                    /* validation of API DoWork1 behavior */
                }
                break;
            case API::DoWork2:
                {
                    /* validation of pData */ 
                    DoWork2_Data *pData = static_cast&amp;lt;DoWork2_Data*&amp;gt;(APIOperations[i].pData);
                    pObject-&amp;gt;DoWork2(pData-&amp;gt;Seed);
                    /* validation of API DoWork2 behavior */
                }
                break;
        }
    }
}
&lt;/code&gt;&lt;/pre&gt;
&lt;p&gt;I would appreciate general feedback, but more specifically, I am mainly interested to explore improvements in the following two aspects, and would love to hear thoughts on that:&lt;/p&gt;
&lt;ol&gt;
&lt;li&gt;&lt;p&gt;Instead of N number of BuildAPIOperations(), I was hoping to define a global array of all these different cases, so all the permutations will be clearer to understand and can avoid some amount of code duplication. However, this doesn't seem to fit well with the fact that each API can potentially have different set of parameters and defining that all upfront will probably result in a table that's fairly onerous to parse.&lt;/p&gt;&lt;/li&gt;
&lt;li&gt;&lt;p&gt;I am not a big fan of defining a custom struct per API (i.e. DoWork1_Data) and then casting these pointers to void* and then back. However, I found them necessary to support a test helper that's compatible with any APIs that this object instance can support.&lt;/p&gt;&lt;/li&gt;
&lt;/ol&gt;
&lt;p&gt;Please let me know. Thanks in advance.&lt;/p&gt;</t>
  </si>
  <si>
    <t>2017-05-28 00:38:00.970000+00:00</t>
  </si>
  <si>
    <t>2017-05-28 01:58:08.513000+00:00</t>
  </si>
  <si>
    <t>c++|unit-testing|c++11|visual-c++|automated-tests</t>
  </si>
  <si>
    <t>Simulate an input to write a test with jest</t>
  </si>
  <si>
    <t>&lt;p&gt;I know my question may be simple, but I am a debutante in web.
I coded a form with js and html. I wrote a function in order to alert when the symbol in input is not a number and I m trying to write test for this function, with jest.
But my function has no input and no return because it gets back information from my html page.
I don't know how simulate an input in html in my js file of test, my function can get to check if it is ok.
Tank you to take 5 minutes to answer me.
Elisa&lt;/p&gt;
&lt;hr&gt;
&lt;pre&gt;&lt;code&gt;function checkNum() {
    var valeur =  document.formulaire.inputDateDeQuoi.value;
    var reg = new RegExp("[^0-9/]", "i");
    var qui = document.querySelector('#dateDeQuoi .err');
    if (valeur.match(reg)) {
        qui.innerHTML = "&amp;lt;span style='color: 
rgb(200,10,70);'&amp;gt;Attention ! Ce champ ne doit contenir que des 
chiffres !&amp;lt;/span&amp;gt;";
        autoComp.value = -1;
    }
    else {
        qui.innerHTML = "";
    }
document.getElementsByName('inputDateDeQuoi')
[0].addEventListener('keyup', checkNum);
module.export = checkNum;
&lt;/code&gt;&lt;/pre&gt;
&lt;hr&gt;</t>
  </si>
  <si>
    <t>2017-08-21 16:44:22.580000+00:00</t>
  </si>
  <si>
    <t>javascript|testing|jestjs</t>
  </si>
  <si>
    <t>What is the Ruby Way to write to multiple files</t>
  </si>
  <si>
    <t>&lt;p&gt;What is the "Ruby Way" to have an 'if' statement write to one of two possible files based on how the expression evaluates? &lt;/p&gt;
&lt;p&gt;In Perl, I would do something like the following to loop through an array checking for keys in a hash. The output would write to either 'existing-keys.txt' or 'missing-keys.txt' as appropriate. &lt;/p&gt;
&lt;pre&gt;&lt;code&gt;giant_hash = { 'k1' =&amp;gt; 'v1', 'k2' =&amp;gt; 'v2', 'k3' =&amp;gt; 'v3' }
check_array = ['k1', 'k3', 'k4']
f1 = File.open('existing-keys.txt', 'w')
f2 = File.open('missing-keys.txt', 'w')
check_array.each do |check_key|
    if giant_hash.has_key?(check_key)
        f1.puts check_key
    else 
        f2.puts check_key
    end
end
f1.close
f2.close
&lt;/code&gt;&lt;/pre&gt;
&lt;p&gt;That works, but I'm new to Ruby and have run into lots of times when there are more Ruby-like ways to do things. Is there a more Ruby Way to write multiple files?&lt;/p&gt;</t>
  </si>
  <si>
    <t>2013-07-07 23:19:58.907000+00:00</t>
  </si>
  <si>
    <t>2013-07-07 23:41:12+00:00</t>
  </si>
  <si>
    <t>ruby</t>
  </si>
  <si>
    <t>Inserting dynamic information into the database (dynamic drop-down menu)</t>
  </si>
  <si>
    <t>&lt;p&gt;I have this code, that gets the categories from the database and displays them on a dropdown menu. Now, what I want to do, Is when something is selected and the button &lt;code&gt;isset&lt;/code&gt;, get the ID of that category (table: &lt;code&gt;categories&lt;/code&gt; ,row &lt;code&gt;category_id&lt;/code&gt;) then submit it into (table: &lt;code&gt;posts&lt;/code&gt; ,row &lt;code&gt;category_id&lt;/code&gt;). I don't know how to get the ID of the category that was selected in the dropdown. Thanks.&lt;br&gt;
&lt;code&gt;$db&lt;/code&gt; variable is the database connection. &lt;/p&gt;
&lt;p&gt;This is what I've got so far. This is the submission of the data to the database: &lt;/p&gt;
&lt;pre&gt;&lt;code&gt;include('../includes/db_connect.php');
if(isset($_POST['submit'])){
    $newTitle = $_POST['newTitle'];
    $newPost = $_POST['newPost'];
    $newCategory = $_POST['newCategory'];
    $my_date = date("Y-m-d H:i:s");
    if(!empty($newPost))
        if(!empty($newTitle)){
    $sql="INSERT INTO posts  (title, body, category_id)
VALUES('$newTitle', '$newPost', '$newCategory')";
    $query = $db-&amp;gt;query($sql);
    if($query){
            echo "Post entered to database";
        }else{
            echo "Error Submitting the data";
        }
    }
}
&lt;/code&gt;&lt;/pre&gt;
&lt;p&gt;This is the select:&lt;/p&gt;
&lt;pre&gt;&lt;code&gt;&amp;lt;textarea name="newPost" cols="176" rows="25"/&amp;gt;&amp;lt;/textarea&amp;gt;&amp;lt;br&amp;gt;
&amp;lt;select name=""="newCategory" id="newCategory"&amp;gt;
    &amp;lt;option value="0"&amp;gt;Select category&amp;lt;/option&amp;gt;
&amp;lt;?php
    $result = mysqli_query($db, "SELECT * FROM categories");
    if ( $result ) {
        while( $row = mysqli_fetch_array($result, MYSQLI_ASSOC) ) {
            echo '&amp;lt;option value="' . $row['category'] . '"&amp;gt;' . $row['category'] . '&amp;lt;/option&amp;gt;';
        }
    } else {
        echo 'Couldn\'t fetch Categories from MySQL.';
    }
?&amp;gt;
&lt;/code&gt;&lt;/pre&gt;
&lt;p&gt;Ps - I know this is easily injectable, you don't need to tell me, Just answer the question please :)&lt;/p&gt;</t>
  </si>
  <si>
    <t>2013-09-13 14:30:26.203000+00:00</t>
  </si>
  <si>
    <t>2018-09-11 02:59:03.713000+00:00</t>
  </si>
  <si>
    <t>php|mysql</t>
  </si>
  <si>
    <t>Uploading Images using phonegap</t>
  </si>
  <si>
    <t>&lt;p&gt;I am new to phonegap and facing lot of troubles in uploading images to the server.&lt;/p&gt;
&lt;p&gt;I am uploading a single image to the server both by browsing and using a camera.
I want to upload multiple images by using camera and browsing into the gallery at the same time.&lt;/p&gt;
&lt;p&gt;How can I do this ?&lt;/p&gt;</t>
  </si>
  <si>
    <t>2014-06-02 10:11:02.137000+00:00</t>
  </si>
  <si>
    <t>2014-12-29 06:33:37.977000+00:00</t>
  </si>
  <si>
    <t>2014-06-02 10:32:13.840000+00:00</t>
  </si>
  <si>
    <t>cordova|sencha-touch|sencha-touch-2</t>
  </si>
  <si>
    <t>Where is the error IE is finding in this script?</t>
  </si>
  <si>
    <t>&lt;p&gt;IE continues to give me an error on the next-to-last line stating "Object required".  I am not sure where the issue would be.  Any advice?&lt;/p&gt;
&lt;pre&gt;&lt;code&gt;function showdiv()
{
  document.getElementById("dialogue").style.display = "";
  document.getElementById("screen").style.display = "";
  document.getElementById("screen").style.width = getBrowserWidth();
}
function hidediv(opt){
if(opt=="agree"){
  document.Annexation.checkbox.checked = true;
  document.getElementById("dialogue").style.display = "none";
  document.getElementById("dialogue").style.display = "none";
  document.getElementById("screen").style.display = "none";
}else{
  document.getElementById("dialogue").style.display = "none";
  document.getElementById("screen").style.display = "none";
}}
window.onscroll = scrollEvent;
function scrollEvent() {
var y;
if (document.documentElement &amp;amp;&amp;amp; !document.documentElement.scrollTop)
  // IE6 +4.01 but no scrolling going on
  y=document.documentElement.scrollTop; 
else if (document.documentElement &amp;amp;&amp;amp; document.documentElement.scrollTop){
  // IE6 +4.01 and user has scrolled
  y=document.documentElement.scrollTop;
}
else if (document.body &amp;amp;&amp;amp; document.body.scrollTop){
  // IE5 or DTD 3.2
  y=document.body.scrollTop;
}
  document.getElementById("screen").style.top = y+"px";
} 
&lt;/code&gt;&lt;/pre&gt;</t>
  </si>
  <si>
    <t>2010-07-15 13:52:59.913000+00:00</t>
  </si>
  <si>
    <t>2013-12-11 22:59:13.200000+00:00</t>
  </si>
  <si>
    <t>javascript|internet-explorer|object</t>
  </si>
  <si>
    <t>Which HTTP status code should be used for a UPLOAD_ERR_PARTIAL?</t>
  </si>
  <si>
    <t>&lt;p&gt;I'm developing a &lt;strong&gt;&lt;a href="http://en.wikipedia.org/wiki/Representational_state_transfer" rel="nofollow noreferrer"&gt;REST&lt;/a&gt; &lt;a href="http://en.wikipedia.org/wiki/API" rel="nofollow noreferrer"&gt;API&lt;/a&gt;&lt;/strong&gt; and I have some &lt;strong&gt;file uploads&lt;/strong&gt;:&lt;/p&gt;
&lt;p&gt;PHP can generate an &lt;code&gt;UPLOAD_ERR_PARTIAL&lt;/code&gt; error when the file was only partially uploaded, and I'm not sure of which &lt;a href="http://en.wikipedia.org/wiki/List_of_HTTP_status_codes" rel="nofollow noreferrer"&gt;HTTP status code&lt;/a&gt; should be used in this case.&lt;/p&gt;
&lt;p&gt;This usually happens if the user cancels the upload (see &lt;a href="https://stackoverflow.com/questions/2937466/why-might-a-file-only-be-partially-uploaded"&gt;Why might a file only be partially uploaded&lt;/a&gt; and &lt;a href="http://www.php.net/manual/en/features.file-upload.errors.php" rel="nofollow noreferrer"&gt;file upload errors on php.net&lt;/a&gt; ) &lt;/p&gt;
&lt;blockquote&gt;
  &lt;p&gt;UPLOAD_ERR_PARTIAL is given when the mime boundary is not found after the file data. A possibly cause for this is that the upload was cancelled by the user (pressed ESC, etc).&lt;/p&gt;
&lt;/blockquote&gt;</t>
  </si>
  <si>
    <t>2013-08-14 13:06:23.910000+00:00</t>
  </si>
  <si>
    <t>2015-11-14 23:33:44.417000+00:00</t>
  </si>
  <si>
    <t>2017-05-23 11:54:05.047000+00:00</t>
  </si>
  <si>
    <t>php|rest|http-status-codes</t>
  </si>
  <si>
    <t>How to parse multiple JSON data from single stream in Java continuously?</t>
  </si>
  <si>
    <t>&lt;p&gt;I have a InputStreamReader (connected to a socket), which will receive multiple JSON document data.  For example, it will have&lt;/p&gt;
&lt;pre&gt;&lt;code&gt;{ "name" : "foo" }
&lt;/code&gt;&lt;/pre&gt;
&lt;p&gt;and, some times later (without connection closed), the stream will have another JSON data,&lt;/p&gt;
&lt;pre&gt;&lt;code&gt;{ "name" : "bar" }
&lt;/code&gt;&lt;/pre&gt;
&lt;p&gt;.&lt;/p&gt;
&lt;p&gt;I want to parse it in my processing loop with json-simple or json-smart, whatever.  Is there anyway to do this?&lt;/p&gt;
&lt;p&gt;I like to have a JSON parser (input data from a stream) and if it does not received data from the stream, the parser can block for more data, and if it receives a complete JSON data (possibly with some method), it can continuously parse the next JSON data.&lt;/p&gt;
&lt;p&gt;Apprently, I tried with json-simple, and json-smart but no success.&lt;/p&gt;
&lt;p&gt;Any help or advice would be appreciated.&lt;/p&gt;
&lt;p&gt;Thank you.&lt;/p&gt;</t>
  </si>
  <si>
    <t>2012-05-18 08:01:22.620000+00:00</t>
  </si>
  <si>
    <t>2012-05-18 08:39:00.107000+00:00</t>
  </si>
  <si>
    <t>java|json|parsing</t>
  </si>
  <si>
    <t>SYBASE Nested query not running</t>
  </si>
  <si>
    <t>&lt;p&gt;I have a procedure I am writing and it contains a nested insert but the nested insert never runs. The nested insert's data is properly filled out by the select statements but the insert is never ran.&lt;/p&gt;
&lt;p&gt;&lt;pre&gt;&lt;code&gt;
    CREATE PROCEDURE search_string #inValue varchar(255)
    AS
    BEGIN
    SET nocount on
    CREATE TABLE #results (table_name sysname, column_name sysname)
    SELECT
    "INSERT #results SELECT DISTINCT '"
    + object_name(c.id)
    + "' as table_name, '"
    + c.name
    + "' as column_name FROM "
    + object_name(c.id)
    + " WHERE "
    + c.name
    + " LIKE '%"
    + @inValue
    + "%'"
    FROM syscolumns c, sysobjects o
    WHERE
    c.usertype in ( 1
    ,2
    ,18
    ,19
    ,24
    ,25
    ,42
    )
    AND o.type ='U'
    AND o.id = o.id
    AND c.length &gt;= datalength(@invalue)
    SELECT * FROM #results
    END
&lt;/pre&gt;&lt;/code&gt;&lt;/p&gt;
&lt;p&gt;This yields a bunch of insert statements that are never run.&lt;/p&gt;</t>
  </si>
  <si>
    <t>2014-11-11 18:28:27.083000+00:00</t>
  </si>
  <si>
    <t>2014-12-03 23:01:11.223000+00:00</t>
  </si>
  <si>
    <t>sql|nested|sybase|nested-query</t>
  </si>
  <si>
    <t>Queens on chessboard solved randomly in Python</t>
  </si>
  <si>
    <t>&lt;p&gt;The idea is to try solve the "queen problem" by totally placing the queens totally random in each row of the chess board, and see how many repetitions it takes to solve it. The chess board can be any size.&lt;/p&gt;
&lt;p&gt;My idea is to create s lists, each containing s "empty" characters (underscores). Then for each line randomly pick a position to insert the queen ("I" value) and then mark all the positions below and diagonally down (I'm going row-by-row, so I don't have to bother about rows above) with X. if in any iteration the randomly chosen position for the queen matches with position of any X in that row, I start the new chessboard from scratch.&lt;/p&gt;
&lt;p&gt;I have something like this, but it seems to get stuck on line 19 (marked with a comment), but it doesn't give me any error. What can be wrong? Also, is my solution (apart that line) correct?&lt;/p&gt;
&lt;pre&gt;&lt;code&gt;from random import *
#Success flag
success = 0
#Trials counter
trials = 0
s = input ("enter board size\n")
s = int(s)
block = 1 #blockade
queen = 2 #queen
board = [[0 for x in range(s)] for y in range(s)] 
while success == 0:
    for y in range (0, s-1):
        pos = randint(0,s-1)    #line 19
        if board[y][pos] != block:
            board[y][pos] = queen
            a = 1
            for z in range (y, s-2):
                board[z + 1][pos] = block
                if pos - a &amp;gt;= 0:
                    board[z + 1][pos - a] = block
                if pos + a &amp;lt;= s-1:
                    board[z + 1][pos + a] = block
                a = a + 1
            success = 1
        else:
            success = 0
#Printing board
for y in range (0, s-1):
    print (board[y])
print ("Number of trials:\n")
print (trials)
&lt;/code&gt;&lt;/pre&gt;</t>
  </si>
  <si>
    <t>2017-01-16 18:27:41.013000+00:00</t>
  </si>
  <si>
    <t>2017-01-17 19:24:56.750000+00:00</t>
  </si>
  <si>
    <t>2017-01-17 19:24:05.650000+00:00</t>
  </si>
  <si>
    <t>python|random|n-queens</t>
  </si>
  <si>
    <t>Reducing speed of instances that touch my object</t>
  </si>
  <si>
    <t>&lt;p&gt;-in my collision event against the asteroid, when an asteroid touches the object, all of them slow down when i want only the ones inside the object to be slowed down.&lt;/p&gt;
&lt;pre&gt;&lt;code&gt;//object collision with asteroid/as1
with instance_place(x, y,as1) {
              as1.speed=1;
              }
&lt;/code&gt;&lt;/pre&gt;
&lt;p&gt;the asteroids have a spawner that spawns 250 of  them, and have random movement speeds, directions if it has anything to do with this&lt;/p&gt;</t>
  </si>
  <si>
    <t>2016-08-01 21:07:02.293000+00:00</t>
  </si>
  <si>
    <t>2018-07-29 11:16:04.857000+00:00</t>
  </si>
  <si>
    <t>gml</t>
  </si>
  <si>
    <t>How to serve complete htmlapp with django server using views.py</t>
  </si>
  <si>
    <t>&lt;p&gt;I have a folder which contains complete frontend built in oraclejet, you can get copy from here (&lt;a href="http://www.oracle.com/technetwork/developer-tools/jet/downloads/index.html" rel="nofollow noreferrer"&gt;http://www.oracle.com/technetwork/developer-tools/jet/downloads/index.html&lt;/a&gt;) download base distribution to get an idea. Folder contains index.html js and other files.&lt;/p&gt;
&lt;p&gt;To serve this file with django I kept all files from this inside
"myapp/template/myapp" folder. contents from folder&lt;/p&gt;
&lt;pre&gt;&lt;code&gt;admin
CONTRIBUTING.md
css
index.html
js
LICENSE.md
metadata
package.json
README.md
revnum
scss
THIRDPARTYLICENSE.txt
&lt;/code&gt;&lt;/pre&gt;
&lt;p&gt;myproject - contains manage.py&lt;/p&gt;
&lt;p&gt;&lt;strong&gt;I want to serve all files using django without using webserver or static mechanism provided by django, as I don't want to modify anything frontend files&lt;/strong&gt;&lt;/p&gt;
&lt;p&gt;Now, in Flask I simply did this, and it worked no issues.&lt;/p&gt;
&lt;pre&gt;&lt;code&gt;@app.route("/demo/&amp;lt;path:path&amp;gt;", methods=['GET'])
def static_resource(path):
    return send_from_directory('./demo/', path)
&lt;/code&gt;&lt;/pre&gt;
&lt;p&gt;But how to achieve same thing in Django ?&lt;/p&gt;
&lt;p&gt;&lt;strong&gt;urls.py&lt;/strong&gt;&lt;/p&gt;
&lt;p&gt;urlpatterns
re_path (r'^$', views.index , name='index'),
re_path (r'^(?P.*)$',views.test_files1 , name='name' )&lt;/p&gt;
&lt;p&gt;&lt;strong&gt;views.py&lt;/strong&gt;&lt;/p&gt;
&lt;pre&gt;&lt;code&gt;def test_files(request , name):
    fname = "/home/archit/django_src/mysite/myapp/templates/myapp/" + name
    fsock = open(fname,"rb")
    return HttpResponse(fsock)
&lt;/code&gt;&lt;/pre&gt;
&lt;p&gt;I think there should be something simliar to "send_from_directory('./demo/', path)" in django as well&lt;/p&gt;
&lt;p&gt;Please Don't suggest answer for with below solutions as answers already available on stackoverflow&lt;/p&gt;
&lt;ol&gt;
&lt;li&gt;&lt;p&gt;How to serve web pages with apache server&lt;/p&gt;&lt;/li&gt;
&lt;li&gt;&lt;p&gt;Don't want to change even single line with default oraclejet code, so adding {{ % static }} in html files not solution for me&lt;/p&gt;&lt;/li&gt;
&lt;/ol&gt;</t>
  </si>
  <si>
    <t>2018-07-23 18:05:39.440000+00:00</t>
  </si>
  <si>
    <t>2018-07-23 19:54:54.263000+00:00</t>
  </si>
  <si>
    <t>UIImageView in UICollectionView not drawing correctly</t>
  </si>
  <si>
    <t>&lt;p&gt;I have an app with a screen that is divided into four equal cells. Each cell has an image, label, and color. I'm trying to add the images in, but for some reason, only the image in the first cell works. &lt;/p&gt;
&lt;p&gt;It looks like this now: &lt;a href="https://i.stack.imgur.com/B9H3N.png" rel="nofollow noreferrer"&gt;&lt;img src="https://i.stack.imgur.com/B9H3N.png" alt="enter image description here"&gt;&lt;/a&gt;&lt;/p&gt;
&lt;p&gt;Here is my code:
In ViewController.swift:&lt;/p&gt;
&lt;pre&gt;&lt;code&gt;override func viewDidLoad() {
    super.viewDidLoad()
    // Do any additional setup after loading the view, typically from a nib.
    colorArray += [UIColor.red, UIColor.blue, UIColor.green, UIColor.yellow]
    pictureArray += [UIImage(named: "budget")!, UIImage(named: "journey")!,
                     UIImage(named: "learn")!, UIImage(named: "settings")!]
    titleArray += ["Budget", "Journey", "Learn", "Settings"]
}
override func collectionView(_ collectionView: UICollectionView, numberOfItemsInSection section: Int) -&amp;gt; Int {
    return 4
}
override func collectionView(_ collectionView: UICollectionView, cellForItemAt indexPath: IndexPath) -&amp;gt; UICollectionViewCell {
    let cell = collectionView.dequeueReusableCell(withReuseIdentifier: "cell", for: indexPath) as UICollectionViewCell
    // Set cell properties
    cell.backgroundColor = colorArray[indexPath.row]
    let imageview:UIImageView=UIImageView(image: pictureArray[indexPath.row])
    let size = CGSize(width: 100, height: 100)
    imageview.center = cell.center
    imageview.bounds = CGRect(origin: cell.bounds.origin, size: size)
    cell.contentView.addSubview(imageview)
    let label = cell.viewWithTag(1) as! UILabel
    label.text = titleArray[indexPath.row]
    return cell
}
&lt;/code&gt;&lt;/pre&gt;
&lt;p&gt;The labels and colors work fine, but for some reason, the image views seem to be off the screen. I have a feeling that my center/bounds restrictions are forcing the images off the screen, but I've tried many combinations, and none of them seem to work for me.&lt;/p&gt;
&lt;p&gt;How should I do this?&lt;/p&gt;</t>
  </si>
  <si>
    <t>2017-08-01 17:06:41.127000+00:00</t>
  </si>
  <si>
    <t>2017-08-01 19:38:00.320000+00:00</t>
  </si>
  <si>
    <t>ios|swift|uiimageview|uicollectionview</t>
  </si>
  <si>
    <t>Java won't execute cmd line?</t>
  </si>
  <si>
    <t>&lt;p&gt;I try to run this shell in  java but it never works. &lt;/p&gt;
&lt;pre&gt;&lt;code&gt;Process p = Runtime.getRuntime().exec(" cat *.java|sed '/import/d'|sed'/package/d'&amp;gt;&amp;gt;b.java ");
&lt;/code&gt;&lt;/pre&gt;
&lt;p&gt;When I change the cmd to something like "&lt;code&gt;ls&lt;/code&gt;" or "&lt;code&gt;open foo.java&lt;/code&gt;" the code will works.&lt;/p&gt;
&lt;p&gt;Any idea why?&lt;/p&gt;</t>
  </si>
  <si>
    <t>2013-04-26 01:39:12.087000+00:00</t>
  </si>
  <si>
    <t>2013-04-26 02:28:34.457000+00:00</t>
  </si>
  <si>
    <t>2013-04-26 01:43:04.157000+00:00</t>
  </si>
  <si>
    <t>java|shell|cmd</t>
  </si>
  <si>
    <t>Repeat local notification for specific date iOS 10</t>
  </si>
  <si>
    <t>&lt;p&gt;I have local notifications that fire up for specific date, for example, next monday. What i want is, to repeat this every monday. How to achieve that? Code i currently use:&lt;/p&gt;
&lt;pre&gt;&lt;code&gt; if(SYSTEM_VERSION_GRATERTHAN_OR_EQUALTO(@"10.0")) {
        /* Trigger date */
        NSDate *date = [[NSDate date] mt_dateSecondsAfter:15];
        NSDateComponents *triggerDate = [[NSCalendar currentCalendar]
                                         components:NSCalendarUnitYear +
                                         NSCalendarUnitMonth + NSCalendarUnitDay +
                                         NSCalendarUnitHour + NSCalendarUnitMinute +
                                         NSCalendarUnitSecond fromDate:date];
        UNCalendarNotificationTrigger *trigger = [UNCalendarNotificationTrigger triggerWithDateMatchingComponents:triggerDate
                                                                                                          repeats:NO];
        /* Set notification */
        UNMutableNotificationContent *content = [UNMutableNotificationContent new];
        content.body = @"���������� ���������������� �� ���������� ����";
        content.categoryIdentifier = NotificationCategoryIdent;
        content.sound = [UNNotificationSound defaultSound];
        NSString *identifier = @"LocalNotification";
        UNNotificationRequest *request = [UNNotificationRequest requestWithIdentifier:identifier
                                                                              content:content
                                                                              trigger:trigger];
        UNUserNotificationCenter *center = [UNUserNotificationCenter currentNotificationCenter];
        [center addNotificationRequest:request withCompletionHandler:^(NSError * _Nullable error) {
            if (error != nil) {
                NSLog(@"Something went wrong: %@",error);
            }
        }];
    }
    else {
        // Code for old versions
        UILocalNotification *notification = [[UILocalNotification alloc] init];
        [notification setAlertBody:@"���������� ���������������� �� ���������� ����"];
        [notification setCategory:NotificationCategoryIdent];
        [[UIApplication sharedApplication] presentLocalNotificationNow:notification];
    }
&lt;/code&gt;&lt;/pre&gt;</t>
  </si>
  <si>
    <t>2017-05-11 11:54:40.930000+00:00</t>
  </si>
  <si>
    <t>2018-03-30 04:16:13.220000+00:00</t>
  </si>
  <si>
    <t>2017-05-11 12:15:33.197000+00:00</t>
  </si>
  <si>
    <t>ios|objective-c</t>
  </si>
  <si>
    <t>Flash - streaming video</t>
  </si>
  <si>
    <t>&lt;p&gt;What code should I use in AS2.0 if I wish to make my swf application play streaming video. &lt;/p&gt;
&lt;p&gt;Right now I am using the &lt;code&gt;NetStream&lt;/code&gt; interface, but as I realize it is only capable to buffer the video from the very beginning.&lt;/p&gt;
&lt;p&gt;Thank you for your help.&lt;/p&gt;</t>
  </si>
  <si>
    <t>2011-01-11 23:14:05.263000+00:00</t>
  </si>
  <si>
    <t>2011-01-11 23:17:59.210000+00:00</t>
  </si>
  <si>
    <t>flash|actionscript|video</t>
  </si>
  <si>
    <t>Importing Android Library AAR - No Class Definition</t>
  </si>
  <si>
    <t>&lt;p&gt;I am using Android Studio. I am writing an Android Library called detector. It runs perfectly in the project from which it was created.&lt;/p&gt;
&lt;pre&gt;&lt;code&gt;compile project(':detector')
&lt;/code&gt;&lt;/pre&gt;
&lt;p&gt;I want to import the AAR file it generates into another project. I do so:&lt;/p&gt;
&lt;pre&gt;&lt;code&gt;File &amp;gt; New &amp;gt; New Module &amp;gt; Import .JAR/.AAR Package
&lt;/code&gt;&lt;/pre&gt;
&lt;p&gt;I then add the same line in the new projects app build.gradle:&lt;/p&gt;
&lt;pre&gt;&lt;code&gt;compile project(':detector')
&lt;/code&gt;&lt;/pre&gt;
&lt;p&gt;After cleaning and building, I run the app and get this error:&lt;/p&gt;
&lt;pre&gt;&lt;code&gt;11-18 06:32:14.151 21283-21283/testing.com.test D/ResourcesManager: For user 0 new overlays fetched Null
11-18 06:32:14.161 21283-21283/testing.com.test W/System: ClassLoader referenced unknown path: /data/app/testing.com.test-1/lib/arm
11-18 06:32:15.131 21283-21283/testing.com.test W/System: ClassLoader referenced unknown path: /data/app/testing.com.test-1/lib/arm
11-18 06:32:15.131 21283-21283/testing.com.test D/ContextRelationManager: ContextRelationManager() : FEATURE_ENABLED=true
11-18 06:32:15.131 21283-21283/testing.com.test D/RelationGraph: garbageCollect()
11-18 06:32:15.301 21283-21283/testing.com.test D/RelationGraph: garbageCollect()
11-18 06:32:15.501 21283-21283/testing.com.test W/art: Before Android 4.1, method android.graphics.PorterDuffColorFilter android.support.graphics.drawable.VectorDrawableCompat.updateTintFilter(android.graphics.PorterDuffColorFilter, android.content.res.ColorStateList, android.graphics.PorterDuff$Mode) would have incorrectly overridden the package-private method in android.graphics.drawable.Drawable
11-18 06:32:15.621 21283-21283/testing.com.test I/art: Rejecting re-init on previously-failed class java.lang.Class&amp;lt;detector.Manager&amp;gt;
11-18 06:32:15.621 21283-21283/testing.com.test I/art: Rejecting re-init on previously-failed class java.lang.Class&amp;lt;detector.Manager&amp;gt;
11-18 06:32:15.621 21283-21283/testing.com.test I/art: Rejecting re-init on previously-failed class java.lang.Class&amp;lt;detector.Manager&amp;gt;
11-18 06:32:15.621 21283-21283/testing.com.test I/art: Rejecting re-init on previously-failed class java.lang.Class&amp;lt;detector.Manager&amp;gt;
11-18 06:32:15.621 21283-21283/testing.com.test I/art: Rejecting re-init on previously-failed class java.lang.Class&amp;lt;detector.Manager&amp;gt;
11-18 06:32:15.621 21283-21283/testing.com.test I/art: Rejecting re-init on previously-failed class java.lang.Class&amp;lt;detector.Manager&amp;gt;
11-18 06:32:15.621 21283-21283/testing.com.test I/art: Rejecting re-init on previously-failed class java.lang.Class&amp;lt;detector.Manager&amp;gt;
11-18 06:32:15.62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I/art: Rejecting re-init on previously-failed class java.lang.Class&amp;lt;detector.Manager&amp;gt;
11-18 06:32:15.631 21283-21283/testing.com.test D/AndroidRuntime: Shutting down VM
11-18 06:32:15.631 21283-21283/testing.com.test E/AndroidRuntime: FATAL EXCEPTION: main
                                                                         Process: testing.com.test, PID: 21283
                                                                         java.lang.NoClassDefFoundError: detector.Manager
                                                                             at detector.Detector.&amp;lt;clinit&amp;gt;(Detector.java:39)
                                                                             at testing.com.test.MainActivity.onCreate(MainActivity.java:17)
                                                                             at android.app.Activity.performCreate(Activity.java:6904)
                                                                             at android.app.Instrumentation.callActivityOnCreate(Instrumentation.java:1136)
                                                                             at android.app.ActivityThread.performLaunchActivity(ActivityThread.java:3266)
                                                                             at android.app.ActivityThread.handleLaunchActivity(ActivityThread.java:3415)
                                                                             at android.app.ActivityThread.access$1100(ActivityThread.java:229)
                                                                             at android.app.ActivityThread$H.handleMessage(ActivityThread.java:1821)
                                                                             at android.os.Handler.dispatchMessage(Handler.java:102)
                                                                             at android.os.Looper.loop(Looper.java:148)
                                                                             at android.app.ActivityThread.main(ActivityThread.java:7325)
                                                                             at java.lang.reflect.Method.invoke(Native Method)
                                                                             at com.android.internal.os.ZygoteInit$MethodAndArgsCaller.run(ZygoteInit.java:1230)
                                                                             at com.android.internal.os.ZygoteInit.main(ZygoteInit.java:1120)
&lt;/code&gt;&lt;/pre&gt;
&lt;p&gt;I unzip the AAR and decompile the Classes.jar file to find the Manager file does exist:&lt;/p&gt;
&lt;pre&gt;&lt;code&gt;Manager.class
Manager$3.class
Manager$2.class
Manager$1.class
&lt;/code&gt;&lt;/pre&gt;
&lt;p&gt;Here is the libraries build.gradle&lt;/p&gt;
&lt;pre&gt;&lt;code&gt;apply plugin: 'com.android.library'
android {
    compileSdkVersion 23
    buildToolsVersion "23.0.3"
    defaultConfig {
        minSdkVersion 10
        targetSdkVersion 23
        versionCode 1
        versionName '1'
    }
    buildTypes {
        release {
            minifyEnabled false
            proguardFiles getDefaultProguardFile('proguard-android.txt'), 'proguard-rules.pro'
        }
    }
}
dependencies {
    compile fileTree(dir: 'libs', include: ['*.jar'])
    testCompile 'junit:junit:4.12'
    compile ('org.altbeacon:android-beacon-library:2.8.1')
    compile ('com.google.android.gms:play-services-ads:9.6.1')
    compile 'com.android.support:appcompat-v7:23.4.0'
}
buildscript {
    repositories {
        jcenter()
        mavenCentral()
        flatDir {
            dirs 'libs'
        }
    }
}
&lt;/code&gt;&lt;/pre&gt;
&lt;p&gt;Additionally, I am able to deploy the library to jCenter and am able to successfully run the library in other projects when linking to the jCenter installation. It is just the direct AAR import that is causing this issue.&lt;/p&gt;
&lt;p&gt;Please advise on building an Android Library AAR and importing it into another Android Project.&lt;/p&gt;
&lt;p&gt;======UPDATE======&lt;/p&gt;
&lt;p&gt;I have found due to help from @bwt that the issue is solved if I include the libraries dependencies inside the apps build.gradle that is bootstrapping the AAR. How can I ensure that the dependencies ( which are google-play and altbeacon ) are included inside the AAR? Setting them as transitive dependencies before building the AAR has not helped.&lt;/p&gt;</t>
  </si>
  <si>
    <t>2016-11-08 17:39:31.730000+00:00</t>
  </si>
  <si>
    <t>2016-11-23 10:43:31.803000+00:00</t>
  </si>
  <si>
    <t>2016-11-19 19:11:03.060000+00:00</t>
  </si>
  <si>
    <t>java|android|android-studio|android-library|aar</t>
  </si>
  <si>
    <t>MVC controller's string[] parameter is null when posting JSON data</t>
  </si>
  <si>
    <t>&lt;p&gt;I post data with jQuery but I have a problem with array data. The values supplied to the MVC controller are always null. &lt;/p&gt;
&lt;p&gt;This is my JavaScript code:&lt;/p&gt;
&lt;pre&gt;&lt;code&gt; var FilterCategory = $('input:checkbox:checked').map(function () {
                return this.value;
            }).get();
 var posting = $.post(url, { cursorid: lastid, CatFilter: FilterCategory });
&lt;/code&gt;&lt;/pre&gt;
&lt;p&gt;The form data from the network:&lt;/p&gt;
&lt;pre&gt;&lt;code&gt;cursorid:5434cdc84ba4dd0c40396851
Filter[]:1
Filter[]:3
Filter[]:4
&lt;/code&gt;&lt;/pre&gt;
&lt;p&gt;Here's the C# side:&lt;/p&gt;
&lt;pre&gt;&lt;code&gt;public ActionResult GetDataTweets(string cursorid,string[] CatFilter)
    {
       bla bla
    }
&lt;/code&gt;&lt;/pre&gt;
&lt;p&gt;cursorid has a value, but CatFilter is null.&lt;/p&gt;
&lt;p&gt;What do I need to do to have the correct value supplied to CatFilter?&lt;/p&gt;</t>
  </si>
  <si>
    <t>2014-10-09 01:01:28.913000+00:00</t>
  </si>
  <si>
    <t>2014-10-09 01:23:19.510000+00:00</t>
  </si>
  <si>
    <t>2014-10-09 01:12:11.487000+00:00</t>
  </si>
  <si>
    <t>javascript|c#|jquery|html|asp.net-mvc</t>
  </si>
  <si>
    <t>Does g.drawImage() render only the part of the image visible on a JPanel, or does it "keep in mind" the rest of the image?</t>
  </si>
  <si>
    <t>&lt;p&gt;Let's say we have the following code:&lt;/p&gt;
&lt;p&gt;(in a class that extends &lt;code&gt;JPanel&lt;/code&gt;):&lt;/p&gt;
&lt;pre&gt;&lt;code&gt;public void paintComponent(Graphics g) {
    g.drawImage(image, dx1, dy1, dx2, dy2, sx1, sy1, sx2, sy2, null);
}
&lt;/code&gt;&lt;/pre&gt;
&lt;p&gt;If &lt;code&gt;dx1&lt;/code&gt; and &lt;code&gt;dy1&lt;/code&gt; are negative or &lt;code&gt;dx2&lt;/code&gt; and &lt;code&gt;dy2&lt;/code&gt; are larger than the width of the &lt;code&gt;JPanel&lt;/code&gt; (in other words, part of the image will be off-screen), does &lt;code&gt;drawImage()&lt;/code&gt; adjust what is rendered so that it only "pays attention to" the part visible on the &lt;code&gt;JPanel&lt;/code&gt;? I am curious about this because if I draw a very large image on the &lt;code&gt;JPanel&lt;/code&gt;, &lt;code&gt;paintComponent()&lt;/code&gt; could get slow.&lt;/p&gt;</t>
  </si>
  <si>
    <t>2013-05-14 04:08:38.323000+00:00</t>
  </si>
  <si>
    <t>2015-02-03 17:27:29.507000+00:00</t>
  </si>
  <si>
    <t>java|swing|jpanel|implementation|paintcomponent</t>
  </si>
  <si>
    <t>Why is jquery scrollto smooth scroll only working locally, but doesn't on my site?</t>
  </si>
  <si>
    <t>&lt;blockquote&gt;
  &lt;p&gt;I was using the cdn versions initially, but thought it'd work if I used my own files (Doesn't Work).&lt;/p&gt;
&lt;/blockquote&gt;
&lt;pre&gt;&lt;code&gt;&amp;lt;html&amp;gt;
&amp;lt;!-- Scripts --&amp;gt; 
&amp;lt;script src="/Users/anthony/CoderJonesFolio3/CoderJonesFolio3/WebFolio/assets/js/JQuery.js"&amp;gt;&amp;lt;/script&amp;gt;
&amp;lt;script src="/Users/anthony/CoderJonesFolio3/CoderJonesFolio3/WebFolio/assets/js/jQueryscrollTo.js"&amp;gt;&amp;lt;/script&amp;gt;
&amp;lt;script src="/Users/anthony/CoderJonesFolio3/CoderJonesFolio3/WebFolio/assets/js/jQuerylocalScroll.js"&amp;gt;&amp;lt;/script&amp;gt;
&amp;lt;script src="/Users/anthony/CoderJonesFolio3/CoderJonesFolio3/WebFolio/assets/js/helper.js"&amp;gt;&amp;lt;/script&amp;gt;
&lt;/code&gt;&lt;/pre&gt;
&lt;blockquote&gt;
  &lt;p&gt;Updated src path to absolute (Works).&lt;/p&gt;
&lt;/blockquote&gt;
&lt;pre&gt;&lt;code&gt;&amp;lt;html&amp;gt;
&amp;lt;!-- Scripts that work --&amp;gt;
&amp;lt;script src="./assets/js/JQuery.js"&amp;gt;&amp;lt;/script&amp;gt;
&amp;lt;script src="./assets/js/jQueryscrollTo.js"&amp;gt;&amp;lt;/script&amp;gt;
&amp;lt;script src="./assets/js/jQuerylocalScroll.js"&amp;gt;&amp;lt;/script&amp;gt;
&amp;lt;script src="./assets/js/helper.js"&amp;gt;&amp;lt;/script&amp;gt;
&lt;/code&gt;&lt;/pre&gt;</t>
  </si>
  <si>
    <t>2017-11-14 00:42:55.970000+00:00</t>
  </si>
  <si>
    <t>2017-12-01 03:00:17.963000+00:00</t>
  </si>
  <si>
    <t>javascript|jquery|html|smooth-scrolling</t>
  </si>
  <si>
    <t>How to confirm password in Django?</t>
  </si>
  <si>
    <t>&lt;p&gt;I am trying to confirm user password in a secure way using PasswordInput() but Django seem to only allow for one PasswordInput() per form.  What is the best way to implement confirm_password below:&lt;/p&gt;
&lt;pre&gt;&lt;code&gt;class VerifyAccountsForm(forms.ModelForm):
    username = forms.CharField(widget=forms.TextInput(attrs={'placeholder': 'Username'}), label="")
    password = forms.CharField(widget=forms.PasswordInput(attrs={'placeholder': 'Password'}), label="")
    password_verify = forms.CharField(widget=forms.PasswordInput(attrs={'placeholder': 'Verify password'}), label="")
    def clean_password(self):
        print self.cleaned_data
        password1 = self.cleaned_data.get('password')
        password2 = self.cleaned_data.get('password_verify')
        if not password2:
            raise forms.ValidationError("You must confirm your password")
        if password1 != password2:
        raise forms.ValidationError(_('Your passwords do not match'), code='invalid') 
        return password2
&lt;/code&gt;&lt;/pre&gt;
&lt;p&gt;The output of clean_data is only the username and password, no password_verify.&lt;/p&gt;</t>
  </si>
  <si>
    <t>2015-11-28 01:31:43.973000+00:00</t>
  </si>
  <si>
    <t>2018-10-19 09:42:12.250000+00:00</t>
  </si>
  <si>
    <t>django|django-forms|django-views</t>
  </si>
  <si>
    <t>how to build a Backbone menu loaded from a JSON file?</t>
  </si>
  <si>
    <t>&lt;p&gt;I'm newbie in Backbone.js..  &lt;/p&gt;
&lt;p&gt;I'm trying to build a dynamic menu that are created on the fly by calling a JSON request.
My question is, how to build a menu like this:&lt;/p&gt;
&lt;pre&gt;&lt;code&gt;&amp;lt;nav&amp;gt;
    &amp;lt;div&amp;gt;
        &amp;lt;h3&amp;gt;Menu 1&amp;lt;/h3&amp;gt;
        &amp;lt;ul&amp;gt;
            &amp;lt;li&amp;gt;Sub Menu 1&amp;lt;/li&amp;gt;
            &amp;lt;li&amp;gt;Sub Menu 2&amp;lt;/li&amp;gt;
            &amp;lt;li&amp;gt;Sub Menu 3&amp;lt;/li&amp;gt;
        &amp;lt;/ul&amp;gt;
    &amp;lt;/div&amp;gt;
     &amp;lt;div&amp;gt;
        &amp;lt;h3&amp;gt;Menu 2&amp;lt;/h3&amp;gt;
        &amp;lt;ul&amp;gt;
            &amp;lt;li&amp;gt;Sub Menu 1&amp;lt;/li&amp;gt;
            &amp;lt;li&amp;gt;Sub Menu 2&amp;lt;/li&amp;gt;
            &amp;lt;li&amp;gt;Sub Menu 3&amp;lt;/li&amp;gt;
        &amp;lt;/ul&amp;gt;
    &amp;lt;/div&amp;gt;
&amp;lt;/nav&amp;gt;
&lt;/code&gt;&lt;/pre&gt;
&lt;p&gt;pulling the data from a external JSON file (navigation.json) like this:&lt;/p&gt;
&lt;pre&gt;&lt;code&gt;{
  menu: [
    {
      name: "Menu 1",
      sub: [
        {
           name: "Sub Menu 1"
        },
        {
           name: "Sub Menu 2"
        },
        {
           name: "Sub Menu 2"
        }
      ]
    },
    {
      name: "Menu 2",
      sub: [
        {
           name: "Sub Menu 1"
        },
        {
           name: "Sub Menu 2"
        },
        {
           name: "Sub Menu 2"
        }
      ]
    }
}
&lt;/code&gt;&lt;/pre&gt;
&lt;p&gt;or I should build a another JSON structure to build that menu?
Thanks in advance!&lt;/p&gt;
&lt;p&gt;By the way the structure of the Models are like this:&lt;/p&gt;
&lt;p&gt;&lt;img src="https://i.stack.imgur.com/fFewb.png" alt="enter image description here"&gt; &lt;/p&gt;</t>
  </si>
  <si>
    <t>2013-06-24 13:56:12.663000+00:00</t>
  </si>
  <si>
    <t>2013-06-25 07:49:34.993000+00:00</t>
  </si>
  <si>
    <t>json|backbone.js</t>
  </si>
  <si>
    <t>Illegal mix of collations (utf8_unicode_ci,IMPLICIT) and (utf8_general_ci,IMPLICIT) for operation '='</t>
  </si>
  <si>
    <t>&lt;p&gt;Error msg on MySql:
Illegal mix of collations (utf8_unicode_ci,IMPLICIT) and (utf8_general_ci,IMPLICIT) for operation '='&lt;/p&gt;
&lt;p&gt;I have gone through several other posts and was not able to solve this problem.
The part affected is something similar to this:&lt;/p&gt;
&lt;pre&gt;&lt;code&gt;CREATE TABLE users (
    userID INT UNSIGNED NOT NULL AUTO_INCREMENT,
    firstName VARCHAR(24) NOT NULL,
    lastName VARCHAR(24) NOT NULL,
    username VARCHAR(24) NOT NULL,
    password VARCHAR(40) NOT NULL,
    PRIMARY KEY (userid)
) ENGINE = INNODB CHARACTER SET utf8 COLLATE utf8_unicode_ci;
CREATE TABLE products (
    productID INT UNSIGNED NOT NULL AUTO_INCREMENT,
    title VARCHAR(104) NOT NULL,
    picturePath VARCHAR(104) NULL,
    pictureThumb VARCHAR(104) NULL,
    creationDate DATE NOT NULL,
    closeDate DATE NULL,
    deleteDate DATE NULL,
    varPath VARCHAR(104) NULL,
    isPublic TINYINT(1) UNSIGNED NOT NULL DEFAULT '1',
    PRIMARY KEY (productID)
) ENGINE = INNODB CHARACTER SET utf8 COLLATE utf8_unicode_ci;
CREATE TABLE productUsers (
    productID INT UNSIGNED NOT NULL,
    userID INT UNSIGNED NOT NULL,
    permission VARCHAR(16) NOT NULL,
    PRIMARY KEY (productID,userID),
    FOREIGN KEY (productID) REFERENCES products (productID) ON DELETE RESTRICT ON UPDATE NO ACTION,
    FOREIGN KEY (userID) REFERENCES users (userID) ON DELETE RESTRICT ON UPDATE NO ACTION
) ENGINE = INNODB CHARACTER SET utf8 COLLATE utf8_unicode_ci;
&lt;/code&gt;&lt;/pre&gt;
&lt;p&gt;The stored procedure I'm using is this:&lt;/p&gt;
&lt;pre&gt;&lt;code&gt;CREATE PROCEDURE updateProductUsers (IN rUsername VARCHAR(24),IN rProductID INT UNSIGNED,IN rPerm VARCHAR(16))
BEGIN
    UPDATE productUsers
        INNER JOIN users
        ON productUsers.userID = users.userID
        SET productUsers.permission = rPerm
        WHERE users.username = rUsername
        AND productUsers.productID = rProductID;
END
&lt;/code&gt;&lt;/pre&gt;
&lt;p&gt;I was testing with php, but the same error is given with SQLyog.
I have also tested recreating the entire DB but to no good.&lt;/p&gt;
&lt;p&gt;Any help will be much appreciated.&lt;/p&gt;</t>
  </si>
  <si>
    <t>2012-08-02 02:05:04.440000+00:00</t>
  </si>
  <si>
    <t>2018-11-14 13:59:32.153000+00:00</t>
  </si>
  <si>
    <t>2017-07-21 18:25:00.250000+00:00</t>
  </si>
  <si>
    <t>mysql|stored-procedures</t>
  </si>
  <si>
    <t>AEM 6.1 Sightly basic form submit and redirect to same page</t>
  </si>
  <si>
    <t>&lt;p&gt;I am trying to do the following on AEM 6.1:&lt;/p&gt;
&lt;ol&gt;
&lt;li&gt;Develop a simple form (3 input fields)&lt;/li&gt;
&lt;li&gt;Process the submitted values,&lt;/li&gt;
&lt;li&gt;And redirect to the same page with processed values/result&lt;/li&gt;
&lt;/ol&gt;
&lt;p&gt;I am able to submit the values to a servlet, and process them (business logic), and the result to a requestparamter so i can retrieve them on the UI. But i am stuck at these:&lt;/p&gt;
&lt;ol&gt;
&lt;li&gt;Redirecting to the same page&lt;/li&gt;
&lt;li&gt;And retrieving the request parameters and display them using Sightly.&lt;/li&gt;
&lt;/ol&gt;
&lt;p&gt;Code Snippets:
Servlet&lt;/p&gt;
&lt;pre&gt;&lt;code&gt;@SlingServlet(
methods = { "POST","GET" }, 
name="com.tti.tticommons.service.servlets.LeadTimeTrendsServlet",
paths = { "/services/processFormData" }
)
public class TTICommonServlet extends SlingAllMethodsServlet{   
...
@Override
protected void doPost(SlingHttpServletRequest request,SlingHttpServletResponse response) throws ServletException,IOException {
  String result;
  try {
        Enumeration&amp;lt;String&amp;gt; parameterNames = request.getParameterNames();
        Map&amp;lt;String, String&amp;gt; formParametersMap = new HashMap&amp;lt;String, String&amp;gt;();
        while (parameterNames.hasMoreElements()) {
            paramName = parameterNames.nextElement();
            paramValue = request.getParameter(paramName);
            .......
            .......
       }
       request.setAttribute("result",result);
       response.sendRedirect("/content/ttii/en/**posttest.html**");
    }
}
&lt;/code&gt;&lt;/pre&gt;
&lt;p&gt;Can anyone please help on ho to retireve the above "result" in posttest.html using sightly.&lt;/p&gt;</t>
  </si>
  <si>
    <t>2015-07-16 12:35:26.550000+00:00</t>
  </si>
  <si>
    <t>2016-02-18 09:19:49.447000+00:00</t>
  </si>
  <si>
    <t>2015-07-17 19:07:29.990000+00:00</t>
  </si>
  <si>
    <t>aem|sling|sightly</t>
  </si>
  <si>
    <t>Where do these additional solution configurations come from?</t>
  </si>
  <si>
    <t>&lt;p&gt;While checking my configuration manager, I noticed three additional solution configurations I haven't seen before:&lt;/p&gt;
&lt;ul&gt;
&lt;li&gt;DebugSnk&lt;/li&gt;
&lt;li&gt;ReleaseSnk&lt;/li&gt;
&lt;li&gt;CodeAnalysis&lt;/li&gt;
&lt;/ul&gt;
&lt;p&gt;Does anybody have any idea where these come from?&lt;/p&gt;</t>
  </si>
  <si>
    <t>2011-05-12 14:28:46.353000+00:00</t>
  </si>
  <si>
    <t>2011-05-12 14:31:16.243000+00:00</t>
  </si>
  <si>
    <t>c#|.net|visual-studio-2010|.net-4.0|projects-and-solutions</t>
  </si>
  <si>
    <t>Namespace not declared at XML Node Transformation</t>
  </si>
  <si>
    <t>&lt;p&gt;I  am trying to process a bpmn file into an own flow model. Actually, my problem does not relate at all to bpmn standard so consider this as a context issue.
I want to get an xml node and transform it to String in order to save later to a database.
What i am trying to do in the following code is to get the BPMNDiagram node, using xpath, and export it to as string but, when i try to export i get an expception about not declaring nsi namespace.
I have declared all the namespaces at xpath previous "query" but once i get this node and try to transform it, i get the error described below.
The xpath part is working properly since i am getting the right node. The problem appears at transformation phase.&lt;/p&gt;
&lt;p&gt;XML File (partial)&lt;/p&gt;
&lt;pre&gt;&lt;code&gt;&amp;lt;?xml version="1.0" encoding="UTF-8"?&amp;gt;
&amp;lt;bpmn:definitions xmlns:bpmn="http://www.omg.org/spec/BPMN/20100524/MODEL"xmlns:bpmndi="http://www.omg.org/spec/BPMN/20100524/DI"     xmlns:di="http://www.omg.org/spec/DD/20100524/DI" xmlns:dc="http://www.omg.org/spec/DD/20100524/DC" xmlns:xsi="http://www.w3.org/2001/XMLSchema-instance" xmlns:camunda="http://camunda.org/schema/1.0/bpmn" id="Definitions_1" targetNamespace="http://bpmn.io/schema/bpmn" exporter="Camunda Modeler" exporterVersion="1.2.1"&amp;gt;
&amp;lt;bpmn:process id="PP-ProcessProva01" name="ProcesProva" isExecutable="true"&amp;gt;
...
&amp;lt;/bpmn:process&amp;gt;
&amp;lt;bpmndi:BPMNDiagram id="BPMNDiagram_1"&amp;gt;
&amp;lt;bpmndi:BPMNPlane id="BPMNPlane_1" bpmnElement="PP-ProcessProva01"&amp;gt;
  &amp;lt;bpmndi:BPMNShape id="StartEvent_1cp968c_di" bpmnElement="PP_EV_ENTRADA"&amp;gt;
    &amp;lt;dc:Bounds x="-39" y="143" width="36" height="36" /&amp;gt;
    &amp;lt;bpmndi:BPMNLabel&amp;gt;
      &amp;lt;dc:Bounds x="70" y="161" width="90" height="20" /&amp;gt;
    &amp;lt;/bpmndi:BPMNLabel&amp;gt;
  &amp;lt;/bpmndi:BPMNShape&amp;gt;
  &amp;lt;bpmndi:BPMNShape id="Task_0ogrwwq_di" bpmnElement="PP_AC_VALIDACION"&amp;gt;
    &amp;lt;dc:Bounds x="241.17552742616033" y="120.96118143459915" width="100" height="80" /&amp;gt;
  &amp;lt;/bpmndi:BPMNShape&amp;gt;
  &amp;lt;bpmndi:BPMNEdge id="SequenceFlow_1bc244v_di" bpmnElement="EV_TR_PP_EV_ENTRADA-PP_AC_VALIDACION"&amp;gt;
    &amp;lt;di:waypoint xsi:type="dc:Point" x="-3" y="161" /&amp;gt;
    &amp;lt;di:waypoint xsi:type="dc:Point" x="241" y="161" /&amp;gt;
    &amp;lt;bpmndi:BPMNLabel&amp;gt;
      &amp;lt;dc:Bounds x="21.459854014598534" y="151" width="90" height="20" /&amp;gt;
    &amp;lt;/bpmndi:BPMNLabel&amp;gt;
  &amp;lt;/bpmndi:BPMNEdge&amp;gt;
&amp;lt;/bpmndi:BPMNPlane&amp;gt;
&amp;lt;/bpmndi:BPMNDiagram&amp;gt;
&amp;lt;/bpmn:definitions&amp;gt;
&lt;/code&gt;&lt;/pre&gt;
&lt;p&gt;This is my code:&lt;/p&gt;
&lt;pre&gt;&lt;code&gt;String res="";
File file2 = new File("c:\\temp\\prova.bpmn");
DocumentBuilderFactory dbf = DocumentBuilderFactory.newInstance();
org.w3c.dom.Document doc = dbf.newDocumentBuilder().parse(file2);
HashMap&amp;lt;String, String&amp;gt; prefMap = new HashMap&amp;lt;String, String&amp;gt;() {{
                put("bpmn", "http://www.omg.org/spec/BPMN/20100524/MODEL");
                put("bpmndi", "http://www.omg.org/spec/BPMN/20100524/DI");
                put("di", "http://www.omg.org/spec/DD/20100524/DI");
                put("dc", "http://www.omg.org/spec/DD/20100524/DC");
                put("xsi", "http://www.w3.org/2001/XMLSchema-instance");
                put("camunda", "http://camunda.org/schema/1.0/bpmn");
            }};
SimpleNamespaceContext namespaces = new SimpleNamespaceContext(prefMap);
javax.xml.xpath.XPath xpath = XPathFactory.newInstance().newXPath();
xpath.setNamespaceContext(namespaces);
javax.xml.xpath.XPathExpression expr = xpath.compile("/definitions/BPMNDiagram");
Node nodeDi = (Node) expr.evaluate(doc,XPathConstants.NODE);
Transformer t = TransformerFactory.newInstance().newTransformer();
t.setOutputProperty(OutputKeys.OMIT_XML_DECLARATION, "yes");
t.transform(new DOMSource(nodeDi), new StreamResult(res));
&lt;/code&gt;&lt;/pre&gt;
&lt;p&gt;Error message:&lt;/p&gt;
&lt;pre&gt;&lt;code&gt;Namespace for prefix 'nsi' has not been declared
&lt;/code&gt;&lt;/pre&gt;
&lt;p&gt;Do i have to declare in a similar way the namespaces at transformation level? Can anybody, please, help me?&lt;/p&gt;
&lt;p&gt;Thanks in advance.&lt;/p&gt;</t>
  </si>
  <si>
    <t>2016-09-07 13:01:50.347000+00:00</t>
  </si>
  <si>
    <t>2016-10-25 13:45:31.693000+00:00</t>
  </si>
  <si>
    <t>2016-09-07 13:17:01.617000+00:00</t>
  </si>
  <si>
    <t>java|xml|dom|bpmn</t>
  </si>
  <si>
    <t>RS.exe subscribe report with parameters</t>
  </si>
  <si>
    <t>&lt;p&gt;I am trying to create dynamic report subscriptions through rs.exe. How ever I cannot get the parameters to work. The enddate value is data/time, so I think that might be causing it, but I do not know what to do about it. I have tried casting, but the error msg. stays the same. &lt;/p&gt;
&lt;p&gt;rs.exe call: &lt;/p&gt;
&lt;pre&gt;&lt;code&gt;C:\Program Files (x86)\Microsoft SQL Server\130\Tools\Binn&amp;gt;rs.exe -i C:\Users\me\Desktop\rss_gen\subs.rss -s "localhost/ReportserverT"
&lt;/code&gt;&lt;/pre&gt;
&lt;p&gt;subs.rss file:&lt;/p&gt;
&lt;pre&gt;&lt;code&gt;Public Sub Main()
    rs.Credentials = System.Net.CredentialCache.DefaultCredentials
    Dim desc As String        = "Report description"
    Dim eventType As String   = "TimedSubscription"
    Dim scheduleXml As String = "&amp;lt;ScheduleDefinition&amp;gt;&amp;lt;StartDateTime&amp;gt;2017-12-08T15:00:00&amp;lt;/StartDateTime&amp;gt;&amp;lt;WeeklyRecurrence&amp;gt;&amp;lt;WeeksInterval&amp;gt;1&amp;lt;/WeeksInterval&amp;gt;&amp;lt;DaysOfWeek&amp;gt;&amp;lt;Thursday&amp;gt;True&amp;lt;/Thursday&amp;gt;&amp;lt;/DaysOfWeek&amp;gt;&amp;lt;/WeeklyRecurrence&amp;gt;&amp;lt;/ScheduleDefinition&amp;gt;"
 Dim parameters() As ParameterValue
    ' If you need setup parameters
      Dim parameter As ParameterValue
        parameter.Name = "enddate"
        parameter.Value = "2017-12-30 10:03:01.250" 'this is date/time
    parameters(0) = parameter
    Dim matchData As String = scheduleXml
    Dim returnValue As String
    Dim reports() As String = { _ 
        "/My Folder/report"}
    For Each report As String In reports
        returnValue = rs.CreateSubscription(report, parameters)
        Console.WriteLine(returnValue)
    Next
End Sub 'Main`enter code here`
&lt;/code&gt;&lt;/pre&gt;
&lt;p&gt;Error msg:&lt;/p&gt;
&lt;blockquote&gt;
  &lt;p&gt;C:\Users\mee\AppData\Local\Temp\11\dhexge0m.1.vb(43) : error BC30455:
  Argument n ot specified for parameter 'Parameters' of 'Public Function
  CreateSubscription(R eport As String, ExtensionSettings As
  Microsoft.SqlServer.ReportingServices2005. ExtensionSettings,
  Description As String, EventType As String, MatchData As Stri ng,
  Parameters() As
  Microsoft.SqlServer.ReportingServices2005.ParameterValue) As  String'.  &lt;/p&gt;
&lt;/blockquote&gt;</t>
  </si>
  <si>
    <t>2017-12-08 14:49:42.527000+00:00</t>
  </si>
  <si>
    <t>2017-12-13 05:14:43.553000+00:00</t>
  </si>
  <si>
    <t>2017-12-11 07:39:54.823000+00:00</t>
  </si>
  <si>
    <t>vb.net|reporting-services|rs.exe</t>
  </si>
  <si>
    <t>Insert a logo in upper right corner of Rmarkdown pdf document &amp; header</t>
  </si>
  <si>
    <t>&lt;p&gt;I viewed the &lt;a href="https://stackoverflow.com/questions/27982052/insert-a-logo-in-upper-right-corner-of-r-markdown-pdf-document"&gt;"insert a logo in upper right corner of R markdown pdf document"&lt;/a&gt;topic and I managed to insert a logo in the upper right corner using this input: &lt;/p&gt;
&lt;pre&gt;&lt;code&gt;  pdf_document:
      keep_tex: true
      includes:
        in_header: header.tex
&lt;/code&gt;&lt;/pre&gt;
&lt;p&gt;But  when I additionally include &lt;code&gt;author:&lt;/code&gt; &lt;code&gt;title:&lt;/code&gt; &lt;code&gt;date:&lt;/code&gt; the logo disappears. 
I realised, that in a document with more than one page, the logo appears from the second page onwards but not on the first page, where I included the header&lt;/p&gt;
&lt;p&gt;How can I include the logo on the first page additional to the normal infomations as author:, titel: and so on?&lt;/p&gt;</t>
  </si>
  <si>
    <t>2016-09-21 13:39:38.587000+00:00</t>
  </si>
  <si>
    <t>2017-04-24 10:58:58.883000+00:00</t>
  </si>
  <si>
    <t>2017-05-23 12:34:11.653000+00:00</t>
  </si>
  <si>
    <t>r|image|pdf|markdown|rstudio</t>
  </si>
  <si>
    <t>T-SQL Selecting Specific Number from Similar Groups</t>
  </si>
  <si>
    <t>&lt;p&gt;I have a list of numbers:&lt;/p&gt;
&lt;pre&gt;&lt;code&gt;100
101
200
201
300
400
500
501
&lt;/code&gt;&lt;/pre&gt;
&lt;p&gt;I need a t-sql select query to return the following from the above list:&lt;/p&gt;
&lt;pre&gt;&lt;code&gt;101
201
300
400
501
&lt;/code&gt;&lt;/pre&gt;
&lt;p&gt;Is it possible?&lt;/p&gt;</t>
  </si>
  <si>
    <t>2014-11-11 18:58:31.890000+00:00</t>
  </si>
  <si>
    <t>2014-11-11 19:31:40.867000+00:00</t>
  </si>
  <si>
    <t>sql-server</t>
  </si>
  <si>
    <t>get every element on odd position in array from for loop to for each loop</t>
  </si>
  <si>
    <t>&lt;p&gt;I am trying to push every element in an array that is on a odd position to an array and the same with elements in even positions. For example:&lt;/p&gt;
&lt;pre&gt;&lt;code&gt;var arr = [a, b, c, d, e, f, g];
//Would give me this
var odd = [a, c, e, g];
var even = [b, d, f];
&lt;/code&gt;&lt;/pre&gt;
&lt;p&gt;I have a code that works with a for loop and it looks like this: &lt;/p&gt;
&lt;pre&gt;&lt;code&gt;for (var i=0;i&amp;lt;arr1.length;i++){
    if ((i+2)%2==1) {
    even.push(arr1[i]);
  } else {
    odd.push(arr1[i]);
  }
}
&lt;/code&gt;&lt;/pre&gt;
&lt;p&gt;but instead of using a for loop I want to use a forEach loop. This is what I did:&lt;/p&gt;
&lt;pre&gt;&lt;code&gt;var arr1 = [1,1,2,2,3,8,4,6];
arr1.forEach(x =&amp;gt; {
  if((x) % 2 == 0) {
    even.push(x);
  } else {
    odd.push(x);
  }
});
&lt;/code&gt;&lt;/pre&gt;
&lt;p&gt;but this doesn't work, instead of outputing this:&lt;/p&gt;
&lt;pre&gt;&lt;code&gt;even = [ 1, 2, 8, 6 ];
odd = [ 1, 2, 3, 4 ];
&lt;/code&gt;&lt;/pre&gt;
&lt;p&gt;It outputs this, which is wrong:&lt;/p&gt;
&lt;pre&gt;&lt;code&gt;even = [ 2, 2, 8, 4, 6 ];
odd = [ 1, 1, 3 ];
&lt;/code&gt;&lt;/pre&gt;
&lt;p&gt;So instead of ouputing the element that is in a odd or even position in the array it outputs the elements that are odd or even. &lt;/p&gt;
&lt;p&gt;Thanks in advance!&lt;/p&gt;</t>
  </si>
  <si>
    <t>2018-04-26 13:17:35.213000+00:00</t>
  </si>
  <si>
    <t>2018-04-26 13:19:02.587000+00:00</t>
  </si>
  <si>
    <t>user6514554</t>
  </si>
  <si>
    <t>javascript|arrays|for-loop|foreach</t>
  </si>
  <si>
    <t>How to change the clearcase "registry on server host " automated way?</t>
  </si>
  <si>
    <t>&lt;p&gt;We are working in 2 projects and unfortuantely we have to switch between 2 replicas .&lt;/p&gt;
&lt;p&gt;So we are changing registry on server host information by typing cc.cpl in run programs and change it manually .&lt;/p&gt;
&lt;p&gt;Is there any way to change it automatically? may be cleartool command would be helpful.&lt;/p&gt;</t>
  </si>
  <si>
    <t>2013-09-23 13:04:55.910000+00:00</t>
  </si>
  <si>
    <t>2013-11-07 09:02:11.900000+00:00</t>
  </si>
  <si>
    <t>clearcase|clearcase-ucm|cleartool</t>
  </si>
  <si>
    <t>Checkbox in html using php</t>
  </si>
  <si>
    <t>&lt;p&gt;I am creating a table in which each cell should have a checkbox.The layout of table is coming fine but in each cell I am getting blank instead of a checkbox like this   &lt;a href="http://s28.postimg.org/cssu0w1vx/pic.png.But" rel="nofollow"&gt;http://s28.postimg.org/cssu0w1vx/pic.png.But&lt;/a&gt; if I dont use loop and do it manually it shows checkboxes
Below is the php code&lt;/p&gt;
&lt;pre&gt;&lt;code&gt; &amp;lt;?php
  $j=0;
  for($k=0;$k&amp;lt;3;$k++)
  {
      if($k==0)
      {
          echo "&amp;lt;tr id="."spanDate"."&amp;gt;";
          for($i=0;$i&amp;lt;8;$i++)
          {
             if($i==0)
                echo "&amp;lt;td&amp;gt;&amp;lt;input type='checkbox' name='time' value='" . ($i+1) . "'&amp;gt;&amp;lt;/td&amp;gt;";
            else
                echo "&amp;lt;td&amp;gt;&amp;lt;input type='checkbox' name='time" . $j . "' value='" . ($i+1) . "'&amp;gt;&amp;lt;/td&amp;gt;";
            $j++;
          }
          echo "&amp;lt;/tr&amp;gt;";
      }
      else
      {
          echo "&amp;lt;tr id="."spanDate".$k."&amp;gt;";
          for($i=0;$i&amp;lt;8;$i++)
          {
             if($i==0)
                echo "&amp;lt;td&amp;gt;&amp;lt;input type='checkbox' name='time' value='" . ($i+1) . "'&amp;gt;&amp;lt;/td&amp;gt;";
            else
                echo "&amp;lt;td&amp;gt;&amp;lt;input type='checkbox' name='time" . $j . "' value='" . ($i+1) . "'&amp;gt;&amp;lt;/td&amp;gt;";
            $j++;
          }
          echo "&amp;lt;/tr&amp;gt;";
      }
  }
?&amp;gt;
&amp;lt;/table&amp;gt;
&lt;/code&gt;&lt;/pre&gt;
&lt;p&gt;AFTER running the updated code given by @bs03 I get this&lt;/p&gt;
&lt;pre&gt;&lt;code&gt;  &amp;lt;tr id=spanDate&amp;gt;&amp;lt;td&amp;gt;&amp;lt;input type='checkbox' name='time' value='1'&amp;gt;&amp;lt;/td&amp;gt;&amp;lt;td&amp;gt;&amp;lt;input type='checkbox' name='time1' value='2'&amp;gt;&amp;lt;/td&amp;gt;&amp;lt;td&amp;gt;&amp;lt;input type='checkbox' name='time2' value='3'&amp;gt;&amp;lt;/td&amp;gt;&amp;lt;td&amp;gt;&amp;lt;input type='checkbox' name='time3' value='4'&amp;gt;&amp;lt;/td&amp;gt;&amp;lt;td&amp;gt;&amp;lt;input type='checkbox' name='time4' value='5'&amp;gt;&amp;lt;/td&amp;gt;&amp;lt;td&amp;gt;&amp;lt;input type='checkbox' name='time5' value='6'&amp;gt;&amp;lt;/td&amp;gt;&amp;lt;td&amp;gt;&amp;lt;input type='checkbox' name='time6' value='7'&amp;gt;&amp;lt;/td&amp;gt;&amp;lt;td&amp;gt;&amp;lt;input type='checkbox' name='time7' value='8'&amp;gt;&amp;lt;/td&amp;gt;&amp;lt;/tr&amp;gt;&amp;lt;tr id=spanDate1&amp;gt;&amp;lt;td&amp;gt;&amp;lt;input type='checkbox' name='time' value='1'&amp;gt;&amp;lt;/td&amp;gt;&amp;lt;td&amp;gt;&amp;lt;input type='checkbox' name='time9' value='2'&amp;gt;&amp;lt;/td&amp;gt;&amp;lt;td&amp;gt;&amp;lt;input type='checkbox' name='time10' value='3'&amp;gt;&amp;lt;/td&amp;gt;&amp;lt;td&amp;gt;&amp;lt;input type='checkbox' name='time11' value='4'&amp;gt;&amp;lt;/td&amp;gt;&amp;lt;td&amp;gt;&amp;lt;input type='checkbox' name='time12' value='5'&amp;gt;&amp;lt;/td&amp;gt;&amp;lt;td&amp;gt;&amp;lt;input type='checkbox' name='time13' value='6'&amp;gt;&amp;lt;/td&amp;gt;&amp;lt;td&amp;gt;&amp;lt;input type='checkbox' name='time14' value='7'&amp;gt;&amp;lt;/td&amp;gt;&amp;lt;td&amp;gt;&amp;lt;input type='checkbox' name='time15' value='8'&amp;gt;&amp;lt;/td&amp;gt;&amp;lt;/tr&amp;gt;&amp;lt;tr id=spanDate2&amp;gt;&amp;lt;td&amp;gt;&amp;lt;input type='checkbox' name='time' value='1'&amp;gt;&amp;lt;/td&amp;gt;&amp;lt;td&amp;gt;&amp;lt;input type='checkbox' name='time17' value='2'&amp;gt;&amp;lt;/td&amp;gt;&amp;lt;td&amp;gt;&amp;lt;input type='checkbox' name='time18' value='3'&amp;gt;&amp;lt;/td&amp;gt;&amp;lt;td&amp;gt;&amp;lt;input type='checkbox' name='time19' value='4'&amp;gt;&amp;lt;/td&amp;gt;&amp;lt;td&amp;gt;&amp;lt;input type='checkbox' name='time20' value='5'&amp;gt;&amp;lt;/td&amp;gt;&amp;lt;td&amp;gt;&amp;lt;input type='checkbox' name='time21' value='6'&amp;gt;&amp;lt;/td&amp;gt;&amp;lt;td&amp;gt;&amp;lt;input type='checkbox' name='time22' value='7'&amp;gt;&amp;lt;/td&amp;gt;&amp;lt;td&amp;gt;&amp;lt;input type='checkbox' name='time23' value='8'&amp;gt;&amp;lt;/td&amp;gt;&amp;lt;/tr&amp;gt;&amp;lt;/table&amp;gt;
&lt;/code&gt;&lt;/pre&gt;
&lt;p&gt;CSS CODE&lt;/p&gt;
&lt;pre&gt;&lt;code&gt;&amp;lt;style&amp;gt;
.CSSTableGenerator {
    margin:0px;padding:0px;
    width:100%;
    box-shadow: 10px 10px 5px #888888;
    border:1px solid #000000;
    -moz-border-radius-bottomleft:0px;
    -webkit-border-bottom-left-radius:0px;
    border-bottom-left-radius:0px;
    -moz-border-radius-bottomright:0px;
    -webkit-border-bottom-right-radius:0px;
    border-bottom-right-radius:0px;
    -moz-border-radius-topright:0px;
    -webkit-border-top-right-radius:0px;
    border-top-right-radius:0px;
    -moz-border-radius-topleft:0px;
    -webkit-border-top-left-radius:0px;
    border-top-left-radius:0px;
}.CSSTableGenerator table{
    border-collapse: collapse;
        border-spacing: 0;
    width:100%;
    height:100%;
    margin:0px;padding:0px;
}.CSSTableGenerator tr:last-child td:last-child {
    -moz-border-radius-bottomright:0px;
    -webkit-border-bottom-right-radius:0px;
    border-bottom-right-radius:0px;
}
.CSSTableGenerator table tr:first-child td:first-child {
    -moz-border-radius-topleft:0px;
    -webkit-border-top-left-radius:0px;
    border-top-left-radius:0px;
}
.CSSTableGenerator table tr:first-child td:last-child {
    -moz-border-radius-topright:0px;
    -webkit-border-top-right-radius:0px;
    border-top-right-radius:0px;
}.CSSTableGenerator tr:last-child td:first-child{
    -moz-border-radius-bottomleft:0px;
    -webkit-border-bottom-left-radius:0px;
    border-bottom-left-radius:0px;
}.CSSTableGenerator tr:hover td{
}
.CSSTableGenerator tr:nth-child(odd){ background-color:#ffaa56; }
.CSSTableGenerator tr:nth-child(even)    { background-color:#ffffff; }.CSSTableGenerator td{
    vertical-align:middle;
    border:1px solid #000000;
    border-width:0px 1px 1px 0px;
    text-align:left;
    padding:7px;
    font-size:10px;
    font-family:Arial;
    font-weight:bold;
    color:#000000;
}.CSSTableGenerator tr:last-child td{
    border-width:0px 1px 0px 0px;
}.CSSTableGenerator tr td:last-child{
    border-width:0px 0px 1px 0px;
}.CSSTableGenerator tr:last-child td:last-child{
    border-width:0px 0px 0px 0px;
}
.CSSTableGenerator tr:first-child td{
        background:-o-linear-gradient(bottom, #ff7f00 5%, #bf5f00 100%);    background:-webkit-gradient( linear, left top, left bottom, color-stop(0.05, #ff7f00), color-stop(1, #bf5f00) );
    background:-moz-linear-gradient( center top, #ff7f00 5%, #bf5f00 100% );
    filter:progid:DXImageTransform.Microsoft.gradient(startColorstr="#ff7f00", endColorstr="#bf5f00");  background: -o-linear-gradient(top,#ff7f00,bf5f00);
    background-color:#ff7f00;
    border:0px solid #000000;
    text-align:center;
    border-width:0px 0px 1px 1px;
    font-size:14px;
    font-family:Arial;
    font-weight:bold;
    color:#ffffff;
}
.CSSTableGenerator tr:first-child:hover td{
    background:-o-linear-gradient(bottom, #ff7f00 5%, #bf5f00 100%);    background:-webkit-gradient( linear, left top, left bottom, color-stop(0.05, #ff7f00), color-stop(1, #bf5f00) );
    background:-moz-linear-gradient( center top, #ff7f00 5%, #bf5f00 100% );
    filter:progid:DXImageTransform.Microsoft.gradient(startColorstr="#ff7f00", endColorstr="#bf5f00");  background: -o-linear-gradient(top,#ff7f00,bf5f00);
    background-color:#ff7f00;
}
.CSSTableGenerator tr:first-child td:first-child{
    border-width:0px 0px 1px 0px;
}
.CSSTableGenerator tr:first-child td:last-child{
    border-width:0px 0px 1px 1px;
}
&amp;lt;/style&amp;gt;
&lt;/code&gt;&lt;/pre&gt;</t>
  </si>
  <si>
    <t>2015-06-25 07:21:51.287000+00:00</t>
  </si>
  <si>
    <t>2015-06-25 07:59:32.377000+00:00</t>
  </si>
  <si>
    <t>php|html|checkbox</t>
  </si>
  <si>
    <t>Hibernate: "no type name" with "AttributeConverter" on Map</t>
  </si>
  <si>
    <t>&lt;p&gt;I have this:&lt;/p&gt;
&lt;pre&gt;&lt;code&gt;@Column
@Convert(converter = MyMapConverter.class)
private Map&amp;lt;String, String&amp;gt; temp;
&lt;/code&gt;&lt;/pre&gt;
&lt;p&gt;MyMapConverter is a simple JPA-AttributeConverter:&lt;/p&gt;
&lt;pre&gt;&lt;code&gt;@Converter
public class MyMapConverter implements AttributeConverter&amp;lt;HashMap&amp;lt;String, String&amp;gt;, String&amp;gt; {
    @Override
    public String convertToDatabaseColumn(HashMap&amp;lt;String, String&amp;gt; attribute) {
        return attribute.toString();
    }
    @Override
    public HashMap&amp;lt;String, String&amp;gt; convertToEntityAttribute(String dbData) {
        return ...
    }
}
&lt;/code&gt;&lt;/pre&gt;
&lt;p&gt;When starting the application, actual hibernate version complains with this error:&lt;/p&gt;
&lt;pre&gt;&lt;code&gt;Caused by: org.hibernate.MappingException: No type name
    at org.hibernate.mapping.SimpleValue.getType(SimpleValue.java:407)
    at org.hibernate.tuple.PropertyFactory.buildStandardProperty(PropertyFactory.java:267)
    at org.hibernate.tuple.component.ComponentMetamodel.&amp;lt;init&amp;gt;(ComponentMetamodel.java:54)
    at org.hibernate.mapping.Component.getType(Component.java:169)
    at org.hibernate.mapping.Property.getType(Property.java:68)
&lt;/code&gt;&lt;/pre&gt;
&lt;p&gt;&lt;strong&gt;What is wrong?&lt;/strong&gt;&lt;/p&gt;</t>
  </si>
  <si>
    <t>2018-01-10 13:17:24.033000+00:00</t>
  </si>
  <si>
    <t>hibernate|jpa-2.0</t>
  </si>
  <si>
    <t>Slow WCF Host when hosted in another AppDomain</t>
  </si>
  <si>
    <t>&lt;p&gt;I am having a weird problem. If the WCF host is hosted in the original AppDomain, the code takes 1.25s to execute. However if I put it in a new AppDomain, despite the fact that I still use net.pipe or net.tcp to talk to it, the process takes 4.7s to run. Here is the code with app.config in the commented out block on the bottom.&lt;/p&gt;
&lt;pre&gt;&lt;code&gt;namespace ConsoleApplication2
{
    using System;
    using System.Collections.Concurrent;
    using System.Diagnostics;
    using System.Linq;
    using System.Net;
    using System.Net.NetworkInformation;
    using System.Reflection;
    using System.ServiceModel;
    using System.Threading.Tasks;
    using Client;
    internal class Program
    {
        #region Methods
        private static void Main(string[] args)
        {
            var p = new Program();
            p.Execute();
        }
        #endregion
        public void Execute()
        {
            var hosts = Enumerable.Range(0, 1).Select(CreateNewHost).ToArray();
            var r = new Random();
            var cb = new ConcurrentDictionary&amp;lt;int, string&amp;gt;();
            Action a = () =&amp;gt;
            {
                try
                {
                    Parallel.For(
                        0,
                        10000,
                        i =&amp;gt;
                        {
                            //string ep = String.Format("net.pipe://localhost/iService{0}", hosts[r.Next(0, hosts.Length)]);
                            string ep = String.Format("net.tcp://localhost:{0}/iService", hosts[r.Next(0, hosts.Length)]);
                            string s=null;
                            //using (var cli = new ServiceClassClient("NetNamedPipeBinding_IServiceClass", ep))
                            using (var cli = new ServiceClassClient("NetTcpBinding_IServiceClass", ep))
                            {
                                s = cli.Ping();
                            }
                            if (!String.IsNullOrEmpty(s))
                            {
                                cb[i] = s;
                            }
                        });
                }
                catch (AggregateException aggregateException)
                {
                    Console.WriteLine(aggregateException);
                }
            };
            Console.WriteLine("\n\nIt took {0:G}", a.TimeThis());
            Console.ReadKey();
        }
        static int CreateNewHost(int s)
        {
            //uncomment for in-process host
            //var h1 = new Host();
            //return h1.Port;
            var appDomain = AppDomain.CreateDomain(
                "A" + s,
                null,
                new AppDomainSetup
                    {
                        LoaderOptimization = LoaderOptimization.MultiDomain,
                        DisallowBindingRedirects = true
                    });
            var assemblyName = Assembly.GetAssembly(typeof(Host)).FullName;
            var h = appDomain.CreateInstanceAndUnwrap(assemblyName, typeof(Host).FullName) as Host;
            return h.Port;
        }
    }
    //comment out MarshalByRefObject for in-process host
    public class Host:MarshalByRefObject
    {
        #region Fields
        private readonly ServiceHost host;
        private readonly int port;
        #endregion
        #region Constructors and Destructors
        public Host()
        {
            this.port = this.GetFreePort();
            var ub = new UriBuilder { Host = "localhost", Port = this.port, Scheme = "net.tcp" };
            var up = new UriBuilder { Host = "localhost", Scheme = "net.pipe", Path = "iService" + this.port };
            this.host = new ServiceHost(typeof(ServiceClass), ub.Uri);
            var netNamedPipeBinding = new NetNamedPipeBinding(NetNamedPipeSecurityMode.None);
            this.host.AddServiceEndpoint(typeof(IServiceClass), netNamedPipeBinding, up.Uri);
            var un = new UriBuilder { Host = "localhost", Port = this.port, Scheme = "net.tcp", Path = "iService" };
            var netTcpBinding = new NetTcpBinding(SecurityMode.None);
            this.host.AddServiceEndpoint(typeof(IServiceClass), netTcpBinding, un.Uri);
//#if DEBUG
            //var us = new UriBuilder { Host = "localhost", Port = this.port, Scheme = "http", Path = "iServiceMeta" };
            //var smb = new ServiceMetadataBehavior { HttpGetEnabled = true, HttpGetUrl = us.Uri };
            //this.host.Description.Behaviors.Add(smb);
//#endif
            this.host.Open();
            Console.WriteLine("Listening at {0}", this.host.BaseAddresses[0].AbsoluteUri);
        }
        #endregion
        #region Public Properties
        public int Port
        {
            get
            {
                return this.port;
            }
        }
        public ServiceHost ServiceHost
        {
            get
            {
                return this.host;
            }
        }
        #endregion
        #region Methods
        private int GetFreePort()
        {
            TcpConnectionInformation[] connections = IPGlobalProperties.GetIPGlobalProperties().GetActiveTcpConnections();
            IPEndPoint[] listeners = IPGlobalProperties.GetIPGlobalProperties().GetActiveTcpListeners();
            var udps = IPGlobalProperties.GetIPGlobalProperties().GetActiveUdpListeners();
            var r = new Random();
            int port;
            do
            {
                port = r.Next(1025, 65534);
            }
            while (listeners.Any(a =&amp;gt; a.Port == port) || connections.Any(a =&amp;gt; a.LocalEndPoint.Port == port) || udps.Any(a=&amp;gt;a.Port==port));
            return port;
        }
        #endregion
    }
    [ServiceContract]
    internal interface IServiceClass
    {
        #region Public Methods and Operators
        [OperationContract]
        string Ping();
        #endregion
    }
    internal class ServiceClass : IServiceClass
    {
        #region Public Methods and Operators
        public string Ping()
        {
            return ((new Random()).NextDouble() * (new Random()).NextDouble()).ToString("F11");
        }
        #endregion
    }
    public static class Extensions
    {
        #region Public Methods and Operators
        public static TimeSpan TimeThis(this Action action)
        {
            var sw = new Stopwatch();
            sw.Start();
            action.Invoke();
            sw.Stop();
            return sw.Elapsed;
        }
        #endregion
    }
}
//------------------------------------------------------------------------------
// &amp;lt;auto-generated&amp;gt;
//     This code was generated by a tool.
//     Runtime Version:4.0.30319.18033
//
//     Changes to this file may cause incorrect behavior and will be lost if
//     the code is regenerated.
// &amp;lt;/auto-generated&amp;gt;
//------------------------------------------------------------------------------
namespace Client
{
    [System.CodeDom.Compiler.GeneratedCodeAttribute("System.ServiceModel", "4.0.0.0")]
    [System.ServiceModel.ServiceContractAttribute(ConfigurationName = "IServiceClass")]
    public interface IServiceClass
    {
        [System.ServiceModel.OperationContractAttribute(Action = "http://tempuri.org/IServiceClass/Ping", ReplyAction = "http://tempuri.org/IServiceClass/PingResponse")]
        string Ping();
    }
    [System.CodeDom.Compiler.GeneratedCodeAttribute("System.ServiceModel", "4.0.0.0")]
    public interface IServiceClassChannel : IServiceClass, System.ServiceModel.IClientChannel
    {
    }
    [System.Diagnostics.DebuggerStepThroughAttribute()]
    [System.CodeDom.Compiler.GeneratedCodeAttribute("System.ServiceModel", "4.0.0.0")]
    public partial class ServiceClassClient : System.ServiceModel.ClientBase&amp;lt;IServiceClass&amp;gt;, IServiceClass
    {
        public ServiceClassClient()
        {
        }
        public ServiceClassClient(string endpointConfigurationName)
            : base(endpointConfigurationName)
        {
        }
        public ServiceClassClient(string endpointConfigurationName, string remoteAddress)
            : base(endpointConfigurationName, remoteAddress)
        {
        }
        public ServiceClassClient(string endpointConfigurationName, System.ServiceModel.EndpointAddress remoteAddress)
            : base(endpointConfigurationName, remoteAddress)
        {
        }
        public ServiceClassClient(System.ServiceModel.Channels.Binding binding, System.ServiceModel.EndpointAddress remoteAddress)
            : base(binding, remoteAddress)
        {
        }
        public string Ping()
        {
            return base.Channel.Ping();
        }
    }
}
/*
&amp;lt;?xml version="1.0" encoding="utf-8" ?&amp;gt;
&amp;lt;configuration&amp;gt;
  &amp;lt;system.serviceModel&amp;gt;
    &amp;lt;bindings&amp;gt;
      &amp;lt;netNamedPipeBinding&amp;gt;
        &amp;lt;binding name="NetNamedPipeBinding_IServiceClass"&amp;gt;
          &amp;lt;security mode="None" /&amp;gt;
        &amp;lt;/binding&amp;gt;
      &amp;lt;/netNamedPipeBinding&amp;gt;
      &amp;lt;netTcpBinding&amp;gt;
        &amp;lt;binding name="NetTcpBinding_IServiceClass"&amp;gt;
          &amp;lt;security mode="None" /&amp;gt;
        &amp;lt;/binding&amp;gt;
      &amp;lt;/netTcpBinding&amp;gt;
    &amp;lt;/bindings&amp;gt;
    &amp;lt;client&amp;gt;
      &amp;lt;endpoint address="" binding="netNamedPipeBinding"
          bindingConfiguration="NetNamedPipeBinding_IServiceClass" contract="IServiceClass"
          name="NetNamedPipeBinding_IServiceClass" /&amp;gt;
      &amp;lt;endpoint address="" binding="netTcpBinding"
          bindingConfiguration="NetTcpBinding_IServiceClass" contract="IServiceClass"
          name="NetTcpBinding_IServiceClass" /&amp;gt;
    &amp;lt;/client&amp;gt;
  &amp;lt;/system.serviceModel&amp;gt;
&amp;lt;/configuration&amp;gt;
*/
&lt;/code&gt;&lt;/pre&gt;</t>
  </si>
  <si>
    <t>2013-05-21 21:36:26.637000+00:00</t>
  </si>
  <si>
    <t>2013-05-22 01:02:58.313000+00:00</t>
  </si>
  <si>
    <t>c#|wcf</t>
  </si>
  <si>
    <t>Rails Logic in controllers?</t>
  </si>
  <si>
    <t>&lt;p&gt;I am always reading about keeping Controllers thin and doing all logic in models. While this makes senses to me for interacting with databases, what about situations where there is no need to for database interactions?&lt;/p&gt;
&lt;p&gt;I have a fairly complex module in my app that interact with several different third party APIs. I use ajax calls to my controller, where all the data is gathered from the APIs and then organized. Then it is displayed via the corresponding .js.erb or .html.erb files.&lt;/p&gt;
&lt;p&gt;Is this the proper way to handle this kind of situation? I'm new to rails and don't want to get into habit of doing things wrong.&lt;/p&gt;</t>
  </si>
  <si>
    <t>2011-04-22 19:09:43.960000+00:00</t>
  </si>
  <si>
    <t>2011-04-22 19:45:36.740000+00:00</t>
  </si>
  <si>
    <t>ruby-on-rails|ruby-on-rails-3</t>
  </si>
  <si>
    <t>Django save and return object at once (with a custom pk)</t>
  </si>
  <si>
    <t>&lt;p&gt;I am creating the  object of a model using custom create method &lt;code&gt;create_actor&lt;/code&gt; like this:&lt;/p&gt;
&lt;pre&gt;&lt;code&gt;class ActorsManager(models.QuerySet):
    def create_actor(self, email,
        actortype,
        locationid,
        primaryphone, actoruniversalid):
        actor = self.model(email=email,
            actortype=actortype,
            locationid = locationid,
            primaryphone=primaryphone, actoruniversalid= actoruniversalid)
        actor.save(using='gpr')
        return actor
actor_entry = Actors.objects.using('gpr').create_actor(email='', actortype=1, locationid = location_entry,primaryphone='', actoruniversalid= new_bluenumber)
&lt;/code&gt;&lt;/pre&gt;
&lt;p&gt;I am not getting the recently created object in &lt;code&gt;actor_entry&lt;/code&gt; variable,
may be i am doing something wrong, please help.&lt;/p&gt;
&lt;p&gt;I'm using a &lt;em&gt;before insert&lt;/em&gt; SQL trigger to generate uuid as pk(CharField here) in the database, so the object does have a pk (generated by the database) before its saved.&lt;/p&gt;
&lt;p&gt;Actors Model&lt;/p&gt;
&lt;pre&gt;&lt;code&gt;class Actors(models.Model):
    actorid = models.CharField(db_column='ActorID', primary_key=True, max_length=255)  # Field name made lowercase.
    actoruniversalid = models.CharField(db_column='ActorBluenumber', unique=True, blank=True, null=True, max_length=254)
    ......
    ......
    objects = ActorsManager.as_manager()
    class Meta:
        managed = False
        db_table = 'actors'
&lt;/code&gt;&lt;/pre&gt;</t>
  </si>
  <si>
    <t>2016-07-08 12:49:04.290000+00:00</t>
  </si>
  <si>
    <t>2016-07-11 07:26:29.083000+00:00</t>
  </si>
  <si>
    <t>2016-07-11 07:03:25.933000+00:00</t>
  </si>
  <si>
    <t>python|django|database|django-models|django-queryset</t>
  </si>
  <si>
    <t>SKSpriteNode doesn't disappear after removeFromParent() when Timer expires</t>
  </si>
  <si>
    <t>&lt;p&gt;In my game, I want that, every time my player touches an object, the screen turns white for about 0.5 seconds and then goes back to normal.&lt;/p&gt;
&lt;p&gt;My code is:&lt;/p&gt;
&lt;pre&gt;&lt;code&gt;private var crash: SKSpriteNode?
func crashadd(){
    crash = SKSpriteNode(imageNamed: "Gameplay BG")
    crash?.anchorPoint = CGPoint(x: 0.5, y: 0.5)
    crash?.position.x = 0
    crash?.position.y = 0
    crash?.zPosition = 15
    mainCamera?.addChild(crash!)
    Timer.scheduledTimer(timeInterval: TimeInterval(0.1), target: self, selector: #selector(GameplayScene.removeCrash), userInfo: nil, repeats: false)
}
func removeCrash() {
    crash?.removeFromParent()
}
&lt;/code&gt;&lt;/pre&gt;
&lt;p&gt;The problem is that the &lt;code&gt;crash&lt;/code&gt; node sometimes doesn't remove itself.&lt;/p&gt;</t>
  </si>
  <si>
    <t>2017-05-12 19:34:51.473000+00:00</t>
  </si>
  <si>
    <t>2017-05-12 21:49:55.657000+00:00</t>
  </si>
  <si>
    <t>2017-05-12 20:40:05.037000+00:00</t>
  </si>
  <si>
    <t>swift|timer|sprite-kit|nstimer|skspritenode</t>
  </si>
  <si>
    <t>Android: Progress Dialog with AsyncTask</t>
  </si>
  <si>
    <t>&lt;p&gt;Since the game requires TTS, and need quite a long time to load, I would like to implement Progress Dialog (PD), as &lt;strong&gt;either&lt;/strong&gt; in the following ways:&lt;/p&gt;
&lt;h2&gt;Implement AsyncTask in Game Index Page:&lt;/h2&gt;
&lt;p&gt;This will show the PD, but the PD is freezed, i.e. the looping circle inside the PD is not looping.&lt;/p&gt;
&lt;pre&gt;&lt;code&gt;    buttonC.setOnClickListener(new OnClickListener() 
    {  
        @Override
        public void onClick(View v) 
        {
            new initialize_game().execute();
        }
    }); 
private class initialize_game extends AsyncTask&amp;lt;String,Integer,String&amp;gt; 
{
    @Override
    protected void onPreExecute()
    {           
        dialog= new ProgressDialog(Index_game.this);
        dialog.setIndeterminate(true);
        dialog.setCancelable(false);
        dialog.setMessage("Loading!\nPlease wait...");
        dialog.show();
    }
    @Override
    protected String doInBackground(String... params) 
    {            
        buttonC.setBackgroundColor(getResources().getColor(R.color.tran_black));
        Intent intent = new Intent(Index_game.this, Game_star_intro.class);
        intent.addFlags(Intent.FLAG_ACTIVITY_NO_ANIMATION);
        startActivityForResult(intent, 0);
        overridePendingTransition(0, 0); // 0 for no animation
        Index_game.this.finish();   
        return "Done!";
    }
    protected void onPostExecute(String result) 
    {
        super.onPostExecute(result);
        Log.i("result","" +result);
        if(result!=null)
        {
            dialog.dismiss();
        }      
    }
}
&lt;/code&gt;&lt;/pre&gt;
&lt;h2&gt;AsyncTask for TTS:&lt;/h2&gt;
&lt;p&gt;Once clicked from the Game Index Page, no PD is shown until the Game is loaded fully, and at that time then the PD pops up and off for a millisecond, i.e. even worse than that above.&lt;/p&gt;
&lt;pre&gt;&lt;code&gt;private class MainFrameTask extends AsyncTask&amp;lt;String,Integer,String&amp;gt; implements OnInitListener, OnUtteranceCompletedListener
{
    private Index_game_card_intro mainFrame = null;  
    public MainFrameTask(Index_game_card_intro mainFrame)
    {  
        this.mainFrame = mainFrame;  
    }  
    @Override  
    protected void onCancelled() 
    {  
        stopProgressDialog();  
        super.onCancelled();  
    }  
    @Override
    protected void onPreExecute()
    {           
        startProgressDialog(); 
    }
    @Override
    protected String doInBackground(String... params) 
    {            
        // setup TTS part 1.1
          mTts = new TextToSpeech(Index_game_card_intro.this, this);  // TextToSpeech.OnInitListener
        return "Done!";
    }
    protected void onPostExecute(String result) 
    {
        stopProgressDialog();      
    }
 // setup TTS part 2    
    @Override
    public void onUtteranceCompleted(String utteranceId) 
    {  
        Log.v(TAG, "Get completed message for the utteranceId " + utteranceId);  
        lastUtterance = Integer.parseInt(utteranceId);  
    }  
// setup TTS part 3 
    @Override
    public void onInit(int status) 
    {  
        if(status == TextToSpeech.SUCCESS)  
        {  
            int result = mTts.setLanguage(Locale.US);  // &amp;lt;====== set speech location
            mTts.setSpeechRate((float) 0.8);
            mTts.setPitch(1.0f);
            if(result == TextToSpeech.LANG_MISSING_DATA || result == TextToSpeech.LANG_NOT_SUPPORTED)  
            {  
                // button_header.setEnabled(false);  
            }  
            else  
            {  
                // button_header.setEnabled(true);  
                mTts.setOnUtteranceCompletedListener(this);  
            }  
        }     
    }    
}
// setup TTS part 4 
private void speakText()  
{  
    lastUtterance++;  
    if(lastUtterance &amp;gt;= loveArray.length)  
    {  
        lastUtterance = 0;  
    }  
    Log.v(TAG, "the begin utterance is " + lastUtterance);  
    for(int i = lastUtterance; i &amp;lt; loveArray.length; i++)  
    {  
        params.put(TextToSpeech.Engine.KEY_PARAM_UTTERANCE_ID, String.valueOf(i));  
        mTts.speak(loveArray[i], TextToSpeech.QUEUE_ADD, params);  
        mTts.playSilence(ttsilience, TextToSpeech.QUEUE_ADD, null);
    }  
} 
&lt;/code&gt;&lt;/pre&gt;
&lt;h2&gt;Question:&lt;/h2&gt;
&lt;p&gt;I found that the Progress Dialog does not show out when Button C in the game index is pressed. However, when the &lt;code&gt;Game_star_intro&lt;/code&gt; is finally loaded, the progress dialog pops up for a very very short time and then gone.&lt;/p&gt;
&lt;p&gt;I would like to show the ProgressDialog when it is loading up the game, not after the game is loaded then the dialog pops for a millisecond. &lt;/p&gt;
&lt;p&gt;In this way, I have also tried to put the load TTS in &lt;code&gt;AsyncTask&lt;/code&gt; inside &lt;code&gt;Game_star_intro&lt;/code&gt;, yet the result is the same: the dialog just pops up for a millisecond.&lt;/p&gt;
&lt;p&gt;Actually how should the AsyncTask be coded?? I have followed some website like this &lt;a href="http://karanbalkar.com/2012/10/tutorial-5-custom-progressdialog-with-asynctask/" rel="nofollow"&gt;http://karanbalkar.com/2012/10/tutorial-5-custom-progressdialog-with-asynctask/&lt;/a&gt;&lt;/p&gt;
&lt;p&gt;Thanks for your time!&lt;/p&gt;</t>
  </si>
  <si>
    <t>2013-12-08 09:33:20.410000+00:00</t>
  </si>
  <si>
    <t>2014-05-18 10:04:40.423000+00:00</t>
  </si>
  <si>
    <t>android|android-asynctask|text-to-speech|progressdialog</t>
  </si>
  <si>
    <t>Start Azure Web Job based on Timer AND new message on Service Bus?</t>
  </si>
  <si>
    <t>&lt;p&gt;I want to know if it is possible to have a web job run, triggered either by a new message on an Azure Service Bus (topic) OR when a timer occurs.  I know I could create two separate web jobs, but am hoping to combine the two since 99% of the logic will be the same.&lt;/p&gt;
&lt;p&gt;Example on how we start a web job when message is ready in Service Bus:&lt;/p&gt;
&lt;pre&gt;&lt;code&gt;[Singleton]
        public  void ProcessQueueMessage([ServiceBusTrigger("%TopicName%", "%SubscriptionName%")] BrokeredMessage message, TextWriter log)
        {
// Processing code here
}
&lt;/code&gt;&lt;/pre&gt;
&lt;p&gt;Example on how we start a web job based on a timer:&lt;/p&gt;
&lt;pre&gt;&lt;code&gt;public static void ProcessByTimer([TimerTrigger("00:00:30", RunOnStartup = true)] TimerInfo timerInfo, TextWriter log)
        {
            // Processing code here
        }
&lt;/code&gt;&lt;/pre&gt;
&lt;p&gt;Note, I tried having the web job have both methods, but it never seemed to enter the timer method, only the service bus triggered method.&lt;/p&gt;
&lt;p&gt;Kind regards,&lt;/p&gt;
&lt;p&gt;Stefan&lt;/p&gt;</t>
  </si>
  <si>
    <t>2017-11-14 02:11:38.330000+00:00</t>
  </si>
  <si>
    <t>2017-11-14 03:05:17.877000+00:00</t>
  </si>
  <si>
    <t>2017-11-14 02:55:05.940000+00:00</t>
  </si>
  <si>
    <t>c#|azure|azure-webjobs|azureservicebus</t>
  </si>
  <si>
    <t>Make "ball" follow mouse on canvas</t>
  </si>
  <si>
    <t>&lt;p&gt;I'm trying to make a ball follow the mouse around inside a canvas area. But the ball only get the first position when mouse enter the canvas area (so on the edges). &lt;/p&gt;
&lt;p&gt;What is wrong since the ball doesn't follow mouse when moving around inside canvas?&lt;/p&gt;
&lt;p&gt;&lt;div class="snippet" data-lang="js" data-hide="false" data-console="true" data-babel="false"&gt;_x000D_
&lt;div class="snippet-code"&gt;_x000D_
&lt;pre class="snippet-code-js lang-js prettyprint-override"&gt;&lt;code&gt;   window.onload = startup;_x000D_
   var ballX = 400;_x000D_
   var ballY = 400;_x000D_
   var mouseX = 0;_x000D_
   var mouseY = 0;_x000D_
   _x000D_
   function startup() {_x000D_
    document.getElementById("drawingArea").onmouseover = mouseMove;_x000D_
    setInterval("moveBall()",100);_x000D_
   _x000D_
   }_x000D_
   _x000D_
   function mouseMove(evt) {_x000D_
    mouseX = evt.clientX;_x000D_
    mouseY = evt.clientY;_x000D_
   }_x000D_
   _x000D_
   function moveBall() {_x000D_
    if (ballX &amp;gt; mouseX) {_x000D_
     ballX -= 5;_x000D_
    } else {_x000D_
     ballX += 5;_x000D_
    }_x000D_
    if (ballY &amp;gt; mouseY) {_x000D_
     ballY -= 5;_x000D_
    } else {_x000D_
     ballY += 5;_x000D_
    }_x000D_
    _x000D_
    var canvas = document.getElementById("drawingArea");_x000D_
    var ctx = canvas.getContext("2d");_x000D_
    _x000D_
    ctx.clearRect(0, 0, canvas.width, canvas.height);_x000D_
    _x000D_
    ctx.beginPath();_x000D_
    ctx.arc(ballX, ballY, 40, 0, 2* Math.PI);_x000D_
    ctx.fillStyle = "green";_x000D_
    ctx.fill();_x000D_
    ctx.lineWidth = 5;_x000D_
    ctx.strokeStyle = "red";_x000D_
    ctx.stroke();_x000D_
   }&lt;/code&gt;&lt;/pre&gt;_x000D_
&lt;pre class="snippet-code-css lang-css prettyprint-override"&gt;&lt;code&gt;#drawingArea _x000D_
{_x000D_
    border-style: solid;_x000D_
    position: absolute;_x000D_
    top: 0;_x000D_
    left: 0;_x000D_
}&lt;/code&gt;&lt;/pre&gt;_x000D_
&lt;pre class="snippet-code-html lang-html prettyprint-override"&gt;&lt;code&gt;&amp;lt;!doctype html&amp;gt;_x000D_
&amp;lt;html&amp;gt;_x000D_
 &amp;lt;head&amp;gt;_x000D_
  &amp;lt;meta charset="UTF-8"&amp;gt;_x000D_
  &amp;lt;title&amp;gt;Move Ball&amp;lt;/title&amp;gt;_x000D_
 &amp;lt;/head&amp;gt;_x000D_
_x000D_
 &amp;lt;body&amp;gt;_x000D_
  &amp;lt;canvas id="drawingArea" width="800" height="800" /&amp;gt;_x000D_
 &amp;lt;/body&amp;gt;_x000D_
&amp;lt;/html&amp;gt;&lt;/code&gt;&lt;/pre&gt;_x000D_
&lt;/div&gt;_x000D_
&lt;/div&gt;_x000D_
&lt;/p&gt;</t>
  </si>
  <si>
    <t>2017-09-19 05:17:05.373000+00:00</t>
  </si>
  <si>
    <t>2017-09-19 06:09:18.763000+00:00</t>
  </si>
  <si>
    <t>javascript|canvas|onmouseover</t>
  </si>
  <si>
    <t>Upload a chunked image file issue</t>
  </si>
  <si>
    <t>&lt;p&gt;I'm using &lt;a href="https://github.com/danialfarid/ng-file-upload" rel="nofollow noreferrer"&gt;ng-file-upload&lt;/a&gt; directive to send an image to server from my angular application. Here is my code:&lt;/p&gt;
&lt;pre&gt;&lt;code&gt;Upload.upload({
    url: 'http://localhost:5000/upload',
    data: { file: blobFile },
    resumeChunkSize: 10000,
}).then(function (resp) { //upload function returns a promise
    console.log('resp: ', resp);
});
&lt;/code&gt;&lt;/pre&gt;
&lt;p&gt;Image is being transferred in chunks. But now, I'm struck here. I don't know how to receive these chunks and merge to create a full image. My server code is as follows:&lt;/p&gt;
&lt;pre&gt;&lt;code&gt;handler: function (req, res) {
    var size = 0;
    req.on('data', function (data) {
      size += data.length;
      console.log('Got chunk: ' + data.length + ' total: ' + size);
    });
    req.on('end', function () {
      console.log("total size = " + size);
      res.send("response");
    });
    req.on('error', function (e) {
      console.log("ERROR ERROR: " + e.message);
    });
  }
&lt;/code&gt;&lt;/pre&gt;
&lt;p&gt;Every time, I receive a chunk request, &lt;code&gt;req.on('end', ...)&lt;/code&gt; triggers. I'm a newbie so confused here. &lt;/p&gt;</t>
  </si>
  <si>
    <t>2017-10-06 08:41:49.680000+00:00</t>
  </si>
  <si>
    <t>2017-10-14 02:19:30.943000+00:00</t>
  </si>
  <si>
    <t>2017-10-14 02:15:53.723000+00:00</t>
  </si>
  <si>
    <t>javascript|angularjs|node.js|ng-file-upload|http-chunked</t>
  </si>
  <si>
    <t>How to cURL a JAR from remote URL</t>
  </si>
  <si>
    <t>&lt;p&gt;I have a JAR that is available for download from an HTTP URL, say, &lt;code&gt;http://somerepo.example.org/myjar-1.0.jar&lt;/code&gt;.&lt;/p&gt;
&lt;p&gt;I need a cURL command that will download it to the current directory; my best attempt thus far is:&lt;/p&gt;
&lt;pre&gt;&lt;code&gt;curl -i -H "Accept: application/zip" -H "Content-Type: application/zip" -X GET http://somerepo.example.org/myjar-1.0.jar
&lt;/code&gt;&lt;/pre&gt;
&lt;p&gt;When I run this my console fills with binary spam and seems to cause my entire terminal to have a melt down.&lt;/p&gt;
&lt;p&gt;&lt;strong&gt;What is the correct cURL command to GET a JAR from a remote URL?&lt;/strong&gt;&lt;/p&gt;</t>
  </si>
  <si>
    <t>2015-05-12 15:44:20.967000+00:00</t>
  </si>
  <si>
    <t>2015-05-12 15:49:35.027000+00:00</t>
  </si>
  <si>
    <t>java|curl</t>
  </si>
  <si>
    <t>Why does this memory copy of a struct not copy bytes to byte stream as expected?</t>
  </si>
  <si>
    <t>&lt;p&gt;I need to serialise a struct and I am trying to do this using memcpy.  But it is not working.  I can tell by looking at the byte stream - I see garbage characters.  Why?&lt;/p&gt;
&lt;p&gt;Also I get runtime error:&lt;/p&gt;
&lt;blockquote&gt;
  &lt;p&gt;Run-Time Check Failure #2 - Stack around the variable 'addresses' was corrupted.&lt;/p&gt;
&lt;/blockquote&gt;
&lt;p&gt;What is happening and how can I fix this?&lt;/p&gt;
&lt;p&gt;I am using &lt;code&gt;#pragma pack(push, 1)&lt;/code&gt; which I thought would mean there would be no padding of the structs.&lt;/p&gt;
&lt;pre&gt;&lt;code&gt;#include &amp;lt;stdio.h&amp;gt;
#include &amp;lt;string.h&amp;gt;
#include &amp;lt;stdint.h&amp;gt;
#pragma pack(push, 1)  /* padding has to be disabled for casting to struct to work at other end */
typedef struct {
    uint8_t             start_char; 
    uint8_t             msg_type;      
    uint8_t             length;     
} MSG_HEADER;
typedef struct {
    uint8_t         denomination[6];   
    uint8_t         path;    
    uint8_t         min_level; 
    uint16_t        max_level;     
    uint16_t        weight;    
    uint8_t         address;  
} CONFIG_DATA;
typedef struct {
    MSG_HEADER            header;
    uint8_t               clear_type;  
    CONFIG_DATA           config_data[12]; 
    uint8_t               system_algorithm; 
    uint8_t               max_transaction;   
} MSG_CONFIGURATION;
#pragma pack(pop) /* only affect this file */
typedef struct {
    unsigned char data[256];
    size_t length;
    int msg_type;
} TCHU_MESSAGE;
enum DRM_MESSAGE_TYPE { 
    CONFIG, CLEAR_COUNT, DISPENSE, CANCEL_TRANSACTION };
void TestCopy()
{
    MSG_CONFIGURATION config;
    config.clear_type = 0;  
    config.system_algorithm = 0;
    config.max_transaction = 17;
    const int NumItems = 12;
    const uint16_t maxLevel = 300;
    static const char* denoms[] = { "GB005A","GB005B","GB010A","GB010B",
        "GB020A","GB050A","GB050B","GB100A",
        "GB100B","GB200A", "EU100A", "EU100B" };
    const uint8_t addresses[] =     { 0, 0, 5, 5, 0, 7, 7, 8, 8, 9, 0, 0 };
    const uint8_t sorting_paths[] = { 5, 5, 4, 4, 5, 2, 2, 1, 1, 3, 0, 0 };
    for(int i = 0; i &amp;lt; NumItems; ++i) {
        memcpy(config.config_data[i].denomination, denoms[i], 6);
        config.config_data[i].address = addresses[i];
        config.config_data[i].path = sorting_paths[i];
        config.config_data[i].min_level = 3;
        config.config_data[i].max_level = maxLevel;
        config.config_data[i].weight = 1000;
    }
    config.header.start_char = 1;
    config.header.msg_type = 2;
    config.header.length = sizeof(MSG_CONFIGURATION);
    TCHU_MESSAGE tchu_msg = {0};
    // why does the memcpy not work?  How can I get it to work?
    memcpy(tchu_msg.data, &amp;amp;config+sizeof(MSG_HEADER), sizeof(MSG_CONFIGURATION) - sizeof(MSG_HEADER));
    printf("sizeof(MSG_HEADER) = %u\n", sizeof(MSG_HEADER));
    printf("sizeof(MSG_CONFIGURATION) = %u\n", sizeof(MSG_CONFIGURATION));
    // get garbage in copyconfig
    MSG_CONFIGURATION copyconfig;
    memcpy(&amp;amp;copyconfig+sizeof(MSG_HEADER), tchu_msg.data, sizeof(MSG_CONFIGURATION) - sizeof(MSG_HEADER));
    if(copyconfig.header.start_char != config.header.start_char)
    {
        // we get to here
        printf("mismatch between original and copy\n");
    }
}
int main() {
    TestCopy();
    // I also get Run-Time Check Failure #2 - Stack around the variable 'addresses' was corrupted.
    // when program ends
}
&lt;/code&gt;&lt;/pre&gt;</t>
  </si>
  <si>
    <t>2016-04-27 11:36:02.037000+00:00</t>
  </si>
  <si>
    <t>2016-04-28 01:21:19.113000+00:00</t>
  </si>
  <si>
    <t>2016-04-27 11:36:44.880000+00:00</t>
  </si>
  <si>
    <t>c|pointers|memory</t>
  </si>
  <si>
    <t>Iterate Through a List Given a Starting Point</t>
  </si>
  <si>
    <t>&lt;p&gt;Say you have a list, and you are given a starting point (for example the 3rd index). How would you iterate over the list starting at that index, and loop back around to visit all of the elements of the list? Meaning, you can start your iteration in the middle of the list but once you reach the end you would continue from the beginning until every element in the list has been visited. What is the cleanest and most efficient way to do something like this? Ideally, I'm looking for something effective to a python pseudo &lt;code&gt;for x in list starting with i:&lt;/code&gt; . &lt;/p&gt;</t>
  </si>
  <si>
    <t>2015-10-07 16:15:41.917000+00:00</t>
  </si>
  <si>
    <t>2015-10-07 19:36:57.013000+00:00</t>
  </si>
  <si>
    <t>2015-10-07 16:20:54.853000+00:00</t>
  </si>
  <si>
    <t>python|list|loops|indexing|iteration</t>
  </si>
  <si>
    <t>How to allow only one open accordion at a time using JavaScript?</t>
  </si>
  <si>
    <t>&lt;p&gt;I am using this piece of JavaScript to open an according menu. The way I see it is calculates the max-height and adds/clears it on click.&lt;/p&gt;
&lt;p&gt;The issue is it allows multiple menus to be open at one time. I'd like the current open accordion to close when a different accordion is clicked to open. Thereby limiting it to one open accordion at a time.&lt;/p&gt;
&lt;p&gt;I read some where that I should use a hideAll function. I tried a few but could not get it to work.&lt;/p&gt;
&lt;pre&gt;&lt;code&gt;var acc = document.getElementsByClassName("accord_table");
var i;
for (i = 0; i &amp;lt; acc.length; i++) {
  acc[i].onclick = function() {
    hideAll();
    this.classList.toggle("active");
    var record = this.nextElementSibling;
    if (record.style.maxHeight){ record.style.maxHeight = null; } 
    else { record.style.maxHeight = (record.scrollHeight + 0) + "px"; } 
  }
}
&lt;/code&gt;&lt;/pre&gt;
&lt;p&gt;Here is a hideAll function I found but I cannot seem to convert it to work with what I have above. Obviously the JS calls are not congruent and I am not sure how to engineer it to do what I am looking for.&lt;/p&gt;
&lt;pre&gt;&lt;code&gt;function hideAll() {
for (i = 0; i &amp;lt; acc.length; i++) {
    acc[i].classList.toggle("active", false);
    acc[i].nextElementSibling.classList.toggle("show", false);
    }
}
&lt;/code&gt;&lt;/pre&gt;</t>
  </si>
  <si>
    <t>2018-02-10 17:03:02.103000+00:00</t>
  </si>
  <si>
    <t>2018-02-10 17:56:28.987000+00:00</t>
  </si>
  <si>
    <t>javascript|accordion</t>
  </si>
  <si>
    <t>Is it possible to move modules in IntelliJ?</t>
  </si>
  <si>
    <t>&lt;p&gt;is ist possible to change the position of modules inside of a project in IntelliJ?&lt;/p&gt;
&lt;p&gt;Example:&lt;/p&gt;
&lt;p&gt;Before:&lt;/p&gt;
&lt;ol&gt;
&lt;li&gt;&lt;p&gt;Module 1&lt;/p&gt;&lt;/li&gt;
&lt;li&gt;&lt;p&gt;Module 2&lt;/p&gt;&lt;/li&gt;
&lt;li&gt;&lt;p&gt;Module 3&lt;/p&gt;&lt;/li&gt;
&lt;/ol&gt;
&lt;p&gt;After:&lt;/p&gt;
&lt;ol&gt;
&lt;li&gt;&lt;p&gt;Module 3&lt;/p&gt;&lt;/li&gt;
&lt;li&gt;&lt;p&gt;Module 2&lt;/p&gt;&lt;/li&gt;
&lt;li&gt;&lt;p&gt;Module 1&lt;/p&gt;&lt;/li&gt;
&lt;/ol&gt;
&lt;p&gt;Drag'n'drop is not working for me.&lt;/p&gt;
&lt;p&gt;Greetings!&lt;/p&gt;</t>
  </si>
  <si>
    <t>2017-11-10 17:20:50.933000+00:00</t>
  </si>
  <si>
    <t>intellij-idea|module</t>
  </si>
  <si>
    <t>Close connection to signalR on server</t>
  </si>
  <si>
    <t>&lt;p&gt;I would like to disconnect the hub on the server. I have alternative code to use when the signalR connection is lost. I dont want the connection going up again.&lt;/p&gt;
&lt;p&gt;This is just for test purpose, anyone got a solution?&lt;/p&gt;</t>
  </si>
  <si>
    <t>2015-11-17 10:34:29.823000+00:00</t>
  </si>
  <si>
    <t>2015-11-17 10:41:38.310000+00:00</t>
  </si>
  <si>
    <t>signalr-hub</t>
  </si>
  <si>
    <t>Check existence in SELECT query</t>
  </si>
  <si>
    <t>&lt;p&gt;What I get from function getPattern(integer) is:&lt;/p&gt;
&lt;p&gt;&lt;a href="https://i.stack.imgur.com/i2uZt.png" rel="nofollow noreferrer"&gt;&lt;img src="https://i.stack.imgur.com/i2uZt.png" alt=""&gt;&lt;/a&gt;&lt;/p&gt;
&lt;p&gt;Where '....3...' is a pattern( like comp3333 is matched).&lt;/p&gt;
&lt;p&gt;I want to print out all patterns which doesn't include '.'&lt;/p&gt;
&lt;p&gt;So I do:&lt;/p&gt;
&lt;pre&gt;&lt;code&gt; SELECT pattern as pn 
 FROM getPattern($1)
 WHERE EXISTS (SELECT pattern as pr  
               FROM getPattern($1) 
               WHERE pr ~* '^[A-Z]{4}[0-9]{4}$')
   AND pn ~* '^[A-Z]{4}[0-9]{4}$'
&lt;/code&gt;&lt;/pre&gt;
&lt;p&gt;Sometimes when we use the function getPattern(int), the result may not include any pattern without '.', and this is what error shows:&lt;/p&gt;
&lt;p&gt;&lt;a href="https://i.stack.imgur.com/ldCZJ.png" rel="nofollow noreferrer"&gt;&lt;img src="https://i.stack.imgur.com/ldCZJ.png" alt="enter image description here"&gt;&lt;/a&gt;&lt;/p&gt;
&lt;p&gt;What should I do in a neat way?&lt;/p&gt;</t>
  </si>
  <si>
    <t>2018-04-13 01:32:13.050000+00:00</t>
  </si>
  <si>
    <t>2018-04-13 04:25:31.433000+00:00</t>
  </si>
  <si>
    <t>sql|postgresql</t>
  </si>
  <si>
    <t>load cv::mat to faster rcnn blob</t>
  </si>
  <si>
    <t>&lt;p&gt;Currently I am working with Faster RCNN using C++. I am trying to load cv Mat object (color image) to the &lt;code&gt;net_-&amp;gt;blob_by_name("data")&lt;/code&gt;. I follow the given instruction here &lt;a href="https://github.com/YihangLou/FasterRCNN-Encapsulation-Cplusplus" rel="nofollow noreferrer"&gt;https://github.com/YihangLou/FasterRCNN-Encapsulation-Cplusplus&lt;/a&gt; but the result is really bad:
&lt;a href="https://i.stack.imgur.com/2s9Kc.jpg" rel="nofollow noreferrer"&gt;&lt;img src="https://i.stack.imgur.com/2s9Kc.jpg" alt="result image"&gt;&lt;/a&gt;&lt;/p&gt;
&lt;p&gt;I didn't change anything from the original code. So I suspect loading data to blob might be the issue.&lt;/p&gt;
&lt;p&gt;Code:&lt;/p&gt;
&lt;pre&gt;&lt;code&gt;float im_info[3];
float data_buf[height*width*3];
float *boxes = NULL;
float *pred = NULL;
float *pred_per_class = NULL;
float *sorted_pred_cls = NULL;
int *keep = NULL;
const float* bbox_delt;
const float* rois;
const float* pred_cls;
int num;
for (int h = 0; h &amp;lt; cv_img.rows; ++h )
{
    for (int w = 0; w &amp;lt; cv_img.cols; ++w)
    {
        cv_new.at&amp;lt;cv::Vec3f&amp;gt;(cv::Point(w, h))[0] = float(cv_img.at&amp;lt;cv::Vec3b&amp;gt;(cv::Point(w, h))[0])-float(102.9801);
        cv_new.at&amp;lt;cv::Vec3f&amp;gt;(cv::Point(w, h))[1] = float(cv_img.at&amp;lt;cv::Vec3b&amp;gt;(cv::Point(w, h))[1])-float(115.9465);
        cv_new.at&amp;lt;cv::Vec3f&amp;gt;(cv::Point(w, h))[2] = float(cv_img.at&amp;lt;cv::Vec3b&amp;gt;(cv::Point(w, h))[2])-float(122.7717);
    }
}
cv::resize(cv_new, cv_resized, cv::Size(width, height));
im_info[0] = cv_resized.rows;
im_info[1] = cv_resized.cols;
im_info[2] = img_scale;
for (int h = 0; h &amp;lt; height; ++h )
{
    for (int w = 0; w &amp;lt; width; ++w)
    {
        data_buf[(0*height+h)*width+w] = float(cv_resized.at&amp;lt;cv::Vec3f&amp;gt;(cv::Point(w, h))[0]);
        data_buf[(1*height+h)*width+w] = float(cv_resized.at&amp;lt;cv::Vec3f&amp;gt;(cv::Point(w, h))[1]);
        data_buf[(2*height+h)*width+w] = float(cv_resized.at&amp;lt;cv::Vec3f&amp;gt;(cv::Point(w, h))[2]);
    }
}
net_-&amp;gt;blob_by_name("data")-&amp;gt;Reshape(1, 3, height, width);
net_-&amp;gt;blob_by_name("data")-&amp;gt;set_cpu_data(data_buf);
net_-&amp;gt;blob_by_name("im_info")-&amp;gt;set_cpu_data(im_info);
net_-&amp;gt;ForwardFrom(0);
bbox_delt = net_-&amp;gt;blob_by_name("bbox_pred")-&amp;gt;cpu_data();
num = net_-&amp;gt;blob_by_name("rois")-&amp;gt;num();
&lt;/code&gt;&lt;/pre&gt;
&lt;p&gt;Any advices ?&lt;/p&gt;</t>
  </si>
  <si>
    <t>2016-09-08 09:24:41.613000+00:00</t>
  </si>
  <si>
    <t>2016-12-16 05:12:13.063000+00:00</t>
  </si>
  <si>
    <t>2016-09-08 10:27:06.153000+00:00</t>
  </si>
  <si>
    <t>c++|opencv</t>
  </si>
  <si>
    <t>Assign response string to webbrowser control in c# for smart phone</t>
  </si>
  <si>
    <t>&lt;pre&gt;&lt;code&gt;HttpWebRequest myHttpWebRequest1 = (HttpWebRequest)WebRequest.Create("http://www.google.de");
HttpWebResponse myHttpWebResponse1 =(HttpWebResponse)myHttpWebRequest1.GetResponse();
using (Stream stream = myHttpWebResponse1.GetResponseStream())
                {
                    // Get the response stream  
                    StreamReader reader = new StreamReader(stream, Encoding.UTF8);
                    // Read the response into a string 
                    _responseString = reader.ReadToEnd();
                    webBrowser1.DocumentText = _responseString;          
                }
webBrowser1.DocumentText = _responseString;
&lt;/code&gt;&lt;/pre&gt;
&lt;p&gt;Hey!
In this code, I sent a request, and get the response. I read the response into a string, and after it I assign this string to the webbrowser control.
If i save the response string, I get pretty the same site, but when I assign it to the webbrowser control, it looks different.&lt;/p&gt;
&lt;p&gt;Is there any way to assing the string to the webbrowser, and that show the same site, like in the saved file?&lt;/p&gt;</t>
  </si>
  <si>
    <t>2013-03-26 10:08:31.683000+00:00</t>
  </si>
  <si>
    <t>c#|string|request|browser|response</t>
  </si>
  <si>
    <t>Data exchange formatting between client and server</t>
  </si>
  <si>
    <t>&lt;p&gt;I'm writing a Bank program in Python that utilizes client/server communication. From what I understand, data is transferred over sockets in raw bytes.&lt;/p&gt;
&lt;p&gt;That means the client and server should have mutual understanding of the data that is passed between each other so they can decode it appropriately? How do ATMs around the world transfer data back and forth between Bank servers?&lt;/p&gt;</t>
  </si>
  <si>
    <t>2018-04-05 03:10:45.073000+00:00</t>
  </si>
  <si>
    <t>2018-04-05 03:27:09.597000+00:00</t>
  </si>
  <si>
    <t>python|sockets|networking|server|client</t>
  </si>
  <si>
    <t>How to create a winform app in visual studio 2010 to host a wcf service</t>
  </si>
  <si>
    <t>&lt;p&gt;I have a working skeleton WCF service. I want to host it in a winform app with a simple start and stop button.&lt;/p&gt;</t>
  </si>
  <si>
    <t>2011-02-10 04:35:17.843000+00:00</t>
  </si>
  <si>
    <t>2011-02-10 06:03:20.897000+00:00</t>
  </si>
  <si>
    <t>c#|winforms|wcf|visual-studio-2010|soa</t>
  </si>
  <si>
    <t>Drop Down list keep telling me there is a duplicate when there is not</t>
  </si>
  <si>
    <t>&lt;p&gt;The goal was to change the items of a secondary drop down list when the item of the primary drop down list has changed.&lt;/p&gt;
&lt;p&gt;With extremely confident and optimistic ideas, I came up with this simple code :&lt;/p&gt;
&lt;p&gt;&lt;strong&gt;Model :&lt;/strong&gt;&lt;/p&gt;
&lt;pre&gt;&lt;code&gt;public class ChoixModel
{
    public INSC_Inscription inscription { get; set; }
    public List&amp;lt;Ecole&amp;gt; ecoles { get; set; }
    public List&amp;lt;Programme&amp;gt; programmes { get; set; }
    public int? ecoleChoi1 { get; set; }
    public int? programmeChoi1 { get; set; }
}
&lt;/code&gt;&lt;/pre&gt;
&lt;p&gt;&lt;strong&gt;Controler :&lt;/strong&gt;&lt;/p&gt;
&lt;pre&gt;&lt;code&gt;    public ActionResult Phase1(int idInscrip)
    {
        inscriptionPrimaireEntities db = new inscriptionPrimaireEntities();
        ChoixModel model = new ChoixModel();
        if (model.ecoleChoi1 == null)
            model.ecoleChoi1 = db.Ecole.FirstOrDefault()?.id;
        model.ecoles = db.Ecole.ToList();
        model.programmes = db.Programme.Where(t =&amp;gt; t.FK_Ecole == model.ecoleChoi1).ToList();
        return View(model);
    }
    [HttpPost]
    public ActionResult Phase1(ChoixModel model, string submiter)
    {
        inscriptionPrimaireEntities db = new inscriptionPrimaireEntities();
        if (!string.IsNullOrWhiteSpace(submiter))
        {
            if (model.ecoleChoi1 != null)
                model.programmeChoi1 = db.Programme.FirstOrDefault(t =&amp;gt; t.id == model.inscription.Programme1)?.id;
        }
        return View(model);
    }
&lt;/code&gt;&lt;/pre&gt;
&lt;p&gt;&lt;strong&gt;View :&lt;/strong&gt;&lt;/p&gt;
&lt;pre&gt;&lt;code&gt;@using System.Web.UI.WebControls
@using inscriptionPrimaire.Models
@model ChoixModel
@{
    ViewBag.Title = "Phase1";
    Layout = "~/Views/Shared/_Layout.cshtml";
    SelectList selectEcole = new SelectList(Model.ecoles, "id", "NomAffiche");
    SelectList selectPrograme = new SelectList(Model.programmes, "id","NomAffiche");
}
&amp;lt;form method="post" action="@Url.Action("Phase1", "Choix")" id="ViewModelForm"&amp;gt;
&amp;lt;br /&amp;gt;&amp;lt;br /&amp;gt;
&amp;lt;table&amp;gt;
    &amp;lt;tr&amp;gt;
        &amp;lt;td style="min-width: 152px;"&amp;gt; 
        @Html.DropDownListFor(t =&amp;gt; t.ecoleChoi1, selectEcole, new { @class = "form-control", style = "min-width: 150px;", onchange = "this.form.submit();" })
        &amp;lt;/td&amp;gt;
        &amp;lt;td style="min-width: 152px;"&amp;gt;
        @Html.DropDownListFor(t =&amp;gt; t.programmeChoi1, selectPrograme, new { @class = "form-control", style = "min-width: 150px;" })
        &amp;lt;/td&amp;gt;
    &amp;lt;/tr&amp;gt;
&amp;lt;/table&amp;gt;
&amp;lt;/form&amp;gt;
&lt;/code&gt;&lt;/pre&gt;
&lt;p&gt;The error occurs when I click to change the selected item of the primary drop down list &lt;code&gt;Ecole&lt;/code&gt;. I suspect it has something to do with how I use submit on this :&lt;/p&gt;
&lt;pre&gt;&lt;code&gt;@Html.DropDownListFor(t =&amp;gt; t.ecoleChoi1, selectEcole, new { @class = "form-control", style = "min-width: 150px;", onchange = "this.form.submit();" })
&lt;/code&gt;&lt;/pre&gt;
&lt;p&gt;Intended behavior was that when I change the selected item of drop down &lt;code&gt;Ecole&lt;/code&gt;, then it would fill the drop down &lt;code&gt;Programme&lt;/code&gt; with the actual programs offered by the &lt;code&gt;Ecole&lt;/code&gt; selected. &lt;/p&gt;
&lt;p&gt;Instead I have an error, an error that debug can't even catch, it shows only in the browser :&lt;/p&gt;
&lt;blockquote&gt;
  &lt;p&gt;an item with the same key has already been added&lt;/p&gt;
&lt;/blockquote&gt;
&lt;p&gt;So I went to look in my db if there was ANY duplicate... There is not even a single line in both tables that contains ANYTHING identical to the previous one.&lt;/p&gt;
&lt;p&gt;&lt;strong&gt;I've been asked to show full stack trace (it's in french) :&lt;/strong&gt;&lt;/p&gt;
&lt;pre&gt;&lt;code&gt;Erreur du serveur dans l'application '/'.
Un ��l��ment avec la m��me cl�� a d��j�� ��t�� ajout��.
Description : Une exception non g��r��e s'est produite au moment de l'ex��cution de la requ��te Web actuelle. Contr��lez la trace de la pile pour plus d'informations sur l'erreur et son origine dans le code. 
D��tails de l'exception: System.ArgumentException: Un ��l��ment avec la m��me cl�� a d��j�� ��t�� ajout��.
Erreur source: 
Une exception non g��r��e s'est produite lors de l'ex��cution de la requ��te Web actuelle. Les informations relatives �� l'origine et l'emplacement de l'exception peuvent ��tre identifi��es en utilisant la trace de la pile d'exception ci-dessous.
Trace de la pile: 
[ArgumentException: Un ��l��ment avec la m��me cl�� a d��j�� ��t�� ajout��.]
   System.ThrowHelper.ThrowArgumentException(ExceptionResource resource) +52
   System.Collections.Generic.Dictionary`2.Insert(TKey key, TValue value, Boolean add) +12534430
   System.Collections.Generic.CollectionExtensions.ToDictionaryFast(TValue[] array, Func`2 keySelector, IEqualityComparer`1 comparer) +116
   System.Web.Mvc.ModelBindingContext.get_PropertyMetadata() +136
   System.Web.Mvc.DefaultModelBinder.BindProperty(ControllerContext controllerContext, ModelBindingContext bindingContext, PropertyDescriptor propertyDescriptor) +176
   System.Web.Mvc.DefaultModelBinder.BindProperties(ControllerContext controllerContext, ModelBindingContext bindingContext) +101
   System.Web.Mvc.DefaultModelBinder.BindComplexElementalModel(ControllerContext controllerContext, ModelBindingContext bindingContext, Object model) +55
   System.Web.Mvc.DefaultModelBinder.BindComplexModel(ControllerContext controllerContext, ModelBindingContext bindingContext) +1197
   System.Web.Mvc.DefaultModelBinder.BindModel(ControllerContext controllerContext, ModelBindingContext bindingContext) +330
   System.Web.Mvc.DefaultModelBinder.GetPropertyValue(ControllerContext controllerContext, ModelBindingContext bindingContext, PropertyDescriptor propertyDescriptor, IModelBinder propertyBinder) +17
   System.Web.Mvc.DefaultModelBinder.BindProperty(ControllerContext controllerContext, ModelBindingContext bindingContext, PropertyDescriptor propertyDescriptor) +377
   System.Web.Mvc.DefaultModelBinder.BindProperties(ControllerContext controllerContext, ModelBindingContext bindingContext) +101
   System.Web.Mvc.DefaultModelBinder.BindComplexElementalModel(ControllerContext controllerContext, ModelBindingContext bindingContext, Object model) +55
   System.Web.Mvc.DefaultModelBinder.BindComplexModel(ControllerContext controllerContext, ModelBindingContext bindingContext) +1197
   System.Web.Mvc.DefaultModelBinder.BindModel(ControllerContext controllerContext, ModelBindingContext bindingContext) +330
   System.Web.Mvc.ControllerActionInvoker.GetParameterValue(ControllerContext controllerContext, ParameterDescriptor parameterDescriptor) +331
   System.Web.Mvc.ControllerActionInvoker.GetParameterValues(ControllerContext controllerContext, ActionDescriptor actionDescriptor) +105
   System.Web.Mvc.Async.&amp;lt;&amp;gt;c__DisplayClass21.&amp;lt;BeginInvokeAction&amp;gt;b__19(AsyncCallback asyncCallback, Object asyncState) +743
   System.Web.Mvc.Async.WrappedAsyncResult`1.CallBeginDelegate(AsyncCallback callback, Object callbackState) +14
   System.Web.Mvc.Async.WrappedAsyncResultBase`1.Begin(AsyncCallback callback, Object state, Int32 timeout) +128
   System.Web.Mvc.Async.AsyncControllerActionInvoker.BeginInvokeAction(ControllerContext controllerContext, String actionName, AsyncCallback callback, Object state) +343
   System.Web.Mvc.Controller.&amp;lt;BeginExecuteCore&amp;gt;b__1c(AsyncCallback asyncCallback, Object asyncState, ExecuteCoreState innerState) +25
   System.Web.Mvc.Async.WrappedAsyncVoid`1.CallBeginDelegate(AsyncCallback callback, Object callbackState) +30
   System.Web.Mvc.Async.WrappedAsyncResultBase`1.Begin(AsyncCallback callback, Object state, Int32 timeout) +128
   System.Web.Mvc.Controller.BeginExecuteCore(AsyncCallback callback, Object state) +465
   System.Web.Mvc.Controller.&amp;lt;BeginExecute&amp;gt;b__14(AsyncCallback asyncCallback, Object callbackState, Controller controller) +18
   System.Web.Mvc.Async.WrappedAsyncVoid`1.CallBeginDelegate(AsyncCallback callback, Object callbackState) +20
   System.Web.Mvc.Async.WrappedAsyncResultBase`1.Begin(AsyncCallback callback, Object state, Int32 timeout) +128
   System.Web.Mvc.Controller.BeginExecute(RequestContext requestContext, AsyncCallback callback, Object state) +374
   System.Web.Mvc.Controller.System.Web.Mvc.Async.IAsyncController.BeginExecute(RequestContext requestContext, AsyncCallback callback, Object state) +16
   System.Web.Mvc.MvcHandler.&amp;lt;BeginProcessRequest&amp;gt;b__4(AsyncCallback asyncCallback, Object asyncState, ProcessRequestState innerState) +52
   System.Web.Mvc.Async.WrappedAsyncVoid`1.CallBeginDelegate(AsyncCallback callback, Object callbackState) +30
   System.Web.Mvc.Async.WrappedAsyncResultBase`1.Begin(AsyncCallback callback, Object state, Int32 timeout) +128
   System.Web.Mvc.MvcHandler.BeginProcessRequest(HttpContextBase httpContext, AsyncCallback callback, Object state) +384
   System.Web.Mvc.MvcHandler.BeginProcessRequest(HttpContext httpContext, AsyncCallback callback, Object state) +48
   System.Web.Mvc.MvcHandler.System.Web.IHttpAsyncHandler.BeginProcessRequest(HttpContext context, AsyncCallback cb, Object extraData) +16
   System.Web.CallHandlerExecutionStep.System.Web.HttpApplication.IExecutionStep.Execute() +103
   System.Web.HttpApplication.ExecuteStep(IExecutionStep step, Boolean&amp;amp; completedSynchronously) +155
&lt;/code&gt;&lt;/pre&gt;
&lt;p&gt;&lt;strong&gt;HTML OUTPUT :&lt;/strong&gt;
&lt;a href="https://i.stack.imgur.com/s4yqW.png" rel="nofollow noreferrer"&gt;&lt;img src="https://i.stack.imgur.com/s4yqW.png" alt="Ecole"&gt;&lt;/a&gt;&lt;/p&gt;
&lt;p&gt;&lt;a href="https://i.stack.imgur.com/J7AUz.png" rel="nofollow noreferrer"&gt;&lt;img src="https://i.stack.imgur.com/J7AUz.png" alt="Programme"&gt;&lt;/a&gt;&lt;/p&gt;</t>
  </si>
  <si>
    <t>2018-03-23 18:44:14.373000+00:00</t>
  </si>
  <si>
    <t>2018-03-23 19:42:17.497000+00:00</t>
  </si>
  <si>
    <t>2018-03-23 19:25:10.937000+00:00</t>
  </si>
  <si>
    <t>c#|asp.net-mvc|razor|drop-down-menu</t>
  </si>
  <si>
    <t>How do I bind datagrid column value to a textbox outside my datagrid?</t>
  </si>
  <si>
    <t>&lt;p&gt;So what im trying to do is have the values in my datagrid link with my textboxes outside of the datagrid so that if i change the value of the "rate" inside the data grid the price will adjust the FT AMNT price dynamically according to change i made inside the datagrid. I have posted a picture of the data grid and textboxes. If more information is required please let me know. Thank you! &lt;/p&gt;
&lt;p&gt;&lt;strong&gt;XAML CODE&lt;/strong&gt;   &lt;/p&gt;
&lt;pre&gt;&lt;code&gt; &amp;lt;DataGrid.Columns&amp;gt;
            &amp;lt;DataGridTextColumn x:Name="dgPcs" Header="PCS" Width="40" 
Binding="{Binding pieces}"/&amp;gt;
            &amp;lt;DataGridTextColumn x:Name="dgCode" Header="CODE" Width="50"  
Binding="{Binding code}"/&amp;gt;
            &amp;lt;DataGridTextColumn x:Name="dgDescr" Header="DESCRIPTION OF 
ARTICLES" Width="180" Binding="{Binding item_description}"/&amp;gt;
            &amp;lt;DataGridTextColumn x:Name="dgWt" Header="WT" Width="50" 
Binding="{Binding weight}"/&amp;gt;
            &amp;lt;DataGridTextColumn x:Name="dgRate" Header="RATE" Width="50" 
Binding="{Binding rate, StringFormat='C'}"/&amp;gt;
            &amp;lt;DataGridTextColumn x:Name="dgDiscount" Header="DISCOUNT" 
Width="70" Binding="{Binding discount,StringFormat='C'}"/&amp;gt;
            &amp;lt;DataGridTextColumn x:Name="dgAmt" Header="AMOUNT" Width="70" 
Binding="{Binding amount,StringFormat='C'}"/&amp;gt;
            &amp;lt;DataGridTemplateColumn Width="*" Header="ACTION"&amp;gt;
                &amp;lt;DataGridTemplateColumn.CellTemplate&amp;gt;
                    &amp;lt;DataTemplate&amp;gt;
                        &amp;lt;Button Content="Delete" /&amp;gt;
                    &amp;lt;/DataTemplate&amp;gt;
                &amp;lt;/DataGridTemplateColumn.CellTemplate&amp;gt;
            &amp;lt;/DataGridTemplateColumn&amp;gt;
        &amp;lt;/DataGrid.Columns&amp;gt;
&amp;lt;GroupBox Margin="788,382,19,0" VerticalAlignment="Top" 
RenderTransformOrigin="0.268,0.174" Width="230" Header="TOTAL" 
Height="auto"&amp;gt;
        &amp;lt;StackPanel Orientation="Vertical" Margin="5"&amp;gt;
            &amp;lt;StackPanel Orientation="Horizontal"&amp;gt;
                &amp;lt;Label Content="FRT AMNT: " Margin="9,0"/&amp;gt;
                &amp;lt;TextBox x:Name="txtFreightAmt" Width="100" Text="{Binding 
freightAmt,StringFormat='C'}"/&amp;gt;
            &amp;lt;/StackPanel&amp;gt;
            &amp;lt;StackPanel Orientation="Horizontal"&amp;gt;
                &amp;lt;Label Content="ACCESSORIAL: "/&amp;gt;
                &amp;lt;TextBox x:Name="txtAccess" Width="100" Text="{Binding 
accessorial,StringFormat='C'}"/&amp;gt;
            &amp;lt;/StackPanel&amp;gt;
            &amp;lt;StackPanel Orientation="Horizontal"&amp;gt;
                &amp;lt;Label Content="COD FEE: " Margin="14,0"/&amp;gt;
                &amp;lt;TextBox x:Name="txtCodFee" Width="100" Text="{Binding 
codFee,StringFormat='C'}"/&amp;gt;
            &amp;lt;/StackPanel&amp;gt;
            &amp;lt;StackPanel Orientation="Horizontal"&amp;gt;
                &amp;lt;Label Content="FRT DISC: " Margin="13,0"/&amp;gt;
                &amp;lt;TextBox x:Name="txtFrtDisc" Width="100" Text="{Binding 
freightDisc,StringFormat='C'}"/&amp;gt;
            &amp;lt;/StackPanel&amp;gt;
            &amp;lt;StackPanel Orientation="Horizontal"&amp;gt;
                &amp;lt;Label Content="NET FRT: " Margin="15,0"/&amp;gt;
                &amp;lt;TextBox x:Name="txtNetFrt" Width="100" Text="{Binding 
freightNet,StringFormat='C'}"/&amp;gt;
            &amp;lt;/StackPanel&amp;gt;
            &amp;lt;StackPanel Orientation="Horizontal"&amp;gt;
                &amp;lt;Label Content="BILL AMNT: " Margin="8,0"/&amp;gt;
                &amp;lt;TextBox x:Name="txtBillAmnt" Width="100" Text="{Binding 
billAmount,StringFormat='C'}"/&amp;gt;
            &amp;lt;/StackPanel&amp;gt;
        &amp;lt;/StackPanel&amp;gt;
    &amp;lt;/GroupBox&amp;gt;
&lt;/code&gt;&lt;/pre&gt;
&lt;p&gt;&lt;strong&gt;Code for bound properties&lt;/strong&gt;&lt;/p&gt;
&lt;pre&gt;&lt;code&gt;public List&amp;lt;Bills&amp;gt; GetBillData(string billId, int? otherId)
    {
        OdbcConnection con = GetConnection();
        DataTable dt;
        List&amp;lt;Bills&amp;gt; Bill = new List&amp;lt;Bills&amp;gt;();
        try
        {
            //string spName = "dbo.edi_getCorrectedBill";
            OdbcDataAdapter da = new OdbcDataAdapter();
            OdbcCommand sqlCmd = new OdbcCommand("{call dbo.edi_getCorrectedBill(?,?)}", con);
            da.SelectCommand = sqlCmd;
            sqlCmd.CommandType = CommandType.StoredProcedure;
            sqlCmd.Parameters.AddWithValue("@billId", OdbcType.NVarChar).Value = billId.ToString().Trim();
            sqlCmd.Parameters.AddWithValue("@otherId", OdbcType.Int).Value = otherId;
            dt = new DataTable();
            sqlCmd.CommandTimeout = 1000;
            da.Fill(dt);
            if (dt != null &amp;amp;&amp;amp; dt.Rows.Count &amp;gt; 0)
            {
                foreach (DataRow dr in dt.Rows)
                {
                    Bills b = new Bills();
                    b.billNum = dr["bill_num"].ToString().Trim();
                    b.shipperID = Convert.ToInt32(dr["Shipper_ID"]);
                    b.shipperName = dr["Shipper_name"].ToString().Trim();
                    b.shipperAddr1 = dr["Shipper_addr1"].ToString().Trim();
                    if (!string.IsNullOrEmpty(dr["shprAddr2"].ToString().Trim()))
                        b.shprAddr2 = dr["shprAddr2"].ToString().Trim();
                    b.shipperCity = dr["Shipper_city"].ToString().Trim();
                    b.shipperState = dr["Shipper_state"].ToString().Trim();
                    b.shipperZip = dr["Shipper_zip"].ToString().Trim();
                    b.sPhone = dr["S_phone"].ToString().Trim();
                    b.consignID = Convert.ToInt32(dr["Consign_ID"]);
                    b.consignName = dr["Consign_name"].ToString().Trim();
                    b.consignAddr1 = dr["Consign_addr1"].ToString().Trim();
                    if (!string.IsNullOrEmpty(dr["cneeAddr2"].ToString().Trim()))
                        b.cneeAddr2 = dr["cneeAddr2"].ToString().Trim();
                    b.consignCity = dr["Consign_city"].ToString().Trim();
                    b.consignState = dr["Consign_state"].ToString().Trim();
                    b.consignZip = dr["Consign_zip"].ToString().Trim();
                    b.cPhone = dr["C_phone"].ToString().Trim();
                    b.otherID = Convert.ToInt32(dr["Other_ID"]);
                    b.billName = dr["Bill_name"].ToString().Trim();
                    b.billAddr1 = dr["Bill_addr1"].ToString().Trim();
                    if (!string.IsNullOrEmpty(dr["billAddr2"].ToString().Trim()))
                        b.billAddr2 = dr["billAddr2"].ToString().Trim();
                    b.billCity = dr["Bill_city"].ToString().Trim();
                    b.billState = dr["Bill_state"].ToString().Trim();
                    b.billZip = dr["Bill_zip"].ToString().Trim();
                    b.shipDate = dr["ship_date"].ToString().Trim();
                    b.org = dr["Org"].ToString().Trim();
                    b.dest = dr["Dest"].ToString().Trim();
                    if (!string.IsNullOrEmpty(dr["Shipper_ref"].ToString().Trim()))
                        b.shipperRef = dr["Shipper_ref"].ToString().Trim();
                    if (!string.IsNullOrEmpty(dr["Consign_ref"].ToString().Trim()))
                        b.cneeRef = dr["Consign_ref"].ToString().Trim();
                    b.term = dr["Term"].ToString().Trim();
                    if (!string.IsNullOrEmpty(dr["Shrink_Wrap"].ToString().Trim()))
                        b.shrinkWrap = Convert.ToInt32(dr["Shrink_Wrap"]);
                    if (!string.IsNullOrEmpty(dr["Re_Weight_Class"].ToString().Trim()))
                        b.reWt = dr["Re_Weight_Class"].ToString().Trim();
                    if (!string.IsNullOrEmpty(dr["Agent_Pro"].ToString().Trim()))
                        b.BYD = dr["Agent_Pro"].ToString().Trim();
                    if (!string.IsNullOrEmpty(dr["fuel_sc"].ToString().Trim()))
                        b.fuelSC = Convert.ToDecimal(dr["fuel_sc"]);
                    if (!string.IsNullOrEmpty(dr["fuel_sc_percent"].ToString().Trim()))
                        b.fuelScPercent = Convert.ToDecimal(dr["fuel_sc_percent"]);
                    b.accessorial = Convert.ToDecimal(dr["accessorial"]);
                    b.fccod = Convert.ToBoolean(dr["Fccod"]);
                    b.codFee = Convert.ToDecimal(dr["cod_fee"]);
                    b.freightDisc = Convert.ToDecimal(dr["freight_disc"]);
                    b.freightAmt = Convert.ToDecimal(dr["freight_amt"]);
                    b.billAmount = Convert.ToDecimal(dr["bill_amount"]);
                    b.freightNet = Convert.ToDecimal(dr["freight_net"]);
                    if (!string.IsNullOrEmpty(dr["Status"].ToString().Trim()))
                        b.status = dr["Status"].ToString().Trim();
                    if (!string.IsNullOrEmpty(dr["description"].ToString().Trim()))
                        b.description = dr["description"].ToString().Trim();
                    Bill.Add(b);
                }
            }
        }
        catch (Exception ex)
        {
            throw ex;
        }
        finally
        {
            CloseConnection(con);
        }
        return Bill;
    }
    public List&amp;lt;BillItems&amp;gt; GetBillItemData(string billId)
    {
        OdbcConnection con = GetConnection();
        DataTable dt;
        List&amp;lt;BillItems&amp;gt; BillItem = new List&amp;lt;BillItems&amp;gt;();
        try
        {
            //string spName = "dbo.edi_getCorrectedBill";
            OdbcDataAdapter da = new OdbcDataAdapter();
            OdbcCommand sqlCmd = new OdbcCommand("{call dbo.edi_getCorrectedBillItems(?)}", con);
            da.SelectCommand = sqlCmd;
            sqlCmd.CommandType = CommandType.StoredProcedure;
            sqlCmd.Parameters.AddWithValue("@billId", OdbcType.NVarChar).Value = billId.ToString().Trim();
            dt = new DataTable();
            sqlCmd.CommandTimeout = 1000;
            da.Fill(dt);
            if (dt != null &amp;amp;&amp;amp; dt.Rows.Count &amp;gt; 0)
            {
                foreach (DataRow dr in dt.Rows)
                {
                    BillItems b = new BillItems();
                    b.pieces = Convert.ToInt32(dr["pieces"]);
                    b.code = dr["Code"].ToString().Trim();
                    b.item_description = dr["Description"].ToString().Trim();
                    b.weight = Convert.ToInt32(dr["weight"]);
                    b.rate = Convert.ToDecimal(dr["rate"]);
                    b.discount = Convert.ToDecimal(dr["discount"]);
                    b.amount = Convert.ToDecimal(dr["amount"]);
                    //if (!string.IsNullOrEmpty(dr["shprAddr2"].ToString().Trim()))
                    //    b.shprAddr2 = dr["shprAddr2"].ToString().Trim();
                    BillItem.Add(b);
                }
            }
        }
        catch (Exception ex)
        {
            throw ex;
        }
        finally
        {
            CloseConnection(con);
        }
        return BillItem;
    }
&lt;/code&gt;&lt;/pre&gt;
&lt;p&gt;&lt;strong&gt;Datagrid and total textboxes&lt;/strong&gt;&lt;/p&gt;
&lt;p&gt;&lt;a href="https://i.stack.imgur.com/En1iS.png" rel="nofollow noreferrer"&gt;&lt;img src="https://i.stack.imgur.com/En1iS.png" alt="enter image description here"&gt;&lt;/a&gt;&lt;/p&gt;</t>
  </si>
  <si>
    <t>2018-04-04 16:48:00.310000+00:00</t>
  </si>
  <si>
    <t>2018-04-04 17:04:02.253000+00:00</t>
  </si>
  <si>
    <t>c#|wpf|xaml</t>
  </si>
  <si>
    <t>How can you add numeric fields in Nhibernate.Search?</t>
  </si>
  <si>
    <t>&lt;p&gt;I recently mitakenly assumed that Nhibernate.Search would index an integer property on my class as a numeric field.&lt;/p&gt;
&lt;pre&gt;&lt;code&gt;[Indexed]
public class Location : Entity
{
    [IndexedEmbedded(Depth = 1, Prefix = "Country_")]
    public virtual Country Country { get; set; }
    [Field(Index.Tokenized)]
    public virtual string Name { get; set; }
    [Field(Index.Tokenized)]
    public virtual string AlternativeNames { get; set; }
    [Field(Index.Tokenized)]
    public virtual string OriginalNames { get; set; }
    [Field(Index.UnTokenized)]
    public virtual string LocationType { get; set; }
    [Field()]
    public virtual int? Population   { get; set; }
}
&lt;/code&gt;&lt;/pre&gt;
&lt;p&gt;But when I set the sort for the query like so:&lt;/p&gt;
&lt;pre&gt;&lt;code&gt; var words = query.Split(' ');
        var luceneQuery = string.Join(" AND ", words.Select(x =&amp;gt; "Name:{0}*".F(x)));
        luceneQuery += " AND LocationType:locality";
        var results = search.CreateFullTextQuery&amp;lt;Location&amp;gt;(luceneQuery)
           .SetSort(new Sort(new SortField("Population", CultureInfo.CurrentCulture, true)))
            .SetMaxResults(100)
            .List&amp;lt;Location&amp;gt;();
&lt;/code&gt;&lt;/pre&gt;
&lt;p&gt;It returns results ordered by the numbers in the same style as a word sort like this:&lt;/p&gt;
&lt;pre&gt;&lt;code&gt;City       Country          Region          Population
New London     United States    North America   998
Nueva Londres  Paraguay         South America   971
New London     United States    North America   967
Londonderry    United Kingdom   British Islands 92133
London     Kiribati         Micronesia  921
London     United States    North America   8122
London     United Kingdom   British Islands 7869322
New London     United States    North America   7316
&lt;/code&gt;&lt;/pre&gt;
&lt;p&gt;So my question is, as Nhibernate.Search is treating this as a text field, how can I change it to a numeric field and is it possible to convert or do I have to reindex every single record. 340K of them.&lt;/p&gt;
&lt;p&gt;I am starting to feel the convenience of Nhibernate.Search is lost if it cannot do this. Maybe I will have to start over and use normal Lucene.Net?&lt;/p&gt;
&lt;p&gt;Thanks for any help&lt;/p&gt;</t>
  </si>
  <si>
    <t>2012-10-29 10:03:06.197000+00:00</t>
  </si>
  <si>
    <t>2013-01-10 12:29:54.820000+00:00</t>
  </si>
  <si>
    <t>nhibernate|lucene.net|nhibernate.search</t>
  </si>
  <si>
    <t>Removing a QGraphicsItem's parent</t>
  </si>
  <si>
    <t>&lt;p&gt;I have a &lt;code&gt;QGraphicsItem&lt;/code&gt; called &lt;code&gt;child_item&lt;/code&gt; that is a child of another &lt;code&gt;QGraphicsItem&lt;/code&gt; called &lt;code&gt;parent_item&lt;/code&gt;. I need to unparent &lt;code&gt;child_item&lt;/code&gt; from &lt;code&gt;parent_item&lt;/code&gt; so that &lt;code&gt;child_item&lt;/code&gt; has no parent.&lt;/p&gt;
&lt;p&gt;But when I try &lt;code&gt;childItem.setItemParent(None)&lt;/code&gt; my script crashes. &lt;/p&gt;
&lt;p&gt;Apparently this is because when you remove a &lt;code&gt;QGraphicsItem&lt;/code&gt;'s parent in this way the item is returned to Qt...&lt;/p&gt;
&lt;p&gt;For now I've just created a &lt;code&gt;global_parent&lt;/code&gt; &lt;code&gt;QGraphicsItem&lt;/code&gt; so that if any item needs to be unparented I will simply parent it under the &lt;code&gt;global_parent&lt;/code&gt; and if a &lt;code&gt;QGraphicsItem&lt;/code&gt; has the parent &lt;code&gt;global_parent&lt;/code&gt; my code will act like it doesn't have a parent but I would like a better solution.&lt;/p&gt;
&lt;p&gt;Any ideas please?&lt;/p&gt;
&lt;h2&gt;Some of my code:&lt;/h2&gt;
&lt;pre&gt;&lt;code&gt;POINT_SIZE = 7
class Test_Box(QGraphicsItem):
    # Constants
    WIDTH           = 50 * POINT_SIZE
    HEIGHT          = 13 * POINT_SIZE
    RECT            = QRectF(0, 0, WIDTH, HEIGHT)
    CORNER_RADIUS   = 1.5 * POINT_SIZE
    def __init__(self, position, parent=None):
        super(Test_Box, self).__init__(parent)
        # Settings
        self.setFlags(  self.flags()                            |
                        QGraphicsItem.ItemIsSelectable          |
                        QGraphicsItem.ItemIsMovable             |
                        QGraphicsItem.ItemIsFocusable           |
                        QGraphicsItem.ItemSendsScenePositionChanges )
        self.setPos(position)
    def boundingRect(self):
        return Test_Box.RECT
    def paint(self, painter, option, widget):
        # Draw Box
        brush   = QBrush()
        painter.setBrush(brush) 
        painter.drawRoundedRect(Test_Box.RECT, Test_Box.CORNER_RADIUS, Test_Box.CORNER_RADIUS)
    def itemChange(self, change, variant):
        super(Test_Box, self).itemChange(change, variant)
        if change == QGraphicsItem.ItemScenePositionHasChanged:
            self.setParentItem(None)
        return QGraphicsItem.itemChange(self, change, variant)
&lt;/code&gt;&lt;/pre&gt;
&lt;p&gt;Calling setItemParent and setting the item's parent to another item does work though so I'm using a generic parent in the meantime.&lt;/p&gt;</t>
  </si>
  <si>
    <t>2012-11-15 06:30:01.387000+00:00</t>
  </si>
  <si>
    <t>2012-11-18 10:28:28.567000+00:00</t>
  </si>
  <si>
    <t>2012-11-16 08:49:24.187000+00:00</t>
  </si>
  <si>
    <t>python|qt|pyqt|parent|qgraphicsitem</t>
  </si>
  <si>
    <t>Conflicting parameter types in implementation of 'session:didReceiveMessage</t>
  </si>
  <si>
    <t>&lt;p&gt;I am getting this error e copied the code directly from Apple. Can someone tell me what I did wrong?&lt;/p&gt;
&lt;p&gt;Conflicting parameter types in implementation of 'session:didReceiveMessage:replyHandler:': 'void (^ _Nonnull __strong)(NSDictionary * _Nonnull __strong)' vs 'void (^ _Nonnull __strong)(NSDictionary * _Nonnull __strong)'&lt;/p&gt;
&lt;pre&gt;&lt;code&gt;- (void)session:(nonnull WCSession *)session didReceiveMessage:(nonnull NSDictionary *)message replyHandler:(nonnull void (^)(NSDictionary * __nonnull))replyHandler {
&lt;/code&gt;&lt;/pre&gt;</t>
  </si>
  <si>
    <t>2016-01-29 15:22:13.063000+00:00</t>
  </si>
  <si>
    <t>2016-04-19 21:23:40.280000+00:00</t>
  </si>
  <si>
    <t>Line Art Effect by Pixel Shader in WPF?</t>
  </si>
  <si>
    <t>&lt;p&gt;I want to create a Line Art effect but as I got vertex shader is not supported by WPF now. Is there a way to create Line Art effect by Pixel Shader? Any idea?&lt;/p&gt;
&lt;p&gt;Thanks.&lt;/p&gt;</t>
  </si>
  <si>
    <t>2009-03-30 07:40:43.813000+00:00</t>
  </si>
  <si>
    <t>2009-06-09 16:03:05.837000+00:00</t>
  </si>
  <si>
    <t>Ali</t>
  </si>
  <si>
    <t>wpf|silverlight|pixel|shader</t>
  </si>
  <si>
    <t>Graphically customize the Parse Login View</t>
  </si>
  <si>
    <t>&lt;p&gt;I watched the tutorial of Parse Login view (&lt;a href="https://www.parse.com/tutorials/login-and-signup-views" rel="nofollow"&gt;https://www.parse.com/tutorials/login-and-signup-views&lt;/a&gt;). One thing I am wondering is how to customize those login view elements in .xib file graphically. For example, I want to put the LoginInWithFacebook button in a different place, or I want a smaller textField for inputing username.&lt;/p&gt;</t>
  </si>
  <si>
    <t>2014-08-22 21:57:55.343000+00:00</t>
  </si>
  <si>
    <t>2015-08-16 19:27:02.657000+00:00</t>
  </si>
  <si>
    <t>ios|objective-c|parse.com|xib|loginview</t>
  </si>
  <si>
    <t>How to connect to sql server database from android device</t>
  </si>
  <si>
    <t>&lt;p&gt;I want to build android app that can connect to sql server database using jtds jdbc. When i try run the program at emulator with ip 10.0.2.2, it works fine. But when i try build apk and install it to android device,i change the ip to 192.168.0.5 (my computer ip in LAN) and it doesnt work, Please help.&lt;/p&gt;
&lt;p&gt;&lt;a href="http://i.stack.imgur.com/OtZ3m.png" rel="nofollow"&gt;here is the code&lt;/a&gt;&lt;/p&gt;</t>
  </si>
  <si>
    <t>2015-10-28 05:45:31.660000+00:00</t>
  </si>
  <si>
    <t>2015-10-28 07:08:13.883000+00:00</t>
  </si>
  <si>
    <t>android|sql-server|jdbc|ip</t>
  </si>
  <si>
    <t>Angular - Multiple error interceptors</t>
  </si>
  <si>
    <t>&lt;p&gt;I have an interceptor which handles errors and reacts to them. If there is an error, it will do &lt;code&gt;Observable.throw(err)&lt;/code&gt;. &lt;/p&gt;
&lt;p&gt;Now I need an interceptor which catches &lt;code&gt;401&lt;/code&gt; statuses and then takes a stored refresh token and creates a new access token, sets the &lt;code&gt;authorization&lt;/code&gt; header on &lt;code&gt;req&lt;/code&gt; and tries the failed request again with the new header.&lt;/p&gt;
&lt;p&gt;Here's the first error interceptor, notice the &lt;code&gt;Observable.throw(err)&lt;/code&gt; part:&lt;/p&gt;
&lt;pre&gt;&lt;code&gt;@Injectable()
export class ErrorInterceptor implements HttpInterceptor {
  constructor(
    private config: Config
  ) {}
  intercept(req: HttpRequest&amp;lt;any&amp;gt;, next: HttpHandler): Observable&amp;lt;HttpEvent&amp;lt;any&amp;gt;&amp;gt; {
    return next.handle(req)
      .pipe(
        catchError((err) =&amp;gt; {
          if (err instanceof HttpErrorResponse) {
            if (err.status === 401) {
              this.config.onUnauthorized(err);
            }
            else {
              this.config.onHttpError(err);
            }
          }
          return Observable.throw(err);
        }
      )
    );
  }
}
&lt;/code&gt;&lt;/pre&gt;
&lt;p&gt;Here's the second interceptor:&lt;/p&gt;
&lt;pre&gt;&lt;code&gt;@Injectable()
export class TokenInterceptor implements HttpInterceptor {
  constructor(private api: Api, private cs: ClientStorage, private router: Router) { }
  private getNewAccessToken(req: HttpRequest&amp;lt;any&amp;gt;, next: HttpHandler) {
    console.log(0);
    return this.api.post&amp;lt;any&amp;gt;('token', null, {
      grant_type: 'refresh_token',
      refresh_token: this.cs.getItem(AppConstants.appState).refreshToken,
      scope: 'user'
    });
  }
  private appendAccessToken(req, token) {
    console.log(1, token)
    return req.clone({
      setHeaders: {
        authorization: `Bearer ${token}`
      }
    });
  }
  intercept(req: HttpRequest&amp;lt;any&amp;gt;, next: HttpHandler): Observable&amp;lt;HttpEvent&amp;lt;any&amp;gt;&amp;gt; {
    const appState = this.cs.getItem(AppConstants.appState);
    const accessToken = appState ? appState.accessToken : null;
    return next.handle(this.appendAccessToken(req, accessToken))
      .pipe(
        catchError((error: any) =&amp;gt; {
          console.log(error);
          if (error instanceof HttpErrorResponse) {
            if (error.status === 401) {
              console.log('Unauthorized');
              return this.getNewAccessToken(req, next)
                .pipe(
                  mergeMap((res) =&amp;gt; {
                  this.cs.setItem(AppConstants.appState, {...appState, accessToken: res.access_token});
                  return next.handle(this.appendAccessToken(req, res.access_token));
                })
              );
            }
            else if (error.status === 403) {
              this.router.navigate(['/login']);
            }
          }
          else {
            console.log(3)
            return Observable.throw(error);
          }
        })
      );
  }
};
&lt;/code&gt;&lt;/pre&gt;
&lt;p&gt;The problem here is that the interceptor I've added doesn't seem to do anything, it initialises and it intercepts http requests which are &lt;strong&gt;not&lt;/strong&gt; errors but the &lt;code&gt;catchError&lt;/code&gt; bit doesn't run if there's an error. The &lt;code&gt;catchError&lt;/code&gt; of the &lt;code&gt;ErrorInterceptor&lt;/code&gt; however runs as expected, so I believe that they interfere with each other. &lt;/p&gt;
&lt;p&gt;How can I make my token interceptor work as intended?&lt;/p&gt;</t>
  </si>
  <si>
    <t>2018-08-01 09:56:18.303000+00:00</t>
  </si>
  <si>
    <t>2018-08-02 11:19:05.147000+00:00</t>
  </si>
  <si>
    <t>angular|typescript|angular-httpclient|angular-http-interceptors</t>
  </si>
  <si>
    <t>Toad schema name in objects</t>
  </si>
  <si>
    <t>&lt;p&gt;In the Schema Browser, Toad automatically includes the schema name in the name of database objects. For example, when I click on a procedure to see it's source, it goes:&lt;/p&gt;
&lt;pre&gt;&lt;code&gt;CREATE OR REPLACE PROCEDURE MY_USER.MY_PROCEDURE
&lt;/code&gt;&lt;/pre&gt;
&lt;p&gt;Is there a way to disable this? Such that it shows&lt;/p&gt;
&lt;pre&gt;&lt;code&gt;CREATE OR REPLACE PROCEDURE MY_PROCEDURE
&lt;/code&gt;&lt;/pre&gt;
&lt;p&gt;This would make copying code and running it in other schema's a lot easier!&lt;/p&gt;</t>
  </si>
  <si>
    <t>2017-04-28 10:09:32.900000+00:00</t>
  </si>
  <si>
    <t>2017-04-28 14:29:09.320000+00:00</t>
  </si>
  <si>
    <t>toad|user-preferences</t>
  </si>
  <si>
    <t>Converting ER Model to relational model thick arrow</t>
  </si>
  <si>
    <t>&lt;p&gt;I am trying to convert this ER model to relational model:
&lt;a href="https://i.stack.imgur.com/49796.png" rel="nofollow noreferrer"&gt;&lt;img src="https://i.stack.imgur.com/49796.png" alt="enter image description here"&gt;&lt;/a&gt;&lt;/p&gt;
&lt;p&gt;Is adress attribute of bank-branch foreign key ? 
Is BranchNo attribute of Bank-Branch primary key ? &lt;/p&gt;
&lt;p&gt;Since there is a thick recktange around Bank-Branch it means that its a weak entity of bank right ? So how do i show this is relational model ? &lt;/p&gt;
&lt;p&gt;Thick arrow means there is a participation constraints so each bank-Branch need to branch a bank right ? How do i show this in relational model ? &lt;/p&gt;
&lt;p&gt;What is simple line between Account and Customer means ? Is it  one customer can have many accounts ? &lt;/p&gt;</t>
  </si>
  <si>
    <t>2018-04-22 17:09:04.087000+00:00</t>
  </si>
  <si>
    <t>database|relational-database|er-diagrams|relational-model</t>
  </si>
  <si>
    <t>Interface builder warning (but works fine)</t>
  </si>
  <si>
    <t>&lt;p&gt;I have a warning that is annoying me. Everything works fine, but I would like to know why it's giving me this warning and how I can get rid of it.&lt;/p&gt;
&lt;p&gt;I have a &lt;code&gt;UILabel&lt;/code&gt; inside a &lt;code&gt;UIScrollView&lt;/code&gt;. I've set it like this:&lt;/p&gt;
&lt;p&gt;&lt;img src="https://i.stack.imgur.com/F8HO1.png" alt="enter image description here"&gt;&lt;/p&gt;
&lt;p&gt;I set the text in the UILabel at runtime dynamically. I think that is because the &lt;code&gt;UILabel&lt;/code&gt; has no text in it right now (at compile time) so it thinks it's width and height needs to be 0. How can I fix this?&lt;/p&gt;</t>
  </si>
  <si>
    <t>2014-06-06 19:18:49.753000+00:00</t>
  </si>
  <si>
    <t>2014-06-06 19:39:19.050000+00:00</t>
  </si>
  <si>
    <t>2014-06-06 19:20:42.567000+00:00</t>
  </si>
  <si>
    <t>ios|cocoa-touch|uilabel</t>
  </si>
  <si>
    <t>How to delay a board game between moves so a sound can play</t>
  </si>
  <si>
    <t>&lt;p&gt;In the board game I am designing, each user has a grid with 100 cells. The user clicks a cell in the computer's grid, which makes a sound and changes to a different colour. The computer then automatically clicks a cell in the user's grid, which makes a sound and changes to a different colour.  &lt;/p&gt;
&lt;p&gt;The user's clicks are dealt with via the MouseListener (and the MouseClicked method). Currently, the last thing the method does is call the computerMove() method. This method executes and performs the computer move before giving changing the current player back to human. The game proceeds when the human makes another mouse click.&lt;/p&gt;
&lt;p&gt;Ideally, I'd like to have a pause (perhaps a second) between each player move. However, due to the fact the computerMove method is being called inside the MouseClicked method, this is proving troublesome. By using Thread.sleep and even a TimerTask, the best I can do is to slow the human player's move down. However, as soon as the player makes a mouse click, the computer instantaneously responds.&lt;/p&gt;
&lt;p&gt;Does anybody have any suggestions as to how I could implement a delay? Do I need to change how I am calling the methods?&lt;/p&gt;
&lt;p&gt;ComputerMove method:&lt;/p&gt;
&lt;pre&gt;&lt;code&gt;    public void computerMove() {
    if (currentTurn == computer) {
        int xPos = randomGenerator.nextInt(10);
        int yPos = randomGenerator.nextInt(10);
        LogicCell attackedCell = new LogicCell(xPos, yPos);
        playerGridLogic.addCellsThatHaveBeenAttacked(attackedCell);
        if (playerGridLogic.getCellsWithShips().contains(attackedCell)) {
            playerGrid.getCellArray()[xPos][yPos].setBackground(Color.ORANGE);
            hitSound();
        }
        else {
            playerGrid.getCellArray()[xPos][yPos].setBackground(Color.MAGENTA);
            missSound();
        }
        nextTurn();
    }
}
&lt;/code&gt;&lt;/pre&gt;
&lt;p&gt;Corresponding MouseClick method:&lt;/p&gt;
&lt;pre&gt;&lt;code&gt;        @Override
    public void mouseClicked(MouseEvent e) {
        if (allComputerShipsPlaced &amp;amp;&amp;amp; currentTurn == human) {
            ViewCell currentCell = (ViewCell) e.getSource();
            xPos = currentCell.getXPos();
            yPos = currentCell.getYPos();
            LogicCell attackedCell = new LogicCell(xPos, yPos);
            computerGridLogic.addCellsThatHaveBeenAttacked(attackedCell);
            if (computerGridLogic.getCellsWithShips().contains(attackedCell)) {
                cellArray[xPos][yPos].setBackground(Color.ORANGE);
                hitSound();
            }
            else {
                cellArray[xPos][yPos].setBackground(Color.MAGENTA);
                missSound();
            }
            nextTurn();
            computerMove();
        }
    }
&lt;/code&gt;&lt;/pre&gt;
&lt;p&gt;missSound method() (hitSound is very similar):&lt;/p&gt;
&lt;pre&gt;&lt;code&gt;    public static void missSound() {
    try {
        Clip clip = AudioSystem.getClip();
        clip.open(AudioSystem.getAudioInputStream(new File("water-splash.wav")));
        clip.start();
    }
    catch (Exception exc)
    {
        exc.printStackTrace(System.out);
    }
}
&lt;/code&gt;&lt;/pre&gt;
&lt;p&gt;Edit: I've tried changing the sound classes to this, but to no avail:&lt;/p&gt;
&lt;pre&gt;&lt;code&gt;    public static void hitSound()
{
    try
    {
        Clip clip = AudioSystem.getClip();
        clip.open(AudioSystem.getAudioInputStream(new File("bomb-explosion.wav")));
        clip.start();
        LineListener listener = new LineListener() {
            public void update(LineEvent event) {
                if (event.getType() != Type.STOP) {
                    return;
                }
                try {
                    queue.take();
                } catch (InterruptedException e) {
                    //ignore this
                }
            }
        };
        clip.addLineListener(listener);
    }
    catch (Exception exc)
    {
        exc.printStackTrace(System.out);
    }
}
&lt;/code&gt;&lt;/pre&gt;</t>
  </si>
  <si>
    <t>2013-04-30 22:11:51.973000+00:00</t>
  </si>
  <si>
    <t>2013-05-01 22:23:48.037000+00:00</t>
  </si>
  <si>
    <t>2013-04-30 22:35:01.227000+00:00</t>
  </si>
  <si>
    <t>java|delay</t>
  </si>
  <si>
    <t>How to get attribute names of element in xml by LINQ in C#</t>
  </si>
  <si>
    <t>&lt;p&gt;I have xml element:
&lt;code&gt;
 &amp;lt;.SECTIONS&gt;
          &amp;lt;.SECTION ID ="1" NAME="System Health" CONTROL-TYPE="Button" LINK="http://www.google.co.in/"&gt;
            &amp;lt;.DATAITEMS&gt;
            &amp;lt;./DATAITEMS&gt;
          &amp;lt;./SECTION&gt;
&amp;lt;./SECTIONS&gt;&lt;/p&gt;
&lt;p&gt;&lt;/code&gt;&lt;/p&gt;
&lt;p&gt;I want to get the all attribute names of SECTION Element. as ID,NAME,CONTROL-TYPE,LINK at server side using LINQ to XML in C# language. What query I have to write there?&lt;/p&gt;</t>
  </si>
  <si>
    <t>2010-08-11 12:18:41.070000+00:00</t>
  </si>
  <si>
    <t>2010-08-11 12:55:29.023000+00:00</t>
  </si>
  <si>
    <t>2010-08-11 12:23:39.287000+00:00</t>
  </si>
  <si>
    <t>linq</t>
  </si>
  <si>
    <t>Why is my answer different every time?</t>
  </si>
  <si>
    <t>&lt;p&gt;I've been writing a program where you give a buyer company ID and product ID to a program and it'll give you the price based on company exclusive discounts and a few other discounts. &lt;/p&gt;
&lt;p&gt;However, every time I test it (with the same inputs), I get a completely different answer, usually hundreds of times larger than my intended answer. I'm still new to C and programming so a lot of the methods I've been using in this program I've never done before.&lt;/p&gt;
&lt;pre&gt;&lt;code&gt;#include &amp;lt;stdio.h&amp;gt;
char compID[30];
double discount;
char prodID[30];
int prodAmount = 0;
double productPrice;
double tax;
double totalprice = 0;
int main() {
    char cont[2];
    printf("What is your company ID? ");
    scanf("%s", compID);
    if (strcmp(compID, "BFSC") == 0) {
        discount = 1;
        tax = 1.1;
    }
    do {
        int itemPrice;
        printf("What is the idea of the product you'd like to purchase? ");
        scanf("%s", prodID);
        if (strcmp(prodID, "FENG") == 0) {
            productPrice = 12124.50;
        }
        printf("How many? ");
        scanf("%d", &amp;amp;prodAmount);
        printf("Do you want to purchase another item? (y/n) ");
        scanf("%s", &amp;amp;cont);
    } while (cont == 'y' || cont == 'Y');
    totalprice = prodAmount*productPrice*tax*discount;
    printf("%d", &amp;amp;totalprice);
}
&lt;/code&gt;&lt;/pre&gt;
&lt;p&gt;If i put BFSC as the company ID and FENG as the product ID, the answers i'm getting are 1 million plus, rather than 13336.95.&lt;/p&gt;</t>
  </si>
  <si>
    <t>2017-03-29 11:10:10.823000+00:00</t>
  </si>
  <si>
    <t>2017-03-30 05:52:31.840000+00:00</t>
  </si>
  <si>
    <t>c</t>
  </si>
  <si>
    <t>Facebook, login reload loop</t>
  </si>
  <si>
    <t>&lt;p&gt;There is some unknown problem with my facebook app running on heroku&lt;/p&gt;
&lt;p&gt;Problem is now something with the access token. Im not sure what
It seems like something in the app corrupts my access token. Cause when I attempt to login to the app, and then use the explorer it says that im either logged out or the acces token is expired. but if I debug it, it says its valid for 2 more hours.
Also, the page fails to reload after I have logged in.&lt;/p&gt;
&lt;p&gt;Aparently the site keeps reloading.. and updating over and over. This stops when logged in on the page&lt;/p&gt;
&lt;p&gt;The error seems to have occured recently.. Didn't have it last week. Im guessing the problem would lie somewhere here, but I can't find it.
If you see anything that could give a problem please hint it out. Thanks&lt;/p&gt;
&lt;pre&gt;&lt;code&gt;require_once('sdk/src/facebook.php');
$facebook = new Facebook(array(
 'appId'  =&amp;gt; AppInfo::appID(), 
'secret' =&amp;gt; AppInfo::appSecret(), 
'sharedSession' =&amp;gt; true,
'trustForwarded' =&amp;gt; true,
));
$user_id = $facebook-&amp;gt;getUser();
if ($user_id) {
 try {
  // Fetch the viewer's basic information
    $basic = $facebook-&amp;gt;api('/me');
 } catch (FacebookApiException $e) {
  // If the call fails we check if we still have a user. The user will be
// cleared if the error is because of an invalid accesstoken
 if (!$facebook-&amp;gt;getUser()) {
  header('Location: '. AppInfo::getUrl($_SERVER['REQUEST_URI']));
  exit();
 }
}
 &amp;lt;script type="text/javascript"&amp;gt;
  window.fbAsyncInit = function() {
    FB.init({
      appId      : '&amp;lt;?php echo AppInfo::appID(); ?&amp;gt;', // App ID
      channelUrl : '//&amp;lt;?php echo $_SERVER["HTTP_HOST"]; ?&amp;gt;/channel.html', // Channel File
      status     : true, // check login status
      cookie     : true, // enable cookies to allow the server to access the session
      xfbml      : true // parse XFBML
    });
   FB.getLoginStatus(function(response) {
    console.log (response.status);
    //this is useful if you want to avoid the infinite loop bug
    //it only reloads page when you log in
    if (response.status != 'connected') {
        FB.Event.subscribe('auth.login', function(response) {
            // We want to reload the page now so PHP can read the cookie that the
            // Javascript SDK sat. But we don't want to use
            // window.location.reload() because if this is in a canvas there was a
            // post made to this page and a reload will trigger a message to the
            // user asking if they want to send data again.
            window.location = window.location;
            //Im using the window.location.reload()
            //window.location.reload();
        });
    }
});
FB.Canvas.setAutoGrow();
 };
  // Load the SDK Asynchronously
  (function(d, s, id) {
    var js, fjs = d.getElementsByTagName(s)[0];
    if (d.getElementById(id)) return;
    js = d.createElement(s); js.id = id;
    js.src = "//connect.facebook.net/en_US/all.js";
    fjs.parentNode.insertBefore(js, fjs);
  }(document, 'script', 'facebook-jssdk'));
&amp;lt;/script&amp;gt;
&amp;lt;header class="clearfix"&amp;gt;
  &amp;lt;?php if (isset($basic)) { ?&amp;gt;
  &amp;lt;p id="picture" style="background-image: url(https://graph.facebook.com/&amp;lt;?php echo he($user_id); ?&amp;gt;/picture?type=normal)"&amp;gt;&amp;lt;/p&amp;gt;
  &amp;lt;div&amp;gt;
    &amp;lt;h1&amp;gt;Welcome, &amp;lt;strong&amp;gt;&amp;lt;?php echo he(idx($basic, 'name')); ?&amp;gt;&amp;lt;/strong&amp;gt;&amp;lt;/h1&amp;gt;
    &amp;lt;p class="tagline"&amp;gt;
      This is your new app for sorting events
      &amp;lt;a href="&amp;lt;?php echo he(idx($app_info, 'link'));?&amp;gt;" target="_top"&amp;gt;&amp;lt;?php echo he($app_name); ?&amp;gt;&amp;lt;/a&amp;gt;
    &amp;lt;/p&amp;gt;
    &amp;lt;div id="share-app"&amp;gt;
      &amp;lt;p&amp;gt;Share this app:&amp;lt;/p&amp;gt;
      &amp;lt;ul&amp;gt;
        &amp;lt;li&amp;gt;
          &amp;lt;a href="#" class="facebook-button" id="postToWall" data-url="&amp;lt;?php echo AppInfo::getUrl(); ?&amp;gt;"&amp;gt;
            &amp;lt;span class="plus"&amp;gt;Post to Wall&amp;lt;/span&amp;gt;
          &amp;lt;/a&amp;gt;
        &amp;lt;/li&amp;gt;
        &amp;lt;li&amp;gt;
          &amp;lt;a href="#" class="facebook-button speech-bubble" id="sendToFriends" data-url="&amp;lt;?php echo AppInfo::getUrl(); ?&amp;gt;"&amp;gt;
            &amp;lt;span class="speech-bubble"&amp;gt;Send Message&amp;lt;/span&amp;gt;
          &amp;lt;/a&amp;gt;
        &amp;lt;/li&amp;gt;
        &amp;lt;li&amp;gt;
          &amp;lt;a href="#" class="facebook-button apprequests" id="sendRequest" data-message="Pr��v den her"&amp;gt;
            &amp;lt;span class="apprequests"&amp;gt;Send Requests&amp;lt;/span&amp;gt;
          &amp;lt;/a&amp;gt;
        &amp;lt;/li&amp;gt;
      &amp;lt;/ul&amp;gt;
    &amp;lt;/div&amp;gt;
  &amp;lt;/div&amp;gt;
  &amp;lt;?php } else { ?&amp;gt;
  &amp;lt;div&amp;gt;
    &amp;lt;h1&amp;gt;Welcome&amp;lt;/h1&amp;gt;
    &amp;lt;div class="fb-login-button" data-scope="user_likes,user_photos,user_events,friends_events, user_hometown,user_location,user_interests,user_about_me,user_education_history,friends_location,read_friendlists"&amp;gt;&amp;lt;/div&amp;gt; 
  &amp;lt;/div&amp;gt;
  &amp;lt;?php } ?&amp;gt;
&amp;lt;/header&amp;gt;
&amp;lt;section id="get-started"&amp;gt;
 &amp;lt;?php 
 //echo (idx($app_get_events[1], 'id');
 ?&amp;gt;
&amp;lt;/section&amp;gt;
&lt;/code&gt;&lt;/pre&gt;</t>
  </si>
  <si>
    <t>2012-10-15 20:55:41.390000+00:00</t>
  </si>
  <si>
    <t>2012-10-16 23:15:03.117000+00:00</t>
  </si>
  <si>
    <t>facebook|heroku</t>
  </si>
  <si>
    <t>C++/OF iterating objects that change property each iteration?</t>
  </si>
  <si>
    <t>&lt;p&gt;What I am trying to do: create a series of rectangles generated each frame next to each other. Each rectangle's height is based on the frequency of sound at that moment, then the iterator moves on to the next rectangle, leaving the last at the proper height.&lt;/p&gt;
&lt;p&gt;What is happening: The screen just becomes a big singular block, with all spaces constantly moving up and down with the frequency... I can't seem to get it to iterate one at a time, not changing them all constantly.&lt;/p&gt;
&lt;p&gt;What I think my issue is: I have no idea how to get each iteration to store and save its own values, even though the values are part of the object...&lt;/p&gt;
&lt;p&gt;The Code in question:&lt;/p&gt;
&lt;pre&gt;&lt;code&gt;float bldgHeighTemp;        
for (int i = 0; i &amp;lt;  1000 ; i+=30){   
    for (int f = 0; f &amp;lt; (int)(BUFFER_SIZE/2); f++){   
        bldg temp;   
        bldgs.push_back(temp);   
        bldgs[i].bldgPosX = i;   
        bldgs[i].bldgPosY = ofGetHeight()/2;   
        bldgs[i].bldgWidth = 30;   
        bldgs[i].bldgHeight = bldgHeighTemp;   
        bldgs[i].draw();   
        bldgHeighTemp = freq[f]*-6;    
    }
}
&lt;/code&gt;&lt;/pre&gt;
&lt;p&gt;How do I implement this properly?&lt;/p&gt;</t>
  </si>
  <si>
    <t>2011-07-25 21:40:09.130000+00:00</t>
  </si>
  <si>
    <t>2011-07-26 10:57:24.063000+00:00</t>
  </si>
  <si>
    <t>2011-07-26 10:53:15.030000+00:00</t>
  </si>
  <si>
    <t>c++</t>
  </si>
  <si>
    <t>Java Matrix multiplication ArrayIndexOutOfBounds Exception</t>
  </si>
  <si>
    <t>&lt;p&gt;Just started learning Java by my own and i am trying to do different programs i get in college from C++ into Java. 
I wanted to do a multiplication of matrices using some void methods but i am constantly getting this exception (java.lang.ArrayIndexOutOfBoundsException) when trying to multiply matrices like 2-2 2-1,
3-2 2-3, etc. The program works for matrices like 3-3 3-3, 4-4 4-4 but it fails when the variables are not the same. Can't understand where i got it wrong, can anybody help?&lt;/p&gt;
&lt;p&gt;Ty &lt;/p&gt;
&lt;p&gt;import java.util.Scanner;
public class MultiplicationOfMatrixes {&lt;/p&gt;
&lt;pre&gt;&lt;code&gt;static Scanner sc = new Scanner(System.in);
public static void main (String[] args)
{
    int n,m,k;
    System.out.println("The number of lines of the first matrix is");
    n = sc.nextInt();
    System.out.println("The number of rows of the first matrix and the number of lines of the second matrix is ");
    m = sc.nextInt();
    System.out.println("The number of rows of the second matrix is ");
    k = sc.nextInt();
    double a[][] = new double[n][m];
    double b[][] = new double[m][k];
    double c[][] = new double[n][k];        
    read(a, n, m);
    read(b, m, k);
    multiply(a,b,c,n,m,k);
    write(c,n,k);
}
public static void read (double v[][], int q, int r)
{
    System.out.printf("\nThe numbers for the matrix are \n ");
    int i,j;
    for(i=0;i&amp;lt;q;i++)
    for(j=0;j&amp;lt;r;j++)
    {
        System.out.printf(" On the position %d %d%n ", i, j);
        v[i][j] = sc.nextDouble();
    }
}
public static void multiply (double v[][], double w[][], double u[][], int q, int r, int z)
{
    int i, j, t;
    for(i=0;i&amp;lt;q;i++)
    for(j=0;j&amp;lt;r;j++)
    {
        for(t=0;t&amp;lt;z;t++)
        u[i][t] = u[i][t] + v[i][t]*w[t][j]; 
    }
}
public static void write (double v[][], int q, int r)
{
    int i,j;
    for(i=0;i&amp;lt;q;i++)
    for(j=0;j&amp;lt;r;j++)
    {
        System.out.printf("c[%d][%d]= %f%n", i, j, v[i][j]);
    }
}
&lt;/code&gt;&lt;/pre&gt;
&lt;p&gt;}&lt;/p&gt;</t>
  </si>
  <si>
    <t>2015-02-17 18:28:49.010000+00:00</t>
  </si>
  <si>
    <t>2015-02-17 18:51:55.563000+00:00</t>
  </si>
  <si>
    <t>java|matrix|indexoutofboundsexception|multiplication</t>
  </si>
  <si>
    <t>p:selectOneMenu validation fails</t>
  </si>
  <si>
    <t>&lt;p&gt;I'm using PrimeFaces SelectOneMenu as follows:&lt;/p&gt;
&lt;pre&gt;&lt;code&gt;    &amp;lt;p:selectOneMenu id="inviteAbleRoleSelect"
            styleClass="dropDownSelector"
            value="#{invitationManagedBean.selectedRole}"&amp;gt;
                &amp;lt;f:selectItems value="#{invitationManagedBean.inviteAbleRoles}"
                var="role"
                itemValue="#{role}"
                itemLabel="#{localized[role.concat('RoleName')]}"&amp;gt;
                &amp;lt;/f:selectItems&amp;gt;
    &amp;lt;/p:selectOneMenu&amp;gt;
&lt;/code&gt;&lt;/pre&gt;
&lt;p&gt;And the following JavaScript called on complete:&lt;/p&gt;
&lt;pre&gt;&lt;code&gt;function handleUserInvitationRequest(xhr,status,args){
            if (args.validationFailed) {
                jQuery('#userInviterDialog').effect("shake", {
                    times : 3
                }, 70);
            } else {
                userInviterDialogVar.hide();
                refreshInvitedUserList();
            }
        }
&lt;/code&gt;&lt;/pre&gt;
&lt;p&gt;When I submit the form, I get an ajax POST with the correctly filled form, but when it calls the handler, the validationFailed is true, even if the element is not required. Also the changes coming in the ajax response sets the select to an empty select.&lt;/p&gt;
&lt;p&gt;Any idea?&lt;/p&gt;</t>
  </si>
  <si>
    <t>2013-12-20 15:09:01.783000+00:00</t>
  </si>
  <si>
    <t>2013-12-20 15:40:25.063000+00:00</t>
  </si>
  <si>
    <t>jsf|java-ee|primefaces</t>
  </si>
  <si>
    <t>iOS Floating Video Window like Youtube App</t>
  </si>
  <si>
    <t>&lt;p&gt;Does anyone know of any existing library, or any techniques on how to get the same effect as is found on the Youtube App.&lt;/p&gt;
&lt;p&gt;The video can be "minimised" and hovers at the bottom of the screen - which can then be swiped to close or touched to re-maximised.&lt;/p&gt;
&lt;p&gt;See: &lt;/p&gt;
&lt;p&gt;Video Playing Normally: &lt;a href="https://www.dropbox.com/s/o8c1ntfkkp4pc4q/2014-06-07%2001.19.20.png"&gt;https://www.dropbox.com/s/o8c1ntfkkp4pc4q/2014-06-07%2001.19.20.png&lt;/a&gt;&lt;/p&gt;
&lt;p&gt;Video Minimized: &lt;a href="https://www.dropbox.com/s/w0syp3infu21g08/2014-06-07%2001.19.27.png"&gt;https://www.dropbox.com/s/w0syp3infu21g08/2014-06-07%2001.19.27.png&lt;/a&gt;&lt;/p&gt;
&lt;p&gt;(Notice how the video is now in a small floating window on the bottom right of the screen).&lt;/p&gt;
&lt;p&gt;Anyone have any idea how this was achieved, and if there are any existing tutorials or libraries that can be used to get this same effect?&lt;/p&gt;</t>
  </si>
  <si>
    <t>2014-06-07 00:23:02.543000+00:00</t>
  </si>
  <si>
    <t>2017-06-08 08:38:19.813000+00:00</t>
  </si>
  <si>
    <t>2014-06-08 11:30:37.137000+00:00</t>
  </si>
  <si>
    <t>ios|objective-c|video</t>
  </si>
  <si>
    <t>Sub-query after WHERE works when alone, but not as sub-query</t>
  </si>
  <si>
    <t>&lt;pre&gt;&lt;code&gt;USE [AdventureWorks2014]
GO
SELECT PERSON.FirstName, PERSON.LastName, SP.*
FROM [Person].[Person] PERSON, [Sales].[SalesPerson] SP
WHERE (SELECT TotalDue
    FROM Sales.SalesOrderHeader) &amp;gt;
    (SELECT AVG(TotalDue)
    FROM Sales.SalesOrderHeader);
&lt;/code&gt;&lt;/pre&gt;
&lt;p&gt;If I run this, I get the error:&lt;/p&gt;
&lt;blockquote&gt;
  &lt;p&gt;Subquery returned more than 1 value. This is not permitted when the
  subquery follows =, !=, &amp;lt;, &amp;lt;= , &gt;, &gt;= or when the subquery is used as
  an expression.&lt;/p&gt;
&lt;/blockquote&gt;
&lt;p&gt;However, if I remove everything between "GO" and the WHERE (also removing the first set of parentheses), the query runs fine, and gives me an answer of something over 4000. (Which sounds right to me.)&lt;/p&gt;
&lt;p&gt;I am new to this, so this is really kicking my butt. I just know that I'm missing something really simple, too, but I just can NOT see it right now, and I've been fighting it for long enough that my brain has gone to mush. (Running SQL Server Express 2014, if that turns out to be important, by the way.)&lt;/p&gt;
&lt;p&gt;EDIT: As per Ted's comments, let me rephrase the question, now that I'm significantly more awake, and also state that I am looking for GUIDANCE, and not for someone to write it for me, because I learn nothing if you guys do it for me.&lt;/p&gt;
&lt;p&gt;I am using the AdventureWorks database supplied by Microsoft for SQL Server for so many years. I need to retrieve the first and last name from the Person.Person table, and all information from the Sales.Salesperson table. However, the only ones I want to display are the ones that have an amount in the Sales.SalesOrderHeader.TotalDue column that is GREATER than the average of the entire Sales.SalesOrderHeader.TotalDue column. The Person.Person and Sales.SalesPerson share the BusinessEntityID key, and TerritoryID is shared between Sales.SalesOrderHeader and Sales.SalesPerson. If I use a JOIN of any sort, it enters an endless loop that I have to stop manually.&lt;/p&gt;
&lt;p&gt;If I comment out the outer query, the query returns an answer of 4012. But all attempts I have made since then to get that data to affect my outer join have either thrown various error messages or endless loops.&lt;/p&gt;
&lt;p&gt;If more information is needed about this issue, please tell me - I am trying to learn both SQL and how to properly ask the questions. (Not pissing Ted off is a side benefit.)&lt;/p&gt;</t>
  </si>
  <si>
    <t>2016-10-17 08:53:56.857000+00:00</t>
  </si>
  <si>
    <t>2016-10-17 21:55:38.600000+00:00</t>
  </si>
  <si>
    <t>sql|sql-server</t>
  </si>
  <si>
    <t>JSON file size is much higher than expected(Storing Local Language)</t>
  </si>
  <si>
    <t>&lt;p&gt;Wrote a tool to convert data in an excel to JSON.
I only have 100 records, total of 1000 cells of data.&lt;/p&gt;
&lt;p&gt;&lt;strong&gt;JSON got created is whopping 265MB.&lt;/strong&gt;&lt;/p&gt;
&lt;ol&gt;
&lt;li&gt;&lt;p&gt;Data Sample: ��������������������� ��������������������������������������� ��������������������� ���������������
������������������������������������������������������������ ��������������������������������������������� ��������������� ������������������������������ ��������������� ������������&lt;/p&gt;&lt;/li&gt;
&lt;li&gt;&lt;p&gt;Code is normal:Object.toJsonString(), and writes using File Writer.&lt;/p&gt;&lt;/li&gt;
&lt;li&gt;&lt;p&gt;JSON file out: I can observe lots of \u200D and \u200C&lt;/p&gt;&lt;/li&gt;
&lt;li&gt;&lt;p&gt;Excel file: Size  is merely 40KB&lt;/p&gt;&lt;/li&gt;
&lt;/ol&gt;
&lt;p&gt;Please help, I am expecting a file size of &amp;lt; &lt;strong&gt;1 MB&lt;/strong&gt;&lt;/p&gt;
&lt;p&gt;Part of the JSON output is&lt;/p&gt;
&lt;p&gt;��� ������������������������������\u200D ������������������������������?��","options":["������������������������������������������\u200D","������������\u200D������ ������������������������������\u200D","��������������� ���������������\u200C���������\u200D","���������������������"]}]}]}]}&lt;/p&gt;
&lt;p&gt;I would like to remove \u200D and &lt;/p&gt;</t>
  </si>
  <si>
    <t>2017-04-03 08:02:40.547000+00:00</t>
  </si>
  <si>
    <t>2017-04-06 14:10:42.350000+00:00</t>
  </si>
  <si>
    <t>java|json|database|sqlite|utf</t>
  </si>
  <si>
    <t>Building Visual Studio Express 11 project from command line</t>
  </si>
  <si>
    <t>&lt;p&gt;So far, I had the following technique to build my C++ projects from the command line (purpose: nightly build with jenkins, with the same configuration as the 'normal' project) :&lt;/p&gt;
&lt;pre&gt;&lt;code&gt;devenv MySolution.sln /build "Release" /project "MyProject"
&lt;/code&gt;&lt;/pre&gt;
&lt;p&gt;or, from an express version:&lt;/p&gt;
&lt;pre&gt;&lt;code&gt;VCExpress MySolution.sln /build "Release" /project "MyProject"
&lt;/code&gt;&lt;/pre&gt;
&lt;p&gt;Now, I recently got VC11 express for Desktop, and apparently, it's not the same executable (I think the equivalent to VCExpress.exe is WDExpress.exe, am I wrong?), it's not the same command line (it's something like WDExpress MyProject.vcxproj /Build), and the build logs aren't outputed to stdout (they might be available elsewhere).&lt;/p&gt;
&lt;p&gt;So, I'm just wondering if I'm missing something?&lt;/p&gt;
&lt;p&gt;Maybe it's not WDExpress.exe that has to be called?&lt;/p&gt;</t>
  </si>
  <si>
    <t>2012-10-30 09:48:04.190000+00:00</t>
  </si>
  <si>
    <t>2012-10-30 10:40:47.717000+00:00</t>
  </si>
  <si>
    <t>c++|visual-studio|continuous-integration</t>
  </si>
  <si>
    <t>Is there currently a way to get Emacs muse-mode to output rtf,odt or doc format?</t>
  </si>
  <si>
    <t>&lt;p&gt;&lt;a href="http://mwolson.org/projects/EmacsMuse.html" rel="nofollow"&gt;Muse&lt;/a&gt; is a special mode in emacs that can be used as a wiki. It has multiple output formats like static HTML pages, LaTeX, PDF etc.&lt;/p&gt;
&lt;p&gt;But sometimes I need to output something that less tech-savvy people can edit/correct and send back to me.&lt;/p&gt;
&lt;p&gt;I think either RTF, ODT or DOC would do the trick.&lt;/p&gt;
&lt;p&gt;My problem is that muse only supports HTML, LaTeX, TexInfo and XML out of the box.&lt;/p&gt;
&lt;p&gt;Implementing an own output format is currently not an option as I cannot program in elisp and learning it would take too much time.&lt;/p&gt;
&lt;p&gt;I searched for a way to convert to or use markdown as &lt;a href="http://johnmacfarlane.net/pandoc/" rel="nofollow"&gt;pandoc&lt;/a&gt; can convert to RTF. But I found only the following &lt;a href="http://lists.gnu.org/archive/html/emacs-wiki-discuss/2006-03/msg00195.html" rel="nofollow"&gt;discussion&lt;/a&gt; that does not solve my problem.&lt;/p&gt;
&lt;p&gt;My last resort would be to convert to HTML and then to RTF, ODT or DOC but AFAIK the results are far from great.&lt;/p&gt;
&lt;p&gt;It would appreciate a solution that can be automated (with custom scripts).&lt;/p&gt;</t>
  </si>
  <si>
    <t>2011-08-31 17:59:58.610000+00:00</t>
  </si>
  <si>
    <t>2011-09-07 15:33:57.843000+00:00</t>
  </si>
  <si>
    <t>emacs|rtf|doc|odt</t>
  </si>
  <si>
    <t>Why does my primary key slow down a simple linq-to-sql query?</t>
  </si>
  <si>
    <t>&lt;p&gt;I have a very simple table in SQL Server that has a compound primary key. The table is quite small with less than 10 MB of data. I am working with the table in C# using a data context auto-generated by SqlMetal. I filled the table with some initial data and was surprised when a simple select where query took over 30 seconds to complete! I imagined I should be able to read all 10 MB of data from disk and push it over our gigabit network in less than a second. I verified this was true by running the same query through Microsoft's SSMS.&lt;/p&gt;
&lt;p&gt;So, I started playing around with the data to figure out what was up. I found that if I removed the primary key from the table (and regenerated my SqlMetal file), the query returned my data in less than a second. Perfect! Except not, because no primary key. I added the key back, regenerated the SqlMetal file, and ran query again. Slow again! Next I removed the key from the table without regenerating the SqlMetal file. Still slow! I think all this tells me the problem lies on the client side, perhaps in the implementation of linq-to-sql or the data context generated by SqlMetal. &lt;/p&gt;
&lt;p&gt;So I started creating some test code and data that I could share on this site. I created a test database table with the same schema, code that filled the table with roughly the same amount of data, and of course the simple query that was taking so long. I ran it to make sure everything worked... Lo and behold, the query ran fairly fast. Is my actual data to blame? &lt;/p&gt;
&lt;p&gt;So I went about trying to get my test data to resemble my real data as closely as possible. My actual data has a natural key composed of a &lt;code&gt;bigint&lt;/code&gt; and &lt;code&gt;nvarchar(64)&lt;/code&gt;. I then add another &lt;code&gt;bigint&lt;/code&gt; as a third element to the primary key for the purpose of managing versions. When a new items get added to the data set, I give it a unique &lt;code&gt;ID&lt;/code&gt; (&lt;code&gt;bigint&lt;/code&gt;) and give it a version ID equal to its ID. Subsequent changes to that element generate new version IDs (&lt;code&gt;bigint&lt;/code&gt;). So, as I initially populated the table with all new elements, all version IDs equaled the elements' IDs. &lt;/p&gt;
&lt;p&gt;I replicated this in my test data and sure enough, the query slowed to a crawl. I'm trying to understand what is happening with this query. It is obviously not an issue with the query execution plan on the server because it runs fast under any scenario using SSMS. What is linq-to-sql doing with my data before it returns my query results? Why does the profile of the data (namely the primary key values) affect the processing speed on the client side? &lt;/p&gt;
&lt;p&gt;Here is some code to help if you want to test this:&lt;/p&gt;
&lt;p&gt;SQL Server table generation:&lt;/p&gt;
&lt;pre&gt;&lt;code&gt;CREATE TABLE [dbo].[TestClusteredIndex]
(
    [VID] [BIGINT] NOT NULL,
    [EID] [BIGINT] NOT NULL,
    [Filter] [NVARCHAR](64) COLLATE SQL_Latin1_General_CP1_CS_AS NOT NULL,
    [MID] [NVARCHAR](64) COLLATE SQL_Latin1_General_CP1_CS_AS NOT NULL,
    [SD] [DATE] NULL,
    [ED] [DATE] NULL,
    [B] [BIT] NOT NULL,
    CONSTRAINT [PK_TestClusteredIndex] 
        PRIMARY KEY CLUSTERED ([EID] ASC, [Filter] ASC, [VID] ASC)
) ON [PRIMARY]
GO
CREATE TABLE [dbo].[TestHeap](
    [VID] [bigint] NOT NULL,
    [EID] [bigint] NOT NULL,
    [Filter] [nvarchar](64) COLLATE SQL_Latin1_General_CP1_CS_AS NOT NULL,
    [MID] [nvarchar](64) COLLATE SQL_Latin1_General_CP1_CS_AS NOT NULL,
    [SD] [date] NULL,
    [ED] [date] NULL,
    [B] [bit] NOT NULL
) ON [PRIMARY]
GO
&lt;/code&gt;&lt;/pre&gt;
&lt;p&gt;Generate your own DataContext using SqlMetal. &lt;/p&gt;
&lt;p&gt;C# Test Code:&lt;/p&gt;
&lt;pre&gt;&lt;code&gt;    public static void RunTests()
    {
        FillDB(false);
        TestSpeedWithPK(true);
        TestSpeedWithoutPK(true);
        FillDB(true);
        TestSpeedWithPK(true);
        TestSpeedWithoutPK(true);
    }
    public static void FillDB(bool problematic)
    {
        long l1 = 5000;
        long l2 = 750000;
        bool dummy = true;
        var db = new YourDataContext(@"YourConnectionString");
        Console.WriteLine("\nClearing database tables...");
        db.ExecuteCommand("DELETE FROM [TestClusteredIndex];");
        db.ExecuteCommand("DELETE FROM [TestHeap];");
        var rows = new List&amp;lt;TestClusteredIndex&amp;gt;();
        Console.WriteLine("Generating " + (problematic ? string.Empty : "non-") + "problematic data...");
        for (int i = 0; i &amp;lt; 120000; i++)
        {
            var row = new TestClusteredIndex
            {
                EID = problematic ? i : l1++,
                VID = problematic ? i : l2++,
                Filter = "Filter" + (char)(i % 3 + 65),
                MID = (i / 0.5).GetHashCode().ToString(),
                SD = null,
                ED = null,
                B = dummy = !dummy
            };
            rows.Add(row);
        }
        Console.WriteLine("Saving " + rows.Count + " rows to table with primary key...");
        db.TestClusteredIndex.InsertAllOnSubmit(rows);
        db.SubmitChanges();
        Console.WriteLine("Copying data to table with no primary key...");
        db.ExecuteCommand("INSERT INTO [TestHeap]([VID],[EID],[Filter],[MID],[SD],[ED],[B]) SELECT [VID],[EID],[Filter],[MID],[SD],[ED],[B] FROM [TestClusteredIndex];");
        Console.WriteLine("Done creating test data.\n");
    }
    public static void TestSpeedWithPK(bool displayQuery)
    {
        Console.Write("Running speed test (primary key: yes)... ");
        var db = new YourDataContext(@"YourConnectionString");
        var sw = new Stopwatch();
        sw.Start();
        var items = db.TestClusteredIndex
            .Where(x =&amp;gt; x.Filter == "FilterA")
            .ToList();
        sw.Stop();
        Console.WriteLine("Queried " + items.Count + " records in " + Math.Round(sw.ElapsedMilliseconds / 1000.0, 2) + " seconds.");
    }
    public static void TestSpeedWithoutPK(bool displayQuery)
    {
        Console.Write("Running speed test (primary key:  no)... ");
        var db = new YourDataContext(@"YourConnectionString");
        var sw = new Stopwatch();
        sw.Start();
        var items = db.TestHeap
            .Where(x =&amp;gt; x.Filter == "FilterA")
            .ToList();
        sw.Stop();
        Console.WriteLine("Queried " + items.Count + " records in " + Math.Round(sw.ElapsedMilliseconds / 1000.0, 2) + " seconds.");
    }
&lt;/code&gt;&lt;/pre&gt;
&lt;p&gt;Here is the output when I run the test scripts:&lt;/p&gt;
&lt;pre&gt;&lt;code&gt;/*
Clearing database tables...
Generating non-problematic data...
Saving 120000 rows to table with primary key...
Copying data to table with no primary key...
Done creating test data.
Running speed test (primary key: yes)... Queried 40000 records in 0.29 seconds.
@p0:FilterA
SELECT [t0].[VID], [t0].[EID], [t0].[Filter], [t0].[MID], [t0].[SD], [t0].[ED], [t0].[B]
FROM [dbo].[TestClusteredIndex] AS [t0]
WHERE [t0].[Filter] = @p0
Running speed test (primary key:  no)... Queried 40000 records in 0.09 seconds.
@p0:FilterA
SELECT [t0].[VID], [t0].[EID], [t0].[Filter], [t0].[MID], [t0].[SD], [t0].[ED], [t0].[B]
FROM [dbo].[TestHeap] AS [t0]
WHERE [t0].[Filter] = @p0
Clearing database tables...
Generating problematic data...
Saving 120000 rows to table with primary key...
Copying data to table with no primary key...
Done creating test data.
Running speed test (primary key: yes)... Queried 40000 records in 30.46 seconds.
@p0:FilterA
SELECT [t0].[VID], [t0].[EID], [t0].[Filter], [t0].[MID], [t0].[SD], [t0].[ED], [t0].[B]
FROM [dbo].[TestClusteredIndex] AS [t0]
WHERE [t0].[Filter] = @p0
Running speed test (primary key:  no)... Queried 40000 records in 0.07 seconds.
@p0:FilterA
SELECT [t0].[VID], [t0].[EID], [t0].[Filter], [t0].[MID], [t0].[SD], [t0].[ED], [t0].[B]
FROM [dbo].[TestHeap] AS [t0]
WHERE [t0].[Filter] = @p0
*/
&lt;/code&gt;&lt;/pre&gt;</t>
  </si>
  <si>
    <t>2018-10-31 20:57:28.830000+00:00</t>
  </si>
  <si>
    <t>2018-11-01 15:51:53.643000+00:00</t>
  </si>
  <si>
    <t>c#|sql-server|linq|linq-to-sql|datacontext</t>
  </si>
  <si>
    <t>Is there a way to trigger a CircleCI build on a Pull Request?</t>
  </si>
  <si>
    <t>&lt;p&gt;So, the problem I have is that right now CircleCI doesn't trigger builds on PRs, and I have checks that I'd like to run only on PRs. There is this option: &lt;/p&gt;
&lt;blockquote&gt;
  &lt;p&gt;Only build pull requests&lt;/p&gt;
  &lt;p&gt;By default, we will build all the commits for this project. Once
  turned on, we will only build branches that have associated pull
  requests open. Note: For your default branch, we will always build all
  commits.&lt;/p&gt;
&lt;/blockquote&gt;
&lt;p&gt;However, this is not what I need, because I still need some checks to run on every commit, on all branches, not just the default one. &lt;/p&gt;
&lt;p&gt;This is what I have in my circle.yml file:&lt;/p&gt;
&lt;pre&gt;&lt;code&gt;test:
  override:
    - if [[ ! -z $CI_PULL_REQUEST ]] ; then yarn test:selenium ; fi
&lt;/code&gt;&lt;/pre&gt;
&lt;p&gt;This only gets triggered if there's another push made to the branch &lt;em&gt;after&lt;/em&gt; opening a PR, because only then is the build triggered.&lt;/p&gt;
&lt;p&gt;I just haven't been able to find a workaround for this, does anyone have any ideas?&lt;/p&gt;</t>
  </si>
  <si>
    <t>2017-06-21 09:59:34.543000+00:00</t>
  </si>
  <si>
    <t>github|circleci</t>
  </si>
  <si>
    <t>How can I make script for recursive downloading all empty files?</t>
  </si>
  <si>
    <t>&lt;p&gt;I need to develop the VBScript that donwload all files with size equals 0 from drive C. I have made following script:&lt;/p&gt;
&lt;pre&gt;&lt;code&gt;Dim oFSO 
Dim sDirectoryPath
Dim oFolder  
Dim oFileCollection
Dim oFile
Dim oFolderCollection
Dim n
Set oFSO = CreateObject("Scripting.FileSystemObject")
sDirectoryPath = "C:\"
set oFolder = oFSO.GetFolder(sDirectoryPath)
set oFolderCollection = oFolder.SubFolders
set oFileCollection = oFolder.Files
For each oFile in oFileCollection
    IF oFile.Size = 0 Then
        oFile.Delete(true)
    END IF
Next    
&lt;/code&gt;&lt;/pre&gt;
&lt;p&gt;But this script deletes files from root directory of drive C only! I need to use recusrive in this code, but I'm new in VBScript and don't know how I can do it. Please, I hope you will help me. Thank you.&lt;/p&gt;</t>
  </si>
  <si>
    <t>2012-05-04 14:16:49.827000+00:00</t>
  </si>
  <si>
    <t>2012-05-05 20:19:49.910000+00:00</t>
  </si>
  <si>
    <t>vbscript</t>
  </si>
  <si>
    <t>Mysql Extract max number from a string</t>
  </si>
  <si>
    <t>&lt;p&gt;Do you know if there is any manner to extract maximum number into a string in MySql ?&lt;/p&gt;
&lt;p&gt;My table looks like this:&lt;/p&gt;
&lt;pre&gt;&lt;code&gt;+-----------------------------------------------------------+
| Freq                                                      |
+-----------------------------------------------------------+
| 40.56                                                     |
| 99.51                                                     |
| 99.87                                                     |
| T=0.00, TCCA=0.00, TTCC=0.03, TTCG=0.00, TTCT=55.0        |
| C=97.70, T=0.05                                           | 
| 44.61                                                     |
| 57.45                                                     |
| 38.18                                                     |
| 38.43                                                     |
| 39.36                                                     |
| 38.65                                                     |
| 39.30                                                     |
| C=57.53, T=0.17                                           |
| TAAAAAAAAAAA=0.51, TAAAAAAAAAA=68.03, TAAAAAAAAAAAG=31.42 |
+-----------------------------------------------------------+
&lt;/code&gt;&lt;/pre&gt;
&lt;p&gt;&lt;strong&gt;Desired output&lt;/strong&gt;:&lt;/p&gt;
&lt;pre&gt;&lt;code&gt;55.0
97.70
&lt;/code&gt;&lt;/pre&gt;</t>
  </si>
  <si>
    <t>2018-11-13 09:51:57.050000+00:00</t>
  </si>
  <si>
    <t>2018-11-13 10:13:37.367000+00:00</t>
  </si>
  <si>
    <t>mysql|string|numbers|max|extract</t>
  </si>
  <si>
    <t>Benefit of async function</t>
  </si>
  <si>
    <t>&lt;p&gt;The following code is taken from the MDN site:&lt;/p&gt;
&lt;p&gt;&lt;a href="https://developer.mozilla.org/en-US/docs/Web/JavaScript/Reference/Statements/async_function" rel="nofollow noreferrer"&gt;https://developer.mozilla.org/en-US/docs/Web/JavaScript/Reference/Statements/async_function&lt;/a&gt;&lt;/p&gt;
&lt;pre&gt;&lt;code&gt;function getProcessedData(url) {
  return downloadData(url) // returns a promise
    .catch(e =&amp;gt; {
      return downloadFallbackData(url); // returns a promise
    })
    .then(v =&amp;gt; {
      return processDataInWorker(v); // returns a promise
    });
}
&lt;/code&gt;&lt;/pre&gt;
&lt;p&gt;The docs say that this can be converted to an async function like this:&lt;/p&gt;
&lt;pre&gt;&lt;code&gt;async function getProcessedData(url) {
  let v;
  try {
    v = await downloadData(url); 
  } catch(e) {
    v = await downloadFallbackData(url);
  }
  return processDataInWorker(v);
}
&lt;/code&gt;&lt;/pre&gt;
&lt;p&gt;I don't understand what the benefit of the async function is in this example because both approaches are asynchronous and both take 9 lines of code.&lt;/p&gt;</t>
  </si>
  <si>
    <t>2017-06-23 13:09:56.277000+00:00</t>
  </si>
  <si>
    <t>2017-06-23 13:37:19.833000+00:00</t>
  </si>
  <si>
    <t>javascript</t>
  </si>
  <si>
    <t>In Rails edit action form, hide a form field</t>
  </si>
  <si>
    <t>&lt;p&gt;I have a Rails application wherein I don't want some of the form fields to appear in my edit action form.&lt;/p&gt;
&lt;p&gt;How can I go about doing this in rails?&lt;/p&gt;</t>
  </si>
  <si>
    <t>2016-05-08 10:42:03.023000+00:00</t>
  </si>
  <si>
    <t>2017-03-25 19:40:07.293000+00:00</t>
  </si>
  <si>
    <t>ruby-on-rails|ruby|rest</t>
  </si>
  <si>
    <t>c++/cli DLL fails under Win 8.1</t>
  </si>
  <si>
    <t>&lt;p&gt;i have written a Win32/net DLL, it works fine under Win XP, Win7 and 8 but under Win 8.1 it fails.&lt;/p&gt;
&lt;p&gt;Dependency Walker says: API-MS-WIN-CORE-KERNEL32-PRIVATE-L1-1-1.DLL not found
(user32.dll will call them)&lt;/p&gt;
&lt;p&gt;Google means, MS changed some System-DLLs in 8.1 (and ignored compatibility), so that many programs have the same problem. &lt;/p&gt;
&lt;p&gt;Full list with "file not found":&lt;/p&gt;
&lt;pre&gt;&lt;code&gt;API-MS-WIN-CORE-KERNEL32-PRIVATE-L1-1-1.DLL
API-MS-WIN-CORE-PRIVATEPROFILE-L1-1-1.DLL
MSVCR120.DLL
API-MS-WIN-CORE-SHUTDOWN-L1-1-1.DLL
API-MS-WIN-SERVICE-PRIVATE-L1-1-1.DLL
EXT-MS-WIN-NTUSER-UICONTEXT-EXT-L1-1-0.DLL
IESHIMS.DLL
&lt;/code&gt;&lt;/pre&gt;
&lt;p&gt;Does someone have a idea how to fix this?&lt;/p&gt;</t>
  </si>
  <si>
    <t>2014-06-20 21:18:13.947000+00:00</t>
  </si>
  <si>
    <t>2016-11-04 09:00:05.240000+00:00</t>
  </si>
  <si>
    <t>2015-08-31 03:05:52.153000+00:00</t>
  </si>
  <si>
    <t>windows|winapi|dll|c++-cli|mixed-mode</t>
  </si>
  <si>
    <t>How to debug multiple scenes loading at the same time in unity?</t>
  </si>
  <si>
    <t>&lt;p&gt;We have a really weird bug in out game where when we upload it into Beta and send it out through test flight, so phones play the game as intended and other phones have a weird issue pictured below:&lt;/p&gt;
&lt;p&gt;&lt;a href="https://i.stack.imgur.com/oQL4j.jpg" rel="nofollow noreferrer"&gt;&lt;img src="https://i.stack.imgur.com/oQL4j.jpg" alt="enter image description here"&gt;&lt;/a&gt;&lt;/p&gt;
&lt;p&gt;From the image you can see the problem.  One it does a ghosting type of thing with the characters as they move.  Two, it acts like no scene is actually closing, but keeps stacking them on top of each other.&lt;/p&gt;
&lt;p&gt;This problem does not occur on iPhone 6s or iPad Pro.  It also doesn't occur on Android.  We have only seen it on 5S and iPads.&lt;/p&gt;
&lt;p&gt;We have looked at versions and that doesn't seem to be an issue either.  We are using Unity 5.3 for this build (we reverted to this build as we felt it was the most stable, just to make sure that wasn;t an issue)&lt;/p&gt;
&lt;p&gt;Anyone have an idea of what could be causing this problem?&lt;/p&gt;
&lt;p&gt;Keep in mind that the things that are being seen are in different scenes.&lt;/p&gt;</t>
  </si>
  <si>
    <t>2016-04-29 04:29:37.483000+00:00</t>
  </si>
  <si>
    <t>2016-04-29 06:02:23.590000+00:00</t>
  </si>
  <si>
    <t>ios|unity3d</t>
  </si>
  <si>
    <t>Php MYSql, Different kind of cross tab Report</t>
  </si>
  <si>
    <t>&lt;p&gt;I got 2 tables, comparitive_st_sup and comparitive_statement1&lt;/p&gt;
&lt;p&gt;comparitive_st_sup fields are as follows:&lt;/p&gt;
&lt;ul&gt;
&lt;li&gt;tender_id&lt;/li&gt;
&lt;li&gt;supplier_name&lt;/li&gt;
&lt;li&gt;item_name&lt;/li&gt;
&lt;li&gt;quantity&lt;/li&gt;
&lt;li&gt;unitprice&lt;/li&gt;
&lt;li&gt;total&lt;/li&gt;
&lt;/ul&gt;
&lt;p&gt;comparitive_statement1 fields are as follows:&lt;/p&gt;
&lt;ul&gt;
&lt;li&gt;tender_id&lt;/li&gt;
&lt;li&gt;sup_name (supplier name)&lt;/li&gt;
&lt;li&gt;coc_charges&lt;/li&gt;
&lt;li&gt;export_charges&lt;/li&gt;
&lt;li&gt;iata_charges&lt;/li&gt;
&lt;/ul&gt;
&lt;p&gt;Both the tables are linked by supplier_name. comparitive_st_sup table has many item_name (items or Products) for a single supplier. Where as comparitive_statement1 have details of supplier and its cost (quantity, unitprice and total)&lt;/p&gt;
&lt;p&gt;Now i need a report to come in the following format:&lt;/p&gt;
&lt;p&gt;&lt;div class="snippet" data-lang="js" data-hide="false"&gt;_x000D_
&lt;div class="snippet-code"&gt;_x000D_
&lt;pre class="snippet-code-html lang-html prettyprint-override"&gt;&lt;code&gt;&amp;lt;p&amp;gt;Data from comparitive_st_sup table&amp;lt;/p&amp;gt;_x000D_
&amp;lt;table border="1" width="100%"&amp;gt;_x000D_
 &amp;lt;tr&amp;gt;_x000D_
  &amp;lt;td colspan="3" width="33%"&amp;gt;_x000D_
  &amp;lt;p align="center"&amp;gt;&amp;lt;b&amp;gt;Supplier 1 Name&amp;lt;/b&amp;gt;&amp;lt;/td&amp;gt;_x000D_
  &amp;lt;td colspan="3" width="33%"&amp;gt;_x000D_
  &amp;lt;p align="center"&amp;gt;&amp;lt;b&amp;gt;Supplier 2 Name&amp;lt;/b&amp;gt;&amp;lt;/td&amp;gt;_x000D_
  &amp;lt;td colspan="3" width="33%"&amp;gt;_x000D_
  &amp;lt;p align="center"&amp;gt;&amp;lt;b&amp;gt;Supplier 3 Name&amp;lt;/b&amp;gt;&amp;lt;/td&amp;gt;_x000D_
 &amp;lt;/tr&amp;gt;_x000D_
 &amp;lt;tr&amp;gt;_x000D_
  &amp;lt;td&amp;gt;Item name&amp;lt;/td&amp;gt;_x000D_
  &amp;lt;td&amp;gt;unit price&amp;lt;/td&amp;gt;_x000D_
  &amp;lt;td&amp;gt;qty&amp;lt;/td&amp;gt;_x000D_
  &amp;lt;td&amp;gt;item name&amp;lt;/td&amp;gt;_x000D_
  &amp;lt;td&amp;gt;unit price&amp;lt;/td&amp;gt;_x000D_
  &amp;lt;td&amp;gt;qty&amp;lt;/td&amp;gt;_x000D_
  &amp;lt;td&amp;gt;item name&amp;lt;/td&amp;gt;_x000D_
  &amp;lt;td&amp;gt;unit price&amp;lt;/td&amp;gt;_x000D_
  &amp;lt;td&amp;gt;qty&amp;lt;/td&amp;gt;_x000D_
 &amp;lt;/tr&amp;gt;_x000D_
 &amp;lt;tr&amp;gt;_x000D_
  &amp;lt;td&amp;gt;item name&amp;lt;/td&amp;gt;_x000D_
  &amp;lt;td&amp;gt;unit price&amp;lt;/td&amp;gt;_x000D_
  &amp;lt;td&amp;gt;qty&amp;lt;/td&amp;gt;_x000D_
  &amp;lt;td&amp;gt;item name&amp;lt;/td&amp;gt;_x000D_
  &amp;lt;td&amp;gt;unit price&amp;lt;/td&amp;gt;_x000D_
  &amp;lt;td&amp;gt;qty&amp;lt;/td&amp;gt;_x000D_
  &amp;lt;td&amp;gt;item name&amp;lt;/td&amp;gt;_x000D_
  &amp;lt;td&amp;gt;unit price&amp;lt;/td&amp;gt;_x000D_
  &amp;lt;td&amp;gt;qty&amp;lt;/td&amp;gt;_x000D_
 &amp;lt;/tr&amp;gt;_x000D_
 &amp;lt;tr&amp;gt;_x000D_
  &amp;lt;td colspan="3"&amp;gt;&amp;amp;nbsp;&amp;lt;/td&amp;gt;_x000D_
  &amp;lt;td colspan="3"&amp;gt;&amp;amp;nbsp;&amp;lt;/td&amp;gt;_x000D_
  &amp;lt;td colspan="3"&amp;gt;&amp;amp;nbsp;&amp;lt;/td&amp;gt;_x000D_
 &amp;lt;/tr&amp;gt;_x000D_
 &amp;lt;tr&amp;gt;_x000D_
  &amp;lt;td colspan="3"&amp;gt;Data from comparitive_statement1 table&amp;lt;/td&amp;gt;_x000D_
  &amp;lt;td colspan="3"&amp;gt;&amp;amp;nbsp;&amp;lt;/td&amp;gt;_x000D_
  &amp;lt;td colspan="3"&amp;gt;&amp;amp;nbsp;&amp;lt;/td&amp;gt;_x000D_
 &amp;lt;/tr&amp;gt;_x000D_
 &amp;lt;tr&amp;gt;_x000D_
  &amp;lt;td colspan="3"&amp;gt;_x000D_
  &amp;lt;p align="center"&amp;gt;&amp;lt;b&amp;gt;Supplier 1 Name&amp;lt;/b&amp;gt;&amp;lt;/td&amp;gt;_x000D_
  &amp;lt;td colspan="3"&amp;gt;_x000D_
  &amp;lt;p align="center"&amp;gt;&amp;lt;b&amp;gt;Supplier 2 Name&amp;lt;/b&amp;gt;&amp;lt;/td&amp;gt;_x000D_
  &amp;lt;td colspan="3"&amp;gt;_x000D_
  &amp;lt;p align="center"&amp;gt;&amp;lt;b&amp;gt;Supplier 3 Name&amp;lt;/b&amp;gt;&amp;lt;/td&amp;gt;_x000D_
 &amp;lt;/tr&amp;gt;_x000D_
 &amp;lt;tr&amp;gt;_x000D_
  &amp;lt;td colspan="3"&amp;gt;COC Charges&amp;lt;/td&amp;gt;_x000D_
  &amp;lt;td colspan="3"&amp;gt;COC Charges&amp;lt;/td&amp;gt;_x000D_
  &amp;lt;td colspan="3"&amp;gt;COC Charges&amp;lt;/td&amp;gt;_x000D_
 &amp;lt;/tr&amp;gt;_x000D_
 &amp;lt;tr&amp;gt;_x000D_
  &amp;lt;td colspan="3"&amp;gt;Export Charges&amp;lt;/td&amp;gt;_x000D_
  &amp;lt;td colspan="3"&amp;gt;Export Charges&amp;lt;/td&amp;gt;_x000D_
  &amp;lt;td colspan="3"&amp;gt;Export Charges&amp;lt;/td&amp;gt;_x000D_
 &amp;lt;/tr&amp;gt;_x000D_
 &amp;lt;tr&amp;gt;_x000D_
  &amp;lt;td colspan="3"&amp;gt;Iata_Charges&amp;lt;/td&amp;gt;_x000D_
  &amp;lt;td colspan="3"&amp;gt;Iata_Charges&amp;lt;/td&amp;gt;_x000D_
  &amp;lt;td colspan="3"&amp;gt;Iata_Charges&amp;lt;/td&amp;gt;_x000D_
 &amp;lt;/tr&amp;gt;_x000D_
&amp;lt;/table&amp;gt;&lt;/code&gt;&lt;/pre&gt;_x000D_
&lt;/div&gt;_x000D_
&lt;/div&gt;_x000D_
&lt;/p&gt;
&lt;p&gt;How can i achieve this? Pls Help. Thanx in advance.&lt;/p&gt;</t>
  </si>
  <si>
    <t>2015-07-09 09:18:23.110000+00:00</t>
  </si>
  <si>
    <t>php|mysql|report|crosstab</t>
  </si>
  <si>
    <t>How to set "background" color of selected item in ObjectListView?</t>
  </si>
  <si>
    <t>&lt;p&gt;how can I set or change "background color" of selected item in objestlistview? Basically, how I can get rid of the blue color in the background of text?&lt;/p&gt;
&lt;p&gt;&lt;a href="https://i.stack.imgur.com/hTuWX.png" rel="nofollow noreferrer"&gt;&lt;img src="https://i.stack.imgur.com/hTuWX.png" alt="enter image description here"&gt;&lt;/a&gt;&lt;/p&gt;
&lt;p&gt;Thank you for any answers. &lt;/p&gt;</t>
  </si>
  <si>
    <t>2016-04-05 23:28:20.477000+00:00</t>
  </si>
  <si>
    <t>2016-04-06 06:21:13.783000+00:00</t>
  </si>
  <si>
    <t>c#|winforms|objectlistview</t>
  </si>
  <si>
    <t>GtkCellRendererText ellipsis causes text to completely dissapear</t>
  </si>
  <si>
    <t>&lt;p&gt;I have a &lt;code&gt;GtkTreeView&lt;/code&gt; hooked into a &lt;code&gt;GtkListStore&lt;/code&gt;, but the &lt;code&gt;GtkCellRendererText&lt;/code&gt; that's all on it's own in a column, a column which is set to expand. &lt;/p&gt;
&lt;p&gt;However the renderer is occupying a max width of 3 characters, just enough for the ellipsis...&lt;/p&gt;
&lt;p&gt;While, and after editing the text:
&lt;img src="https://i.stack.imgur.com/mslAk.png" alt="enter image description here"&gt;&lt;/p&gt;</t>
  </si>
  <si>
    <t>2012-02-01 17:01:47.070000+00:00</t>
  </si>
  <si>
    <t>2012-02-02 10:08:41.270000+00:00</t>
  </si>
  <si>
    <t>c|gtk</t>
  </si>
  <si>
    <t>How to determine is an item matches an aphabetic letter in javascript</t>
  </si>
  <si>
    <t>&lt;p&gt;What I want to be able to have is to have the following code return true:&lt;/p&gt;
&lt;pre&gt;&lt;code&gt;var reg = new RegExp(/A-Za-z/);
reg === "A";
&lt;/code&gt;&lt;/pre&gt;
&lt;p&gt;Essentially what I am trying to do is loop through letters and use an if statement that says if item &lt;code&gt;===&lt;/code&gt; alphabetic letter do something. I hope that makes sense Thanks!&lt;/p&gt;</t>
  </si>
  <si>
    <t>2014-10-03 04:45:51.503000+00:00</t>
  </si>
  <si>
    <t>2014-10-03 07:46:03.787000+00:00</t>
  </si>
  <si>
    <t>2014-10-03 05:38:16.630000+00:00</t>
  </si>
  <si>
    <t>javascript|regex</t>
  </si>
  <si>
    <t>Dropping rows in a multi-index data frame?</t>
  </si>
  <si>
    <t>&lt;p&gt;I have this df:&lt;/p&gt;
&lt;pre&gt;&lt;code&gt;temp = pd.DataFrame({'tic': ['IBM', 'AAPL', 'AAPL', 'IBM', 'AAPL'],
               'industry': ['A', 'B', 'B', 'A', 'B'],
                'price': [np.nan, 5, 6, 11, np.nan],
                'shares':[100, 60, np.nan, 100, np.nan],
                'dates': pd.to_datetime(['1990-01-01', '1990-01-01', '1990-04-01', 
                                             '1990-04-01', '1990-08-01'])
                })
temp.set_index(['tic', 'dates'], inplace=True)
temp.sort_index(inplace=True)
&lt;/code&gt;&lt;/pre&gt;
&lt;p&gt;Which yields:&lt;/p&gt;
&lt;pre&gt;&lt;code&gt;                industry  price  shares
tic  dates                             
AAPL 1990-01-01        B    5.0    60.0
     1990-04-01        B    6.0     NaN
     1990-08-01        B    NaN     NaN
IBM  1990-01-01        A    NaN   100.0
     1990-04-01        A   11.0   100.0
&lt;/code&gt;&lt;/pre&gt;
&lt;p&gt;How can I create a &lt;code&gt;new column&lt;/code&gt; in the data frame that shows the number of observations for each tic. So, the new column will like this:&lt;/p&gt;
&lt;pre&gt;&lt;code&gt;        New column
AAPL    ... 3
        ... 3
        ... 3
IBM     ... 2
        ... 2
&lt;/code&gt;&lt;/pre&gt;</t>
  </si>
  <si>
    <t>2016-11-20 20:34:19.073000+00:00</t>
  </si>
  <si>
    <t>2016-11-20 20:44:42.320000+00:00</t>
  </si>
  <si>
    <t>2016-11-20 20:40:12.370000+00:00</t>
  </si>
  <si>
    <t>python|pandas|multi-index</t>
  </si>
  <si>
    <t>Database Table Design for Group Values with Changing Status over Time</t>
  </si>
  <si>
    <t>&lt;p&gt;I have the following groups that have a particular designation depending on the date:&lt;/p&gt;
&lt;pre&gt;&lt;code&gt;Group 1:  3/30/2017 to present: status 'on'
Group 2:  3/30/2017 to present: status 'on'
Group 3:  3/30/2017 to present: status 'on'
Group 4:  3/30/2017 to 6/1/2017: status 'off'; 6/2/2017 to present: status: 'on'
Group 5:  3/30/2017 to present: status 'off'
Group 6:  3/30/2017 to 7/10/2017: status 'off'; 7/11/2017 to present: status 'on'
&lt;/code&gt;&lt;/pre&gt;
&lt;p&gt;I'm trying to translate this information into an effective database table so I can designate a change in status on a particular date.&lt;/p&gt;
&lt;p&gt;I have a process that runs daily in near real time that checks the status of each group and undertakes various processes based on the status.&lt;/p&gt;
&lt;p&gt;I have come up with the following though I think it is not sufficient:&lt;/p&gt;
&lt;pre&gt;&lt;code&gt;Group    Effective Date    Termination Date   Status
Group 1    '2017-03-30'        NULL            On
Group 2    '2017-03-30'        NULL            On
Group 3    '2017-03-30'        NULL            On
Group 4    '2017-03-30'     '2017-06-01'       On
Group 4    '2017-06-02'        NULL            Off
Group 5    '2017-03-30'        NULL            Off
Group 6    '2017-03-30'     '2017-07-10'       Off
Group 6    '2017-07-11'        NULL            On
&lt;/code&gt;&lt;/pre&gt;
&lt;p&gt;So if I run my daily process historically, I want it to be able to consult the table and determine the status of the group.  If I am running my process in real time, I want to be able to consult the table and determine the status.  If I want to change the status at a particular point in time, I enter a termination date for the Group and status and start a new line.&lt;/p&gt;
&lt;p&gt;I can't imagine this is a good way to do this. &lt;/p&gt;
&lt;p&gt;Looking for insights.&lt;/p&gt;
&lt;p&gt;Thanks in advance.&lt;/p&gt;</t>
  </si>
  <si>
    <t>2017-09-12 20:01:57.157000+00:00</t>
  </si>
  <si>
    <t>2017-09-13 06:57:00.283000+00:00</t>
  </si>
  <si>
    <t>sql|database|database-design</t>
  </si>
  <si>
    <t>Multiple images onmouseover, one by one.</t>
  </si>
  <si>
    <t>&lt;p&gt;I want to make my logo static .png image, but when I put cursor over the logo, I want it to play "slideshow" of 7 images, changing one by one. &lt;/p&gt;
&lt;p&gt;I know that I can achive this with code like this:&lt;/p&gt;
&lt;pre&gt;&lt;code&gt;      &amp;lt;img src="image.png" onmouseover="this.src='image.gif'" onmouseout="this.src='image.png'" /&amp;gt;
&lt;/code&gt;&lt;/pre&gt;
&lt;p&gt;But I want something like this:&lt;/p&gt;
&lt;pre&gt;&lt;code&gt;      &amp;lt;img src="image.png" onmouseover="this.src='image1.png/0.1s delay/image2.png/0.1s delay/image3.png/0.1s delay/'" onmouseout="this.src='image.png'" /&amp;gt;
&lt;/code&gt;&lt;/pre&gt;</t>
  </si>
  <si>
    <t>2014-10-19 17:18:25.797000+00:00</t>
  </si>
  <si>
    <t>2014-10-19 18:33:31.917000+00:00</t>
  </si>
  <si>
    <t>javascript|jquery|html</t>
  </si>
  <si>
    <t>Android: onItemClick and onItemLongClick do not respond</t>
  </si>
  <si>
    <t>&lt;p&gt;My Android app is composed of an SQLite database which populates individual &lt;code&gt;ListView&lt;/code&gt; items with data user saves. Those items are available for display in &lt;code&gt;activity_main.xml&lt;/code&gt;.
I have a class called &lt;code&gt;RecordsListFragment&lt;/code&gt; which contains the two problematic methods: &lt;code&gt;onItemClick&lt;/code&gt; and &lt;code&gt;onItemLongClick&lt;/code&gt;. Here is the class in its entirety:&lt;/p&gt;
&lt;pre&gt;&lt;code&gt;package com.example.benignfella.projectworkinghoursapplication.Fragment;
import android.app.Activity;
import android.os.AsyncTask;
import android.os.Bundle;
import android.support.v4.app.Fragment;
import android.view.LayoutInflater;
import android.view.View;
import android.view.ViewGroup;
import android.widget.AdapterView;
import android.widget.ListView;
import android.widget.Toast;
import android.widget.AdapterView.OnItemClickListener;
import android.widget.AdapterView.OnItemLongClickListener;
import com.example.benignfella.projectworkinghoursapplication.R;
import com.example.benignfella.projectworkinghoursapplication.Adapter.RecordsListAdapter;
import com.example.benignfella.projectworkinghoursapplication.Database.RecordsDAO;
import com.example.benignfella.projectworkinghoursapplication.GetSet.Records;
import java.lang.ref.WeakReference;
import java.util.ArrayList;
public class RecordsListFragment extends Fragment implements OnItemClickListener, OnItemLongClickListener {
    public static final String ARGUMENT_ITEM_ID = "records_list";
    Activity activity;
    ListView recordsListView;
    ArrayList&amp;lt;Records&amp;gt; records;
    RecordsListAdapter recordsListAdapter;
    RecordsDAO recordsDAO;
    private GetRecordsTask task;
    @Override
    public void onCreate(Bundle savedInstanceState) {
    super.onCreate(savedInstanceState);
    activity = getActivity();
    recordsDAO = new RecordsDAO(activity);
    }
    @Override
    public View onCreateView(LayoutInflater inflater, ViewGroup container, Bundle savedInstanceState) {
    View view = inflater.inflate(R.layout.fragment_records_list, container, false);
    findViewsById(view);
    task = new GetRecordsTask(activity);
    task.execute((Void) null);
    return view;
    }
    private void findViewsById(View view) {
    recordsListView = (ListView) view.findViewById(R.id.list_records);
    }
    @Override
    public void onItemClick(AdapterView&amp;lt;?&amp;gt; parent, View view, int position, long id) {
    Records record = (Records) parent.getItemAtPosition(position);
    if (records != null) {
        Bundle arguments = new Bundle();
        arguments.putParcelable("selectedRecord,", record);
        CustomRecordsDialogFragment customRecordsDialogFragment = new CustomRecordsDialogFragment();
        customRecordsDialogFragment.setArguments(arguments);
        customRecordsDialogFragment.show(getFragmentManager(), CustomRecordsDialogFragment.ARGUMENT_ITEM_ID);
    }
    }
    @Override
    public boolean onItemLongClick(AdapterView&amp;lt;?&amp;gt; parent, View view, int position, long id) {
    Records records = (Records) parent.getItemAtPosition(position);
    recordsDAO.deleteRecord(records);
    recordsListAdapter.remove(records);
    return true;
    }
    public class GetRecordsTask extends AsyncTask&amp;lt;Void, Void, ArrayList&amp;lt;Records&amp;gt;&amp;gt; {
    private final WeakReference&amp;lt;Activity&amp;gt; activityWeakRef;
    public GetRecordsTask(Activity context) {
        this.activityWeakRef = new WeakReference&amp;lt;Activity&amp;gt;(context);
    }
    @Override
    protected ArrayList&amp;lt;Records&amp;gt; doInBackground(Void... arg0) {
        ArrayList&amp;lt;Records&amp;gt; recordsArrayList = recordsDAO.getRecords();
        return recordsArrayList;
    }
    @Override
    protected void onPostExecute(ArrayList&amp;lt;Records&amp;gt; empList) {
        if (activityWeakRef.get() != null &amp;amp;&amp;amp; !activityWeakRef.get().isFinishing()) {
            records = empList;
            if (empList != null) {
                if (empList.size() != 0) {
                    recordsListAdapter = new RecordsListAdapter(activity, empList);
                    recordsListView.setAdapter(recordsListAdapter);
                } else {
                    Toast.makeText(activity, "No Records about records... wait wot m8?",
                            Toast.LENGTH_LONG).show();
                }
            }
        }
    }
    }
    public void updateView() {
    task = new GetRecordsTask(activity);
    task.execute((Void) null);
    }
    public void onResume() {
    getActivity().setTitle(R.string.app_name);
    getActivity().getActionBar().setTitle(R.string.app_name);
    super.onResume();
    }
}
&lt;/code&gt;&lt;/pre&gt;
&lt;p&gt;Here is &lt;code&gt;activity_main.xml&lt;/code&gt; with &lt;code&gt;FrameLayout&lt;/code&gt;:&lt;/p&gt;
&lt;pre&gt;&lt;code&gt;&amp;lt;RelativeLayout
    xmlns:android="http://schemas.android.com/apk/res/android"
    xmlns:app="http://schemas.android.com/apk/res-auto"
    xmlns:tools="http://schemas.android.com/tools"
    android:layout_width="match_parent"
    android:layout_height="match_parent"
    tools:context=".MainActivity"&amp;gt;
    &amp;lt;FrameLayout
    android:id="@+id/content_frame"
    android:layout_width="match_parent"
    android:layout_height="match_parent"/&amp;gt;
&amp;lt;/RelativeLayout&amp;gt;
&lt;/code&gt;&lt;/pre&gt;
&lt;p&gt;Layout resource file which contains a &lt;code&gt;ListView&lt;/code&gt; is called &lt;code&gt;fragment_records_list.xml&lt;/code&gt; and here it is:&lt;/p&gt;
&lt;pre&gt;&lt;code&gt;&amp;lt;?xml version="1.0" encoding="utf-8"?&amp;gt;
&amp;lt;RelativeLayout
    xmlns:android="http://schemas.android.com/apk/res/android"
    android:layout_width="match_parent"
    android:layout_height="match_parent"
    android:background="#f9f9f9"&amp;gt;
    &amp;lt;ListView
    android:id="@+id/list_records"
    android:layout_width="match_parent"
    android:layout_height="match_parent"
    android:dividerHeight="10dp"
    android:drawSelectorOnTop="true"
    android:footerDividersEnabled="false"
    android:padding="10dp"
    android:scrollbarStyle="outsideOverlay"/&amp;gt;
&amp;lt;/RelativeLayout&amp;gt;
&lt;/code&gt;&lt;/pre&gt;
&lt;p&gt;Lastly, there is a resource file containing the layout of a single item, &lt;code&gt;list_item.xml&lt;/code&gt;:&lt;/p&gt;
&lt;pre&gt;&lt;code&gt;&amp;lt;?xml version="1.0" encoding="utf-8"?&amp;gt;
&amp;lt;RelativeLayout
    xmlns:android="http://schemas.android.com/apk/res/android"
    android:layout_width="match_parent"
    android:layout_height="match_parent"
    android:background="#ededed"
    android:descendantFocusability="blocksDescendants"&amp;gt;
    &amp;lt;RelativeLayout
    android:id="@+id/layout_item"
    android:layout_width="match_parent"
    android:layout_height="wrap_content"&amp;gt;
    &amp;lt;TextView
        android:id="@+id/text_record_id"
        android:layout_width="wrap_content"
        android:layout_height="wrap_content"
        android:padding="5dp"
        android:text="ID"
        android:textSize="20dp"/&amp;gt;
    &amp;lt;TextView
        android:id="@+id/text_record_date"
        android:layout_width="wrap_content"
        android:layout_height="wrap_content"
        android:layout_toRightOf="@id/text_record_id"
        android:padding="5dp"
        android:text="Date"
        android:textColor="#00942b"
        android:textSize="20dp"
        /&amp;gt;
    &amp;lt;TextView
        android:layout_width="wrap_content"
        android:layout_height="wrap_content"
        android:layout_toRightOf="@id/text_record_date"
        android:drawableStart="@drawable/ic_date_range_black_24dp"
        android:padding="5dp"
        /&amp;gt;
    &amp;lt;TextView
        android:id="@+id/text_record_description"
        android:layout_width="wrap_content"
        android:layout_height="wrap_content"
        android:layout_below="@id/text_record_id"
        android:padding="5dp"
        android:text="Description"
        /&amp;gt;
    &amp;lt;TextView
        android:id="@+id/text_record_start"
        android:layout_width="wrap_content"
        android:layout_height="wrap_content"
        android:layout_below="@id/text_record_description"
        android:padding="5dp"
        android:text="17:00"
        android:textSize="16dp"
        android:textColor="#004561"
        /&amp;gt;
    &amp;lt;TextView
        android:id="@+id/text_record_dash"
        android:layout_width="wrap_content"
        android:layout_height="wrap_content"
        android:layout_below="@id/text_record_description"
        android:layout_toRightOf="@id/text_record_start"
        android:padding="5dp"
        android:text="-"
        android:textSize="16dp"
        /&amp;gt;
    &amp;lt;TextView
        android:id="@+id/text_record_finish"
        android:layout_width="wrap_content"
        android:layout_height="wrap_content"
        android:layout_below="@id/text_record_description"
        android:layout_toRightOf="@id/text_record_dash"
        android:padding="5dp"
        android:text="20:00"
        android:textSize="16dp"
        android:textColor="#c7002a"
        /&amp;gt;
    &amp;lt;TextView
        android:layout_width="wrap_content"
        android:layout_height="wrap_content"
        android:padding="5dp"
        android:layout_below="@id/text_record_description"
        android:layout_toRightOf="@id/text_record_finish"
        android:drawableStart="@drawable/ic_timer_black_24dp"
       /&amp;gt;
    &amp;lt;/RelativeLayout&amp;gt;
    &amp;lt;View
    android:layout_width="match_parent"
    android:layout_height="1dp"
    android:layout_below="@id/layout_item"
    android:background="#000000"
    /&amp;gt;
&amp;lt;/RelativeLayout&amp;gt;
&lt;/code&gt;&lt;/pre&gt;
&lt;p&gt;I haven't found a definite answer to my question, so I'm asking for a bit of help here.&lt;/p&gt;</t>
  </si>
  <si>
    <t>2018-06-01 06:40:49.073000+00:00</t>
  </si>
  <si>
    <t>2018-06-01 07:06:38.680000+00:00</t>
  </si>
  <si>
    <t>java|android|xml|listview|onitemclick</t>
  </si>
  <si>
    <t>Why Boolean wrapper class implements Serializable interface and Comparable interface ? What is the use of it?</t>
  </si>
  <si>
    <t>&lt;p&gt;Why Boolean and Character wrapper classes are implementing Serializable interface and Comparable interface ? What is the use of it?&lt;/p&gt;</t>
  </si>
  <si>
    <t>2012-12-15 12:59:32.173000+00:00</t>
  </si>
  <si>
    <t>2012-12-15 15:10:20.230000+00:00</t>
  </si>
  <si>
    <t>java|class|boolean|wrapper</t>
  </si>
  <si>
    <t>python - condensing comparisons</t>
  </si>
  <si>
    <t>&lt;p&gt;I'm a new member here and also new to python. My question is as follows, is it valid to have a line like this?&lt;/p&gt;
&lt;pre&gt;&lt;code&gt;if x or y is 'whatever':
&lt;/code&gt;&lt;/pre&gt;
&lt;p&gt;I tested this in the interpreter and am getting inconsistent results. It would seem that this line yields more consistent and expected results&lt;/p&gt;
&lt;pre&gt;&lt;code&gt;if (x or y) is 'whatever':
&lt;/code&gt;&lt;/pre&gt;
&lt;p&gt;Or is it always best to explicitly have everything laid out as such&lt;/p&gt;
&lt;pre&gt;&lt;code&gt;if x is 'whatever' or y is 'whatever':
&lt;/code&gt;&lt;/pre&gt;
&lt;p&gt;This last one always works but I'm just trying to make my code a bit more concise while still following best practices. I tried doing a search so as not to ask a redundant question but searching for 'is' 'or' and 'and' is rather difficult. Thanks in advance for any assistance.&lt;/p&gt;
&lt;p&gt;edit: Thanks all for the quick replies. This works perfectly for me when I need 'or'&lt;/p&gt;
&lt;pre&gt;&lt;code&gt;if 'whatever' in [x,y]:
&lt;/code&gt;&lt;/pre&gt;
&lt;p&gt;But how would I condense this if I need an 'and'?&lt;/p&gt;
&lt;pre&gt;&lt;code&gt;if x == 'whatever' and y == 'whatever':
&lt;/code&gt;&lt;/pre&gt;</t>
  </si>
  <si>
    <t>2011-10-06 17:37:25.227000+00:00</t>
  </si>
  <si>
    <t>2011-10-07 07:23:44.247000+00:00</t>
  </si>
  <si>
    <t>2011-10-06 17:57:37.020000+00:00</t>
  </si>
  <si>
    <t>python|comparison|comparison-operators</t>
  </si>
  <si>
    <t>Easiest and most efficient way to get data from URL using php?</t>
  </si>
  <si>
    <t>&lt;p&gt;&lt;strong&gt;Solution?&lt;/strong&gt;&lt;/p&gt;
&lt;p&gt;Apparently there isn't a faster way, I'm okay with that.&lt;/p&gt;
&lt;hr&gt;
&lt;p&gt;I am just learning php and I am trying to figure out some good tips and tricks so I don't get into a bad habit and waste time. &lt;/p&gt;
&lt;p&gt;I am passing in values into a php script. I am using $_GET so the URL looks like this:&lt;/p&gt;
&lt;p&gt;&lt;code&gt;/poll_results.php?Sports=tennis&amp;amp;cat=Sports&amp;amp;question=Pick+your+favorite+sports&lt;/code&gt;&lt;/p&gt;
&lt;p&gt;Now I know how to accept those values and place them into variables like so:&lt;/p&gt;
&lt;pre&gt;&lt;code&gt;$sports = $_GET['Sports'];
$cat = $_GET['cat'];
$question = $_GET['question'];
&lt;/code&gt;&lt;/pre&gt;
&lt;p&gt;Super simple yet if I am passing 5 - 6 things it can get bothersome and I don't like typing things out for every single variable, that's the only reason. I know there is a better way of doing this. I have tried &lt;code&gt;list($var, $var, $var) = $_GET&lt;/code&gt; but that doesn't work with an associative array just indexed ones (i think).&lt;/p&gt;
&lt;p&gt;I also tried variable variables like so: &lt;/p&gt;
&lt;pre&gt;&lt;code&gt;foreach($_GET as $value) {
    $$values = $value;
    echo $$values;
}
&lt;/code&gt;&lt;/pre&gt;
&lt;p&gt;But that gave me a &lt;code&gt;Notice: Undefined variable: values in poll_results.php on line 14.&lt;/code&gt; Line 14 is the &lt;code&gt;$$values = $value.&lt;/code&gt; I don't know if that's a big deal or not... but I'm not turning off error reporting as I am still in the process of building the script. It does do what I want it to do though...&lt;/p&gt;
&lt;p&gt;Any answers will be copied and pasted into my question so the next person knows :D&lt;/p&gt;
&lt;p&gt;Thanks guys! &lt;/p&gt;</t>
  </si>
  <si>
    <t>2011-03-16 21:42:11.410000+00:00</t>
  </si>
  <si>
    <t>2011-03-16 23:33:24.833000+00:00</t>
  </si>
  <si>
    <t>php|get</t>
  </si>
  <si>
    <t>Creating HTML list using loop in Javascript</t>
  </si>
  <si>
    <t>&lt;p&gt;I've got an array in Javascript that I want to print to screen which is: (my function for ro[j] is simplified in this example, but that doesn't matter)&lt;/p&gt;
&lt;pre&gt;&lt;code&gt;&amp;lt;div class="result2"&amp;gt;&amp;lt;/div&amp;gt;
&amp;lt;script&amp;gt;
  var j;
  var ro = [0];
  for(j=0; j &amp;lt;= 49; j++){
    ro[j] = j;
    $('.result2').html(ro[j]);
  }
&amp;lt;/script&amp;gt;
&lt;/code&gt;&lt;/pre&gt;
&lt;p&gt;But this doesn't work as I think it keeps replacing the div with each loop rather than adding to the div. Is there a good way to implement this? I thought you could try something like this:&lt;/p&gt;
&lt;pre&gt;&lt;code&gt;&amp;lt;div class="result2"&amp;gt;&amp;lt;/div&amp;gt;
&amp;lt;script&amp;gt;
  var j;
  var ro = [0];
  for(j=0; j &amp;lt;= 49; j++){
    ro[j] = j;
    if(j==0){
      $('.result2').html(ro[j]);
    }else{
      var res = $('.result2').val();
      $('.result2').html(res + ro[j]); 
    }
  }
&amp;lt;/script&amp;gt;
&lt;/code&gt;&lt;/pre&gt;
&lt;p&gt;but this doesn't work since you can't seem to call the result of the script midway through the script? Or I just made a mistake, I'm not sure. Any help would be great!&lt;/p&gt;
&lt;p&gt;edit: forgot a semicolon&lt;/p&gt;</t>
  </si>
  <si>
    <t>2018-06-14 14:01:19.073000+00:00</t>
  </si>
  <si>
    <t>2018-07-02 20:01:37.897000+00:00</t>
  </si>
  <si>
    <t>2018-07-02 19:35:54.457000+00:00</t>
  </si>
  <si>
    <t>javascript|jquery|html|arrays</t>
  </si>
  <si>
    <t>select2 ajax won't display json data returned</t>
  </si>
  <si>
    <t>&lt;p&gt;Here is what the json string looks like that gets returned from my coldfusion page: &lt;code&gt;[{"client":"Asante","id":12},{"client":"City of Lancaster","id":14},{"client":"Massey Energy","id":35},{"client":"Northeast Utilities","id":68},{"client":"Washtenaw","id":50}]&lt;/code&gt;.  Firebug claims everything is working perfectly but none of the data shows up in the select2 plugin.&lt;/p&gt;
&lt;p&gt;Does anyone know what the problem might be? Should it be returning column names or something?&lt;/p&gt;
&lt;p&gt;select2 call:&lt;/p&gt;
&lt;pre&gt;&lt;code&gt;$(".select").select2({
    allowClear: true,
    blurOnChange: true,
    openOnEnter: false,
    ajax: {
        url: "/surveymanagement/admin/client.cfc",
        dataType: 'json',
        data: function (term, page) {
            return {
                method: "GetClientsByName",
                name: term
            };
        },
        results: function (data, page) {
            return { results: data };
        }
    }
});
&lt;/code&gt;&lt;/pre&gt;</t>
  </si>
  <si>
    <t>2013-03-01 14:59:33.287000+00:00</t>
  </si>
  <si>
    <t>2015-12-09 08:24:40.110000+00:00</t>
  </si>
  <si>
    <t>2013-03-28 21:39:22.360000+00:00</t>
  </si>
  <si>
    <t>jquery|json|jquery-select2</t>
  </si>
  <si>
    <t>Socket.IO. '/' namespace</t>
  </si>
  <si>
    <t>&lt;p&gt;I have some misunderstanding with Socket.IO. In official documentation it is said, that &lt;code&gt;io.emit('an event sent to all connected clients')&lt;/code&gt; will send message to all connected clients. And it seems to have logic, since &lt;code&gt;io.emit()&lt;/code&gt; sends message to all clients, connected to '/' namespace, and all clients are automatically connected to this namespace (even if I connnect to &lt;code&gt;/protected&lt;/code&gt; namespace on the client). I am connecting to '/protected' namespace on the client side. I have to &lt;code&gt;connection&lt;/code&gt; handlers on the server side, one for &lt;code&gt;'/'&lt;/code&gt; namespace, one for &lt;code&gt;'/protected'&lt;/code&gt;. When I am connecting to &lt;code&gt;'/protected'&lt;/code&gt;,  &lt;code&gt;'/'&lt;/code&gt; handler is also fired. When I have tried to print socket &lt;code&gt;server.nsps&lt;/code&gt; object it seems to have two namepaces:&lt;/p&gt;
&lt;pre&gt;&lt;code&gt;{ '/':
    Namespace {
    name: '/',
        server:
    Server {
        nsps: [Circular],
            _path: '/socket.io',
            _serveClient: true,
            _adapter: [Function: Adapter],
        _origins: '*:*',
            sockets: [Circular],
            eio: [Object],
            httpServer: [Object],
            engine: [Object] },
    sockets:
    { '/#hc8Vg0RiP-CdmHE5AAAA': [Object],
        '/#pZuHkVmTI6ZmJ4ADAAAB': [Object] },
    connected:
    { '/#hc8Vg0RiP-CdmHE5AAAA': [Object],
        '/#pZuHkVmTI6ZmJ4ADAAAB': [Object] },
    fns: [],
        ids: 0,
        adapter:
    Adapter {
        nsp: [Circular],
            rooms: [Object],
            sids: [Object],
            encoder: Encoder {} } },
    '/protected':
    Namespace {
    name: '/protected',
        server:
    Server {
        nsps: [Circular],
            _path: '/socket.io',
            _serveClient: true,
            _adapter: [Function: Adapter],
        _origins: '*:*',
            sockets: [Object],
            eio: [Object],
            httpServer: [Object],
            engine: [Object] },
    sockets:
    { '/protected#hc8Vg0RiP-CdmHE5AAAA': [Object],
        '/protected#pZuHkVmTI6ZmJ4ADAAAB': [Object] },
    connected:
    { '/protected#hc8Vg0RiP-CdmHE5AAAA': [Object],
        '/protected#pZuHkVmTI6ZmJ4ADAAAB': [Object] },
    fns: [],
        ids: 0,
        adapter:
    Adapter {
        nsp: [Circular],
            rooms: [Object],
            sids: [Object],
            encoder: Encoder {} },
    _events: { connection: [Function] },
    _eventsCount: 1 },}
&lt;/code&gt;&lt;/pre&gt;
&lt;p&gt;As you can see, there are some connections in both namespaces. And I have such code on server side &lt;/p&gt;
&lt;pre&gt;&lt;code&gt;io.of('/protected').on('message',function(msg){
  io.emit('server_message',{message: msg + ' server'});
})
&lt;/code&gt;&lt;/pre&gt;
&lt;p&gt;Nothing happens on client side. And I do not understand why.&lt;/p&gt;</t>
  </si>
  <si>
    <t>2016-08-05 16:32:53.890000+00:00</t>
  </si>
  <si>
    <t>node.js|sockets|socket.io|namespaces</t>
  </si>
  <si>
    <t>Duplicate mappings error when running test command in SBT on task test:copyResources</t>
  </si>
  <si>
    <t>&lt;p&gt;I have a test-suite that contains several files and folders with test data. Some of the files have repeated names in different folders.&lt;/p&gt;
&lt;p&gt;In SBT I have a task to generate the resources downloading the resources and uncompressing them in a folder. &lt;/p&gt;
&lt;p&gt;The build.sbt file (simplified) is:&lt;/p&gt;
&lt;pre&gt;&lt;code&gt;import sbt._
import sbt.Keys._
resourceGenerators in Test += Def.task {
  val shaclTests = url("https://github.com/w3c/data-shapes/raw/gh-pages/data-shapes-test-suite/tests.zip")
  IO.unzipURL(shaclTests, resourceManaged.value / "test-suite" ).toSeq
 }.taskValue
&lt;/code&gt;&lt;/pre&gt;
&lt;p&gt;when I execute &lt;code&gt;sbt test&lt;/code&gt; I obtain:&lt;/p&gt;
&lt;pre&gt;&lt;code&gt;[error] (test:copyResources) Duplicate mappings:
[error]         C:\src\pruebas\duplicates-sbt\target\scala-2.10\test-classes\manifest.ttl
[error] from
[error]         C:\src\pruebas\duplicates-sbt\target\scala-2.10\resource_managed\test-suite\tests\manifest.ttl
...
&lt;/code&gt;&lt;/pre&gt;
&lt;p&gt;which complains that the &lt;code&gt;manifest.ttl&lt;/code&gt; file is duplicated. &lt;/p&gt;
&lt;p&gt;If I remove the duplicated files it works, however, I think it should be possible to have duplicate file names in different folders.&lt;/p&gt;
&lt;p&gt;I have found some related issue &lt;a href="https://github.com/eamelink/sbt-purescript/pull/15" rel="nofollow noreferrer"&gt;here&lt;/a&gt; but although I tried to use &lt;code&gt;crossTarget&lt;/code&gt; instead of &lt;code&gt;resourceManaged&lt;/code&gt; it still doesn't work.&lt;/p&gt;
&lt;p&gt;I also found &lt;a href="https://stackoverflow.com/questions/24037395/sbt-is-there-a-way-to-ignore-duplicate-mappings-in-copyresources"&gt;this question&lt;/a&gt; that may be related, but it is about generating assemblies and the solution doesn't seem to apply.&lt;/p&gt;</t>
  </si>
  <si>
    <t>2015-06-02 15:00:08.933000+00:00</t>
  </si>
  <si>
    <t>2017-05-23 11:51:15.297000+00:00</t>
  </si>
  <si>
    <t>sbt</t>
  </si>
  <si>
    <t>lua recursive repl on error?</t>
  </si>
  <si>
    <t>&lt;p&gt;In many scheme/lisp dialects, when an error occurs, a "recursive repl" is popped up ... one can execute scheme/lisp code at the frame where the error occured, and go up/down the stack.&lt;/p&gt;
&lt;p&gt;Is it possible to do something similar to this in lua?&lt;/p&gt;
&lt;p&gt;Thanks!&lt;/p&gt;</t>
  </si>
  <si>
    <t>2010-05-07 07:32:30.090000+00:00</t>
  </si>
  <si>
    <t>2010-05-07 10:51:55.637000+00:00</t>
  </si>
  <si>
    <t>2010-05-07 07:44:39.627000+00:00</t>
  </si>
  <si>
    <t>error-handling|lua</t>
  </si>
  <si>
    <t>Retrieving an SQL statement from an HTML form with the POST method doesn't query the database</t>
  </si>
  <si>
    <t>&lt;p&gt;I'm currently building a simple CRUD application and decided it would be a nice feature to directly query the database from the browser (i.e from an HTML table) and display ('Read') the results from that particular query.&lt;/p&gt;
&lt;p&gt;However, I've been doing some reading and it seems this would essentially be an SQL injection and is something to be avoided. Apparently, it is NOT normal practice to ask a user to input an SQL statement.&lt;/p&gt;
&lt;p&gt;Despite this, I've been trying to add this feature to experiment with my code but the SQL statement provided by the HTML form is not being executed.&lt;/p&gt;
&lt;p&gt;To recap:&lt;/p&gt;
&lt;p&gt;My form in index.php asks the user for an SQL statement.&lt;/p&gt;
&lt;p&gt;This is then processed by read.php, which retrieves the SQL statement with the superglobal $_POST['submitsql'] ('submitsql' is just the name of the form's submit button) and queries the database with the query() method. It also displays a message with _$_SESSION[''] superglobal.&lt;/p&gt;
&lt;p&gt;From index.php: (form where the user inputs SQL statement) &lt;/p&gt;
&lt;p&gt;&lt;div class="snippet" data-lang="js" data-hide="false" data-console="true" data-babel="false"&gt;_x000D_
&lt;div class="snippet-code"&gt;_x000D_
&lt;pre class="snippet-code-html lang-html prettyprint-override"&gt;&lt;code&gt; &amp;lt;form action ="read.php" method ="post"&amp;gt;_x000D_
 _x000D_
 SQL statement: &amp;lt;input type="text" name="sql_stat"&amp;gt;_x000D_
 &amp;lt;button type= 'submit' name = 'submitsql'&amp;gt;Query&amp;lt;/button&amp;gt;_x000D_
 &amp;lt;/form&amp;gt;&amp;lt;br&amp;gt;&lt;/code&gt;&lt;/pre&gt;_x000D_
&lt;/div&gt;_x000D_
&lt;/div&gt;_x000D_
&lt;/p&gt;
&lt;p&gt;read.php (retrieves SQL statement and queries the database)&lt;/p&gt;
&lt;p&gt;&lt;div class="snippet" data-lang="js" data-hide="false" data-console="true" data-babel="false"&gt;_x000D_
&lt;div class="snippet-code"&gt;_x000D_
&lt;pre class="snippet-code-html lang-html prettyprint-override"&gt;&lt;code&gt;&amp;lt;?php_x000D_
include ('server.php');_x000D_
_x000D_
 if(!isset($_SESSION)){_x000D_
_x000D_
  session_start();_x000D_
_x000D_
 }_x000D_
_x000D_
if(isset($_POST['submitsql'])){_x000D_
_x000D_
 $sql = $_POST['sql_stat'];_x000D_
 $results = $conn-&amp;gt;query($sql);_x000D_
 $conn-&amp;gt;close();_x000D_
 $_SESSION['message'] = "Query successfully sent: ".$sql;_x000D_
 header('location: index.php');_x000D_
}else{_x000D_
_x000D_
 $sql = "SELECT * FROM `Students` ORDER BY `degree`"; _x000D_
 $results = $conn-&amp;gt;query($sql);_x000D_
 $conn-&amp;gt;close();_x000D_
_x000D_
_x000D_
}_x000D_
_x000D_
?&amp;gt;&lt;/code&gt;&lt;/pre&gt;_x000D_
&lt;/div&gt;_x000D_
&lt;/div&gt;_x000D_
&lt;/p&gt;
&lt;p&gt;For some reason, the message containing the SQL statement is correctly displayed but the database is not queried and all the records are shown (in a table in index.php). &lt;/p&gt;
&lt;p&gt;I hope I'm making sense here. My code was working fine when read.php was querying the database directly as opposed to retrieving the SQL statement from the HTML form in index.php. Apologies if I'm not expressing myself correctly. &lt;/p&gt;
&lt;p&gt;If it makes any difference, here is the entire index.php:&lt;/p&gt;
&lt;p&gt;&lt;div class="snippet" data-lang="js" data-hide="false" data-console="true" data-babel="false"&gt;_x000D_
&lt;div class="snippet-code"&gt;_x000D_
&lt;pre class="snippet-code-html lang-html prettyprint-override"&gt;&lt;code&gt;&amp;lt;?php_x000D_
include('server.php');_x000D_
include('create.php');_x000D_
include('read.php');_x000D_
include('delete.php');_x000D_
?&amp;gt;_x000D_
&amp;lt;!DOCTYPE html&amp;gt;_x000D_
&amp;lt;html&amp;gt;_x000D_
 &amp;lt;head&amp;gt;_x000D_
  &amp;lt;title&amp;gt;CRUD PROJECT&amp;lt;/title&amp;gt;_x000D_
  &amp;lt;meta charset="utf-8"/&amp;gt;_x000D_
 &amp;lt;/head&amp;gt;_x000D_
 &amp;lt;body&amp;gt;_x000D_
  &amp;lt;h1&amp;gt;CRUD project&amp;lt;/h1&amp;gt;_x000D_
_x000D_
 &amp;lt;h4&amp;gt;Query the database:&amp;lt;/h4&amp;gt;_x000D_
 &amp;lt;form action ="read.php" method ="post"&amp;gt;_x000D_
 _x000D_
 SQL statement: &amp;lt;input type="text" name="sql_stat"&amp;gt;_x000D_
 &amp;lt;button type= 'submit' name = 'submitsql'&amp;gt;Query&amp;lt;/button&amp;gt;_x000D_
 &amp;lt;/form&amp;gt;&amp;lt;br&amp;gt;_x000D_
 _x000D_
 &amp;lt;?php_x000D_
 if(isset($_SESSION['message'])){_x000D_
_x000D_
  echo $_SESSION['message'];_x000D_
  session_unset();_x000D_
  session_destroy();_x000D_
 _x000D_
 }_x000D_
_x000D_
 ?&amp;gt;_x000D_
_x000D_
  &amp;lt;table border = '1' cellpadding = '10' &amp;gt;_x000D_
  &amp;lt;tr&amp;gt;_x000D_
   &amp;lt;th&amp;gt;Student ID&amp;lt;/th&amp;gt;&amp;lt;th&amp;gt;Degree&amp;lt;/th&amp;gt;&amp;lt;th&amp;gt;Grade&amp;lt;/th&amp;gt;&amp;lt;th&amp;gt;Graduation Year&amp;lt;/th&amp;gt;_x000D_
  &amp;lt;/tr&amp;gt;_x000D_
  &amp;lt;tr&amp;gt;_x000D_
   _x000D_
  &amp;lt;/tr&amp;gt;_x000D_
_x000D_
  &amp;lt;?php_x000D_
_x000D_
_x000D_
_x000D_
  if($results-&amp;gt;num_rows&amp;gt;0){_x000D_
_x000D_
   while($row = $results-&amp;gt;fetch_assoc()){_x000D_
_x000D_
    echo "&amp;lt;tr&amp;gt;&amp;lt;td&amp;gt;".$row['student_id']."&amp;lt;/td&amp;gt;";_x000D_
    echo "&amp;lt;td&amp;gt;".$row['degree']."&amp;lt;/td&amp;gt;";_x000D_
    echo "&amp;lt;td&amp;gt;".$row['grade']."&amp;lt;/td&amp;gt;";_x000D_
    echo "&amp;lt;td&amp;gt;".$row['graduation_year']."&amp;lt;/td&amp;gt;";_x000D_
    echo "&amp;lt;td&amp;gt;&amp;lt;a href = 'update.php?student_id=".$row['student_id']."'&amp;gt;Edit&amp;lt;/a&amp;gt;&amp;lt;/td&amp;gt;";_x000D_
    echo "&amp;lt;td&amp;gt;&amp;lt;a href = 'delete.php?student_id=".$row['student_id']."'&amp;gt;Delete&amp;lt;/a&amp;gt;&amp;lt;/td&amp;gt;";_x000D_
_x000D_
_x000D_
   }_x000D_
  }else {_x000D_
_x000D_
   echo "NO RESULTS TO DISPLAY";_x000D_
  }_x000D_
_x000D_
_x000D_
  ?&amp;gt;_x000D_
  &amp;lt;/table&amp;gt;_x000D_
_x000D_
_x000D_
 &amp;lt;br&amp;gt;_x000D_
_x000D_
 &amp;lt;h2&amp;gt; Add new records &amp;lt;/h2&amp;gt;_x000D_
 &amp;lt;form action ="create.php" method ="post"&amp;gt;_x000D_
 _x000D_
 Degree: &amp;lt;input type="text" name="degree"&amp;gt;&amp;lt;br&amp;gt;_x000D_
 Grade: &amp;lt;input type="text" name="grade"&amp;gt;&amp;lt;br&amp;gt;_x000D_
 Graduation year: &amp;lt;input type="text" name="graduation_year"&amp;gt;&amp;lt;br&amp;gt;_x000D_
 &amp;lt;button type= 'submit' name = 'submit'&amp;gt;Submit&amp;lt;/button&amp;gt;_x000D_
 &amp;lt;/form&amp;gt;_x000D_
_x000D_
 &amp;lt;/body&amp;gt;_x000D_
 &amp;lt;/html&amp;gt;&lt;/code&gt;&lt;/pre&gt;_x000D_
&lt;/div&gt;_x000D_
&lt;/div&gt;_x000D_
&lt;/p&gt;
&lt;p&gt;And server.php where I connect to the database and initialise my variables:&lt;/p&gt;
&lt;p&gt;&lt;div class="snippet" data-lang="js" data-hide="false" data-console="true" data-babel="false"&gt;_x000D_
&lt;div class="snippet-code"&gt;_x000D_
&lt;pre class="snippet-code-html lang-html prettyprint-override"&gt;&lt;code&gt;&amp;lt;?php_x000D_
_x000D_
//Define connection parameters_x000D_
$db_server = 'localhost';_x000D_
$db_user = 'root';_x000D_
$db_password = 'therasmus1';_x000D_
$db_name = 'University_records';_x000D_
_x000D_
$conn = new mysqli($db_server,$db_user,$db_password,$db_name);_x000D_
_x000D_
// Toggle error display _x000D_
_x000D_
mysqli_report(MYSQLI_REPORT_ERROR);_x000D_
_x000D_
// Check connection_x000D_
_x000D_
if ($conn-&amp;gt;connect_error) {_x000D_
  trigger_error('Database connection failed: '  . $conn-&amp;gt;connect_error, E_USER_ERROR);_x000D_
}_x000D_
_x000D_
// Initialise your variables (optional - good practice)_x000D_
 $Degree = "";_x000D_
 $Grade = "";_x000D_
 $Graduation_year = "";_x000D_
 $sql = "SELECT * FROM `Students`";_x000D_
  $results = $conn-&amp;gt;query($sql);_x000D_
_x000D_
?&amp;gt;&lt;/code&gt;&lt;/pre&gt;_x000D_
&lt;/div&gt;_x000D_
&lt;/div&gt;_x000D_
&lt;/p&gt;
&lt;p&gt;All feedback is welcome. Thanks in advance.&lt;/p&gt;</t>
  </si>
  <si>
    <t>2018-05-22 22:48:45.760000+00:00</t>
  </si>
  <si>
    <t>2018-05-25 15:59:15.923000+00:00</t>
  </si>
  <si>
    <t>php|sql|mysqli|crud</t>
  </si>
  <si>
    <t>Need Help writing a function that accepts an array and an element, and returns an array with all occurrences of element removed</t>
  </si>
  <si>
    <t>&lt;p&gt;This is what I have tried, it always returns an array with only one value which is the element. I am also not sure if .splice is the correct way to remove the element from the array. Maybe I need a new array and .push only the items i want into it?&lt;/p&gt;
&lt;pre&gt;&lt;code&gt;function remove(array, element) {
    for (var i = 0; i &amp;lt; array.length; i = i + 1) {
        if (array[i] === element) {
            array = array.splice(i, 1);
        }
    }
    return array;
  }
&lt;/code&gt;&lt;/pre&gt;</t>
  </si>
  <si>
    <t>2016-04-04 03:01:09.490000+00:00</t>
  </si>
  <si>
    <t>2016-04-04 03:08:55.667000+00:00</t>
  </si>
  <si>
    <t>javascript|arrays|for-loop</t>
  </si>
  <si>
    <t>Unable to do ssl connection in https Post web service</t>
  </si>
  <si>
    <t>&lt;p&gt;I have written this code for which will invoke an https rest service using POST Method. I had read many keystore stories but didn't got anything useful.  &lt;/p&gt;
&lt;pre&gt;&lt;code&gt; public void doPost(HttpServletRequest request,
            HttpServletResponse response)
    throws IOException, ServletException {
        String url = "https://rssg04.ril.com:8443/forking";
        URL obj = new URL(url);
        HttpsURLConnection con = (HttpsURLConnection) obj.openConnection();
        //add request header
        con.setRequestMethod("POST");
        con.setDoOutput(true);
        DataOutputStream wr = new DataOutputStream(con.getOutputStream());
        //wr.writeBytes(urlParameters);
        wr.flush();
        wr.close();
        int responseCode = con.getResponseCode();
        System.out.println("\nSending 'POST' request to URL : " + url);
        System.out.println("Response Code : " + responseCode);
        BufferedReader in = new BufferedReader(
                new InputStreamReader(con.getInputStream()));
        String inputLine;
        StringBuffer response1 = new StringBuffer();
        while ((inputLine = in.readLine()) != null) {
            response1.append(inputLine);
        }
        in.close();
        //print result
        System.out.println(response.toString());
    }
&lt;/code&gt;&lt;/pre&gt;
&lt;p&gt;The error which I got is as follows:&lt;/p&gt;
&lt;pre&gt;&lt;code&gt;javax.net.ssl.SSLHandshakeException: sun.security.validator.ValidatorException: PKIX path building failed: sun.security.provider.certpath.SunCertPathBuilderException: unable to find valid certification path to requested target
    at sun.security.ssl.Alerts.getSSLException(Alerts.java:192)
&lt;/code&gt;&lt;/pre&gt;</t>
  </si>
  <si>
    <t>2013-10-18 12:40:45.803000+00:00</t>
  </si>
  <si>
    <t>2013-12-29 14:47:13.170000+00:00</t>
  </si>
  <si>
    <t>java|servlets|https</t>
  </si>
  <si>
    <t>Unable to commit my changes and getting this error</t>
  </si>
  <si>
    <t>&lt;p&gt;hint: Updates were rejected because the tip of your current branch is behind
hint: its remote counterpart. Integrate the remote changes (e.g.
hint: 'git pull ...') before pushing again.
hint: See the 'Note about fast-forwards' in 'git push --help' for details.&lt;/p&gt;</t>
  </si>
  <si>
    <t>2018-10-10 19:44:44.307000+00:00</t>
  </si>
  <si>
    <t>2018-10-10 20:03:27.047000+00:00</t>
  </si>
  <si>
    <t>using Array_append gives me syntax error when creating PostgreSQL function</t>
  </si>
  <si>
    <t>&lt;p&gt;Here is the code &lt;/p&gt;
&lt;pre&gt;&lt;code&gt;CREATE OR REPLACE FUNCTION primes (IN   integer) RETURNS TEXT AS $$
DECLARE
    counter INTEGER = $1;
    primes int [];
    mycount int;
  BEGIN
    WHILE counter != 0 LOOP
      mycount := count(primes);
      array_append(primes [counter], mycount);
      counter := counter - 1;
    END LOOP;
    RETURN array_to_text(primes[], ',');
  END;
$$
LANGUAGE 'plpgsql'
&lt;/code&gt;&lt;/pre&gt;
&lt;p&gt;This is me developing the beginnings of a prime generating function. I am trying to simply get it to return the 'count' of the array. So if I pass '7' into the function I should get back [0, 1, 2, 3, 4, 5, 6].&lt;/p&gt;
&lt;p&gt;But when I try to create this function I get &lt;/p&gt;
&lt;pre&gt;&lt;code&gt;SQL Error: ERROR:  syntax error at or near "array_append" LINE 1: array_append( $1  [ $2 ],  $3 )
        ^ QUERY:  array_append( $1  [ $2 ],  $3 ) CONTEXT:  SQL statement in PL/PgSQL function "primes" near line 8
&lt;/code&gt;&lt;/pre&gt;
&lt;p&gt;I am a newbie with postgres functions. I am not understanding why I cannnot get this array to work properly.&lt;/p&gt;
&lt;p&gt;Again all I want is to just fill this array up correctly with the 'current' count of the array. (It's more to just help me understand that it is in fact doing the loop correctly and is counting it correctly).&lt;/p&gt;
&lt;p&gt;Thank you for your help.&lt;/p&gt;</t>
  </si>
  <si>
    <t>2012-03-13 00:27:15.970000+00:00</t>
  </si>
  <si>
    <t>2012-03-13 08:15:06.373000+00:00</t>
  </si>
  <si>
    <t>StanQA</t>
  </si>
  <si>
    <t>postgresql|arrays</t>
  </si>
  <si>
    <t>Creating a JAR file, some classes are missing</t>
  </si>
  <si>
    <t>&lt;p&gt;I'm creating a JAR file in Eclipse and for some reason classes are missing. The classes that are not included are referenced in other JAR files included on my build path. What doesn't make sense is that the behavior is not consistent. Some classes on the build path get included while others do not. Any ideas? &lt;/p&gt;
&lt;p&gt;The step I take to create my JAR file, is to export all the source folders. &lt;/p&gt;</t>
  </si>
  <si>
    <t>2010-12-10 23:05:32.883000+00:00</t>
  </si>
  <si>
    <t>2010-12-11 01:50:06.307000+00:00</t>
  </si>
  <si>
    <t>2010-12-10 23:07:31.103000+00:00</t>
  </si>
  <si>
    <t>eclipse|jar</t>
  </si>
  <si>
    <t>How can I open a PDF file in my iPad/iPhone using my own application in iPhone SDK?</t>
  </si>
  <si>
    <t>&lt;p&gt;I need a help on how I can open a PDF file that was stored in my iPad using my own application.&lt;/p&gt;
&lt;p&gt;Waiting for your suggestions,&lt;/p&gt;</t>
  </si>
  <si>
    <t>2012-03-13 08:37:29.257000+00:00</t>
  </si>
  <si>
    <t>2012-03-13 09:23:42.133000+00:00</t>
  </si>
  <si>
    <t>2012-03-13 08:40:09.503000+00:00</t>
  </si>
  <si>
    <t>iphone|objective-c|ipad|pdf</t>
  </si>
  <si>
    <t>ScriptResource.axd:5Uncaught TypeError: Object function</t>
  </si>
  <si>
    <t>&lt;p&gt;I ve pages which use UpdatePanel and randomly I get an error:&lt;/p&gt;
&lt;p&gt;ScriptResource.axd:5Uncaught TypeError: Object function Function() { [native code] } has no method '_registerScript'&lt;/p&gt;
&lt;p&gt;registration.aspx:67Uncaught TypeError: Cannot read property 'PageRequestManager' of undefined&lt;/p&gt;
&lt;p&gt;It only happens on the production environment where are 3 server loadbalance.&lt;/p&gt;
&lt;p&gt;But on each of this servers as I tried there was a sittuation when error was and no.&lt;/p&gt;
&lt;p&gt;What is going on ?&lt;/p&gt;</t>
  </si>
  <si>
    <t>2011-11-14 21:55:51.143000+00:00</t>
  </si>
  <si>
    <t>2012-03-17 11:14:13.927000+00:00</t>
  </si>
  <si>
    <t>c#|asp.net|.net</t>
  </si>
  <si>
    <t>Essential difference between Microsoft Bot Node JS SDK and Rest client</t>
  </si>
  <si>
    <t>&lt;p&gt;This is not a programming question but a very basic fundamental question faced by many. Microsoft Bot Framework provides NodeJS and Rest Client. I want to understand what is the significance of the SDK. Usually Rest apis are built on Nodejs. Thus what makes Node SDK different from Rest API client?&lt;/p&gt;</t>
  </si>
  <si>
    <t>2017-07-25 09:17:58.777000+00:00</t>
  </si>
  <si>
    <t>2017-07-26 11:25:20.530000+00:00</t>
  </si>
  <si>
    <t>2017-07-25 11:25:56.737000+00:00</t>
  </si>
  <si>
    <t>node.js|rest|bots|botframework</t>
  </si>
  <si>
    <t>Why does my text not print?</t>
  </si>
  <si>
    <t>&lt;p&gt;Realizing that I should be using Line Print mode (as opposed to label mode) for sending CPCL to the Zebra QL 220 belt printer, I'm in the process of refactoring my working code (&lt;a href="https://stackoverflow.com/questions/14782786/why-does-everything-print-on-the-same-line-even-though-im-adding-crlfs/14815759#comment20754366_14815759"&gt;Why does everything print on the same line, even though I&amp;#39;m adding crlfs?&lt;/a&gt;) to this:&lt;/p&gt;
&lt;pre&gt;&lt;code&gt;serialPort.Write("! 0 200 200 210 1\r\n"); 
serialPort.Write(string.Format("! U1 setvar {0} {1}", "device.languages", "line_print"));
serialPort.Write("Hallo die Welt\r\n\r\n"); //Bonjour le Monde --- Hola el Mundo --- Hallo die Welt
serialPort.Write("BARCODE-TEXT 7 0 5\r\n"); 
serialPort.Write(string.Format("BARCODE 128 1 1 50 150 130 {0}\r\n\r\n", barcode));
serialPort.Write("POSTFEED 120\r\n"); // empirical observation shows 120 is about the right amount of extra tape to expel after printing
serialPort.Write("PRINT\r\n");
&lt;/code&gt;&lt;/pre&gt;
&lt;p&gt;This prints the barcode and its human-readable number beneath it (the value in "barcode"),but the text "Hallo die Welt" is not printed. Why not? Do I need a call to Print after each line, or...???&lt;/p&gt;
&lt;h2&gt;UPDATE&lt;/h2&gt;
&lt;p&gt;It still prints the barcode only (not "Hallo die Welt") with this code:&lt;/p&gt;
&lt;pre&gt;&lt;code&gt;serialPort.Write("! 0 200 200 210 1\r\n");
serialPort.Write("! U1 SETLP 7 0 24\r\n"); 
serialPort.Write("Hallo die Welt\r\n\r\n"); 
serialPort.Write("BARCODE-TEXT 7 0 5\r\n"); 
serialPort.Write(string.Format("BARCODE 128 1 1 50 150 130 {0}\r\n\r\n", barcode));
serialPort.Write("POSTFEED 120\r\n");
serialPort.Write("PRINT\r\n");
&lt;/code&gt;&lt;/pre&gt;
&lt;h2&gt;UPDATE 2&lt;/h2&gt;
&lt;p&gt;This works (label mode):&lt;/p&gt;
&lt;pre&gt;&lt;code&gt;serialPort.Write("! 0 200 200 210 1\r\n");
serialPort.Write("TEXT 4 0 30 40 Hallo die Welt\r\n\r\n"); //Bonjour le Monde --- Hola el Mundo --- Hallo die Welt
serialPort.Write("BARCODE-TEXT 7 0 5\r\n"); 
serialPort.Write(string.Format("BARCODE 128 1 1 50 150 130 {0}\r\n\r\n", barcode));
serialPort.Write("POSTFEED 120\r\n"); 
serialPort.Write("PRINT\r\n");
&lt;/code&gt;&lt;/pre&gt;
&lt;p&gt;It prints:&lt;/p&gt;
&lt;pre&gt;&lt;code&gt;~~~~~~~~~~~~~~~~~~~~~~~
Hallo die Welt
&amp;lt;barcode as a barcode&amp;gt;
&amp;lt;barcode as a number&amp;gt;
~~~~~~~~~~~~~~~~~~~~~~~
&lt;/code&gt;&lt;/pre&gt;
&lt;p&gt;...but this doesn't work (line print mode):&lt;/p&gt;
&lt;pre&gt;&lt;code&gt;serialPort.Write(string.Format("! U1 setvar {0} {1}", "device.languages", "line_print"));
serialPort.Write("! U1 SETLP 7 0 24\r\n");
serialPort.Write("Hallo die Welt\r\n\r\n");
serialPort.Write("! U1 BARCODE-TEXT 7 0 5\r\n");
serialPort.Write(string.Format("! U1 BARCODE 128 1 1 50 150 130 {0}\r\n\r\n", barcode));
serialPort.Write("! U1 SETLP 5 2 46"); 
serialPort.Write(barcode);
serialPort.Write("! U1 PRINT\r\n");
&lt;/code&gt;&lt;/pre&gt;
&lt;p&gt;The problem is, I need to use Line Print mode.&lt;/p&gt;</t>
  </si>
  <si>
    <t>2013-02-11 17:11:46.877000+00:00</t>
  </si>
  <si>
    <t>2013-02-11 20:22:05.037000+00:00</t>
  </si>
  <si>
    <t>2017-05-23 12:18:58.273000+00:00</t>
  </si>
  <si>
    <t>c#|compact-framework|windows-ce|zebra-printers|opennetcf</t>
  </si>
  <si>
    <t>Google AppEngine ClientId and Client Secrets</t>
  </si>
  <si>
    <t>&lt;p&gt;I am writing an travel itinerary app engine application which will interact with the calendars of my users. In order to manage access to my user's calendar I intend to use OAuth 2.0. I looked online for various code examples and the closest to what I am trying to acheive is (&lt;a href="http://code.google.com/p/google-api-java-client/source/browse/calendar-appengine-sample/src/main/java/com/google/api/services/samples/calendar/appengine/server/?repo=samples" rel="nofollow"&gt;http://code.google.com/p/google-api-java-client/source/browse/calendar-appengine-sample/src/main/java/com/google/api/services/samples/calendar/appengine/server/?repo=samples&lt;/a&gt;). I have the following questions&lt;/p&gt;
&lt;p&gt;1) I find that the server needs access to the application's client id and client secrets. Most of the sample code I have seen so far loads this from a local file. Does AppEngine give some API which will enable me to retrieve the client id and client secret without me having to worry about storing it ?&lt;/p&gt;
&lt;p&gt;2) If I have to store the client secret in a secure fashion what are my options ?&lt;/p&gt;
&lt;p&gt;3) What is the best way to store a user's access token and refresh token ?&lt;/p&gt;</t>
  </si>
  <si>
    <t>2013-10-18 06:53:39.240000+00:00</t>
  </si>
  <si>
    <t>2013-10-18 07:07:33.207000+00:00</t>
  </si>
  <si>
    <t>google-app-engine|google-oauth</t>
  </si>
  <si>
    <t>Generate uncorrelated variables each well correlated with existing response variable</t>
  </si>
  <si>
    <t>&lt;p&gt;I want to generate two uncorrelated random variables (&lt;strong&gt;x1,x2&lt;/strong&gt;) that show  specified Pearson correlations with an existing variable &lt;strong&gt;y&lt;/strong&gt;, e.g:&lt;/p&gt;
&lt;ul&gt;
&lt;li&gt;cor(&lt;strong&gt;x1,y&lt;/strong&gt;)=0,4; &lt;/li&gt;
&lt;li&gt;cor(&lt;strong&gt;x2,y&lt;/strong&gt;)=0,3; &lt;/li&gt;
&lt;li&gt;cor(&lt;strong&gt;x1,x2&lt;/strong&gt;)=0,03.&lt;/li&gt;
&lt;/ul&gt;
&lt;p&gt;So, I have continuous values, normally distributed, for &lt;strong&gt;y&lt;/strong&gt; (using spatial interpolation technique) and now i want to generate simulated continuous values (e.g. Normal distribution) for two explanatory variables &lt;strong&gt;x1&lt;/strong&gt; and &lt;strong&gt;x2&lt;/strong&gt; using the correlation coefficients pointed above. 
I tried mvrnorm (MASS) and copula R packages, but i did not find the way to do what i want.&lt;/p&gt;
&lt;p&gt;If one can help me getting there i will appreciate a lot. Kind regards.&lt;/p&gt;</t>
  </si>
  <si>
    <t>2017-07-05 15:19:51.217000+00:00</t>
  </si>
  <si>
    <t>2017-07-05 16:13:00.087000+00:00</t>
  </si>
  <si>
    <t>r|simulation</t>
  </si>
  <si>
    <t>jQuery hide next element by location on dom</t>
  </si>
  <si>
    <t>&lt;p&gt;I'm looping through some results and I would like a hide button to hide some extra information e.g. date! Each result will have the same class and Id names I need to make it so if the user clicks the anchor above the date it uses the next date in dom order. &lt;/p&gt;
&lt;pre&gt;&lt;code&gt;@foreach ($statuses as $status)
    &amp;lt;h1&amp;gt;{{ $status-&amp;gt;user-&amp;gt;getNameOrUsername() }}&amp;lt;/h1&amp;gt;
    &amp;lt;a class="hide-date" href="#"&amp;gt;&amp;lt;i class="fa fa-angle-double-down"&amp;gt;&amp;lt;/i&amp;gt; Hide&amp;lt;/a&amp;gt;
    &amp;lt;span class="date"&amp;gt;{{ $status-&amp;gt;created_at-&amp;gt;diffForHumans() }}&amp;lt;/span&amp;gt;
@endforeach
$(document).ready(function(){
    $(".hide-date").click(function(){
        $(".date").hide();
    });
});
&lt;/code&gt;&lt;/pre&gt;
&lt;p&gt;&lt;strong&gt;Case 2&lt;/strong&gt;&lt;/p&gt;
&lt;pre&gt;&lt;code&gt;    @foreach ($statuses as $status)
&amp;lt;div class="content"&amp;gt;
    &amp;lt;div class="top-wrapper"&amp;gt;
        &amp;lt;h1&amp;gt;{{ $status-&amp;gt;user-&amp;gt;getNameOrUsername() }}&amp;lt;/h1&amp;gt;
        &amp;lt;a class="hide-date" href="#"&amp;gt;&amp;lt;i class="fa fa-angle-double-down"&amp;gt;&amp;lt;/i&amp;gt; Hide&amp;lt;/a&amp;gt;
    &amp;lt;/div&amp;gt;
    &amp;lt;div class="info-wrapper"&amp;gt;
        &amp;lt;span class="date"&amp;gt;{{ $status-&amp;gt;created_at-&amp;gt;diffForHumans() }&amp;lt;/span&amp;gt;
    &amp;lt;/div&amp;gt;
&amp;lt;/div&amp;gt;
    @endforeach
&lt;/code&gt;&lt;/pre&gt;
&lt;p&gt;At the moment it hides all of dates &lt;/p&gt;</t>
  </si>
  <si>
    <t>2015-09-17 11:14:48.203000+00:00</t>
  </si>
  <si>
    <t>2015-09-17 11:34:35.180000+00:00</t>
  </si>
  <si>
    <t>2015-09-17 11:30:33.323000+00:00</t>
  </si>
  <si>
    <t>javascript|jquery</t>
  </si>
  <si>
    <t>Spring REST controller issue in binding value of some model fields</t>
  </si>
  <si>
    <t>&lt;p&gt;I am using Spring Rest Controller in my Web project which is running in Tomcat 8&lt;/p&gt;
&lt;p&gt;My json request is-&lt;/p&gt;
&lt;pre&gt;&lt;code&gt;   {
        "type": "Criteria",
        "fTypeOne": "DataSource",
    } 
&lt;/code&gt;&lt;/pre&gt;
&lt;p&gt;and my model class is&lt;/p&gt;
&lt;pre&gt;&lt;code&gt;public class FormulaModel implements Serializable{
   private String fTypeOne;
   private String type;
}
&lt;/code&gt;&lt;/pre&gt;
&lt;p&gt;When I send a json request to the rest controller from postman, I observe that the value of &lt;strong&gt;fTypeOne&lt;/strong&gt; is not bound but &lt;strong&gt;type&lt;/strong&gt; is bound properly.&lt;/p&gt;
&lt;p&gt;Any help on this issue will be more than welcome.&lt;/p&gt;
&lt;p&gt;&lt;strong&gt;Environment&lt;/strong&gt;: &lt;/p&gt;
&lt;p&gt;Spring-web-4.3.14-Release&lt;/p&gt;
&lt;p&gt;jackson-databind-2.8.10&lt;/p&gt;
&lt;p&gt;Java version: 1.8.0_91, vendor: Oracle Corporation&lt;/p&gt;
&lt;p&gt;Java home: C:\Program Files\Java\jdk1.8.0_91\jre&lt;/p&gt;
&lt;p&gt;Default locale: en_IN, platform encoding: Cp1252&lt;/p&gt;
&lt;p&gt;OS name: "windows 7", version: "6.1", arch: "amd64", family: "dos"&lt;/p&gt;</t>
  </si>
  <si>
    <t>2018-03-21 06:09:50.467000+00:00</t>
  </si>
  <si>
    <t>2018-03-21 08:00:21.237000+00:00</t>
  </si>
  <si>
    <t>java|rest|spring-mvc</t>
  </si>
  <si>
    <t>Will this object always re-call the function?</t>
  </si>
  <si>
    <t>&lt;p&gt;Here is the first way:&lt;/p&gt;
&lt;pre&gt;&lt;code&gt;var Objek = {
    node : document.getElementById(known_id),
}
&lt;/code&gt;&lt;/pre&gt;
&lt;p&gt;So, when i call &lt;code&gt;Objek.node&lt;/code&gt; does this always call the &lt;code&gt;document.getElementById&lt;/code&gt; ?&lt;/p&gt;
&lt;p&gt;Is this second way better? :&lt;/p&gt;
&lt;pre&gt;&lt;code&gt;var Objek = (function() {
    var getNode = document.getElementById(known_id);
    return {
        node : getNode
    }
})();
&lt;/code&gt;&lt;/pre&gt;
&lt;p&gt;I think this second way is better and wouldn't re-call the &lt;code&gt;document.getElementById&lt;/code&gt; when I call &lt;code&gt;Objek.node&lt;/code&gt;&lt;/p&gt;</t>
  </si>
  <si>
    <t>2013-11-18 14:49:30.843000+00:00</t>
  </si>
  <si>
    <t>2013-11-18 15:17:39.227000+00:00</t>
  </si>
  <si>
    <t>2013-11-18 14:51:48.337000+00:00</t>
  </si>
  <si>
    <t>vue.js - change text within a button after an event</t>
  </si>
  <si>
    <t>&lt;p&gt;I'm playing with vue.js for learning purposes consisting of different components, one of them being a classic to do list. For now, everything is within one component.&lt;/p&gt;
&lt;p&gt;I want to change the text of a button after it is clicked to hide an element from "hide" to "show" - I'm going about this by setting a text data object and then changing it in a function.&lt;/p&gt;
&lt;p&gt;See below:&lt;/p&gt;
&lt;pre&gt;&lt;code&gt;&amp;lt;div id="app"&amp;gt;
  &amp;lt;ul&amp;gt;
    &amp;lt;li v-for="todo in todos"&amp;gt;
      {{ todo.text }}
    &amp;lt;/li&amp;gt;
  &amp;lt;/ul&amp;gt;
  &amp;lt;input type="text" id="list-input"&amp;gt;
  &amp;lt;input type="submit" id="list-submit" v-on:click="addItem"&amp;gt;
  &amp;lt;span id="error" style="color: red; display: none;"&amp;gt;Please Enter Text&amp;lt;/span&amp;gt;
  &amp;lt;ul&amp;gt;
    &amp;lt;todoitem&amp;gt;&amp;lt;/todoitem&amp;gt;
    &amp;lt;todoitem&amp;gt;&amp;lt;/todoitem&amp;gt;
    &amp;lt;todoitem&amp;gt;&amp;lt;/todoitem&amp;gt;
  &amp;lt;/ul&amp;gt;
  &amp;lt;h2 v-if="seen"&amp;gt;SEEN&amp;lt;/h2&amp;gt;
  &amp;lt;button id="hide-seen" v-on:click="toggleSeen"&amp;gt;{{ button.text }}&amp;lt;/button&amp;gt;
&amp;lt;/div&amp;gt; 
&amp;lt;script type="text/javascript"&amp;gt;
// components
Vue.component('todoitem', {
  template: "&amp;lt;li&amp;gt;Test Item&amp;lt;/li&amp;gt;"
})
// app code
var app = new Vue({
  el: '#app',
  data: {
    todos: [
      { text: 'Sample Item 1' },
      { text: 'Sample Item 2' },
      { text: 'Sample Item 3' }
    ],
    button: [
      { text: 'Hide'}
    ],
    seen: true
  },
  methods: {
    addItem: function() {
      let item = document.getElementById("list-input").value;
      let error = document.getElementById("error");
      if (item == "") {
        error.style.display = "block";
      } else {
        app.todos.push({ text: item });
        error.style.display = "none";
      }
    },
    toggleSeen: function() {
      app.seen = false
      app.button.push({ text: 'Show' });
    }
  }
})
&amp;lt;/script&amp;gt;
&lt;/code&gt;&lt;/pre&gt;
&lt;p&gt;Unexpectedly, the button is blank on both hide and show states. Being new to vue, this seems like a strange way to go about doing it. Is changing data in this context bad practice? I don't understand how to fix this, as I have no errors in my console. &lt;/p&gt;</t>
  </si>
  <si>
    <t>2017-10-04 14:22:13.323000+00:00</t>
  </si>
  <si>
    <t>2017-10-04 14:38:45.947000+00:00</t>
  </si>
  <si>
    <t>javascript|vue.js</t>
  </si>
  <si>
    <t>Exception : Object synchronization method was called from an unsynchronized block of code</t>
  </si>
  <si>
    <t>&lt;p&gt;I have several threads that write to the same int. Each thread increment the 
integer value. What is the simple way to synchronize the increment operation. 
The lock statement works only on Object so i can't use it. I tried also the 
following: &lt;/p&gt;
&lt;pre&gt;&lt;code&gt;static int number=0;
static void Main(string[] args)
    {
        ThreadStart ts = new ThreadStart(strtThread);
        new Thread(ts).Start();
        new Thread(ts).Start();
        new Thread(ts).Start();
        new Thread(ts).Start();
        new Thread(ts).Start();
        new Thread(ts).Start();
        Console.ReadLine();
    }
    public static void strtThread()
    {
        bool lockTaken = false;
        Monitor.Enter(number,ref lockTaken);
        try
        {
            Random rd = new Random();
            int ee = rd.Next(1000);
            Console.WriteLine(ee);
            Thread.Sleep(ee);
            number++;
        }
        catch (Exception ex)
        {
            Console.WriteLine(ex.Message);
        }
        finally 
        {
            if (lockTaken)
            {
             Monitor.Exit(number);
            }
        }
    }
&lt;/code&gt;&lt;/pre&gt;
&lt;p&gt;It gives me the following error: &lt;/p&gt;
&lt;blockquote&gt;
  &lt;p&gt;Object synchronization method was called from an unsynchronized block of code. &lt;/p&gt;
&lt;/blockquote&gt;</t>
  </si>
  <si>
    <t>2011-11-23 19:35:04.703000+00:00</t>
  </si>
  <si>
    <t>2011-11-23 19:42:47.380000+00:00</t>
  </si>
  <si>
    <t>2011-11-23 19:36:31.247000+00:00</t>
  </si>
  <si>
    <t>c#|.net|multithreading|c#-4.0</t>
  </si>
  <si>
    <t>Numpy.ndarray: iteration by specific axes of an array</t>
  </si>
  <si>
    <t>&lt;p&gt;I have a multidimensional array. And I have to iterate via &lt;em&gt;some&lt;/em&gt; of its axes. If I needed all axes, I could use &lt;code&gt;nditer&lt;/code&gt;, but if I need only the specific ones, I have to do it manually:&lt;/p&gt;
&lt;pre&gt;&lt;code&gt;my_array = np.arange(3 * 4 * 5).reshape((3, 4, 5))
for i in range(my_array.shape[0]):
    for j in range(my_array.shape[1]):
        print(i, j)
        # Here should be some processing of the 3rd dimension items of the (i,j)
&lt;/code&gt;&lt;/pre&gt;
&lt;p&gt;Cannot you advice me a simpler way to do it?&lt;/p&gt;</t>
  </si>
  <si>
    <t>2014-05-28 15:36:30.303000+00:00</t>
  </si>
  <si>
    <t>2014-05-28 15:41:34.423000+00:00</t>
  </si>
  <si>
    <t>python|numpy</t>
  </si>
  <si>
    <t>FB API not returning albums</t>
  </si>
  <si>
    <t>&lt;p&gt;This is how I create the login Button (with photo_upload permission):&lt;/p&gt;
&lt;pre&gt;&lt;code&gt;&amp;lt;fb:login-button autologoutlink="true" perms="publish_stream, offline_access, photo_upload, share_item"&amp;gt;&amp;lt;/fb:login-button&amp;gt;
&lt;/code&gt;&lt;/pre&gt;
&lt;p&gt;Then, I call the following function to retrieve the albums:&lt;/p&gt;
&lt;pre&gt;&lt;code&gt;function getAlbum()
{
    console.log("retrieving the albums");
    FB.api('/me/albums', function(response){
        console.log(response);
    });
    return true;
}
&lt;/code&gt;&lt;/pre&gt;
&lt;p&gt;but the response object is as follows:&lt;/p&gt;
&lt;pre&gt;&lt;code&gt;Object
 Data: Array[0]
    length: 0
&lt;/code&gt;&lt;/pre&gt;
&lt;p&gt;I am having 2 public albums, but I cant able to retrieve them with above code. Can someone please tell me what I am doing wrong.&lt;/p&gt;
&lt;p&gt;Thanks in advance :)&lt;/p&gt;</t>
  </si>
  <si>
    <t>2011-03-20 02:10:06.920000+00:00</t>
  </si>
  <si>
    <t>2011-03-20 02:25:30.863000+00:00</t>
  </si>
  <si>
    <t>facebook|facebook-graph-api</t>
  </si>
  <si>
    <t>C++ stream as a member variable</t>
  </si>
  <si>
    <t>&lt;p&gt;I've got a C++ class which I would like to hold a stream used for logging.&lt;/p&gt;
&lt;p&gt;The stream should be able to be set (and possibly reset) after the construction of the object.&lt;/p&gt;
&lt;p&gt;It should be possible to set the stream as &lt;code&gt;std::cout&lt;/code&gt;, or as a file stream to log to a file, or as a stringstream which does nothing more than ignore the data (a &lt;code&gt;/dev/null&lt;/code&gt; of sorts).  In any case, it should be an &lt;code&gt;ostream&lt;/code&gt; type object, which the creator of the object can reset at any time.  The class itself is oblivious to the concrete stream type.&lt;/p&gt;
&lt;p&gt;I could accomplish this with a pointer to an ostream, but then the syntax becomes a little annoying, having to use the deref operator:&lt;/p&gt;
&lt;pre&gt;&lt;code&gt;(*m_log) &amp;lt;&amp;lt; "message";
&lt;/code&gt;&lt;/pre&gt;
&lt;p&gt;rather than&lt;/p&gt;
&lt;pre&gt;&lt;code&gt;m_log &amp;lt;&amp;lt; "message";
&lt;/code&gt;&lt;/pre&gt;
&lt;p&gt;But I can't use references, as the stream object needs to be possibly reset after the object has been initialized.&lt;/p&gt;
&lt;p&gt;Is there an elegant way to achieve this, i.e., avoid using pointers, but still be able to reset after construction?&lt;/p&gt;</t>
  </si>
  <si>
    <t>2011-12-09 13:47:10.220000+00:00</t>
  </si>
  <si>
    <t>2011-12-09 14:26:28.330000+00:00</t>
  </si>
  <si>
    <t>2011-12-09 13:48:30.470000+00:00</t>
  </si>
  <si>
    <t>c++|variables|stream|member</t>
  </si>
  <si>
    <t>Updating tables with new data from API</t>
  </si>
  <si>
    <t>&lt;p&gt;I'm looking to develop something for my client which will do the following:&lt;/p&gt;
&lt;p&gt;1) Connect to MYOB and connect all customer &amp;amp; staff accounts.&lt;/p&gt;
&lt;p&gt;2) Everyday at a certain time; connect to the &lt;strong&gt;remote&lt;/strong&gt; MYOB system and check if there is any new data and update the current tables with the new data.&lt;/p&gt;
&lt;p&gt;I'm stuck on number 2. How can I ensure the data is correct and up to date? I previously dropped all the tables and re-added them, but it simply takes too much time with over 2000 records. &lt;/p&gt;
&lt;p&gt;Is there an alternative that will take less time and will improve efficiency? If so; what is the logical approach to take?&lt;/p&gt;
&lt;p&gt;The database is MySQL and i'm using PHP/Laravel.&lt;/p&gt;</t>
  </si>
  <si>
    <t>2017-10-30 23:33:37.580000+00:00</t>
  </si>
  <si>
    <t>2017-11-09 23:10:59.080000+00:00</t>
  </si>
  <si>
    <t>php|mysql|database|transactions|synchronisation</t>
  </si>
  <si>
    <t>How to use PDFBox 1.0 in .net / C# environment using IKVM</t>
  </si>
  <si>
    <t>&lt;p&gt;Id like to use PDFBox to generate PDF highlight files in my .net project.  PDFBox states that it can be used in .net via IKVM
&lt;a href="http://www.pdfbox.org/userguide/dot_net.html" rel="nofollow noreferrer"&gt;http://www.pdfbox.org/userguide/dot_net.html&lt;/a&gt;&lt;/p&gt;
&lt;p&gt;BUT running ikvmc (latest version) to generate the DLLs on PDFBOX.1.0.0.jar generates a whole lot of NoClassDefFound warnings.&lt;/p&gt;
&lt;p&gt;How should I fix this,  and what other DLLs do I need to include in my project? It seems as though file names have changed from the older documentation/articles I have read on the matter.&lt;/p&gt;
&lt;p&gt;thanks in advance.&lt;/p&gt;</t>
  </si>
  <si>
    <t>2010-02-22 22:26:23.080000+00:00</t>
  </si>
  <si>
    <t>2010-03-22 20:09:36.560000+00:00</t>
  </si>
  <si>
    <t>.net|pdf|highlight|ikvm</t>
  </si>
  <si>
    <t>Why does setup.py usually not have a shebang line?</t>
  </si>
  <si>
    <t>&lt;p&gt;Looking at a random selection of well-known Python packages, why is there a general trend to not include a &lt;code&gt;#!/usr/bin/env python&lt;/code&gt; line at the top of &lt;code&gt;setup.py&lt;/code&gt;? I know that the usual recommended way of interacting with the file is something like:&lt;/p&gt;
&lt;pre&gt;&lt;code&gt;python setup.py install
&lt;/code&gt;&lt;/pre&gt;
&lt;p&gt;rather than&lt;/p&gt;
&lt;pre&gt;&lt;code&gt;./setup.py install
&lt;/code&gt;&lt;/pre&gt;
&lt;p&gt;but is there a good reason for this?&lt;/p&gt;
&lt;p&gt;These packages do not include a shebang: &lt;a href="https://github.com/pytest-dev/pytest/blob/master/setup.py" rel="noreferrer"&gt;pytest&lt;/a&gt;, &lt;a href="https://github.com/lxml/lxml/blob/master/setup.py" rel="noreferrer"&gt;lxml&lt;/a&gt;, &lt;a href="https://bitbucket.org/gutworth/six/src/default/setup.py" rel="noreferrer"&gt;six&lt;/a&gt;, &lt;a href="https://github.com/pypa/virtualenv/blob/develop/setup.py" rel="noreferrer"&gt;virtualenv&lt;/a&gt;, &lt;a href="https://github.com/pypa/pip/blob/develop/setup.py" rel="noreferrer"&gt;pip&lt;/a&gt; &lt;/p&gt;
&lt;p&gt;But these do: &lt;a href="https://github.com/kennethreitz/requests/blob/master/setup.py" rel="noreferrer"&gt;requests&lt;/a&gt;, &lt;a href="https://github.com/simplejson/simplejson/blob/master/setup.py" rel="noreferrer"&gt;simplejson&lt;/a&gt;, &lt;a href="https://bitbucket.org/pypa/setuptools/src/default/setup.py" rel="noreferrer"&gt;setuptools&lt;/a&gt;&lt;/p&gt;</t>
  </si>
  <si>
    <t>2016-02-29 13:43:23.210000+00:00</t>
  </si>
  <si>
    <t>2016-02-29 14:18:27.520000+00:00</t>
  </si>
  <si>
    <t>python|setup.py</t>
  </si>
  <si>
    <t>Sql error that I can't figure out</t>
  </si>
  <si>
    <t>&lt;p&gt;Can anyone see the error here. PhpMyAdmin tells me I have an error near the where clause.&lt;/p&gt;
&lt;pre&gt;&lt;code&gt;SELECT product.*, category.*,store.*
WHERE
  store.store_id = product.store_id AND
  category.category_id = product.category_id
INNER JOIN store ON store.store_name = 'mens'
INNER JOIN category ON category.category_name = 'rings'
&lt;/code&gt;&lt;/pre&gt;</t>
  </si>
  <si>
    <t>2013-04-10 18:13:52.403000+00:00</t>
  </si>
  <si>
    <t>2013-04-10 18:23:51.210000+00:00</t>
  </si>
  <si>
    <t>2013-04-10 18:21:01.800000+00:00</t>
  </si>
  <si>
    <t>mysql|sql|phpmyadmin</t>
  </si>
  <si>
    <t>Edit minified files with intelliJ</t>
  </si>
  <si>
    <t>&lt;p&gt;I am using boostrap and I want to change a background color. For performance reasons, I want to edit the minified file : bootstrap.min.css&lt;/p&gt;
&lt;p&gt;Problem : When I search a pattern in this file (&lt;code&gt;background-color&lt;/code&gt; for example), IntelliJ (and others editors) seem to have some problems with minified files because the file consists of one (very) long line.&lt;/p&gt;
&lt;p&gt;How can I fix it?&lt;/p&gt;
&lt;p&gt;Up to now, my only solution is to edit it with &lt;code&gt;vim&lt;/code&gt;. Not so bad but I think that a more readable solution exists. Maybe some params in IntelliJ?&lt;/p&gt;</t>
  </si>
  <si>
    <t>2015-03-02 17:43:08.103000+00:00</t>
  </si>
  <si>
    <t>2015-03-02 18:09:33.923000+00:00</t>
  </si>
  <si>
    <t>intellij-idea</t>
  </si>
  <si>
    <t>Android EditText unable to enter text</t>
  </si>
  <si>
    <t>&lt;p&gt;Below is Chat Footer and this is included in a chat fragment. Ideally, user should be able to type his message and send it. However, we are not able to even click inside the edit text box.
    &lt;/p&gt;
&lt;pre&gt;&lt;code&gt;&amp;lt;GridLayout
    android:layout_width="match_parent"
    android:layout_height="match_parent"
    android:background="#ffffffff"&amp;gt;
    &amp;lt;ImageButton
        android:layout_width="wrap_content"
        android:layout_height="wrap_content"
        android:id="@+id/backIcon"
        android:src="@drawable/back_button"
        android:background="@null"
        android:layout_row="0"
        android:layout_column="0"
        android:layout_gravity="center|left"
        android:layout_marginLeft="16dp" /&amp;gt;
        &amp;lt;EditText
            android:layout_width="300dp"
            android:layout_height="match_parent"
            android:id="@+id/chat_type"
            android:inputType="textMultiLine"
            android:textSize="10dp"
            android:background="@drawable/rounded_corners"
            android:padding="16dp"
            android:textColor="#ff8888"
            android:layout_gravity="top"
            android:enabled="true"
            android:clickable="true"
            android:imeOptions="actionNext"/&amp;gt;
        &amp;lt;ImageButton
            android:id="@+id/chat_send"
            android:layout_width="wrap_content"
            android:layout_height="wrap_content"
            android:src="@drawable/footer_chat_send_normal"
            android:background="@null"
            android:layout_marginLeft="-68dp"
            android:padding="16dp"/&amp;gt;
    &amp;lt;/GridLayout&amp;gt;
&amp;lt;/RelativeLayout&amp;gt;
&lt;/code&gt;&lt;/pre&gt;
&lt;p&gt;Below is fragment_chat.xml&lt;/p&gt;
&lt;pre&gt;&lt;code&gt;&amp;lt;LinearLayout xmlns:android="http://schemas.android.com/apk/res/android"
android:layout_width="match_parent"
android:layout_height="match_parent"
android:orientation="vertical"
android:background="#fff"&amp;gt;
&amp;lt;LinearLayout xmlns:android="http://schemas.android.com/apk/res/android"
    android:layout_width="fill_parent"
    android:layout_height="wrap_content"
    android:background="#9700d4"&amp;gt;
    &amp;lt;FrameLayout
        android:orientation="horizontal"
        android:layout_width="wrap_content"
        android:layout_height="wrap_content"
        android:layout_gravity="center"&amp;gt;
        &amp;lt;com.glynk.app.custom.widgets.CircularImageView
            android:id="@+id/fragment_feed_user_picture"
            android:layout_width="65dp"
            android:layout_height="65dp"
            android:padding="50dp"
            android:src="@drawable/animal_cat"
            android:layout_marginTop="10dp"
            android:layout_marginRight="10dp"
            android:layout_marginBottom="10dp"
            android:layout_marginLeft="30dp" /&amp;gt;
    &amp;lt;/FrameLayout&amp;gt;
    &amp;lt;LinearLayout
        android:orientation="vertical"
        android:layout_width="340dp"
        android:layout_height="wrap_content"
        android:layout_weight="0.8"&amp;gt;
        &amp;lt;TextView
            android:id="@+id/fragment_feed_user_name"
            style="@style/WhiteNormal14"
            android:layout_marginTop="25dp"
            android:text="Test"/&amp;gt;
        &amp;lt;TextView
            android:id="@+id/details"
            style="@style/WhiteNormal12"
            android:text="M 38 Sunnyvale"/&amp;gt;
        &amp;lt;RelativeLayout
            android:layout_width="fill_parent"
            android:layout_height="wrap_content"&amp;gt;
            &amp;lt;TextView
                android:id="@+id/percentage"
                style="@style/WhiteNormal12"
                android:text="100"/&amp;gt;
            &amp;lt;TextView
                style="@style/WhiteNormal12"
                android:text="%"
                android:layout_marginLeft="20dp"/&amp;gt;
            &amp;lt;TextView
                android:id="@+id/match_topic"
                style="@style/WhiteNormal12"
                android:layout_marginLeft="30dp"
                android:text="in Relationship" /&amp;gt;
        &amp;lt;/RelativeLayout&amp;gt;
    &amp;lt;/LinearLayout&amp;gt;
&amp;lt;/LinearLayout&amp;gt;
&amp;lt;LinearLayout
    android:orientation="horizontal"
    android:layout_width="fill_parent"
    android:layout_height="400dp"&amp;gt;
    &amp;lt;ListView
        android:layout_width="match_parent"
        android:layout_height="fill_parent"
        android:background="@drawable/roundcorner_white"
        android:stackFromBottom="true"
        android:transcriptMode="alwaysScroll"
        android:id="@+id/messageTextView" /&amp;gt;
&amp;lt;/LinearLayout&amp;gt;
&amp;lt;include
    android:id="@+id/messagesFooter"
    android:layout_width="wrap_content"
    android:layout_height="50dp"
    android:layout_marginTop="10dp"
    android:layout_below="@+id/listView"
    layout="@layout/chat_footer"/&amp;gt;
&amp;lt;/LinearLayout&amp;gt;
&lt;/code&gt;&lt;/pre&gt;
&lt;p&gt;Unable to edit/enter or click inside.
What could be the reason?&lt;/p&gt;</t>
  </si>
  <si>
    <t>2015-06-15 18:20:40.090000+00:00</t>
  </si>
  <si>
    <t>2018-08-03 23:08:27.760000+00:00</t>
  </si>
  <si>
    <t>android|android-layout|android-fragments|android-edittext</t>
  </si>
  <si>
    <t>writing oval validations in xml</t>
  </si>
  <si>
    <t>&lt;p&gt;I'm trying to write the equivalent of the below java Assert statement in OVAL XML configuration file in the MVEL expression language. But I'm unable to do so. Any help will be greatly appreciated.&lt;/p&gt;
&lt;pre&gt;&lt;code&gt;public class BusinessObject 
{
   // mailingAddress must either be the delivery address or the invoice address 
   @Assert(expr = "_value ==_this.deliveryAddress || _value ==  this.invoiceAddress", lang = "groovy")
   public String mailingAddress;
}
&lt;/code&gt;&lt;/pre&gt;
&lt;p&gt;The xml..&lt;/p&gt;
&lt;pre&gt;&lt;code&gt;&amp;lt;class type="BusinessObject" applyFieldConstraintsToSetters="true" overwrite="false"&amp;gt;
    &amp;lt;field name="mailingAddress"&amp;gt;
        &amp;lt;assert lang="mvel" expr="_value ==_this.deliveryAddress || _value ==  this.invoiceAddress" message="mailingAddress must either be the delivery address or the invoice address "&amp;gt;
        &amp;lt;/assert&amp;gt;
    &amp;lt;/field&amp;gt;
&lt;/code&gt;&lt;/pre&gt;</t>
  </si>
  <si>
    <t>2015-02-22 03:54:22.217000+00:00</t>
  </si>
  <si>
    <t>2015-07-14 16:44:03.687000+00:00</t>
  </si>
  <si>
    <t>xml|oval</t>
  </si>
  <si>
    <t>Wrong calculation in SQL-Server</t>
  </si>
  <si>
    <t>&lt;p&gt;As an example I found a simple calculation like:&lt;/p&gt;
&lt;pre&gt;&lt;code&gt;select cast(200.00 as float) + 1908.30 + 170.00 + (-1150.00) + (-1128.30)
&lt;/code&gt;&lt;/pre&gt;
&lt;p&gt;As a normal addition this results in &lt;code&gt;0.00&lt;/code&gt; but SQL Server shows the result as &lt;code&gt;2.27373675443232E-13&lt;/code&gt;.&lt;/p&gt;
&lt;p&gt;Why is this and how can I avoid this?&lt;/p&gt;</t>
  </si>
  <si>
    <t>2011-04-28 08:38:41.777000+00:00</t>
  </si>
  <si>
    <t>2013-09-19 17:25:43.260000+00:00</t>
  </si>
  <si>
    <t>error for area search in own overpass api server</t>
  </si>
  <si>
    <t>&lt;p&gt;How to solve the error when i pass &lt;strong&gt;area param&lt;/strong&gt;.
Installed osm-3s_v0.7.53 in a server and able to make request. 
But if i try to make request with &lt;strong&gt;area&lt;/strong&gt; then i ma getting the following error&lt;/p&gt;
&lt;p&gt;Error: runtime error: open64: 111 Connection refused /home/osm-3s_v0.7.53/bin/db//osm3s_v0.7.53_areas Unix_Socket::7 &lt;/p&gt;
&lt;p&gt;example query&lt;/p&gt;
&lt;pre&gt;&lt;code&gt;[timeout:25];
area[name="france"];
( node[name="starbucks"];
  way[name="starbucks"];
  rel[name="starbucks"]; 
  );
out center;
&lt;/code&gt;&lt;/pre&gt;
&lt;p&gt;but if i try &lt;/p&gt;
&lt;pre&gt;&lt;code&gt;[timeout:25];
( node[name="starbucks"];
  way[name="starbucks"];
  rel[name="starbucks"]; 
  );
out center;
&lt;/code&gt;&lt;/pre&gt;
&lt;p&gt;it gets a valid xml for default area&lt;/p&gt;
&lt;p&gt;Please help..&lt;/p&gt;</t>
  </si>
  <si>
    <t>2017-04-20 09:06:27.707000+00:00</t>
  </si>
  <si>
    <t>2017-05-24 08:05:41.193000+00:00</t>
  </si>
  <si>
    <t>2017-04-20 09:34:20.303000+00:00</t>
  </si>
  <si>
    <t>openstreetmap|overpass-api</t>
  </si>
  <si>
    <t>How to find out the key pressed on keyup or keypress event when dollar key is pressed</t>
  </si>
  <si>
    <t>&lt;p&gt;The below method returns any key from A-Z and 0-9 and when I pressed shift key + 4 its returns the same code 52.&lt;/p&gt;
&lt;pre&gt;&lt;code&gt;function keyUpEvent(e)//onkeyup event
{
    var chr = String.fromCharCode(e.keyCode);//converts the keycode into a character
    alert(chr);//alerts the character
}
&lt;/code&gt;&lt;/pre&gt;
&lt;p&gt;But I need to show the &lt;b&gt;$ or %&lt;/b&gt; when the respective key with combination of shift key is pressed.&lt;/p&gt;</t>
  </si>
  <si>
    <t>2013-03-01 12:42:44.203000+00:00</t>
  </si>
  <si>
    <t>2013-03-01 13:13:18.497000+00:00</t>
  </si>
  <si>
    <t>2013-03-01 12:45:10.423000+00:00</t>
  </si>
  <si>
    <t>javascript|jquery|keypress|onkeyup</t>
  </si>
  <si>
    <t>Revised macro behaving strangely, both working and not working</t>
  </si>
  <si>
    <t>&lt;p&gt;The new version of a macro I use (tring to make it faster), runs in a new (pristine) workbook but in &lt;/p&gt;
&lt;p&gt;my "working" workbook (which has other macros) the new macro runs only if I run the &lt;code&gt;original&lt;/code&gt; macro &lt;/p&gt;
&lt;p&gt;ona field then run the new macro after it and then it works on any fields.&lt;/p&gt;
&lt;p&gt;Or the new macro works in the "Working" workbook if I close then open the WB then run the new macro.&lt;/p&gt;
&lt;p&gt;This is the only macro that behaves this way.&lt;/p&gt;
&lt;p&gt;Can someone see is this a problem with the new macro or is there a hidden problem or conflict in my "working" workbook&lt;/p&gt;
&lt;p&gt;Thanks&lt;/p&gt;
&lt;pre&gt;&lt;code&gt;Sub RemoveCharList()
fRemoveCharList Array("field2", "field4", "field5", "field7"), Array("]", "&amp;amp;", "%")
End Sub
&lt;/code&gt;&lt;/pre&gt;
&lt;p&gt;New Macro&lt;/p&gt;
&lt;pre&gt;&lt;code&gt;Sub fRemoveCharList(ColArray As Variant, char As Variant)
Dim j As Long, Heading As Variant, headingFound As Range
For Each Heading In ColArray
Set headingFound = Range("1:1").Find(What:=Heading)
If Not headingFound Is Nothing Then
    With Range(headingFound, Cells(Rows.Count, headingFound.Column).End(xlUp))
        For j = LBound(char) To UBound(char)
            .Replace char(j), vbNullString
         Next
      End With
    End If
  Next
End Sub
&lt;/code&gt;&lt;/pre&gt;
&lt;p&gt;Original Macro&lt;/p&gt;
&lt;pre&gt;&lt;code&gt;Sub fRemoveCharList(ColArray As Variant, char As Variant)
Dim x As Variant
Dim LR As Long, i As Long, j As Long
Dim Heading As Variant
Dim headingFound As Range
Dim lngColIndex As Long
For Each Heading In ColArray
    On Error Resume Next
    Set headingFound = Range("1:1").Find(What:=Heading, LookIn:=xlFormulas, LookAt:=xlPart)
    Err.Clear: On Error GoTo 0: On Error GoTo -1
    If Not headingFound Is Nothing Then lngColIndex = headingFound.Column
    'If headingFound.Column Then lngColIndex = headingFound.Column
  LR = Cells(Rows.Count, lngColIndex).End(xlUp).Row
  For i = 1 To LR
      With Cells(i, lngColIndex)
          x = .Value
          For j = LBound(char) To UBound(char)
              x = Replace(x, char(j), vbNullString)
          Next
          .Value = x
       End With
    Next i
  Next
End Sub
&lt;/code&gt;&lt;/pre&gt;</t>
  </si>
  <si>
    <t>2013-10-01 22:16:53.803000+00:00</t>
  </si>
  <si>
    <t>2015-03-02 21:36:21.653000+00:00</t>
  </si>
  <si>
    <t>2018-07-09 19:34:03.733000+00:00</t>
  </si>
  <si>
    <t>excel-vba|vba|excel</t>
  </si>
  <si>
    <t>How do I make tags required with django-tagging?</t>
  </si>
  <si>
    <t>&lt;p&gt;I am using django-tagging to manage tags on my entities. How do I ensure that the user has entered at least one tag when filling out a form, other than using javascript validation on the front end?&lt;/p&gt;</t>
  </si>
  <si>
    <t>2011-11-21 23:35:11.370000+00:00</t>
  </si>
  <si>
    <t>2012-12-06 01:49:40.850000+00:00</t>
  </si>
  <si>
    <t>python|django|django-tagging</t>
  </si>
  <si>
    <t>Eliminating Words Based On Letters</t>
  </si>
  <si>
    <t>&lt;p&gt;I have a dictionary and an alphabet:&lt;/p&gt;
&lt;pre&gt;&lt;code&gt;import string
alphabet = list(string.ascii_lowercase)
dictionary = [line.rstrip('\n') for line in open("dictionary.txt")]
&lt;/code&gt;&lt;/pre&gt;
&lt;p&gt;In a function, I remove a letter from the alphabet&lt;/p&gt;
&lt;pre&gt;&lt;code&gt;alphabet.remove(letter)
&lt;/code&gt;&lt;/pre&gt;
&lt;p&gt;Now, I want to filter through the dictionary to eliminate words if they contain a letter not in the alphabet.&lt;/p&gt;
&lt;p&gt;I tried for loops:&lt;/p&gt;
&lt;pre&gt;&lt;code&gt;for term in dictionary:
        for char in term:
            print term, char
            if char not in alphabet:
                dictionary.remove(term)
                break
&lt;/code&gt;&lt;/pre&gt;
&lt;p&gt;However, this skips over certain words.
I tried filter:&lt;/p&gt;
&lt;pre&gt;&lt;code&gt;dictionary = filter(term for term in dictionary for char in term if char not in alphabet)
&lt;/code&gt;&lt;/pre&gt;
&lt;p&gt;But I get the error:&lt;/p&gt;
&lt;pre&gt;&lt;code&gt;SyntaxError: Generator expression must be parenthesized if not sole argument
&lt;/code&gt;&lt;/pre&gt;</t>
  </si>
  <si>
    <t>2016-04-30 02:44:32.817000+00:00</t>
  </si>
  <si>
    <t>2016-04-30 03:01:26.343000+00:00</t>
  </si>
  <si>
    <t>Get integer from GTKEntry in new window</t>
  </si>
  <si>
    <t>&lt;p&gt;I need a function 
&lt;code&gt;int askInteger(...);&lt;/code&gt; called via a button.&lt;/p&gt;
&lt;p&gt;which open a dialog with a &lt;code&gt;GTKEntry&lt;/code&gt;, and returns the integer from the entry form.&lt;/p&gt;
&lt;p&gt;Then I can use this integer.&lt;/p&gt;
&lt;p&gt;The problem is that I tried using GTK Message Dialog, but it doesn't work because &lt;code&gt;gtk_container_add&lt;/code&gt; doesn't work as &lt;code&gt;GTKMessageDialog&lt;/code&gt; can take only one widget (itself).&lt;/p&gt;
&lt;p&gt;How can I work it out?&lt;/p&gt;</t>
  </si>
  <si>
    <t>2014-04-12 22:18:10.263000+00:00</t>
  </si>
  <si>
    <t>2014-04-13 08:29:59.237000+00:00</t>
  </si>
  <si>
    <t>2014-04-12 22:21:36.487000+00:00</t>
  </si>
  <si>
    <t>c|user-interface|gtk</t>
  </si>
  <si>
    <t>Is it possible to have two different variables with the same name?</t>
  </si>
  <si>
    <t>&lt;p&gt;Is it possible to have two different variables in with the same name in jQuery?&lt;/p&gt;
&lt;p&gt;I have my jQuery linking to outside scripts.  Is it possible to have two variables using the same letter name?&lt;/p&gt;
&lt;p&gt;ie:&lt;/p&gt;
&lt;p&gt;Contained in compressed.js:&lt;/p&gt;
&lt;pre&gt;&lt;code&gt;var m = $$('li', s),
&lt;/code&gt;&lt;/pre&gt;
&lt;p&gt;and&lt;/p&gt;
&lt;p&gt;Contained in &lt;a href="http://www.google.com/jsapi" rel="nofollow"&gt;http://www.google.com/jsapi&lt;/a&gt;:&lt;/p&gt;
&lt;pre&gt;&lt;code&gt;var m = "push",
&lt;/code&gt;&lt;/pre&gt;
&lt;p&gt;Are these two affecting each other?&lt;/p&gt;</t>
  </si>
  <si>
    <t>2011-03-25 14:01:34.933000+00:00</t>
  </si>
  <si>
    <t>2011-04-29 17:58:45.737000+00:00</t>
  </si>
  <si>
    <t>javascript|jquery|variables</t>
  </si>
  <si>
    <t>Responsive PhotoSwipe with large controls on mobile device</t>
  </si>
  <si>
    <t>&lt;p&gt;In this official codepen, on my mobile device the controls and caption look very small: 
&lt;a href="http://codepen.io/dimsemenov/pen/ZYbPJM" rel="nofollow"&gt;http://codepen.io/dimsemenov/pen/ZYbPJM&lt;/a&gt;&lt;/p&gt;
&lt;p&gt;I tried adding this to the HTML but it didn't make any difference:&lt;/p&gt;
&lt;pre&gt;&lt;code&gt;    &amp;lt;meta name="viewport" content="width = device-width, initial-scale = 1.0"&amp;gt; 
&lt;/code&gt;&lt;/pre&gt;
&lt;p&gt;How can I make them larger like in the photoswipe.com site?&lt;/p&gt;</t>
  </si>
  <si>
    <t>2015-09-13 20:25:26.120000+00:00</t>
  </si>
  <si>
    <t>2015-11-10 18:46:35.093000+00:00</t>
  </si>
  <si>
    <t>javascript|jquery|photoswipe</t>
  </si>
  <si>
    <t>Webpack error while loading module DomUtils after import enzyme</t>
  </si>
  <si>
    <t>&lt;p&gt;I have a project with TypeScript and React 0.14.&lt;/p&gt;
&lt;p&gt;And I set-up test enviroment with karma/mocha/chai. And its work. But when I import and use function from enzyme I got error in browser (Human-readable error from Chrome):&lt;/p&gt;
&lt;pre&gt;&lt;code&gt;Uncaught TypeError: ext[key].bind is not a function
&lt;/code&gt;&lt;/pre&gt;
&lt;p&gt;&lt;a href="https://i.stack.imgur.com/uZkyO.png" rel="nofollow noreferrer"&gt;&lt;img src="https://i.stack.imgur.com/uZkyO.png" alt="DomUtils error. Debug mode."&gt;&lt;/a&gt;&lt;/p&gt;
&lt;p&gt;As I understood modules 227...232 (internal DomUtils files) not loaded before using.&lt;/p&gt;
&lt;p&gt;Maybe I forgot something? Or does anyone know workaround?&lt;/p&gt;
&lt;p&gt;Sorry for huge configs:&lt;/p&gt;
&lt;p&gt;Webpack config:&lt;/p&gt;
&lt;pre&gt;&lt;code&gt;var webpack = require("webpack"),
    path = require("path"),
    ExtractTextPlugin = require("extract-text-webpack-plugin"),
    precss = require('precss'),
    autoprefixer = require('autoprefixer');
module.exports = {
    entry: [
        path.resolve(__dirname, "app/app.tsx")
    ],
    output: {
        filename: "bundle.js",
        publicPath: "/build/",
        path: path.resolve(__dirname, "build")
    },
    module: {
        loaders: [
            {test: /\.json$/, loader: 'json'},
            {test: /\.tsx$/, exclude: /node_modules/, loader: 'es3ify!ts'},
            {test: /\.s?css$/, loader: ExtractTextPlugin.extract('style', 'css!postcss')},
            {test: /\.svg|eot|ttf|woff|woff2|ico|png|gif|jpg($|\?)/, loader: 'file'}
        ]
    },
    postcss: function () {
        return [precss, autoprefixer];
    },
    resolve: {
        root: path.resolve(__dirname, "app"),
        extensions: ["", ".js", ".ts", ".tsx", ".json"]
    },
    plugins: [
        new ExtractTextPlugin("bundle.css")
    ]
};
&lt;/code&gt;&lt;/pre&gt;
&lt;p&gt;Karma config:&lt;/p&gt;
&lt;pre&gt;&lt;code&gt;var webpack = require('webpack');
var webpackConfig = require('./webpack.config');
module.exports = function(config) {
  config.set({
    basePath: '',
    frameworks: ['mocha', 'chai', 'sinon'],
    files: [
      'app/**/*-test.tsx'
    ],
    exclude: [],
    preprocessors: {
      'app/**/*.tsx': ['webpack']
    },
    webpack: {
      resolve: webpackConfig.resolve,
      module: webpackConfig.module,
      externals: {
        'cheereo': 'window',
        'react/addons': true,
        'react/lib/ExecutionEnvironment': true,
        'react/lib/ReactContext': true
      }
    },
    reporters: ['progress', 'spec'],
    port: 9876,
    colors: true,
    logLevel: config.LOG_INFO,
    autoWatch: false,
    browsers: ['PhantomJS'],
    singleRun: true,
    concurrency: Infinity
  })
}
&lt;/code&gt;&lt;/pre&gt;
&lt;p&gt;Test file:&lt;/p&gt;
&lt;pre&gt;&lt;code&gt;import * as React from 'react';
import { shallow } from 'enzyme';
describe('Dashboard', () =&amp;gt; {
  it('should be OK', () =&amp;gt; {
    const instance = shallow(&amp;lt;div /&amp;gt;);
    expect(true).to.equal(true, 'true === true');
  });
});
&lt;/code&gt;&lt;/pre&gt;
&lt;p&gt;Webpack import chain: enzyme -&gt; ... -&gt; cheerio -&gt; ... -&gt; DomUtils&lt;/p&gt;
&lt;p&gt;StackOverflow my last chance to solve the problem, Google don't know answer.&lt;/p&gt;</t>
  </si>
  <si>
    <t>2016-06-30 12:02:22.967000+00:00</t>
  </si>
  <si>
    <t>2017-06-22 08:48:30.360000+00:00</t>
  </si>
  <si>
    <t>2016-06-30 12:09:44.017000+00:00</t>
  </si>
  <si>
    <t>reactjs|typescript|webpack|cheerio|enzyme</t>
  </si>
  <si>
    <t>Python Pandas Index error: List Index out of range</t>
  </si>
  <si>
    <t>&lt;p&gt;My code worked on a previous dataset and now stopped working. I looked through other answers for this error message, but none seems applicable to mine. &lt;/p&gt;
&lt;p&gt;I have one column in my dataframe df for Email_Address and I would like to just split the domain out into a new columns. &lt;/p&gt;
&lt;p&gt;My dataframe is a subset of a previous df. &lt;/p&gt;
&lt;pre&gt;&lt;code&gt;#create new df, for only email addresses I need to review
df = df_raw.loc[df_raw['Review'] == 'Y'].copy()
#I reset the index to fix the problem, but it didnt help
df = df.reset_index(drop=True)
#ensure Email Address is a string
df['Email_Address']= df.Email_Address.apply(str)
#make Email Address lower case
df['email_lowercase'] = df['Email_Address'].str.lower()
#Split out domain into a new column 
df['domain'] = df['email_lowercase'].apply(lambda x: x.split('@')[1])
IndexError: list index out of range
&lt;/code&gt;&lt;/pre&gt;</t>
  </si>
  <si>
    <t>2017-08-29 14:25:04.610000+00:00</t>
  </si>
  <si>
    <t>2017-08-29 14:40:51.360000+00:00</t>
  </si>
  <si>
    <t>python|pandas|loops|indexing|syntax-error</t>
  </si>
  <si>
    <t>Heyzap AdColony orientation issue on app going Foreground state</t>
  </si>
  <si>
    <t>&lt;p&gt;I'm writing game in Unity3D v5.3.3. The orientation of my game is set only portrait and I'm using Heyzap SDK for ads mediation. I have displaying video ads from Vungle, UnityADS, Heyzap and AdColony providers. After reading a lot of articles about orientation issues, I have done this manual fix in XCode:&lt;/p&gt;
&lt;p&gt;&lt;a href="https://i.stack.imgur.com/hqUum.png" rel="nofollow noreferrer"&gt;&lt;img src="https://i.stack.imgur.com/hqUum.png" alt="Find this return orientations part in UnityAppController.mm file"&gt;&lt;/a&gt;
&lt;strong&gt;&lt;em&gt;Find this return orientations part in UnityAppController.mm file&lt;/em&gt;&lt;/strong&gt;&lt;/p&gt;
&lt;p&gt;&lt;a href="https://i.stack.imgur.com/8eoer.png" rel="nofollow noreferrer"&gt;&lt;img src="https://i.stack.imgur.com/8eoer.png" alt="and replace it with this one."&gt;&lt;/a&gt;
&lt;strong&gt;&lt;em&gt;and replace it with this one.&lt;/em&gt;&lt;/strong&gt;&lt;/p&gt;
&lt;p&gt;All is working properly, except one case with AdColony ads. After finishing displaying landscape video from AdColony and getting this screen:
&lt;a href="https://i.stack.imgur.com/6gdYR.png" rel="nofollow noreferrer"&gt;&lt;img src="https://i.stack.imgur.com/6gdYR.png" alt="Static AdColony screen after playback finish"&gt;&lt;/a&gt;
&lt;strong&gt;&lt;em&gt;Static AdColony screen after playback finish&lt;/em&gt;&lt;/strong&gt;&lt;/p&gt;
&lt;p&gt;Without closing this screen I'm moving app to background and than back to foreground. AdColony's screen disappears and my game displays in Landscape orientation. All the touch controls are not working after this. So the only way to continue is to kill game and run again.
Please help with solution.&lt;/p&gt;</t>
  </si>
  <si>
    <t>2016-03-10 14:01:00.063000+00:00</t>
  </si>
  <si>
    <t>2016-03-10 14:59:00.720000+00:00</t>
  </si>
  <si>
    <t>ios|unity3d|orientation|adcolony|heyzap</t>
  </si>
  <si>
    <t>SugarCRM: adding custom Helper Class</t>
  </si>
  <si>
    <t>&lt;p&gt;Recently got into SugarCRM, ATM I have to implement custom Logger, the idea is to get some relevant data from Bean object from after save logic hook and put it into XML (as requested).
I think that implementing it as a Sugar module could be wrong approach.&lt;/p&gt;
&lt;p&gt;&lt;strong&gt;The question is where its right to put my class, in the directory hierarchy,
and how should I bootstrap him?&lt;/strong&gt;&lt;/p&gt;
&lt;p&gt;Thanks in advance&lt;/p&gt;</t>
  </si>
  <si>
    <t>2014-10-07 07:08:15.767000+00:00</t>
  </si>
  <si>
    <t>2014-10-08 19:00:17.543000+00:00</t>
  </si>
  <si>
    <t>2014-10-07 07:21:24.857000+00:00</t>
  </si>
  <si>
    <t>sugarcrm|suitecrm</t>
  </si>
  <si>
    <t>Ionic Framework Saving Text into blob file</t>
  </si>
  <si>
    <t>&lt;p&gt;I am currently running a service on phone that will continuously retrieve and store the data into my web-sql...&lt;/p&gt;
&lt;p&gt;However, it has since exceed 8,000 character counts and I would like to store the data into a blob file.&lt;/p&gt;
&lt;p&gt;Is there any example available to use file-stream to store the data into a blob file and using file-reader to extract the data?&lt;/p&gt;
&lt;p&gt;Thank you! &lt;/p&gt;</t>
  </si>
  <si>
    <t>2016-08-18 09:49:06.257000+00:00</t>
  </si>
  <si>
    <t>2016-08-18 15:53:12.420000+00:00</t>
  </si>
  <si>
    <t>user6487002</t>
  </si>
  <si>
    <t>javascript|cordova|ionic-framework|blob</t>
  </si>
  <si>
    <t>Populating a 2D Array with random integers</t>
  </si>
  <si>
    <t>&lt;pre&gt;&lt;code&gt;int main()
{
    srand(time(NULL));
    int ourArray [3][5] = {0};
    for (int i = 0; i &amp;lt; 3; i++)
    {
        for (int j = 0; j &amp;lt; 5; j++)
        {
            ourArray [i][j] = rand() % 30;
        }
    }
    return 0;
}
&lt;/code&gt;&lt;/pre&gt;
&lt;p&gt;This is what I've got so far, but I'm not quite sure where to go from here. What I (think) is going on here is it goes to first position of the array at 0,0 and generates a number. Then it goes to 1,1 and 2,2 and so on. I'm not sure where to go from there, and I'm sure there's a more efficient way of doing this that populates an entire row or column at a time.&lt;/p&gt;
&lt;p&gt;Additionally, my compiler won't allow me to use cout or endl like I normally can? It's insisting I use std::cout and I was just wondering why.&lt;/p&gt;</t>
  </si>
  <si>
    <t>2014-03-31 02:35:09.353000+00:00</t>
  </si>
  <si>
    <t>2014-03-31 02:45:28.087000+00:00</t>
  </si>
  <si>
    <t>user3068686</t>
  </si>
  <si>
    <t>Q: Python package structure with base classes</t>
  </si>
  <si>
    <t>&lt;p&gt;I am wondering if there is a way to do what I am trying, best explained with an example:&lt;/p&gt;
&lt;p&gt;Contents of a.py:&lt;/p&gt;
&lt;pre&gt;&lt;code&gt;class A(object):
    def run(self):
        print('Original')
class Runner(object):
    def run(self):
        a = A()
        a.run()
&lt;/code&gt;&lt;/pre&gt;
&lt;p&gt;Contents of b.py:&lt;/p&gt;
&lt;pre&gt;&lt;code&gt;import a
class A(a.A):
    def run(self):
        # Do something project-specific
        print('new class')
class Runner(a.Runner):
    def other_fcn_to_do_things(self):
        pass
&lt;/code&gt;&lt;/pre&gt;
&lt;p&gt;Basically, I have a file with some base classes that I would like to use for a few different projects. What I would like would be for &lt;code&gt;b.Runner.run()&lt;/code&gt; to use the class &lt;code&gt;A&lt;/code&gt; in &lt;code&gt;b.py&lt;/code&gt;, &lt;em&gt;without needing to override the &lt;code&gt;run&lt;/code&gt; method&lt;/em&gt;. In the example above, I would like to code&lt;/p&gt;
&lt;pre&gt;&lt;code&gt;import b
r = b.Runner()
print(r.run())
&lt;/code&gt;&lt;/pre&gt;
&lt;p&gt;to print "new class". Is there any way to do that? Is it really awful practice to do that, and is there a better way to structure the code? &lt;/p&gt;</t>
  </si>
  <si>
    <t>2016-11-29 17:54:34.477000+00:00</t>
  </si>
  <si>
    <t>2016-11-29 19:44:55.947000+00:00</t>
  </si>
  <si>
    <t>python|package-structuring</t>
  </si>
  <si>
    <t>The entity type [class] is not part of the model for the current context</t>
  </si>
  <si>
    <t>&lt;p&gt;I have db on local server and I am trying to get data using Entity Framework. VS has created edmx model and connection string automatically and now when I try to access data like this: &lt;/p&gt;
&lt;pre&gt;&lt;code&gt;using (var context = new NSMASEntitiesTEST())
            {
                var mases = context.Mas;
                foreach (var mas in mases) //error on this line
                {
                    //
                }
            }
&lt;/code&gt;&lt;/pre&gt;
&lt;p&gt;it gives me following error:&lt;/p&gt;
&lt;p&gt;&lt;strong&gt;The entity type Mas is not part of the model for the current context.&lt;/strong&gt;&lt;/p&gt;
&lt;p&gt;But the thing is that I get this error only for tables that has one column of &lt;code&gt;geography&lt;/code&gt; datatype (f.e. &lt;code&gt;Mas&lt;/code&gt;). Other tables work fine.&lt;/p&gt;
&lt;p&gt;I wonder if this problem could be caused just because of that geography datatype, beacuse I went through answers on similar questions and nothing worked for me.&lt;/p&gt;
&lt;p&gt;In &lt;code&gt;Mas.cs&lt;/code&gt;:&lt;/p&gt;
&lt;pre&gt;&lt;code&gt;public partial class Mas
    {
        public int MasId { get; set; }
        public string MasName { get; set; }
        //...
        public Nullable&amp;lt;System.DateTime&amp;gt; MasContractSzif { get; set; }
        public System.Data.Spatial.DbGeography MasBoundary { get; set; }
    }
&lt;/code&gt;&lt;/pre&gt;
&lt;p&gt;&lt;strong&gt;EDIT:&lt;/strong&gt;&lt;/p&gt;
&lt;p&gt;I have created 2 empty tables for testing:&lt;/p&gt;
&lt;p&gt;&lt;strong&gt;First&lt;/strong&gt; with 2 columns INT and NVARCHAR(50)&lt;/p&gt;
&lt;p&gt;&lt;strong&gt;Second&lt;/strong&gt; with 3 columns INT, NVARCHAR(50) and GEOGRAPHY&lt;/p&gt;
&lt;p&gt;And it gives me error only when I want to access second table, so it is definitely caused by &lt;strong&gt;geography&lt;/strong&gt; type.&lt;/p&gt;</t>
  </si>
  <si>
    <t>2014-07-16 12:32:13.213000+00:00</t>
  </si>
  <si>
    <t>2014-07-17 11:49:34.840000+00:00</t>
  </si>
  <si>
    <t>2014-07-17 09:59:09.763000+00:00</t>
  </si>
  <si>
    <t>c#|sql-server-2012|geography|entity-framework-6.1</t>
  </si>
  <si>
    <t>ViewPager where each view shares the same ListView</t>
  </si>
  <si>
    <t>&lt;p&gt;** Current Situation: **&lt;/p&gt;
&lt;p&gt;One Activity, with one ListView, that changes its contents based on resetting the adapter    between   three different adapters.  There is just one ListView with id : list.  Thats it. When I reset adapter it adjusts the content of the list view.  &lt;/p&gt;
&lt;p&gt;What I want to do:&lt;/p&gt;
&lt;p&gt;Use ViewPager to page between the different list instantiations.  &lt;/p&gt;
&lt;p&gt;Problem: View pager seems to be setup to take separate layouts, but I have written all my logic against a single list. It would be a big rewrite to use three different ListViews pointing to differnt list.&lt;/p&gt;
&lt;p&gt;Question:  How do I use the ViewPager to switch between views of the same list that are generated by different adapters being applied to the list?&lt;/p&gt;</t>
  </si>
  <si>
    <t>2012-08-07 00:58:54.193000+00:00</t>
  </si>
  <si>
    <t>2012-08-07 03:13:09.737000+00:00</t>
  </si>
  <si>
    <t>2012-08-07 01:58:59.050000+00:00</t>
  </si>
  <si>
    <t>android|android-layout</t>
  </si>
  <si>
    <t>If I open and read the file which is periodically written, can I/O deadlock occur?</t>
  </si>
  <si>
    <t>&lt;p&gt;In my server process, it looks like this:&lt;/p&gt;
&lt;p&gt;Main backend processes:&lt;/p&gt;
&lt;ol&gt;
&lt;li&gt;&lt;p&gt;Processes Huge list of files and , record them inside MySQL.&lt;/p&gt;&lt;/li&gt;
&lt;li&gt;&lt;p&gt;On every 500 files done, it writes "Progress Report" to a separate file &lt;code&gt;/var/run/progress.log&lt;/code&gt; like this "200/5000 files done"&lt;/p&gt;&lt;/li&gt;
&lt;li&gt;&lt;p&gt;It is multi-processed with 4 children, each made sure to run on a separate file.&lt;/p&gt;&lt;/li&gt;
&lt;/ol&gt;
&lt;p&gt;Web server process:&lt;/p&gt;
&lt;ol&gt;
&lt;li&gt;Read the output of &lt;code&gt;/var/run/progress.log&lt;/code&gt; every 10 seconds via Ajax and report to progress bar.&lt;/li&gt;
&lt;/ol&gt;
&lt;p&gt;When processing a very large list of files (e.g. over 3 GB archive), the processes lock up after about 2 hours of processing.&lt;/p&gt;
&lt;p&gt;I can't find what is going on. Does that mean that &lt;code&gt;/var/run/progress.log&lt;/code&gt; caused an I/O deadlock?&lt;/p&gt;</t>
  </si>
  <si>
    <t>2011-05-01 11:55:27.960000+00:00</t>
  </si>
  <si>
    <t>2018-06-12 14:14:47.630000+00:00</t>
  </si>
  <si>
    <t>python|linux|performance|io|deadlock</t>
  </si>
  <si>
    <t>Spring 4.2.3.RELEASE and Hibernate 5.0.4.Final compatibility issue</t>
  </si>
  <si>
    <t>&lt;p&gt;Has anyone configured Spring 4.2.3.RELEASE and Hibernate 5.0.4.Final together ? Official documents from Spring say from version 4.2 spring starts supporting Hibernate version 5. But in case of configuring them together i always get the following Exception &lt;/p&gt;
&lt;pre&gt;&lt;code&gt;Exception in thread "main" java.lang.NoSuchMethodError: org.springframework.aop.framework.autoproxy.AutoProxyUtils.determineTargetClass(Lorg/springframework/beans/factory/config/ConfigurableListableBeanFactory;Ljava/lang/String;)Ljava/lang/Class;
at org.springframework.context.event.EventListenerMethodProcessor.afterSingletonsInstantiated(EventListenerMethodProcessor.java:78)
at org.springframework.beans.factory.support.DefaultListableBeanFactory.preInstantiateSingletons(DefaultListableBeanFactory.java:792)
at org.springframework.context.support.AbstractApplicationContext.finishBeanFactoryInitialization(AbstractApplicationContext.java:838)
at org.springframework.context.support.AbstractApplicationContext.refresh(AbstractApplicationContext.java:537)
at org.springframework.context.support.ClassPathXmlApplicationContext.&amp;lt;init&amp;gt;(ClassPathXmlApplicationContext.java:139)
at org.springframework.context.support.ClassPathXmlApplicationContext.&amp;lt;init&amp;gt;(ClassPathXmlApplicationContext.java:83)
at me.shafin.sustord.dao.App.main(App.java:8)
&lt;/code&gt;&lt;/pre&gt;
&lt;p&gt;&lt;strong&gt;Here is the pom.xml&lt;/strong&gt;&lt;/p&gt;
&lt;pre&gt;&lt;code&gt;&amp;lt;project xmlns="http://maven.apache.org/POM/4.0.0" xmlns:xsi="http://www.w3.org/2001/XMLSchema-instance"
xsi:schemaLocation="http://maven.apache.org/POM/4.0.0 http://maven.apache.org/xsd/maven-4.0.0.xsd"&amp;gt;
&amp;lt;modelVersion&amp;gt;4.0.0&amp;lt;/modelVersion&amp;gt;
&amp;lt;groupId&amp;gt;org.springframework.samples.service.service&amp;lt;/groupId&amp;gt;
&amp;lt;artifactId&amp;gt;RokomiMoc&amp;lt;/artifactId&amp;gt;
&amp;lt;version&amp;gt;0.0.1-SNAPSHOT&amp;lt;/version&amp;gt;
&amp;lt;packaging&amp;gt;war&amp;lt;/packaging&amp;gt;
&amp;lt;properties&amp;gt;
    &amp;lt;!-- Generic properties --&amp;gt;
    &amp;lt;java.version&amp;gt;1.8&amp;lt;/java.version&amp;gt;
    &amp;lt;project.build.sourceEncoding&amp;gt;UTF-8&amp;lt;/project.build.sourceEncoding&amp;gt;
    &amp;lt;project.reporting.outputEncoding&amp;gt;UTF-8&amp;lt;/project.reporting.outputEncoding&amp;gt;
    &amp;lt;!-- Web --&amp;gt;
    &amp;lt;jsp.version&amp;gt;2.3.1&amp;lt;/jsp.version&amp;gt;
    &amp;lt;jstl.version&amp;gt;1.2&amp;lt;/jstl.version&amp;gt;
    &amp;lt;servlet.version&amp;gt;3.1.0&amp;lt;/servlet.version&amp;gt;
    &amp;lt;!-- Spring --&amp;gt;
    &amp;lt;spring-framework.version&amp;gt;4.2.3.RELEASE&amp;lt;/spring-framework.version&amp;gt;
    &amp;lt;spring-security.version&amp;gt;3.2.5.RELEASE&amp;lt;/spring-security.version&amp;gt;
    &amp;lt;!-- Hibernate --&amp;gt;
    &amp;lt;hibernate-framework.version&amp;gt;5.0.4.Final&amp;lt;/hibernate-framework.version&amp;gt;
    &amp;lt;!-- Validator --&amp;gt;
    &amp;lt;hibernate.validator.version&amp;gt;5.0.1.Final&amp;lt;/hibernate.validator.version&amp;gt;
    &amp;lt;javax.validation.version&amp;gt;1.1.0.Final&amp;lt;/javax.validation.version&amp;gt;
    &amp;lt;!-- File upload --&amp;gt;
    &amp;lt;commons-fileupload.version&amp;gt;1.3.1&amp;lt;/commons-fileupload.version&amp;gt;
    &amp;lt;!-- Logging --&amp;gt;
    &amp;lt;logback.version&amp;gt;1.0.13&amp;lt;/logback.version&amp;gt;
    &amp;lt;slf4j.version&amp;gt;1.7.5&amp;lt;/slf4j.version&amp;gt;
    &amp;lt;!-- Test --&amp;gt;
    &amp;lt;junit.version&amp;gt;4.11&amp;lt;/junit.version&amp;gt;
    &amp;lt;maven.compiler.source&amp;gt;1.8&amp;lt;/maven.compiler.source&amp;gt;
    &amp;lt;maven.compiler.target&amp;gt;1.8&amp;lt;/maven.compiler.target&amp;gt;
&amp;lt;/properties&amp;gt;
&amp;lt;dependencies&amp;gt;
    &amp;lt;!-- Spring --&amp;gt;
    &amp;lt;dependency&amp;gt;
        &amp;lt;groupId&amp;gt;org.springframework&amp;lt;/groupId&amp;gt;
        &amp;lt;artifactId&amp;gt;spring-core&amp;lt;/artifactId&amp;gt;
        &amp;lt;version&amp;gt;${spring-framework.version}&amp;lt;/version&amp;gt;
    &amp;lt;/dependency&amp;gt;
    &amp;lt;dependency&amp;gt;
        &amp;lt;groupId&amp;gt;org.springframework&amp;lt;/groupId&amp;gt;
        &amp;lt;artifactId&amp;gt;spring-webmvc&amp;lt;/artifactId&amp;gt;
        &amp;lt;version&amp;gt;${spring-framework.version}&amp;lt;/version&amp;gt;
    &amp;lt;/dependency&amp;gt;
    &amp;lt;dependency&amp;gt;
        &amp;lt;groupId&amp;gt;org.springframework&amp;lt;/groupId&amp;gt;
        &amp;lt;artifactId&amp;gt;spring-orm&amp;lt;/artifactId&amp;gt;
        &amp;lt;version&amp;gt;${spring-framework.version}&amp;lt;/version&amp;gt;
    &amp;lt;/dependency&amp;gt;
    &amp;lt;dependency&amp;gt;
        &amp;lt;groupId&amp;gt;org.springframework&amp;lt;/groupId&amp;gt;
        &amp;lt;artifactId&amp;gt;spring-aspects&amp;lt;/artifactId&amp;gt;
        &amp;lt;version&amp;gt;${spring-framework.version}&amp;lt;/version&amp;gt;
    &amp;lt;/dependency&amp;gt;
    &amp;lt;dependency&amp;gt;
        &amp;lt;groupId&amp;gt;org.springframework&amp;lt;/groupId&amp;gt;
        &amp;lt;artifactId&amp;gt;spring-expression&amp;lt;/artifactId&amp;gt;
        &amp;lt;version&amp;gt;${spring-framework.version}&amp;lt;/version&amp;gt;
    &amp;lt;/dependency&amp;gt;
    &amp;lt;dependency&amp;gt;
        &amp;lt;groupId&amp;gt;org.springframework&amp;lt;/groupId&amp;gt;
        &amp;lt;artifactId&amp;gt;spring-aop&amp;lt;/artifactId&amp;gt;
        &amp;lt;version&amp;gt;${spring-framework.version}&amp;lt;/version&amp;gt;
    &amp;lt;/dependency&amp;gt;
    &amp;lt;dependency&amp;gt;
        &amp;lt;groupId&amp;gt;org.springframework&amp;lt;/groupId&amp;gt;
        &amp;lt;artifactId&amp;gt;spring-context&amp;lt;/artifactId&amp;gt;
        &amp;lt;version&amp;gt;${spring-framework.version}&amp;lt;/version&amp;gt;
    &amp;lt;/dependency&amp;gt;
    &amp;lt;!-- View --&amp;gt;
    &amp;lt;dependency&amp;gt;
        &amp;lt;groupId&amp;gt;javax.servlet&amp;lt;/groupId&amp;gt;
        &amp;lt;artifactId&amp;gt;jstl&amp;lt;/artifactId&amp;gt;
        &amp;lt;version&amp;gt;${jstl.version}&amp;lt;/version&amp;gt;
    &amp;lt;/dependency&amp;gt;
    &amp;lt;dependency&amp;gt;
        &amp;lt;groupId&amp;gt;javax.servlet.jsp&amp;lt;/groupId&amp;gt;
        &amp;lt;artifactId&amp;gt;javax.servlet.jsp-api&amp;lt;/artifactId&amp;gt;
        &amp;lt;version&amp;gt;${jsp.version}&amp;lt;/version&amp;gt;
    &amp;lt;/dependency&amp;gt;
    &amp;lt;!-- Spring security --&amp;gt;
    &amp;lt;dependency&amp;gt;
        &amp;lt;groupId&amp;gt;org.springframework.security&amp;lt;/groupId&amp;gt;
        &amp;lt;artifactId&amp;gt;spring-security-core&amp;lt;/artifactId&amp;gt;
        &amp;lt;version&amp;gt;${spring-security.version}&amp;lt;/version&amp;gt;
    &amp;lt;/dependency&amp;gt;
    &amp;lt;dependency&amp;gt;
        &amp;lt;groupId&amp;gt;org.springframework.security&amp;lt;/groupId&amp;gt;
        &amp;lt;artifactId&amp;gt;spring-security-config&amp;lt;/artifactId&amp;gt;
        &amp;lt;version&amp;gt;${spring-security.version}&amp;lt;/version&amp;gt;
    &amp;lt;/dependency&amp;gt;
    &amp;lt;dependency&amp;gt;
        &amp;lt;groupId&amp;gt;org.springframework.security&amp;lt;/groupId&amp;gt;
        &amp;lt;artifactId&amp;gt;spring-security-web&amp;lt;/artifactId&amp;gt;
        &amp;lt;version&amp;gt;${spring-security.version}&amp;lt;/version&amp;gt;
    &amp;lt;/dependency&amp;gt;
    &amp;lt;dependency&amp;gt;
        &amp;lt;groupId&amp;gt;org.springframework.security&amp;lt;/groupId&amp;gt;
        &amp;lt;artifactId&amp;gt;spring-security-taglibs&amp;lt;/artifactId&amp;gt;
        &amp;lt;version&amp;gt;${spring-security.version}&amp;lt;/version&amp;gt;
    &amp;lt;/dependency&amp;gt;
    &amp;lt;!-- jsr303 validation dependencies --&amp;gt;
    &amp;lt;dependency&amp;gt;
        &amp;lt;groupId&amp;gt;javax.validation&amp;lt;/groupId&amp;gt;
        &amp;lt;artifactId&amp;gt;validation-api&amp;lt;/artifactId&amp;gt;
        &amp;lt;version&amp;gt;${javax.validation.version}&amp;lt;/version&amp;gt;
    &amp;lt;/dependency&amp;gt;
    &amp;lt;dependency&amp;gt;
        &amp;lt;groupId&amp;gt;org.hibernate&amp;lt;/groupId&amp;gt;
        &amp;lt;artifactId&amp;gt;hibernate-validator&amp;lt;/artifactId&amp;gt;
        &amp;lt;version&amp;gt;${hibernate.validator.version}&amp;lt;/version&amp;gt;
    &amp;lt;/dependency&amp;gt;
    &amp;lt;!-- Hibernate --&amp;gt;
    &amp;lt;dependency&amp;gt;
        &amp;lt;groupId&amp;gt;org.hibernate&amp;lt;/groupId&amp;gt;
        &amp;lt;artifactId&amp;gt;hibernate-core&amp;lt;/artifactId&amp;gt;
        &amp;lt;version&amp;gt;${hibernate-framework.version}&amp;lt;/version&amp;gt;
    &amp;lt;/dependency&amp;gt;
    &amp;lt;dependency&amp;gt;
        &amp;lt;groupId&amp;gt;org.hibernate&amp;lt;/groupId&amp;gt;
        &amp;lt;artifactId&amp;gt;hibernate-entitymanager&amp;lt;/artifactId&amp;gt;
        &amp;lt;version&amp;gt;${hibernate-framework.version}&amp;lt;/version&amp;gt;
    &amp;lt;/dependency&amp;gt;
    &amp;lt;dependency&amp;gt;
        &amp;lt;groupId&amp;gt;mysql&amp;lt;/groupId&amp;gt;
        &amp;lt;artifactId&amp;gt;mysql-connector-java&amp;lt;/artifactId&amp;gt;
        &amp;lt;version&amp;gt;5.1.37&amp;lt;/version&amp;gt;
    &amp;lt;/dependency&amp;gt;
    &amp;lt;dependency&amp;gt;
        &amp;lt;groupId&amp;gt;c3p0&amp;lt;/groupId&amp;gt;
        &amp;lt;artifactId&amp;gt;c3p0&amp;lt;/artifactId&amp;gt;
        &amp;lt;version&amp;gt;0.9.1.2&amp;lt;/version&amp;gt;
    &amp;lt;/dependency&amp;gt;
    &amp;lt;dependency&amp;gt;
        &amp;lt;groupId&amp;gt;javax.transaction&amp;lt;/groupId&amp;gt;
        &amp;lt;artifactId&amp;gt;jta&amp;lt;/artifactId&amp;gt;
        &amp;lt;version&amp;gt;1.1&amp;lt;/version&amp;gt;
    &amp;lt;/dependency&amp;gt;
    &amp;lt;dependency&amp;gt;
        &amp;lt;groupId&amp;gt;jaxen&amp;lt;/groupId&amp;gt;
        &amp;lt;artifactId&amp;gt;jaxen&amp;lt;/artifactId&amp;gt;
        &amp;lt;version&amp;gt;1.1.6&amp;lt;/version&amp;gt;
    &amp;lt;/dependency&amp;gt;
    &amp;lt;!-- Fileupload --&amp;gt;
    &amp;lt;dependency&amp;gt;
        &amp;lt;groupId&amp;gt;commons-fileupload&amp;lt;/groupId&amp;gt;
        &amp;lt;artifactId&amp;gt;commons-fileupload&amp;lt;/artifactId&amp;gt;
        &amp;lt;version&amp;gt;${commons-fileupload.version}&amp;lt;/version&amp;gt;
    &amp;lt;/dependency&amp;gt;
    &amp;lt;!-- Rest support --&amp;gt;
    &amp;lt;!-- For Spring 4.1.x and above, jackson-databind 2.3 or above is recommended, 
        in order to avoid conversion issues. --&amp;gt;
    &amp;lt;dependency&amp;gt;
        &amp;lt;groupId&amp;gt;org.codehaus.jackson&amp;lt;/groupId&amp;gt;
        &amp;lt;artifactId&amp;gt;jackson-mapper-asl&amp;lt;/artifactId&amp;gt;
        &amp;lt;version&amp;gt;1.9.13&amp;lt;/version&amp;gt;
    &amp;lt;/dependency&amp;gt;
    &amp;lt;!-- Servlet --&amp;gt;
    &amp;lt;dependency&amp;gt;
        &amp;lt;groupId&amp;gt;javax.servlet&amp;lt;/groupId&amp;gt;
        &amp;lt;artifactId&amp;gt;javax.servlet-api&amp;lt;/artifactId&amp;gt;
        &amp;lt;version&amp;gt;${servlet.version}&amp;lt;/version&amp;gt;
    &amp;lt;/dependency&amp;gt;
    &amp;lt;!-- Others --&amp;gt;
    &amp;lt;!-- Logging with SLF4J &amp;amp; LogBack --&amp;gt;
    &amp;lt;dependency&amp;gt;
        &amp;lt;groupId&amp;gt;org.slf4j&amp;lt;/groupId&amp;gt;
        &amp;lt;artifactId&amp;gt;slf4j-api&amp;lt;/artifactId&amp;gt;
        &amp;lt;version&amp;gt;${slf4j.version}&amp;lt;/version&amp;gt;
        &amp;lt;scope&amp;gt;compile&amp;lt;/scope&amp;gt;
    &amp;lt;/dependency&amp;gt;
    &amp;lt;!-- Test Artifacts --&amp;gt;
    &amp;lt;dependency&amp;gt;
        &amp;lt;groupId&amp;gt;org.springframework&amp;lt;/groupId&amp;gt;
        &amp;lt;artifactId&amp;gt;spring-test&amp;lt;/artifactId&amp;gt;
        &amp;lt;version&amp;gt;${spring-framework.version}&amp;lt;/version&amp;gt;
        &amp;lt;scope&amp;gt;test&amp;lt;/scope&amp;gt;
    &amp;lt;/dependency&amp;gt;
    &amp;lt;dependency&amp;gt;
        &amp;lt;groupId&amp;gt;junit&amp;lt;/groupId&amp;gt;
        &amp;lt;artifactId&amp;gt;junit&amp;lt;/artifactId&amp;gt;
        &amp;lt;version&amp;gt;${junit.version}&amp;lt;/version&amp;gt;
        &amp;lt;scope&amp;gt;test&amp;lt;/scope&amp;gt;
    &amp;lt;/dependency&amp;gt;
    &amp;lt;dependency&amp;gt;
        &amp;lt;groupId&amp;gt;org.eclipse.persistence&amp;lt;/groupId&amp;gt;
        &amp;lt;artifactId&amp;gt;org.eclipse.persistence.jpa.modelgen.processor&amp;lt;/artifactId&amp;gt;
        &amp;lt;version&amp;gt;2.5.2&amp;lt;/version&amp;gt;
        &amp;lt;scope&amp;gt;provided&amp;lt;/scope&amp;gt;
    &amp;lt;/dependency&amp;gt;
    &amp;lt;dependency&amp;gt;
        &amp;lt;groupId&amp;gt;javax.annotation&amp;lt;/groupId&amp;gt;
        &amp;lt;artifactId&amp;gt;jsr250-api&amp;lt;/artifactId&amp;gt;
        &amp;lt;version&amp;gt;1.0&amp;lt;/version&amp;gt;
        &amp;lt;scope&amp;gt;provided&amp;lt;/scope&amp;gt;
    &amp;lt;/dependency&amp;gt;
    &amp;lt;dependency&amp;gt;
        &amp;lt;groupId&amp;gt;org.springframework&amp;lt;/groupId&amp;gt;
        &amp;lt;artifactId&amp;gt;spring-beans&amp;lt;/artifactId&amp;gt;
        &amp;lt;version&amp;gt;4.2.3.RELEASE&amp;lt;/version&amp;gt;
    &amp;lt;/dependency&amp;gt;
    &amp;lt;dependency&amp;gt;
        &amp;lt;groupId&amp;gt;com.sun.mail&amp;lt;/groupId&amp;gt;
        &amp;lt;artifactId&amp;gt;javax.mail&amp;lt;/artifactId&amp;gt;
        &amp;lt;version&amp;gt;1.5.4&amp;lt;/version&amp;gt;
    &amp;lt;/dependency&amp;gt;
    &amp;lt;dependency&amp;gt;
        &amp;lt;groupId&amp;gt;javax.mail&amp;lt;/groupId&amp;gt;
        &amp;lt;artifactId&amp;gt;mail&amp;lt;/artifactId&amp;gt;
        &amp;lt;version&amp;gt;1.4.7&amp;lt;/version&amp;gt;
    &amp;lt;/dependency&amp;gt;
    &amp;lt;dependency&amp;gt;
        &amp;lt;groupId&amp;gt;org.springframework&amp;lt;/groupId&amp;gt;
        &amp;lt;artifactId&amp;gt;spring-context-support&amp;lt;/artifactId&amp;gt;
        &amp;lt;version&amp;gt;4.2.3.RELEASE&amp;lt;/version&amp;gt;
    &amp;lt;/dependency&amp;gt;
&amp;lt;/dependencies&amp;gt;
&lt;/code&gt;&lt;/pre&gt;
&lt;p&gt;&lt;/p&gt;
&lt;p&gt;This &lt;strong&gt;pom.xml&lt;/strong&gt; and my other configurations are quite okay with &lt;strong&gt;Spring 4.0.6&lt;/strong&gt; and &lt;strong&gt;Hibernate 4.3.6&lt;/strong&gt; ... Can anyone please share his/her experience with these latest version compatibility issues. Or is there anything new way to configure them together that I am missing ?&lt;/p&gt;</t>
  </si>
  <si>
    <t>2015-12-02 21:17:22.513000+00:00</t>
  </si>
  <si>
    <t>2015-12-06 23:33:33.357000+00:00</t>
  </si>
  <si>
    <t>2015-12-04 07:00:59.653000+00:00</t>
  </si>
  <si>
    <t>java|spring|hibernate|maven|spring-mvc</t>
  </si>
  <si>
    <t>parseFloat for multiple entries with the same class</t>
  </si>
  <si>
    <t>&lt;p&gt;I have a category page, where I display different products. In each product I have a section displaying &lt;strong&gt;Was Price&lt;/strong&gt;, &lt;strong&gt;Save Price&lt;/strong&gt; and &lt;strong&gt;New Price&lt;/strong&gt;. Just to illustrate the structure of the &lt;strong&gt;Was Price&lt;/strong&gt;:&lt;/p&gt;
&lt;pre&gt;&lt;code&gt;&amp;lt;p class="old-price"&amp;gt;
    &amp;lt;span class="price-label"&amp;gt;Was&amp;lt;/span&amp;gt;
    &amp;lt;span class="price" id="old-price-65848"&amp;gt;
        &amp;lt;span class="price"&amp;gt;
            &amp;lt;span class="currency"&amp;gt;��&amp;lt;/span&amp;gt;
        &amp;lt;/span&amp;gt; 
    &amp;lt;/span&amp;gt;
&amp;lt;/p&amp;gt;
&lt;/code&gt;&lt;/pre&gt;
&lt;p&gt;Currently on product page using jQuery I can get the was price and convert it into a number:&lt;/p&gt;
&lt;pre&gt;&lt;code&gt;var oldPrice = parseFloat(jQuery('.old-price .price .price').first().text().replace(/[^0-9\.]+/g, ""), 10);
&lt;/code&gt;&lt;/pre&gt;
&lt;p&gt;And it all works fine on product page where you have only one &lt;strong&gt;Was Price&lt;/strong&gt; block. However when I go to category page I have multiple blocks using the same structure and the same class the above code picks up only the first block and ignores the rest. This can be easily shown using:&lt;/p&gt;
&lt;pre&gt;&lt;code&gt;console.log(oldPrice, "%");
&lt;/code&gt;&lt;/pre&gt;
&lt;p&gt;How can I amend the code so it will pick up all the &lt;code&gt;Was Price&lt;/code&gt; on the category page?&lt;/p&gt;
&lt;p&gt;&lt;strong&gt;&lt;em&gt;Edit:&lt;/em&gt;&lt;/strong&gt;&lt;/p&gt;
&lt;p&gt;I've managed to map the old Price and the Save price using the bellow code. However I am trying to execute math function where the condition is :&lt;/p&gt;
&lt;pre&gt;&lt;code&gt;var oldPrices = jQuery('.old-price .price .price').map(function(){
    return parseFloat(jQuery(this).text().replace(/[^0-9\.]+/g, ""), 10);
&lt;/code&gt;&lt;/pre&gt;
&lt;p&gt;}).get();&lt;/p&gt;
&lt;pre&gt;&lt;code&gt;var specialPrices = jQuery('.special-price .price .price').map(function() {
    return parseFloat(jQuery(this).text().replace(/[^0-9\.]+/g, ""), 10);
&lt;/code&gt;&lt;/pre&gt;
&lt;p&gt;}).get();&lt;/p&gt;
&lt;pre&gt;&lt;code&gt;var youSave = specialPrices / (oldPrices / 100);
&lt;/code&gt;&lt;/pre&gt;
&lt;p&gt;Unfortunately it returns NaN value&lt;/p&gt;
&lt;p&gt;PS: All the prices are dynamically generated.&lt;/p&gt;
&lt;p&gt;Thanks&lt;/p&gt;</t>
  </si>
  <si>
    <t>2015-11-03 10:03:57.857000+00:00</t>
  </si>
  <si>
    <t>2015-12-24 09:30:02.920000+00:00</t>
  </si>
  <si>
    <t>javascript|jquery|html5</t>
  </si>
  <si>
    <t>Console error not showing in ng-show</t>
  </si>
  <si>
    <t>&lt;p&gt;Hi I have a registration form with the following code:&lt;/p&gt;
&lt;pre&gt;&lt;code&gt;  $scope.signUp = function() {
      if (!$scope.regForm.$invalid) {
       var email = $scope.user.email;
           var password = $scope.user.password;
           if (email &amp;amp;&amp;amp; password) {
               auth.$createUser( {email: email, password: password})
                   .then(function() {
                       // do things if success
                       console.log('User creation success');
                       $location.path('/home');
                   }, function(error) {
                       // do things if failure
                       console.log(error);
                       $scope.regError = true;
                       $scope.regErrorMessage = error.message;
                   });
                }
             }
          };
&lt;/code&gt;&lt;/pre&gt;
&lt;p&gt;And an error message which should appear displaying the same contents as the console if regError is true. &lt;/p&gt;
&lt;pre&gt;&lt;code&gt;  &amp;lt;button type="button" ng-click="signUp();" ng-disabled="!user.email || !user.password" class="btn btn-lg btn-primary btn-block"&amp;gt;Register&amp;lt;/button&amp;gt;
  &amp;lt;p style="color:red;" ng-show="regError"&amp;gt;{{regErrorMessage}}&amp;lt;/p&amp;gt;
&lt;/code&gt;&lt;/pre&gt;
&lt;p&gt;I don't quite understand what is happening here but the normal form validation works as well as the console output of the Error but the regErrorMessage never shows up. Can anyone see anything obvious? Why would the console work fine but not ng-show?&lt;/p&gt;</t>
  </si>
  <si>
    <t>2015-10-02 08:37:27.400000+00:00</t>
  </si>
  <si>
    <t>2017-02-20 12:03:19.180000+00:00</t>
  </si>
  <si>
    <t>ng-show</t>
  </si>
  <si>
    <t>Encryption of password</t>
  </si>
  <si>
    <t>&lt;p&gt;i just wanna ask what does the openfire use to encrypt passowrd? md5? or wat? =)&lt;/p&gt;</t>
  </si>
  <si>
    <t>2009-06-30 09:05:38.527000+00:00</t>
  </si>
  <si>
    <t>2009-07-14 16:27:56.483000+00:00</t>
  </si>
  <si>
    <t>2009-06-30 09:25:00.670000+00:00</t>
  </si>
  <si>
    <t>Suezy</t>
  </si>
  <si>
    <t>encryption|openfire</t>
  </si>
  <si>
    <t>Possible to store a value in variable in SPSS?</t>
  </si>
  <si>
    <t>&lt;p&gt;Is is possible in SPSS to store a value in a variable (not a variable created in a data set)?&lt;/p&gt;
&lt;p&gt;For example I have a loop for which I want to pass the value 4 to all the locations in the loop that say &lt;code&gt;NumLvl&lt;/code&gt;.&lt;/p&gt;
&lt;pre&gt;&lt;code&gt;NumLvl = 4.
VECTOR A1L(NumLvl-1).
LOOP #i = 1 to NumLvl-1.
COMPUTE A1L(#i) = 0.
IF(att1 = #i) A1L(#i) = 1.
IF(att1 = NumLvl) A1L(#i) = -1.
END LOOP.
EXECUTE.
&lt;/code&gt;&lt;/pre&gt;</t>
  </si>
  <si>
    <t>2016-11-11 20:54:27.760000+00:00</t>
  </si>
  <si>
    <t>2016-11-12 10:05:55.867000+00:00</t>
  </si>
  <si>
    <t>variables|syntax|spss</t>
  </si>
  <si>
    <t>ViewGroup crashes app</t>
  </si>
  <si>
    <t>&lt;p&gt;I am using the GitHub &lt;a href="https://github.com/chrisbanes/PhotoView" rel="nofollow"&gt;here&lt;/a&gt; which lets you zoom in easily on imageViews. But they have a problem where if the ImageView is in a ViewGroup itll crash the app. So they suggested a workaround and when i implemented the workaround code into my project it didnt work.&lt;/p&gt;
&lt;p&gt;Suggested Code:&lt;/p&gt;
&lt;pre&gt;&lt;code&gt;import android.content.Context;
import android.util.AttributeSet;
import android.view.MotionEvent;
import com.mxn.soul.flowingdrawer_core.LeftDrawerLayout;
/**
 * Created by user on 2016-06-28.
 */
public class HackyProblematicViewGroup extends LeftDrawerLayout {
public HackyProblematicViewGroup(Context context, AttributeSet attrs) {
    super(context, attrs);
}
@Override
public boolean onInterceptTouchEvent(MotionEvent ev) {
    try {
        return super.onInterceptTouchEvent(ev);//The error first goes here then to the LeftDrawerLayout on the bottom!
    } catch (IllegalArgumentException e) {
        //uncomment if you really want to see these errors
        //e.printStackTrace();
        return false;
    }
}
}
&lt;/code&gt;&lt;/pre&gt;
&lt;p&gt;Error message:&lt;/p&gt;
&lt;pre&gt;&lt;code&gt;06-28 16:07:51.764 614-614/com.wilsapp.wilsapp E/ViewDragHelper: Ignoring pointerId=1 because ACTION_DOWN was not received for this pointer before ACTION_MOVE. It likely happened because  ViewDragHelper did not receive all the events in the event stream.
06-28 16:07:51.772 614-614/com.wilsapp.wilsapp E/InputEventReceiver: Exception dispatching input event.
06-28 16:07:51.772 614-614/com.wilsapp.wilsapp D/AndroidRuntime: Shutting down VM
06-28 16:07:51.789 614-614/com.wilsapp.wilsapp E/AndroidRuntime: FATAL EXCEPTION: main
                                                             Process: com.wilsapp.wilsapp, PID: 614
                                                             java.lang.ArrayIndexOutOfBoundsException: length=1; index=1
                                                                 at android.support.v4.widget.ViewDragHelper.saveLastMotion(ViewDragHelper.java:849)
                                                                 at android.support.v4.widget.ViewDragHelper.shouldInterceptTouchEvent(ViewDragHelper.java:1057)
                                                                 at com.mxn.soul.flowingdrawer_core.LeftDrawerLayout.onInterceptTouchEvent(LeftDrawerLayout.java:212)
                                                                 at com.wilsapp.wilsapp.HackyProblematicViewGroup.onInterceptTouchEvent(HackyProblematicViewGroup.java:22)
                                                                 at android.view.ViewGroup.dispatchTouchEvent(ViewGroup.java:2108)
                                                                 at android.view.ViewGroup.dispatchTransformedTouchEvent(ViewGroup.java:2553)
                                                                 at android.view.ViewGroup.dispatchTouchEvent(ViewGroup.java:2254)
                                                                 at android.view.ViewGroup.dispatchTransformedTouchEvent(ViewGroup.java:2553)
                                                                 at android.view.ViewGroup.dispatchTouchEvent(ViewGroup.java:2254)
                                                                 at android.view.ViewGroup.dispatchTransformedTouchEvent(ViewGroup.java:2553)
                                                                 at android.view.ViewGroup.dispatchTouchEvent(ViewGroup.java:2254)
                                                                 at android.view.ViewGroup.dispatchTransformedTouchEvent(ViewGroup.java:2553)
                                                                 at android.view.ViewGroup.dispatchTouchEvent(ViewGroup.java:2254)
                                                                 at android.view.ViewGroup.dispatchTransformedTouchEvent(ViewGroup.java:2553)
                                                                 at android.view.ViewGroup.dispatchTouchEvent(ViewGroup.java:2254)
                                                                 at com.android.internal.policy.PhoneWindow$DecorView.superDispatchTouchEvent(PhoneWindow.java:2403)
                                                                 at com.android.internal.policy.PhoneWindow.superDispatchTouchEvent(PhoneWindow.java:1737)
                                                                 at android.app.Activity.dispatchTouchEvent(Activity.java:2771)
                                                                 at com.wilsapp.wilsapp.Buyer_Home_Page.dispatchTouchEvent(Buyer_Home_Page.java:410)
                                                                 at android.support.v7.view.WindowCallbackWrapper.dispatchTouchEvent(WindowCallbackWrapper.java:60)
                                                                 at android.support.v7.view.WindowCallbackWrapper.dispatchTouchEvent(WindowCallbackWrapper.java:60)
                                                                 at com.android.internal.policy.PhoneWindow$DecorView.dispatchTouchEvent(PhoneWindow.java:2364)
                                                                 at android.view.View.dispatchPointerEvent(View.java:9520)
                                                                 at android.view.ViewRootImpl$ViewPostImeInputStage.processPointerEvent(ViewRootImpl.java:4230)
                                                                 at android.view.ViewRootImpl$ViewPostImeInputStage.onProcess(ViewRootImpl.java:4096)
                                                                 at android.view.ViewRootImpl$InputStage.deliver(ViewRootImpl.java:3642)
                                                                 at android.view.ViewRootImpl$InputStage.onDeliverToNext(ViewRootImpl.java:3695)
                                                                 at android.view.ViewRootImpl$InputStage.forward(ViewRootImpl.java:3661)
                                                                 at android.view.ViewRootImpl$AsyncInputStage.forward(ViewRootImpl.java:3787)
                                                                 at android.view.ViewRootImpl$InputStage.apply(ViewRootImpl.java:3669)
                                                                 at android.view.ViewRootImpl$AsyncInputStage.apply(ViewRootImpl.java:3844)
                                                                 at android.view.ViewRootImpl$InputStage.deliver(ViewRootImpl.java:3642)
                                                                 at android.view.ViewRootImpl$InputStage.onDeliverToNext(ViewRootImpl.java:3695)
                                                                 at android.view.ViewRootImpl$InputStage.forward(ViewRootImpl.java:3661)
                                                                 at android.view.ViewRootImpl$InputStage.apply(ViewRootImpl.java:3669)
                                                                 at android.view.ViewRootImpl$InputStage.deliver(ViewRootImpl.java:3642)
                                                                 at android.view.ViewRootImpl.deliverInputEvent(ViewRootImpl.java:5922)
                                                                 at android.view.ViewRootImpl.doProcessInputEvents(ViewRootImpl.java:5896)
                                                                 at android.view.ViewRootImpl.enqueueInputEvent(ViewRootImpl.java:5857)
                                                                 at android.view.ViewRootImpl$WindowInputEventReceiver.onInputEvent(ViewRootImpl.java:6025)
                                                                 at android.view.InputEventReceiver.dispatchInputEvent(InputEventReceiver.java:185)
                                                                 at android.view.InputEventReceiver.nativeConsumeBatchedInputEvents(Native Method)
                                                                 at android.view.InputEventReceiver.consumeBatchedInputEvents(InputEventReceiver.java:176)
                                                                 at android.view.ViewRootImpl.doConsumeBatchedInput(ViewRootImpl.java:5996)
                                                                 at android.view.ViewRootImpl$ConsumeBatchedInputRunnable.run(ViewRootImpl.java:6048)
                                                                 at android.view.Choreographer$CallbackRecord.run(Choreographer.java:858)
                                                                 at android.view.Choreographer.doCallbacks(Choreographer.java:670)
                                                                 at android.view.Choreographer.doFrame(Choreographer.java:600)
                                                                 at android.view.Choreographer$FrameDisplayEventReceiver.run(Choreographer.java:844)
                                                                at android.os.Handler.handleCallb
&lt;/code&gt;&lt;/pre&gt;
&lt;p&gt;I am I adding the code wrong or?&lt;/p&gt;
&lt;p&gt;Also, the LeftDrawerLayout class comes from &lt;a href="https://github.com/mxn21/FlowingDrawer" rel="nofollow"&gt;this&lt;/a&gt; GitHub here and another line of code in the error also goes to this:&lt;/p&gt;
&lt;pre&gt;&lt;code&gt;public class LeftDrawerLayout extends ViewGroup {
...
    @Override
public boolean onInterceptTouchEvent(MotionEvent ev) {
    return mHelper.shouldInterceptTouchEvent(ev);
}
...
&lt;/code&gt;&lt;/pre&gt;
&lt;p&gt;This app is tested on a Nexus 6 v6.0.1&lt;/p&gt;</t>
  </si>
  <si>
    <t>2016-06-28 20:20:12.400000+00:00</t>
  </si>
  <si>
    <t>2016-06-28 22:32:24.107000+00:00</t>
  </si>
  <si>
    <t>android|viewgroup</t>
  </si>
  <si>
    <t>How to do check only webelement and through message in HTML</t>
  </si>
  <si>
    <t>&lt;p&gt;I have one doubt, I can validate text using assertEqual() method and I can generate HTML report, There having so many webelement we can find only xpath, there not having any text for that xpath, How we can validate through xpath, class,ID ? and main problem is that have to generate report in HTML in HTMLTestRunner. 
Please help me guys ...pls
for example --&lt;/p&gt;
&lt;pre&gt;&lt;code&gt;**self.assertEqual(payU_payment_page.text,'Cards (Credit/Debit)',msg="Test Case Failed: Webelement is not matching")**
&lt;/code&gt;&lt;/pre&gt;</t>
  </si>
  <si>
    <t>2018-04-26 08:26:38.337000+00:00</t>
  </si>
  <si>
    <t>python|python-2.7|unit-testing|selenium|selenium-chromedriver</t>
  </si>
  <si>
    <t>Action doesn't get called in Web API</t>
  </si>
  <si>
    <t>&lt;p&gt;I am having some issues with ASP.Net MVC 4 - Web API.&lt;/p&gt;
&lt;p&gt;I have the following action in my API Controller:&lt;/p&gt;
&lt;pre&gt;&lt;code&gt;public void Post([FromBody] Integration integration)
{
    _repository.Add(integration);
}
&lt;/code&gt;&lt;/pre&gt;
&lt;p&gt;For some reason, my breakpoint on &lt;code&gt;_repository.Add(integration);&lt;/code&gt; never comes through.&lt;/p&gt;
&lt;p&gt;Here is what I am posting using the &lt;code&gt;WebClient&lt;/code&gt;&lt;/p&gt;
&lt;pre&gt;&lt;code&gt;POST https://ef52667f-3a6e-4a58-b548-e82b72186b5f.o365apps.net/api/integration HTTP/1.1
AccessToken: Vk1Ga4/L/BHYGNY1wVoq3tgGmVlu0YfPukZTlNqnFEK0HH
Content-Type: application/x-www-form-urlencoded
Host: ef52667f-3a6e-4a58-b548-e82b72186b5f.o365apps.net
Content-Length: 334
Expect: 100-continue
IntegrationId=c7456461-9e99-4e82-85d5-072670d270b5&amp;amp;Key=2999A604-30C9-423B-8500-8706673EEAFF&amp;amp;ApiUrl=https%3a%2f%2fapi.site.com%2fintegration.asmx&amp;amp;Web=https%3a%2f%2fsiteapp.sharepoint.com%2f&amp;amp;RemoteWeb=https%3a%2f%2ftesting.site.com%2fintegration%2f&amp;amp;ListName=Issues&amp;amp;IncomingAllowed=True&amp;amp;OutgoingAllowed=True&amp;amp;DeletionAllowed=True
&lt;/code&gt;&lt;/pre&gt;
&lt;p&gt;Here is the response I get:&lt;/p&gt;
&lt;pre&gt;&lt;code&gt;HTTP/1.1 500 Internal Server Error
Cache-Control: no-cache
Pragma: no-cache
Content-Length: 36
Content-Type: application/json; charset=utf-8
Expires: -1
Server: Microsoft-IIS/7.5
Set-Cookie: ARRAffinity=5d9ceead697ee36c96ed0c04e0e51d80b3f1f3f7fced5c04c89cc370205e464d;Path=/;Domain=ef52667f-3a6e-4a58-b548-e82b72186b5f.o365apps.net
X-AspNet-Version: 4.0.30319
X-Powered-By: ASP.NET
X-Powered-By: ARR/2.5
X-Powered-By: ASP.NET
Set-Cookie: WAWebSiteSID=3317c656d3214c81a19cbff73bb5d6cf; Path=/; HttpOnly
Date: Wed, 20 Mar 2013 20:02:44 GMT
{"Message":"An error has occurred."}
&lt;/code&gt;&lt;/pre&gt;
&lt;p&gt;Interestingly, I have another similar method which works perfectly fine:&lt;/p&gt;
&lt;pre&gt;&lt;code&gt;public AuthResponse Post([FromBody] AuthRequest authRequest)
{
    var authResponse = new AuthResponse();
    try
    {
        . . .  
    }
    catch (Exception e)
    {
        authResponse.Success = false;
        authResponse.Message = e.Message;
    }
    return authResponse;
}
&lt;/code&gt;&lt;/pre&gt;
&lt;p&gt;Am I missing something here?&lt;/p&gt;
&lt;p&gt;FYI, here my &lt;code&gt;Integration&lt;/code&gt; model:&lt;/p&gt;
&lt;pre&gt;&lt;code&gt;[SharePointList("Integrations")]
public class Integration : Entity
{
    public Integration(int id) : base(id) { }
    public Integration() { }
    [Required]
    public string ApiUrl { get; set; }
    [Required]
    public bool DeletionAllowed { get; set; }
    [Required]
    public bool IncomingAllowed { get; set; }
    [IgnoreDataMember]
    [Required]
    public Guid IntegrationId { get; set; }
    [IgnoreDataMember]
    [Required]
    public string Key { get; set; }
    [Required]
    public string ListName { get; set; }
    [Required]
    public bool OutgoingAllowed { get; set; }
    [Required]
    public string RemoteWeb { get; set; }
    [Required]
    public string Web { get; set; }
    public override object this[string property]
    {
        get { return GetType().GetProperty(property).GetValue(this, null); }
        set
        {
            if (property.Equals("Id")) throw new Exception("Cannot set Id through an indexer.");
            if (property.Equals("IntegrationId"))
            {
                IntegrationId = new Guid((string) value);
                return;
            }
            if (property.Equals("Title"))
            {
                Key = value as string;
                return;
            }
            PropertyInfo propertyInfo = GetType().GetProperty(property);
            if (propertyInfo == null) throw new Exception(property + " is not a valid property.");
            propertyInfo.SetValue(this, value, null);
        }
    }
}
&lt;/code&gt;&lt;/pre&gt;
&lt;p&gt;&lt;strong&gt;Entity.cs&lt;/strong&gt;&lt;/p&gt;
&lt;pre&gt;&lt;code&gt;public abstract class Entity : IEntity
{
    protected Entity(int id)
    {
        Id = id;
    }
    protected Entity() { }
    [IgnoreDataMember]
    public int Id { get; private set; }
    public abstract object this[string property] { get; set; }
}
&lt;/code&gt;&lt;/pre&gt;
&lt;p&gt;&lt;strong&gt;IEntity.cs&lt;/strong&gt;&lt;/p&gt;
&lt;pre&gt;&lt;code&gt;public interface IEntity
{
    int Id { get; }
    object this[string property] { get; set; }
}
&lt;/code&gt;&lt;/pre&gt;</t>
  </si>
  <si>
    <t>2013-03-20 19:39:01.667000+00:00</t>
  </si>
  <si>
    <t>2013-04-05 07:50:33.493000+00:00</t>
  </si>
  <si>
    <t>asp.net-mvc|asp.net-mvc-4|asp.net-web-api|model-binding</t>
  </si>
  <si>
    <t>How to make a wpf datagrid fill all available space and resize with window?</t>
  </si>
  <si>
    <t>&lt;p&gt;How to make a wpf datagrid fill all available space and resize with window?
Mind that the datagrid is inside a grid.&lt;/p&gt;</t>
  </si>
  <si>
    <t>2013-12-17 02:57:14.190000+00:00</t>
  </si>
  <si>
    <t>2018-09-24 16:10:56.260000+00:00</t>
  </si>
  <si>
    <t>2013-12-17 18:52:07.877000+00:00</t>
  </si>
  <si>
    <t>user2951819</t>
  </si>
  <si>
    <t>.net|wpf|silverlight|windows-phone-7</t>
  </si>
  <si>
    <t>VLC web-camera translation to vmware guest computer</t>
  </si>
  <si>
    <t>&lt;p&gt;It is necessary to organize broadcast with a laptop camera to a virtual machine (I created a machine in wmare, organized a LAN - host-only. Network is working, cuz I can ping guest (OS Win8) and host(OS Win10) computers from each other), I'm using vlc project MSVS (cuz further I'll modify vlc player) - &lt;a href="https://github.com/sunqueen/vlc-2.2.1.32-2013" rel="nofollow"&gt;Github &lt;/a&gt; for translation. Broadcast is organized as follows:&lt;/p&gt;
&lt;blockquote&gt;
  &lt;p&gt;Stream -&gt; Capture device -&gt; select laptop's camera as video device name -&gt; stream -&gt; Http (as new destination), add -&gt; Port = 8080, Path = "/" -&gt; Activate
  transcoding (Video - h.264 + MP3 (MP4) -&gt; Stream.&lt;/p&gt;
  &lt;p&gt;&lt;em&gt;Here generated stream output string:&lt;/em&gt;
  ":sout=#transcode{vcodec=h264,scale=auto,acodec=mpga,ab=128,channels=2,samplerate=44100}:http{mux=ffmpeg{mux=flv},dst=:8080/} : sout-keep "&lt;/p&gt;
&lt;/blockquote&gt;
&lt;p&gt;As a result, when attempting to open url host on the guest OS in the same vlc project (also tryed open broadcast in Windows Media Player, no result), there is no broadcast. It freezes a little, some requests occures in wireshark, but then no broadcast. When I enable stream option "play video locally" on the host, it plays only 1 frame of the video (e.g. broadcast freezes). I tried to use vlc program (not github project? version 2.2.2) - the same result. Did anyone have similar problem?&lt;/p&gt;</t>
  </si>
  <si>
    <t>2016-04-20 20:00:21.937000+00:00</t>
  </si>
  <si>
    <t>2016-04-30 14:31:53.413000+00:00</t>
  </si>
  <si>
    <t>virtual-machine|vmware|webcam|vlc|broadcast</t>
  </si>
  <si>
    <t>Is it possible to create a white color whose alpha is 0?</t>
  </si>
  <si>
    <t>&lt;p&gt;It is normal to create a white color whose alpha is 255.&lt;/p&gt;
&lt;p&gt;&lt;a href="https://i.stack.imgur.com/Kd5mt.png" rel="nofollow noreferrer"&gt;&lt;img src="https://i.stack.imgur.com/Kd5mt.png" alt="enter image description here"&gt;&lt;/a&gt;&lt;/p&gt;
&lt;p&gt;Is it possible to create a  white color whose alpha is 0 ?If so,how to do?&lt;/p&gt;</t>
  </si>
  <si>
    <t>2016-12-04 11:11:43.440000+00:00</t>
  </si>
  <si>
    <t>2016-12-04 13:51:19.827000+00:00</t>
  </si>
  <si>
    <t>alpha|gimp</t>
  </si>
  <si>
    <t>I am getting this issue while clicking on any button in my we application</t>
  </si>
  <si>
    <t>&lt;p&gt;Server Error in '/' Application.&lt;/p&gt;
&lt;p&gt;A network-related or instance-specific error occurred while establishing a connection to SQL Server. The server was not found or was not accessible. Verify that the instance name is correct and that SQL Server is configured to allow remote connections. (provider: SQL Network Interfaces, error: 26 - Error Locating Server/Instance Specified)&lt;/p&gt;</t>
  </si>
  <si>
    <t>2015-09-28 10:43:59.370000+00:00</t>
  </si>
  <si>
    <t>2017-12-17 10:18:22.330000+00:00</t>
  </si>
  <si>
    <t>c#|jquery|asp.net</t>
  </si>
  <si>
    <t>Object inheritance</t>
  </si>
  <si>
    <t>&lt;pre&gt;&lt;code&gt;function Foo() {
    this.SayFoo = function() {
        console.log('Foo');
    };
}
function Bar() {
    this.SayBar = function() {
        console.log('Bar');
    };
}
Foo.prototype = new Bar();
var fooBar = new Foo();
fooBar.SayBar();
&lt;/code&gt;&lt;/pre&gt;
&lt;p&gt;This obviously works, but is it the correct way to do it? &lt;/p&gt;
&lt;p&gt;Is there any way to make use of jQuery's &lt;code&gt;$.extend&lt;/code&gt; or something similar in order to achieve the same inheritance results? &lt;/p&gt;
&lt;p&gt;Including other frameworks besides jQuery is not an option in this case.&lt;/p&gt;</t>
  </si>
  <si>
    <t>2011-11-23 22:42:23.003000+00:00</t>
  </si>
  <si>
    <t>2011-11-23 23:18:43.270000+00:00</t>
  </si>
  <si>
    <t>2011-11-23 22:43:49.663000+00:00</t>
  </si>
  <si>
    <t>javascript|jquery|inheritance</t>
  </si>
  <si>
    <t>Embedded Matlab - testing for bottlenecks</t>
  </si>
  <si>
    <t>&lt;p&gt;I have an embedded Matlab function that itself calls other embedded Matlab functions and which also calls mex functions.  Where can I find information about how to test blocks of this code for the time it takes to execute?  Ideally there is something like &lt;code&gt;tic&lt;/code&gt; &lt;code&gt;toc&lt;/code&gt; that I can stick before and after a block in order to determine how long it takes to execute.  And perhaps &lt;code&gt;tic&lt;/code&gt; &lt;code&gt;toc&lt;/code&gt; even works, but I don't know if I should trust it.&lt;/p&gt;</t>
  </si>
  <si>
    <t>2011-01-18 21:37:06.317000+00:00</t>
  </si>
  <si>
    <t>2011-01-18 21:51:51.253000+00:00</t>
  </si>
  <si>
    <t>matlab</t>
  </si>
  <si>
    <t>How can I have the java ciper algorithm and ruby cipher algorithm in sync?</t>
  </si>
  <si>
    <t>&lt;p&gt;I have this code in my rails app:&lt;/p&gt;
&lt;pre&gt;&lt;code&gt;require 'openssl'
require 'digest/sha1'
require 'base64'
KEY="secret_key"
data  = "secret message"
 def encrypt_value(data)
    cipher = OpenSSL::Cipher::Cipher.new("aes-256-cbc")
    cipher.encrypt
    cipher.key = Digest::SHA256.digest(KEY)
    encrypted = cipher.update(data)+cipher.final
    return encrypted
 end
def decrypt_value1(data)
    cipher = OpenSSL::Cipher::Cipher.new("aes-256-cbc")
    cipher.decrypt
    cipher.key = Digest::SHA256.digest(KEY)
    decrypted = cipher.update(data)+cipher.final
    data = Base64.decode64(decrypted)
    return data
end
&lt;/code&gt;&lt;/pre&gt;
&lt;p&gt;And java code:&lt;/p&gt;
&lt;pre&gt;&lt;code&gt;import java.security.AlgorithmParameters; 
import java.security.NoSuchAlgorithmException; 
import java.security.SecureRandom; 
import javax.crypto.BadPaddingException; 
import javax.crypto.Cipher; 
import javax.crypto.IllegalBlockSizeException; 
import javax.crypto.SecretKey; 
import javax.crypto.SecretKeyFactory; 
import javax.crypto.spec.IvParameterSpec; 
import javax.crypto.spec.PBEKeySpec; 
import javax.crypto.spec.SecretKeySpec; 
import javax.xml.bind.DatatypeConverter; 
public class EncryptionDecryption { 
    private static String salt; 
    private static int iterations = 65536  ; 
    private static int keySize = 256; 
    private static byte[] ivBytes; 
   // private static SecretKey secretKey; 
    private static final byte[] secretKey = "secret_key".getBytes(); 
    public static void main(String []args) throws Exception { 
        salt = getSalt(); 
        char[] message = "secret message".toCharArray(); 
        System.out.println("Message: " + String.valueOf(message)); 
        System.out.println("Encrypted: " + encrypt(message)); 
        System.out.println("Decrypted: " + decrypt(encrypt(message).toCharArray())); 
    } 
    public static String encrypt(char[] plaintext) throws Exception { 
        byte[] saltBytes = salt.getBytes(); 
        SecretKeyFactory skf = SecretKeyFactory.getInstance("PBKDF2WithHmacSHA1"); 
        PBEKeySpec spec = new PBEKeySpec(plaintext, saltBytes, iterations, keySize); 
        //secretKey = skf.generateSecret(spec); 
        SecretKeySpec secretSpec = new SecretKeySpec(secretKey, "AES"); 
        Cipher cipher = Cipher.getInstance("AES/CBC/PKCS5Padding"); 
        cipher.init(Cipher.ENCRYPT_MODE, secretSpec); 
        AlgorithmParameters params = cipher.getParameters(); 
        ivBytes = params.getParameterSpec(IvParameterSpec.class).getIV(); 
        byte[] encryptedTextBytes = cipher.doFinal(String.valueOf(plaintext).getBytes("UTF-8")); 
        return DatatypeConverter.printBase64Binary(encryptedTextBytes); 
    } 
    public static String decrypt(char[] encryptedText) throws Exception { 
        System.out.println(encryptedText); 
        byte[] encryptedTextBytes = DatatypeConverter.parseBase64Binary(new String(encryptedText)); 
        SecretKeySpec secretSpec = new SecretKeySpec(secretKey, "AES"); 
        Cipher cipher = Cipher.getInstance("AES/CBC/PKCS5Padding"); 
        cipher.init(Cipher.DECRYPT_MODE, secretSpec, new IvParameterSpec(ivBytes)); 
        byte[] decryptedTextBytes = null; 
        try { 
            decryptedTextBytes = cipher.doFinal(encryptedTextBytes); 
        }   catch (IllegalBlockSizeException e) { 
            e.printStackTrace(); 
        }   catch (BadPaddingException e) { 
            e.printStackTrace(); 
        } 
        return new String(decryptedTextBytes); 
    } 
    public static String getSalt() throws Exception { 
        SecureRandom sr = SecureRandom.getInstance("SHA1PRNG"); 
        byte[] salt = new byte[20]; 
        sr.nextBytes(salt); 
        return new String(salt); 
    } 
}
&lt;/code&gt;&lt;/pre&gt;
&lt;p&gt;How can I have both of them work with each other, for example if I send an encrypted data to java app from rails app it should be able to decode it and vice-versa.&lt;/p&gt;</t>
  </si>
  <si>
    <t>2016-06-23 11:38:02.277000+00:00</t>
  </si>
  <si>
    <t>2016-06-23 12:10:58.600000+00:00</t>
  </si>
  <si>
    <t>java|ruby-on-rails|encryption|aes</t>
  </si>
  <si>
    <t>where can you download themes for jqgrid</t>
  </si>
  <si>
    <t>&lt;p&gt;i can't find any links on &lt;a href="http://www.trirand.com/blog/?page_id=6" rel="noreferrer"&gt;the main download page&lt;/a&gt; for downloading themes for jqgrid.&lt;/p&gt;
&lt;p&gt;am i missing something?&lt;/p&gt;</t>
  </si>
  <si>
    <t>2010-06-23 02:56:31.270000+00:00</t>
  </si>
  <si>
    <t>2010-06-23 02:58:08.283000+00:00</t>
  </si>
  <si>
    <t>jqgrid|themes</t>
  </si>
  <si>
    <t>HTML button anchor link</t>
  </si>
  <si>
    <t>&lt;p&gt;Thanks in advance for your help.&lt;/p&gt;
&lt;p&gt;I want three buttons to anchor link to a single location (contact form) on a one page website.&lt;/p&gt;
&lt;p&gt;Button 1 works, but the other two display missing pages or wrong url.&lt;/p&gt;
&lt;p&gt;This is the code:&lt;/p&gt;
&lt;p&gt;BUTTON 1:&lt;/p&gt;
&lt;p&gt;CONTACT ME TODAY&lt;/p&gt;
&lt;p&gt;BUTTON 2:&lt;/p&gt;
&lt;br&gt;&lt;br&gt;text here&lt;/p&gt;GET IN  TOUCH
&lt;p&gt;BUTTON 3:&lt;/p&gt;
text hereCONTACT ME TODAY
&lt;p&gt;LINKED LOCATION:&lt;/p&gt;
&lt;p&gt;&lt;/p&gt;
&lt;p&gt;I hope you can help me. Thanks!&lt;/p&gt;</t>
  </si>
  <si>
    <t>2017-10-21 04:46:21.407000+00:00</t>
  </si>
  <si>
    <t>html|hyperlink|anchor</t>
  </si>
  <si>
    <t>Problems with generation of dynamic code</t>
  </si>
  <si>
    <t>&lt;p&gt;This code gif an exception: Invocation exception, please help, I don't know what happen, I think is some thing with the Add because he work when I push onto the stack intergers, and when i push lvalue It's didn't work, thanks&lt;/p&gt;
&lt;pre&gt;&lt;code&gt;static void Main(string[] args)
    {
        AppDomain dominioAplicacion = System.Threading.Thread.GetDomain();
        AssemblyName nombre_Del_Ensamblado = new AssemblyName("ASS");
        AssemblyBuilder ensambladoBld = dominioAplicacion.DefineDynamicAssembly(nombre_Del_Ensamblado, AssemblyBuilderAccess.RunAndSave);
        ModuleBuilder moduloBld = ensambladoBld.DefineDynamicModule("&amp;lt;MOD");
        TypeBuilder claseContenedoraBld = moduloBld.DefineType("claseContenedora");
        MethodBuilder mainBld = claseContenedoraBld.DefineMethod("main", MethodAttributes.Public | MethodAttributes.Static, typeof(void), Type.EmptyTypes);
        ILGenerator il = mainBld.GetILGenerator();
        FieldBuilder campoBld = claseContenedoraBld.DefineField("x", typeof(int), FieldAttributes.Public | FieldAttributes.Static);
        il.Emit(OpCodes.Ldc_I4, 2);
        il.Emit(OpCodes.Stsfld, campoBld);
        FieldBuilder campoBld1 = claseContenedoraBld.DefineField("x1", typeof(int), FieldAttributes.Public | FieldAttributes.Static);
        il.Emit(OpCodes.Ldc_I4, 2);
        il.Emit(OpCodes.Stsfld, campoBld1);
        il.Emit(OpCodes.Ldftn, campoBld);
      //il.Emit(OpCodes.Unbox, typeof(int));
      //il.Emit(OpCodes.Stloc_0);
        il.Emit(OpCodes.Ldloc_0);
        il.Emit(OpCodes.Ldftn, campoBld1);
        //il.Emit(OpCodes.Unbox, typeof(int));
        il.Emit(OpCodes.Stloc_1);
        il.Emit(OpCodes.Ldloc_1);
        //il.Emit(OpCodes.Box, typeof(int));
        //il.Emit(OpCodes.Ldftn, campoBld1);
        //il.Emit(OpCodes.Unbox, typeof(int));
        il.Emit(OpCodes.Add);
        il.Emit(OpCodes.Pop);
        //il.Emit(OpCodes.Stsfld, campoBld1);
        il.Emit(OpCodes.Ret);
        Type t = claseContenedoraBld.CreateType();
        object ptInstance = Activator.CreateInstance(t, new Type[] { });
        t.InvokeMember("main", BindingFlags.InvokeMethod | BindingFlags.Static | BindingFlags.Public,
            null,
            ptInstance,
            new object[0]);
        var x = t.GetField("x");
    }
&lt;/code&gt;&lt;/pre&gt;</t>
  </si>
  <si>
    <t>2010-05-15 18:05:02.913000+00:00</t>
  </si>
  <si>
    <t>2013-09-05 18:48:56.507000+00:00</t>
  </si>
  <si>
    <t>2011-02-08 18:48:54.353000+00:00</t>
  </si>
  <si>
    <t>c#|.net|reflection.emit|il</t>
  </si>
  <si>
    <t>Occurs in MYOB Accounting Plus 18.5 among other versions. Cannot get the function address for " MAPISendMail" from "MAPI32.dll"</t>
  </si>
  <si>
    <t>&lt;p&gt;I've installed MYOB on SBS server 2003.  Why?  Because the users were using offline files and it turned out there was about 7 versions of the file both locally and on the server that were out of sync. So the only way I could control the file access was to force RDP to the server. Always using the server file and always in sync.&lt;/p&gt;
&lt;p&gt;Anyway, this issue occurs in MYOB Accounting Plus 18.5.&lt;/p&gt;
&lt;p&gt;&lt;code&gt;Cannot get the function address for "MAPISendMail" from "MAPI32.dll" Please check your Mapi installation&lt;/code&gt;&lt;/p&gt;
&lt;p&gt;I just want to send mail from MYOB but I can't - MYOB support is useless and blames everyone else...(i.e. Microsoft and outlook)&lt;/p&gt;
&lt;p&gt;I have found other people with the same problem whose resolution appears to be to copy MAPI32.dll into myob directory but that hasn't worked for me.&lt;/p&gt;</t>
  </si>
  <si>
    <t>2010-05-08 10:25:24.287000+00:00</t>
  </si>
  <si>
    <t>2018-02-27 04:48:27.603000+00:00</t>
  </si>
  <si>
    <t>windows|email|mapi|myob</t>
  </si>
  <si>
    <t>Vuex : updated state value doesn't propagate to component</t>
  </si>
  <si>
    <t>&lt;p&gt;Implementing Vuex store in my application, I don't manage to make updates on components when value changes in the store.&lt;/p&gt;
&lt;p&gt;Here is the basic store&lt;/p&gt;
&lt;pre&gt;&lt;code&gt;import Vue from 'vue'
import Vuex from 'vuex'
Vue.use(Vuex)
const store = new Vuex.Store({
    state: {
        test : 0
    },
    mutations: {
        UPDATE_DATA: (state) =&amp;gt;{
            state.test = 1
        },
    },
    actions:{
        SET_DATA : () =&amp;gt; {
           store.commit('UPDATE_DATA')
        }
    }
});
export default store
&lt;/code&gt;&lt;/pre&gt;
&lt;p&gt;The following component, seams to retrieve the initial value (&lt;code&gt;test = 0&lt;/code&gt;)&lt;/p&gt;
&lt;pre&gt;&lt;code&gt;Vue.component('my-component', {
    data() {
      return {
        test: this.$store.state.test
      }
    }
})
&lt;/code&gt;&lt;/pre&gt;
&lt;p&gt;When I call the store action in the console with &lt;code&gt;store.dispatch('SET_GANTT_DATA')&lt;/code&gt; the value updates in the store (I can read it in the devtools) but doesn't change in the component.&lt;/p&gt;</t>
  </si>
  <si>
    <t>2018-03-16 15:33:41.273000+00:00</t>
  </si>
  <si>
    <t>vue.js|vuex</t>
  </si>
  <si>
    <t>How do you get the task_id in openvas_lib for python?</t>
  </si>
  <si>
    <t>&lt;p&gt;I get connected to openvas, and successfully run the scan. However, I can't get the results to show without the task_id. How do I find the task_id?&lt;/p&gt;
&lt;pre&gt;&lt;code&gt;from threading import Semaphore
from functools import partial
from openvas_lib import VulnscanManager, VulnscanException
def my_print_status(i):
    print str(i)
def my_launch_scanner():
Sem = Semaphore(0)
# Configure
manager = VulnscanManager("localhost", "admin", "admin")
# Launch
manager.launch_scan(target,
                    profile = "empty",
                    callback_end = partial(lambda x: x.release(), sem),
                    callback_progress = my_print_status)
# Wait
Sem.acquire()
# Finished scan
print "finished"
&lt;/code&gt;&lt;/pre&gt;
&lt;p&gt;Code is from: &lt;a href="https://pypi.python.org/pypi/openvas_lib/1.0" rel="nofollow"&gt;https://pypi.python.org/pypi/openvas_lib/1.0&lt;/a&gt;. The website suggests the following code; however, it says task not found when I use it. I believe it is supposed to use the task_id not scan_id. So how do I find the task_id?&lt;/p&gt;
&lt;pre&gt;&lt;code&gt;from openvas_lib import VulnscanManager, VulnscanException  
scanner = VulnscanManager(HOST, USER, PASSWORD, PORT, TIMEOUT)
openvas_results = scanner.get_results(SCAN_ID)
&lt;/code&gt;&lt;/pre&gt;
&lt;p&gt;&lt;a href="http://i.stack.imgur.com/Dpu39.jpg" rel="nofollow"&gt;Picture of error&lt;/a&gt;&lt;/p&gt;</t>
  </si>
  <si>
    <t>2015-11-21 20:49:12.387000+00:00</t>
  </si>
  <si>
    <t>2016-10-30 14:29:47.090000+00:00</t>
  </si>
  <si>
    <t>python|openvas</t>
  </si>
  <si>
    <t>download multiple JSON object using URL.revokeObjectURL</t>
  </si>
  <si>
    <t>&lt;p&gt;I call the next function two times (I want to download 2 different JSON objects 1 after another):&lt;/p&gt;
&lt;pre&gt;&lt;code&gt;downloadTestReport(bool, data) {
        let blob = new Blob([JSON.stringify(data)], {
            type: 'application/octet-stream'
        }),
                url = URL.createObjectURL(blob),
                link = document.createElement('a');
        link.setAttribute('href', url);
        let suffix, fileName;
        if (!bool) {
            fileName = 'data',
                    suffix = 'json';
        } else {
            fileName = 'test_report',
                    suffix = 'json';
        }
        link.setAttribute('download', fileName + '.' + suffix);
        console.info("Download file");
        link.click();
        URL.revokeObjectURL(url);
    }
&lt;/code&gt;&lt;/pre&gt;
&lt;p&gt;So the issue is that sometime it's download the 1st file only, and sometime it download both the two files.&lt;/p&gt;
&lt;p&gt;Any idea why this is happened?&lt;/p&gt;
&lt;p&gt;Maby this not good using async function or something?&lt;/p&gt;
&lt;p&gt;Thanks,&lt;/p&gt;</t>
  </si>
  <si>
    <t>2018-04-14 14:50:47.120000+00:00</t>
  </si>
  <si>
    <t>javascript|json|asynchronous</t>
  </si>
  <si>
    <t>Installing enaml in Anaconda</t>
  </si>
  <si>
    <t>&lt;p&gt;I am trying to install enaml for the latest Anaconda distribution(4.3.1). The installation guide on &lt;a href="http://nucleic.github.io/enaml/docs/get_started/installation.html" rel="nofollow noreferrer"&gt;http://nucleic.github.io/enaml/docs/get_started/installation.html&lt;/a&gt; says:&lt;/p&gt;
&lt;blockquote&gt;
  &lt;p&gt;The sections below describe how to install Enaml and all of its dependencies from scratch, starting with the installation of a Python runtime. The instructions assume that the user���s system has a C++ compiler and the Git command line tools installed and available on the system path.&lt;/p&gt;
  &lt;p&gt;The Easy Way&lt;/p&gt;
  &lt;p&gt;If installing and building Enaml and its dependencies from scratch is not appealing, the free (and unaffiliated) Anaconda Python distribution provides a complete Python environment which comes with a reasonably recent version of Enaml and a host of other useful packages.&lt;/p&gt;
  &lt;p&gt;If you have a working C++ compiler, you can install using pip:&lt;/p&gt;
  &lt;p&gt;$ pip install enaml&lt;/p&gt;
&lt;/blockquote&gt;
&lt;p&gt;&lt;strong&gt;Can you please tell me the easiest way to install a C++ compiler and Git command line tools and make them available on system path?&lt;/strong&gt;&lt;/p&gt;
&lt;p&gt;What I tried:
I tried installing Visual Studio however it turns out to be 32 bit so when pip installing enaml or atom I get the following error:&lt;/p&gt;
&lt;p&gt;Failed building wheel for atom&lt;/p&gt;
&lt;p&gt;fatal error LNK1112: module machine type 'x64' conflicts with target machine type 'X86'&lt;/p&gt;</t>
  </si>
  <si>
    <t>2017-05-03 21:14:33.553000+00:00</t>
  </si>
  <si>
    <t>2017-10-26 21:17:15.433000+00:00</t>
  </si>
  <si>
    <t>2017-05-03 22:15:45.207000+00:00</t>
  </si>
  <si>
    <t>python|c++|installation|atom-editor|enaml</t>
  </si>
  <si>
    <t>ASP Listbox 1 Column if selected gets the column value and another column from Datasource</t>
  </si>
  <si>
    <t>&lt;p&gt;I am trying to use Listbox with the Ajax extender for autofill search. The Listbox is connected to a SQL datasource with 2 Columns, I know that Listbox doesn't support multicolumn. I am not interested in displaying the two columns what I am trying to do is as the following:&lt;/p&gt;
&lt;p&gt;So far I have no problem in retrieving the 1st column value&lt;/p&gt;
&lt;pre&gt;&lt;code&gt;string SupplierListtxt = SupplierListBox.SelectedItem.Text;
   MessageBox.Show(SupplierListtxt.ToString()); 
&lt;/code&gt;&lt;/pre&gt;
&lt;p&gt;The concept is as the following:&lt;/p&gt;
&lt;p&gt;Supplier Database has company names and a unique ID(SupplierID) set as Primary Key. Product Database has a SupplierID set as a foreign key.&lt;/p&gt;
&lt;p&gt;So I want when the user selects the Listbox I should receive both info, the Company Name and SupplierID in order to INSERT it in to the Product Database.&lt;/p&gt;</t>
  </si>
  <si>
    <t>2013-01-26 13:59:35.653000+00:00</t>
  </si>
  <si>
    <t>2013-01-26 14:01:39.063000+00:00</t>
  </si>
  <si>
    <t>c#|asp.net</t>
  </si>
  <si>
    <t>How to make an App name available for other developers?</t>
  </si>
  <si>
    <t>&lt;p&gt;I have uploaded app in Appstore with app name "ABCD".&lt;/p&gt;
&lt;p&gt;Now i want to upload my app with other developer account due to some reason with this same name"ABCD"&lt;/p&gt;
&lt;p&gt;So should i delete app first to upload in new account? Or Remove from sale option will work ?&lt;/p&gt;
&lt;p&gt;I have enabled iCloud in that app so i can't transfer my app.&lt;/p&gt;</t>
  </si>
  <si>
    <t>2018-08-17 07:31:37.250000+00:00</t>
  </si>
  <si>
    <t>2018-08-17 09:01:17.930000+00:00</t>
  </si>
  <si>
    <t>2018-08-17 08:26:09.280000+00:00</t>
  </si>
  <si>
    <t>ios|itunesconnect</t>
  </si>
  <si>
    <t>How do I access the id parameter from the ActionLink?</t>
  </si>
  <si>
    <t>&lt;p&gt;The issue is that id = 5 is already in the URL as &lt;code&gt;http://localhost:4032/Category/5&lt;/code&gt;. But to pass that value to the ActionLink it seems I have to do this:&lt;/p&gt;
&lt;pre&gt;&lt;code&gt;&amp;lt;td&amp;gt; @Html.ActionLink(p.ProdNo, "Main", "Home", new { id = 5, prodno = p.ProdNo }, null) &amp;lt;/td&amp;gt;
&lt;/code&gt;&lt;/pre&gt;
&lt;p&gt;Which results in the correct URL: &lt;code&gt;http://localhost:4032/Main/5/1097&lt;/code&gt;&lt;/p&gt;
&lt;p&gt;But having to do that doesn't seem very right. I know there must be some clever way to handle this. Unfortunately, it's late in the day and I'm all out of clever.&lt;/p&gt;
&lt;p&gt;I tried this:&lt;/p&gt;
&lt;pre&gt;&lt;code&gt;&amp;lt;td&amp;gt; @Html.ActionLink(p.ProdNo, "Main", "Home", new {prodno = p.ProdNo }, null) &amp;lt;/td&amp;gt;
&lt;/code&gt;&lt;/pre&gt;
&lt;p&gt;But ended up with &lt;code&gt;http://localhost:4032/Main?prodno=1097&lt;/code&gt;.&lt;/p&gt;
&lt;p&gt;I tried adding the parameters to the corresponding method in the codebehind but that didn't seem to work either.&lt;/p&gt;
&lt;p&gt;So in short, when using an ActionLink how do I get the routevalue already in the URL AND pass in another/new routevalue?&lt;/p&gt;
&lt;p&gt;Global.asax&lt;/p&gt;
&lt;pre&gt;&lt;code&gt;public static void RegisterRoutes(RouteCollection routes)
        {
            routes.IgnoreRoute("{resource}.axd/{*pathInfo}");
            routes.MapRoute(
                "Sections", // Route name
                "{controller}/{action}/{id}/{prodno}/{instid}/{section}", // URL with parameters
                new { controller = "TestEdit", action = "Index", id = UrlParameter.Optional, prodno = UrlParameter.Optional, instid = UrlParameter.Optional, section = UrlParameter.Optional } // Parameter defaults
            );
            routes.MapRoute(
                "Pumps", // Route name
                "{controller}/{action}/{id}/{prodno}", // URL with parameters
                new { controller = "Home", action = "Main", id = UrlParameter.Optional, prodno = UrlParameter.Optional  } // Parameter defaults
            );
            routes.MapRoute(
                "Jobs", // Route name
                "{controller}/{action}/{id}", // URL with parameters
                new { controller = "Home", action = "Jobs", id = UrlParameter.Optional } // Parameter defaults
            );
            routes.MapRoute(
                "Default", // Route name
                "{controller}/{action}/{id}", // URL with parameters
                new { controller = "Home", action = "Index", id = UrlParameter.Optional } // Parameter defaults
            );
        }
&lt;/code&gt;&lt;/pre&gt;</t>
  </si>
  <si>
    <t>2012-07-16 21:26:52.757000+00:00</t>
  </si>
  <si>
    <t>2012-07-17 06:20:04.497000+00:00</t>
  </si>
  <si>
    <t>2012-07-16 21:43:11.730000+00:00</t>
  </si>
  <si>
    <t>asp.net-mvc|asp.net-mvc-3|razor</t>
  </si>
  <si>
    <t>Android tracedmdump post_trace: command not found malformed trace</t>
  </si>
  <si>
    <t>&lt;p&gt;I am attempting to use tracedmdump to parse trace files off the Android emulator. I have gone backwards and forwards with the Android OS repo, building the kernel, etc, and I can only assume I missed a step since when I run tracedmdump I get the output:&lt;/p&gt;
&lt;pre&gt;&lt;code&gt;-bash: post_trace: command not found
***
*** Error: malformed trace.  Did you remember to exit the emulator?
***
&lt;/code&gt;&lt;/pre&gt;
&lt;p&gt;I'm getting my trace files through: &lt;/p&gt;
&lt;pre&gt;&lt;code&gt;$ android create avd -n &amp;lt;emu name&amp;gt; -t &amp;lt;target id&amp;gt; -p &amp;lt;my dir&amp;gt; -s &amp;lt;skin&amp;gt; -b armabi-v7a -c 256M -f
$ emulator -trace &amp;lt;folder name&amp;gt; -avd &amp;lt;avd name&amp;gt; -memory 2048 -gpu on -debug-init
&lt;/code&gt;&lt;/pre&gt;
&lt;p&gt;then once the emulator is going I use F9 to start then stop tracing.&lt;/p&gt;
&lt;p&gt;I've looked, and there's no sign of post_trace anywhere on my machine. I have found 0 resources for why this might be, so I'm lead to believe that something quietly failed in my build process, but I have no idea what it could possibly be. I'm on Mac OSX, and attempting to use the manta kernel, but I don't know what other information could be useful. Please help!&lt;/p&gt;</t>
  </si>
  <si>
    <t>2014-10-08 23:58:58.553000+00:00</t>
  </si>
  <si>
    <t>2015-04-15 03:33:02.243000+00:00</t>
  </si>
  <si>
    <t>android|macos|performance|emulation|trace</t>
  </si>
  <si>
    <t>Can a random string be generated with the frequency of characters in it, fixed?</t>
  </si>
  <si>
    <t>&lt;p&gt;I am trying to generate random strings, with the number of occurence of each character,fixed. For example- G (a character in the string),cannot appear more than 4 times , S, no more than 2 times and so on. My code is able to generate the strings but not the problem with the frequency of characters.&lt;/p&gt;
&lt;p&gt;Is there any way, to fix this thing ? Any help will really be appreciated.&lt;/p&gt;
&lt;p&gt;My current code is as follows:&lt;/p&gt;
&lt;pre&gt;&lt;code&gt;    #include&amp;lt;stdio.h&amp;gt;
    #include&amp;lt;stdlib.h&amp;gt;
    //The basic function here is like (rand() % range)+ Lower_bound
    int rand_int(int a,int b)
    {    
    if (a &amp;gt; b)  
        return((rand() % (a-b+1)) + b);    
    else if (b &amp;gt; a)        
        return((rand() % (b-a+1)) + a);    
    else        
       return a;
   } 
     int main()
 { 
   FILE *fptr;
   fptr=fopen("C:\\Users\\Desktop\\dataset.txt","w");    
   int a,b,r,i,j,k;    
   char res;    
    a = 65;    
    b = 90;    
    k = 0;    
    char str[] =     "ITLDGGCSSHLPLRCSVDSGCPGLRAGSVSCLPHGSIREGMECSRRHGVGIMGDRRDGSRDS";  //working string     
   char str_all[] = "ITLDGGCSSHLPLRCSVDSGCPGLRAGSVSCLPHGSIREGMECSRRHGVGIMGDRRDGSRDS";    
   char subs[] = "ACDEGHILMPRSTV";    //
   fprintf(fptr,"%s",str);
   fprintf(fptr,"%s","\n");
// value of j represents the number of strings to be displayed    
for(j=0 ; j&amp;lt;10000 ; j++)    
{      
     // getting all the sequence strings      
     // for changing the string at all positions      
      for(i=0 ; i&amp;lt;62 ; i++)      
      {            
         r = rand_int(a,b);        
         res = (char)r;        
         str_all[i] = res;      
      }
   // substituting all the not required characters with required ones      
      for(i=0 ; i&amp;lt;62 ; i++)      
      {      
         if(str_all[i] == 'B' || str_all[i] == 'F' || str_all[i] == 'J' || str_all[i] == 'K' || str_all[i] == 'N' || str_all[i] == 'O' || str_all[i] == 'Q' || str_all[i] == 'U' || str_all[i] == 'W' || str_all[i] == 'X' || str_all[i] == 'Y' || str_all[i] == 'Z')
         {      
           str_all[i] = subs[k++];      
         }      
         if(k&amp;gt;13)        
            k=0;   
      } 
      //printf("\nModified String for all string positions \n%s",str_all);  
        fprintf(fptr,"%s",str_all);
         fprintf(fptr,"%s","\n");
   }  
fclose(fptr);  
return 0;
}
&lt;/code&gt;&lt;/pre&gt;</t>
  </si>
  <si>
    <t>2015-09-14 12:20:14.157000+00:00</t>
  </si>
  <si>
    <t>2015-09-14 12:43:29.600000+00:00</t>
  </si>
  <si>
    <t>2015-09-14 12:24:30.870000+00:00</t>
  </si>
  <si>
    <t>c|random</t>
  </si>
  <si>
    <t>Free Pascal and the trouble with array types</t>
  </si>
  <si>
    <t>&lt;p&gt;The docs imply that this is the syntax for a function that returns an array of bytes. What am I doing wrong?&lt;/p&gt;
&lt;pre&gt;&lt;code&gt;$ fpc ios7crypt.pas
ios7crypt.pas(3,25) Error: Type identifier expected
ios7crypt.pas(3,25) Fatal: Syntax error, ";" expected but "ARRAY" found
Fatal: Compilation aborted
&lt;/code&gt;&lt;/pre&gt;
&lt;p&gt;ios7crypt.pas:    &lt;/p&gt;
&lt;pre&gt;&lt;code&gt;program IOS7Crypt;
function XlatPrime () : array of byte;
begin
    XlatPrime := (
        $64, $73, $66, $64, $3b, $6b, $66, $6f,
        $41, $2c, $2e, $69, $79, $65, $77, $72,
        $6b, $6c, $64, $4a, $4b, $44, $48, $53,
        $55, $42, $73, $67, $76, $63, $61, $36,
        $39, $38, $33, $34, $6e, $63, $78, $76,
        $39, $38, $37, $33, $32, $35, $34, $6b,
        $3b, $66, $67, $38, $37
    );
end;
function Encrypt (hash : string) : string;
begin
    Encrypt := 'abc';
end;
function Decrypt (hash : string) : string;
begin
    Decrypt := 'abc';
end;
var
    password : string;
    hash : string;
begin
    password := 'abc';
    hash := Encrypt(password);
    password := Decrypt(hash);
    write('Password: ');
    writeln(password);
end.
&lt;/code&gt;&lt;/pre&gt;</t>
  </si>
  <si>
    <t>2011-10-18 03:49:16.380000+00:00</t>
  </si>
  <si>
    <t>2011-10-21 01:59:15.827000+00:00</t>
  </si>
  <si>
    <t>arrays|types|freepascal</t>
  </si>
  <si>
    <t>Footer covers my content when using w3.css</t>
  </si>
  <si>
    <t>&lt;p&gt;I am trying out w3.css for styling, along with knockout, and when I use a footer, it covers the content near the bottom of the page.&lt;/p&gt;
&lt;p&gt;I have a button at the bottom of my content. When the page resizes or is small enough, the footer covers the button.&lt;/p&gt;
&lt;p&gt;See &lt;a href="http://codepen.io/Quintonn/pen/EKGyWq" rel="nofollow"&gt;codepen&lt;/a&gt;, or the code below&lt;/p&gt;
&lt;p&gt;&lt;div class="snippet" data-lang="js" data-hide="false" data-console="true"&gt;_x000D_
&lt;div class="snippet-code"&gt;_x000D_
&lt;pre class="snippet-code-js lang-js prettyprint-override"&gt;&lt;code&gt; function setting(color) {_x000D_
   this.color = ko.observable(color);_x000D_
   this.colorClassName = ko.computed(function() {_x000D_
     return "w3-hover-" + this.color();_x000D_
   }, this);_x000D_
 }_x000D_
_x000D_
 function myInput() {_x000D_
   this.data = ko.observable("");_x000D_
   this.nameValid = ko.computed(function() {_x000D_
     return !(this.data() == null || this.data().length == 0);_x000D_
   }, this);_x000D_
   this.error = ko.computed(function() {_x000D_
     //if (this.data() == null || this.data().length == 0)_x000D_
     if (this.nameValid() == false) {_x000D_
       return "Enter name";_x000D_
     } else {_x000D_
       return "";_x000D_
     }_x000D_
   }, this);_x000D_
_x000D_
   this.display = ko.computed(function() {_x000D_
     if (this.nameValid() == false) {_x000D_
       return "block";_x000D_
     } else {_x000D_
       return "none";_x000D_
     }_x000D_
   }, this);_x000D_
_x000D_
   this.ageData = ko.observable();_x000D_
   this.ageValid = ko.computed(function() {_x000D_
     var age = this.ageData() + "";_x000D_
_x000D_
     var patt = new RegExp(/^[0-9]+$/g); /// ^-from start, $-to end, [0-9] - 0 to 9 numbers only_x000D_
     var res = patt.test(age);_x000D_
     if (isNaN(age) == true || res == false) {_x000D_
       return false;_x000D_
     } else {_x000D_
       return true;_x000D_
     }_x000D_
   }, this);_x000D_
   this.ageError = ko.computed(function() {_x000D_
     if (this.ageValid() == false) {_x000D_
       return "Enter a valid age";_x000D_
     } else {_x000D_
       return "";_x000D_
     }_x000D_
_x000D_
   }, this);_x000D_
   this.ageDisplay = ko.computed(function() {_x000D_
     if (this.ageValid() == true) {_x000D_
       return "none";_x000D_
     } else {_x000D_
       return "block";_x000D_
     }_x000D_
   }, this);_x000D_
_x000D_
   this.phone = ko.observable('http://digitalbush.com/projects/masked-input-plugin/');_x000D_
_x000D_
   this.allValid = ko.computed(function() {_x000D_
     return this.ageValid() &amp;amp;&amp;amp; this.nameValid();_x000D_
   }, this);_x000D_
 }_x000D_
_x000D_
 function myModel() {_x000D_
   this.name = "Ice-Cream";_x000D_
   this.items = [{_x000D_
     name: "Chocolate",_x000D_
     price: 10_x000D_
   }, {_x000D_
     name: "Vanilla",_x000D_
     price: 12_x000D_
   }];_x000D_
   this.style = new setting('pale-green');_x000D_
   this.input = new myInput();_x000D_
_x000D_
   this.changeColor = function() {_x000D_
     if (this.style.color().indexOf('blue') == -1) {_x000D_
       this.style.color('pale-blue');_x000D_
     } else {_x000D_
       this.style.color('pale-green');_x000D_
     }_x000D_
   };_x000D_
 }_x000D_
 ko.applyBindings(new myModel());&lt;/code&gt;&lt;/pre&gt;_x000D_
&lt;pre class="snippet-code-html lang-html prettyprint-override"&gt;&lt;code&gt;&amp;lt;script type='text/javascript' src='http://ajax.aspnetcdn.com/ajax/knockout/knockout-3.3.0.js'&amp;gt;&amp;lt;/script&amp;gt;_x000D_
&amp;lt;link href="http://www.w3schools.com/lib/w3.css" rel="stylesheet" type="text/css"&amp;gt;_x000D_
_x000D_
&amp;lt;body class="w3-content w3-pale-blue" style="max-width:100%"&amp;gt;_x000D_
  &amp;lt;header class="w3-container w3-pale-green w3-border"&amp;gt;_x000D_
    &amp;lt;h1&amp;gt;Hello&amp;lt;/h1&amp;gt;_x000D_
  &amp;lt;/header&amp;gt;_x000D_
  &amp;lt;div class="w3-container w3-pale-yellow w3-border w3-padding-hor-16 w3-content" style="max-width:100%"&amp;gt;_x000D_
    &amp;lt;a href="http://www.w3schools.com/w3css"&amp;gt;W3.CSS&amp;lt;/a&amp;gt;_x000D_
    &amp;lt;p&amp;gt;_x000D_
      The item is &amp;lt;span data-bind="text: name"&amp;gt;&amp;lt;/span&amp;gt; today._x000D_
      &amp;lt;br /&amp;gt;Available flavours are:_x000D_
    &amp;lt;/p&amp;gt;_x000D_
    &amp;lt;div class="w3-container"&amp;gt;_x000D_
      &amp;lt;ul data-bind="foreach: items" class="w3-ul w3-left w3-border w3-border-red"&amp;gt;_x000D_
        &amp;lt;li class="w3-ul w3-hoverable w3-border-red " data-bind="css: $parent.style.colorClassName()"&amp;gt;_x000D_
          &amp;lt;span data-bind="text: name"&amp;gt;&amp;lt;/span&amp;gt; is $&amp;lt;span data-bind="text:price" /&amp;gt;_x000D_
        &amp;lt;/li&amp;gt;_x000D_
      &amp;lt;/ul&amp;gt;_x000D_
    &amp;lt;/div&amp;gt;_x000D_
_x000D_
    &amp;lt;label class="w3-label w3-text-blue w3-xlarge"&amp;gt;Name&amp;lt;/label&amp;gt;_x000D_
    &amp;lt;input class="w3-input w3-border" type="text" data-bind="textInput: input.data"&amp;gt;_x000D_
    &amp;lt;label class="w3-label w3-text-red w3-large" data-bind="text: input.error(), style: { display: input.display()}"&amp;gt;&amp;lt;/label&amp;gt;_x000D_
    &amp;lt;br /&amp;gt;_x000D_
    &amp;lt;label class="w3-label w3-text-blue w3-xlarge"&amp;gt;Age&amp;lt;/label&amp;gt;_x000D_
    &amp;lt;input class="w3-input w3-border" type="text" data-bind="textInput: input.ageData"&amp;gt;_x000D_
    &amp;lt;label class="w3-label w3-text-red w3-large" data-bind="text: input.ageError(), style: { display: input.ageDisplay()}"&amp;gt;&amp;lt;/label&amp;gt;_x000D_
    &amp;lt;br /&amp;gt;_x000D_
    &amp;lt;label class="w3-label w3-text-blue w3-xlarge"&amp;gt;Phone&amp;lt;/label&amp;gt;_x000D_
    &amp;lt;input class="w3-input w3-border" type="text" data-bind="textInput: input.phone"&amp;gt;_x000D_
    &amp;lt;!--&amp;lt;label class="w3-label w3-text-red w3-large" data-bind="text: input.phoneError(), style: { display: input.phoneDisplay()}"&amp;gt;&amp;lt;/label&amp;gt;--&amp;gt;_x000D_
    &amp;lt;br /&amp;gt;_x000D_
    &amp;lt;button class="w3-btn w3-border w3-border-teal w3-round w3-teal" data-bind="click: changeColor, enable: input.allValid()"&amp;gt;Test&amp;lt;/button&amp;gt;_x000D_
  &amp;lt;/div&amp;gt;_x000D_
_x000D_
  &amp;lt;footer class="w3-light-grey w3-bottom"&amp;gt;_x000D_
    &amp;lt;div class="w3-container"&amp;gt;_x000D_
      &amp;lt;p&amp;gt;This is my footer&amp;lt;/p&amp;gt;_x000D_
    &amp;lt;/div&amp;gt;_x000D_
  &amp;lt;/footer&amp;gt;&lt;/code&gt;&lt;/pre&gt;_x000D_
&lt;/div&gt;_x000D_
&lt;/div&gt;_x000D_
&lt;/p&gt;</t>
  </si>
  <si>
    <t>2016-05-04 13:06:35.030000+00:00</t>
  </si>
  <si>
    <t>2016-11-08 12:27:03.867000+00:00</t>
  </si>
  <si>
    <t>2016-05-28 18:38:12.280000+00:00</t>
  </si>
  <si>
    <t>html|css|footer|styling|w3.css</t>
  </si>
  <si>
    <t>Fill w2ui from with content upon creation</t>
  </si>
  <si>
    <t>&lt;p&gt;I want to fill the textarea of a form with content when the form is created. I am trying to do it with an onRender event but the field is undefined so its 'value' property cannot be changed.&lt;/p&gt;
&lt;p&gt;It can be seen in the snippet below that the Load button is successful in inserting contents into the textarea but the onRender event fails to do it.&lt;/p&gt;
&lt;p&gt;&lt;div class="snippet" data-lang="js" data-hide="false" data-console="true" data-babel="false"&gt;_x000D_
&lt;div class="snippet-code"&gt;_x000D_
&lt;pre class="snippet-code-js lang-js prettyprint-override"&gt;&lt;code&gt;$(function () {_x000D_
    $('#form').w2form({ _x000D_
        name  : 'form',_x000D_
        fields: [_x000D_
            { field: 'comments',   type: 'textarea'}_x000D_
        ],_x000D_
        // Load some content inside text area onRender._x000D_
        onRender: function(event) {_x000D_
            event.onComplete = function () {_x000D_
                // Option 1: Get from class._x000D_
                //document.getElementsByClassName('foo')[0].value = "Fill text" // This does nothing._x000D_
                // Option 2: Get from object._x000D_
                if (this.fields[0].el != undefined) {_x000D_
                 this.fields[0].el.value = "Fill text" // This raises error because this.fields[0].el does not exist yet._x000D_
                }_x000D_
            }_x000D_
        },    _x000D_
        actions: {_x000D_
            load: function () {_x000D_
                // Option 1: Get from class._x000D_
                //document.getElementsByClassName('foo')[0].value = "Fill text"_x000D_
                // Option 2: Get from object._x000D_
                this.fields[0].el.value = "Fill text"_x000D_
            }_x000D_
        }_x000D_
    });_x000D_
});&lt;/code&gt;&lt;/pre&gt;_x000D_
&lt;pre class="snippet-code-html lang-html prettyprint-override"&gt;&lt;code&gt;&amp;lt;script src="https://ajax.googleapis.com/ajax/libs/jquery/2.1.1/jquery.min.js"&amp;gt;&amp;lt;/script&amp;gt;_x000D_
&amp;lt;link href="https://rawgit.com/vitmalina/w2ui/master/dist/w2ui.min.css" rel="stylesheet"/&amp;gt;_x000D_
&amp;lt;script src="https://rawgit.com/vitmalina/w2ui/master/dist/w2ui.min.js"&amp;gt;&amp;lt;/script&amp;gt;_x000D_
_x000D_
&amp;lt;div id="form" style="width: 750px;"&amp;gt;_x000D_
    &amp;lt;div class="w2ui-page page-0"&amp;gt;_x000D_
        &amp;lt;div class="w2ui-field"&amp;gt;_x000D_
            &amp;lt;label&amp;gt;Text Area:&amp;lt;/label&amp;gt;_x000D_
            &amp;lt;div&amp;gt;_x000D_
                &amp;lt;textarea name="comments" class="foo" type="textarea" style="width: 385px; height: 80px; resize: none"&amp;gt;&amp;lt;/textarea&amp;gt;_x000D_
            &amp;lt;/div&amp;gt;_x000D_
        &amp;lt;/div&amp;gt;_x000D_
    &amp;lt;/div&amp;gt;_x000D_
_x000D_
    &amp;lt;div class="w2ui-buttons"&amp;gt;_x000D_
        &amp;lt;button class="w2ui-btn" name="load"&amp;gt;Load&amp;lt;/button&amp;gt;_x000D_
    &amp;lt;/div&amp;gt;_x000D_
&amp;lt;/div&amp;gt;&lt;/code&gt;&lt;/pre&gt;_x000D_
&lt;/div&gt;_x000D_
&lt;/div&gt;_x000D_
&lt;/p&gt;</t>
  </si>
  <si>
    <t>2018-03-22 20:56:21.950000+00:00</t>
  </si>
  <si>
    <t>2018-03-23 09:41:19.673000+00:00</t>
  </si>
  <si>
    <t>javascript|html|forms|w2ui</t>
  </si>
  <si>
    <t>Load More / Show Less issues using jquery</t>
  </si>
  <si>
    <t>&lt;p&gt;&lt;strong&gt;Question(s):&lt;/strong&gt; Provided below, I am encountering a few issues, they are:&lt;/p&gt;
&lt;p&gt;&lt;strike&gt;&lt;strong&gt;1.)&lt;/strong&gt; where &lt;code&gt;$('.resume_container_item:lt(' + x + ')').show();&lt;/code&gt; is located, it is only showing the first 4 items in the first container - it should show the first 4 items in all containers.&lt;/strike&gt;&lt;/p&gt;
&lt;p&gt;&lt;strong&gt;2.)&lt;/strong&gt; the &lt;code&gt;if&lt;/code&gt; statement here&lt;/p&gt;
&lt;pre&gt;&lt;code&gt;if (x == size_item) { // ISSUE LIES HERE - For some reason, it does not want to fade out once reached...
    $('.resume_view_more').fadeOut(250);
}
&lt;/code&gt;&lt;/pre&gt;
&lt;p&gt;=========================================================================&lt;/p&gt;
&lt;p&gt;As for the css, I have the &lt;code&gt;.resume_container_item&lt;/code&gt; and the &lt;code&gt;.resume_show_less&lt;/code&gt; classes as &lt;code&gt;display: none;&lt;/code&gt;&lt;/p&gt;
&lt;p&gt;Here is the full code:&lt;/p&gt;
&lt;pre&gt;&lt;code&gt;size_item = $('.resume_container_item').size();
x = 4;
$('.resume_container').each(function( index ) {
  $(this).children('.resume_container_item:lt(' + x + ')').show(); 
}); // Fixed with help from n01ze
$('.resume_view_more').click(function() {
  var $parent = $(this).parent();
  x = (x + 4 &amp;lt;= size_item) ? x + 4 : size_item;
  $parent.find('.resume_container_item:lt(' + x + ')').slideDown();
  $parent.find('.resume_show_less').fadeIn(500);
  if (x == size_item) { // ISSUE LIES HERE - For some reason, it does not want to fade out once reached...
    $('.resume_view_more').fadeOut(250);
  }
  return false;
});
$('.resume_show_less').click(function() {
  var $parent = $(this).parent();
  x = (x - 4 &amp;lt; 4) ? 4 : x - 4;
  $parent.find('.resume_container_item').not(':lt(' + x + ')').slideUp();
  $parent.find('.resume_view_more').fadeIn(500);
  if (x == 4) {
    $('.resume_show_less').fadeOut(250);
  }
  return false;
});
&lt;/code&gt;&lt;/pre&gt;
&lt;p&gt;Any suggestions and/or thoughts on how to correct this is greatly appreciated...I've been at this for hours and can't seem to figure out why this is occurring...&lt;/p&gt;
&lt;p&gt;&lt;strong&gt;UPDATE:&lt;/strong&gt;&lt;/p&gt;
&lt;p&gt;Here is a &lt;a href="https://jsfiddle.net/bvwc0ohj/3/" rel="nofollow"&gt;jsFiddle&lt;/a&gt;&lt;/p&gt;
&lt;p&gt;&lt;strong&gt;UPDATE 2:&lt;/strong&gt;&lt;/p&gt;
&lt;p&gt;&lt;a href="https://jsfiddle.net/bvwc0ohj/11/" rel="nofollow"&gt;jsFiddle&lt;/a&gt;&lt;/p&gt;
&lt;p&gt;With this update, issue #1 has been corrected with the help of &lt;strong&gt;n01ze&lt;/strong&gt;&lt;/p&gt;</t>
  </si>
  <si>
    <t>2016-03-14 04:44:53.570000+00:00</t>
  </si>
  <si>
    <t>2016-03-14 13:51:05.390000+00:00</t>
  </si>
  <si>
    <t>2016-03-14 07:18:37.020000+00:00</t>
  </si>
  <si>
    <t>javascript|jquery|html|css</t>
  </si>
  <si>
    <t>How to use htaccess to always redirect to https://www.example.com with multiple domains?</t>
  </si>
  <si>
    <t>&lt;p&gt;I have the next code in my &lt;code&gt;.htaccess&lt;/code&gt; file:&lt;/p&gt;
&lt;pre&gt;&lt;code&gt;&amp;lt;IfModule mod_rewrite.c&amp;gt;
   RewriteEngine On
   RewriteBase /
   RewriteCond %{HTTPS} off
   RewriteRule (.*) https://www.example.com%{REQUEST_URI} [R=301,NC,L]
   RewriteCond %{HTTP_HOST} !^(www|subdomain) [NC]
   RewriteRule ^(.*)$ https://www.example.com/$1 [L,R=301]
&amp;lt;/IfModule&amp;gt;
&lt;/code&gt;&lt;/pre&gt;
&lt;p&gt;With this code the following URLs are redirecting everyone to &lt;code&gt;https://www.example.com&lt;/code&gt;.&lt;/p&gt;
&lt;ul&gt;
&lt;li&gt;&lt;code&gt;http://example.es&lt;/code&gt;&lt;/li&gt;
&lt;li&gt;&lt;code&gt;http://www.example.es&lt;/code&gt;&lt;/li&gt;
&lt;li&gt;&lt;code&gt;https://example.es&lt;/code&gt;&lt;/li&gt;
&lt;/ul&gt;
&lt;p&gt;But the next one is not redirected:&lt;/p&gt;
&lt;pre&gt;&lt;code&gt;https://www.mydomain.es
&lt;/code&gt;&lt;/pre&gt;
&lt;p&gt;Could some one help me with this problem?&lt;/p&gt;</t>
  </si>
  <si>
    <t>2012-12-07 14:44:13.510000+00:00</t>
  </si>
  <si>
    <t>2016-12-27 19:16:55.763000+00:00</t>
  </si>
  <si>
    <t>.htaccess|mod-rewrite|https|multiple-domains</t>
  </si>
  <si>
    <t>Getting row data on Interactive Report</t>
  </si>
  <si>
    <t>&lt;p&gt;Morning,&lt;/p&gt;
&lt;p&gt;I'm currently using an &lt;strong&gt;Interactive Report&lt;/strong&gt; on APEX that contains several columns, some of them being checkboxes that represent if a certain number is present in the table that is being used to fill the report.&lt;/p&gt;
&lt;p&gt;For example, &lt;strong&gt;row 1&lt;/strong&gt; has a telephone number "99091021", &lt;strong&gt;row 2&lt;/strong&gt; a provider, and the following 5 rows are checkboxes that should represent branches in certain areas. If a checkbox is clicked, it means that this number is present in that area.&lt;/p&gt;
&lt;p&gt;Now, I'd like to create a dynamic action that inserts that number into that table when I click the checkbox (and it becomes checked), and a delete for when it's also clicked (and becomes unchecked). Problem is, I don't know how to access the rest of the data in the row of the IR to use as a comparison for the delete and insert statements.&lt;/p&gt;
&lt;p&gt;Say I try to click the Checkbox 3 on the row where the telephone number is "99091021". A dynamic function would get the data row, then a true action would compare the necessary data to perform either an insert or delete, depending on the state of the checkbox. That's the plan.&lt;/p&gt;
&lt;p&gt;I've done something similar before, using &lt;strong&gt;localStorage&lt;/strong&gt;, but it didn't quite work, because before I used it on an &lt;strong&gt;interactive grid&lt;/strong&gt;. Is there a similar function for interactive reports?&lt;/p&gt;
&lt;p&gt;Also, is there a way to check if a checkbox is checked or unchecked in a PL/SQL Code?&lt;/p&gt;</t>
  </si>
  <si>
    <t>2018-11-28 09:41:37.583000+00:00</t>
  </si>
  <si>
    <t>2018-11-28 13:38:59.790000+00:00</t>
  </si>
  <si>
    <t>javascript|oracle-apex</t>
  </si>
  <si>
    <t>How to test PHP code a user submits through a textarea</t>
  </si>
  <si>
    <t>&lt;p&gt;I'm trying to write a couple of simple PHP questions that people can solve. For example, a questions could be to write a little script that sorts a given array. Another questions could be to write a piece of code that creates a certain object with a couple of methods. &lt;/p&gt;
&lt;p&gt;I then want to validate the answers a user submits through a textarea, along the times of what codecademy is doing. &lt;/p&gt;
&lt;p&gt;What would be the preferred way to validate PHP code that was submitted in such a way? Perhaps I can somehow run PHPUNIT or another testing framework against the submitted code, but it has to happen in the browser, not locally.&lt;/p&gt;
&lt;p&gt;A good starting point would be to understand how &lt;a href="http://sandbox.onlinephpfunctions.com/" rel="nofollow"&gt;http://sandbox.onlinephpfunctions.com/&lt;/a&gt; works when submitting PHP code.&lt;/p&gt;</t>
  </si>
  <si>
    <t>2016-01-11 13:19:10.710000+00:00</t>
  </si>
  <si>
    <t>2016-01-11 13:42:00.323000+00:00</t>
  </si>
  <si>
    <t>php|unit-testing|testing</t>
  </si>
  <si>
    <t>linking to an executable under OSX with CMake</t>
  </si>
  <si>
    <t>&lt;p&gt;I have a plugin that will get loaded by an executable.&lt;/p&gt;
&lt;p&gt;The executable exports symbols and here is some CMake for the executable:&lt;/p&gt;
&lt;pre&gt;&lt;code&gt;set_target_properties(rcrl_compiler_tests PROPERTIES ENABLE_EXPORTS ON)
&lt;/code&gt;&lt;/pre&gt;
&lt;p&gt;Then later I link to it like this:&lt;/p&gt;
&lt;pre&gt;&lt;code&gt;target_link_libraries(test_plugin rcrl_compiler_tests)
&lt;/code&gt;&lt;/pre&gt;
&lt;p&gt;This is fine for Windows and Linux. For macOS however it is not. I read I needed to use &lt;code&gt;-bundle_loader&lt;/code&gt; as stated in the documentation for &lt;a href="https://cmake.org/cmake/help/latest/prop_tgt/ENABLE_EXPORTS.html" rel="nofollow noreferrer"&gt;&lt;code&gt;ENABLE_EXPORTS&lt;/code&gt;&lt;/a&gt;&lt;/p&gt;
&lt;p&gt;So I did the following:&lt;/p&gt;
&lt;pre&gt;&lt;code&gt;target_compile_options(test_plugin PRIVATE -Wl,-bundle_loader,$&amp;lt;TARGET_FILE:rcrl_compiler_tests&amp;gt;)
&lt;/code&gt;&lt;/pre&gt;
&lt;p&gt;But when I try to compile the plugin I get the following:&lt;/p&gt;
&lt;blockquote&gt;
  &lt;p&gt;clang: warning: -Wl,-bundle_loader,/Users/mario/rcrl/build/bin/rcrl_compiler_tests: 'linker' input unused [-Wunused-command-line-argument]&lt;/p&gt;
&lt;/blockquote&gt;
&lt;p&gt;The path to the executable from the generator expression is correct - but the flag itself isn't used.&lt;/p&gt;
&lt;p&gt;And I still get linker errors for the only 2 symbols I need to export from the executable and use in the plugin.&lt;/p&gt;
&lt;p&gt;Any idea how I can fix this?&lt;/p&gt;</t>
  </si>
  <si>
    <t>2018-01-09 21:06:36.447000+00:00</t>
  </si>
  <si>
    <t>2018-01-09 21:44:45.950000+00:00</t>
  </si>
  <si>
    <t>macos|dll|cmake|linker|dynamic-linking</t>
  </si>
  <si>
    <t>skip-secure-auth option not working with mysqldump</t>
  </si>
  <si>
    <t>&lt;p&gt;I am trying to export a mysql schema from remote server to local but geting the following error:&lt;br/&gt;&lt;/p&gt;
&lt;p&gt;&lt;code&gt;C:\Program Files\MySQL\MySQL Server 5.6\bin&amp;gt;mysqldump  --skip-secure-auth -h  x.y.z.d -uatulya  -p'root'  t_tcadmin |mysql -u root -proot t_tcadmin&lt;/code&gt;&lt;br/&gt;&lt;/p&gt;
&lt;p&gt;&lt;code&gt;mysqldump: unknown option '--skip-secure-auth'&lt;/code&gt;&lt;br/&gt;
&lt;code&gt;Warning: Using a password on the command line interface can be insecure.&lt;/code&gt;&lt;/p&gt;
&lt;p&gt;Without the &lt;code&gt;--skip-secure-auth&lt;/code&gt; it connects but  I get error &lt;code&gt;2049&lt;/code&gt;.&lt;br/&gt;
So I want to use this option to skip secure auth but it is giving the above error. &lt;br/&gt;Could anyone suggest.&lt;br/&gt;
Thanks..&lt;/p&gt;</t>
  </si>
  <si>
    <t>2013-12-11 07:33:34.207000+00:00</t>
  </si>
  <si>
    <t>2017-06-07 23:23:15.417000+00:00</t>
  </si>
  <si>
    <t>2013-12-11 08:09:08.730000+00:00</t>
  </si>
  <si>
    <t>mysql</t>
  </si>
  <si>
    <t>How can I check if a date is valid that allows m/d/y and yyyy-mm-dd to be valid</t>
  </si>
  <si>
    <t>&lt;p&gt;I've tried using the following code to validate a date:&lt;/p&gt;
&lt;pre&gt;&lt;code&gt;var date = Date.parse(text);
if (isNaN(date)) {
      // Invalid date
}
&lt;/code&gt;&lt;/pre&gt;
&lt;p&gt;This does allow m/d/y and yyyy-mm-dd to be valid, but it also allows, for example, a single digit to be valid.&lt;/p&gt;
&lt;p&gt;I would like a date function that allows these two formats, m/d/y and yyyy-mm-dd, but is more strict in not allowing just digits.&lt;/p&gt;</t>
  </si>
  <si>
    <t>2014-07-25 23:09:26.853000+00:00</t>
  </si>
  <si>
    <t>2016-02-15 09:58:27.523000+00:00</t>
  </si>
  <si>
    <t>javascript|validation|date</t>
  </si>
  <si>
    <t>Getting jars from scope provided maven web project</t>
  </si>
  <si>
    <t>&lt;p&gt;I'm currently developing a Java webapp using maven for building (I'm not to experienced with mvn yet). For my scenario the application requires the provided scope. 
Now how would I 'extract' the jars defined in the pom file so that I could copy them to my Tomcat lib folder?&lt;/p&gt;</t>
  </si>
  <si>
    <t>2014-10-22 20:08:42.773000+00:00</t>
  </si>
  <si>
    <t>2014-10-23 03:30:39.487000+00:00</t>
  </si>
  <si>
    <t>java|maven|web-applications</t>
  </si>
  <si>
    <t>VB.Net Reverse Byte in Hex value</t>
  </si>
  <si>
    <t>&lt;pre&gt;&lt;code&gt;    Private Sub LRbtn_Click(sender As Object, e As EventArgs) Handles LRbtn.Click
    OpenFileDialog1.Title = "Please Select a File"
    OpenFileDialog1.ShowDialog()
    Dim filename As String = OpenFileDialog1.FileName
    Dim fs As FileStream = New FileStream(filename, FileMode.Open)
    Dim br As BinaryReader = New BinaryReader(fs)
    br.BaseStream.Seek(verOffset, SeekOrigin.Begin)
    a = br.ReadInt32()
    verLabel.Text = hex2ascii(Hex(a))
    br.Close()
    fs.Close()
End Sub
&lt;/code&gt;&lt;/pre&gt;
&lt;p&gt;I'm opening and Binary-reading a file, then i read 4 byte at the given address.&lt;/p&gt;
&lt;p&gt;So for example the variable &lt;code&gt;a&lt;/code&gt; might be &lt;code&gt;1163022402&lt;/code&gt; that converted to Hex is &lt;code&gt;45,52,50,42&lt;/code&gt;&lt;/p&gt;
&lt;p&gt;After converting &lt;code&gt;a&lt;/code&gt; to Hex i need to reverse the byte to obtain &lt;code&gt;42,50,52,45&lt;/code&gt;&lt;/p&gt;
&lt;p&gt;I'm new to VB and i'm learning it, how can i do? Thankyou!&lt;/p&gt;</t>
  </si>
  <si>
    <t>2012-11-10 08:26:51.983000+00:00</t>
  </si>
  <si>
    <t>2012-11-10 10:05:43.957000+00:00</t>
  </si>
  <si>
    <t>vb.net</t>
  </si>
  <si>
    <t>Cache an intermediate variable in an one-liner</t>
  </si>
  <si>
    <t>&lt;p&gt;Can I somehow cache the &lt;code&gt;i.toString&lt;/code&gt; in this simple definition of function?&lt;/p&gt;
&lt;pre&gt;&lt;code&gt;def palindrome(i: Int) = i.toString == i.toString.reverse
&lt;/code&gt;&lt;/pre&gt;
&lt;p&gt;I want to keep this function simple, w/o a classic multi-line, brace-enclosed function..&lt;/p&gt;</t>
  </si>
  <si>
    <t>2013-04-11 18:55:10.280000+00:00</t>
  </si>
  <si>
    <t>2018-10-03 22:00:59.310000+00:00</t>
  </si>
  <si>
    <t>scala</t>
  </si>
  <si>
    <t>Using DFS on a Graph - Determine if a graph is a clique with specific SCC</t>
  </si>
  <si>
    <t>&lt;p&gt;I have a simple question on DFS and I'm trying to understand how to use it and not how to solve the whole problem. I'm really looking for an explanation and not a solution to my homework.&lt;/p&gt;
&lt;p&gt;I'll write down the question first.&lt;/p&gt;
&lt;blockquote&gt;
  &lt;p&gt;"Suppose you have an undirected graph G=(V,E) and let three of its
  vertices to be called v1, v2 and v3. Find an algorithm which
  determines if these three vertices are part of a clique
  (complete graph) (k&gt;=3)"&lt;/p&gt;
&lt;/blockquote&gt;
&lt;p&gt;Now I suppose to use DFS in order to solve it. As far as I understand DFS will let me know if v1, v2 and v3 are in the same strongly connected component. If I'm correct I should also determine if G is  also a clique(complete graph).&lt;/p&gt;
&lt;p&gt;I read in the internet and I found out that asserting if a graph is clique or not is NP and cannot be solved easily. Am I correct? Am I missing anything? Is there any propery I can use to determine immediately if a graph is comeplete ?&lt;/p&gt;</t>
  </si>
  <si>
    <t>2013-03-23 14:46:51.990000+00:00</t>
  </si>
  <si>
    <t>2013-03-23 21:32:42.700000+00:00</t>
  </si>
  <si>
    <t>2013-03-23 17:54:08.493000+00:00</t>
  </si>
  <si>
    <t>algorithm|graph|graph-theory</t>
  </si>
  <si>
    <t>MySQL case sensitivity table name</t>
  </si>
  <si>
    <t>&lt;p&gt;I have researched a lot and what I understand to make database tables name sensitive, you have to set the variable lower_case_table_names=0.
Im on osX. I did this change in my.cnf.
After that, if I run&lt;/p&gt;
&lt;pre&gt;&lt;code&gt;select * from users
&lt;/code&gt;&lt;/pre&gt;
&lt;p&gt;I get results. While if I run:&lt;/p&gt;
&lt;pre&gt;&lt;code&gt;select * from Users
&lt;/code&gt;&lt;/pre&gt;
&lt;p&gt;I get error saying table doesn't exist.&lt;/p&gt;
&lt;p&gt;However, for a particular database, the case sensitivity doesnt affect. I can use any case I will never receive errors. Why? I could have a look at the big sql-file used to import the database and try to find out if there are specific directives to ignore case sensitivity (?). 
Anyway, why you think the case sensitivity applies for all database but not the one Im interested in? One of those that does case sensitivity is InnoDB. While the one that doesnt care about this is MyIsam. Could it be the reason? Any work around in that case?&lt;/p&gt;</t>
  </si>
  <si>
    <t>2015-06-11 11:23:04.490000+00:00</t>
  </si>
  <si>
    <t>2017-10-30 03:24:27.903000+00:00</t>
  </si>
  <si>
    <t>2015-06-11 11:24:42.977000+00:00</t>
  </si>
  <si>
    <t>mysql|case-sensitive</t>
  </si>
  <si>
    <t>vb.net "Padding is invalid and cannot be removed" switching bewteen 256 and 128 bit keys</t>
  </si>
  <si>
    <t>&lt;p&gt;I have an issue when trying to switch between 256 and 128 bit encryption with my code. If I keep it at 256bit, it works fine, but when I try it again using a 128 bit key, I get an error of "Padding is invalid and cannot be removed." Any help is much appreciated. I am no pro at encryption. The error is thrown when the "DESEncrypter.TransformFinalBlock(Buffer, 0, Buffer.Length)" part of the AES_Decrypt function is called.&lt;/p&gt;
&lt;pre&gt;&lt;code&gt;    Public Shared Function GenerateEncryptionKey(Optional ByVal keySizeIndex As Integer = 1) As Byte()
        'Generate a Key.
        Dim rm As RijndaelManaged = New RijndaelManaged()
        Select Case keySizeIndex
            Case 0
                rm.KeySize = 128
            Case 1
                rm.KeySize = 256
            Case Else
                rm.KeySize = 256
        End Select
        rm.GenerateKey()
        Return rm.Key
    End Function
    Public Shared Function AES_Encrypt(ByVal input As String, ByVal pass As Byte()) As String
        Dim AES As New RijndaelManaged
        Dim encrypted As String = ""
        Dim hash As Byte()
        Dim byteLength As Integer
        Try
            byteLength = pass.Length
            ReDim hash(byteLength - 1)
            Array.Copy(pass, 0, hash, 0, 16)
            If (byteLength &amp;gt; 16) Then
                Array.Copy(pass, 0, hash, 15, 16)
            End If
            AES.Key = hash
            AES.Mode = Security.Cryptography.CipherMode.ECB
            Dim DESEncrypter As System.Security.Cryptography.ICryptoTransform = AES.CreateEncryptor
            Dim Buffer As Byte() = System.Text.Encoding.Unicode.GetBytes(input)
            'Dim Buffer As Byte() = System.Text.ASCIIEncoding.ASCII.GetBytes(input)
            Dim testBuffer As Byte() = DESEncrypter.TransformFinalBlock(Buffer, 0, Buffer.Length)
            encrypted = Convert.ToBase64String(DESEncrypter.TransformFinalBlock(Buffer, 0, Buffer.Length))
        Catch ex As Exception
            encrypted = ""
        End Try
        Return encrypted
    End Function
    Public Shared Function AES_Decrypt(ByVal input As String, ByVal pass As Byte()) As String
        Dim AES As New RijndaelManaged
        Dim decrypted As String = ""
        Dim hash As Byte()
        Dim byteLength As Integer
        Try
            byteLength = pass.Length
            ReDim hash(byteLength - 1)
            Array.Copy(pass, 0, hash, 0, 16)
            If (byteLength &amp;gt; 16) Then
                Array.Copy(pass, 0, hash, 15, 16)
            End If
            AES.Key = hash
            AES.Mode = Security.Cryptography.CipherMode.ECB
            Dim DESDecrypter As System.Security.Cryptography.ICryptoTransform = AES.CreateDecryptor
            Dim Buffer As Byte() = Convert.FromBase64String(input)
            Dim testBuffer As Byte() = DESDecrypter.TransformFinalBlock(Buffer, 0, Buffer.Length)
            decrypted = System.Text.Encoding.Unicode.GetString(DESDecrypter.TransformFinalBlock(Buffer, 0, Buffer.Length))
            'decrypted = System.Text.ASCIIEncoding.ASCII.GetString(DESDecrypter.TransformFinalBlock(Buffer, 0, Buffer.Length))
        Catch ex As Exception
            decrypted = ""
        End Try
        Return decrypted
    End Function
&lt;/code&gt;&lt;/pre&gt;</t>
  </si>
  <si>
    <t>2016-03-04 20:32:05.457000+00:00</t>
  </si>
  <si>
    <t>vb.net|encryption</t>
  </si>
  <si>
    <t>Gl3w Python script errors: how to solve it/get it working</t>
  </si>
  <si>
    <t>&lt;p&gt;So after almost 2 days of not being able to get GLEW working: trying Gl3w.&lt;/p&gt;
&lt;p&gt;The python script is complaining about Syntax Errors, said all the prints signaled a syntax error, so I removed them all. Now it's complaining about the imports... (basically it seems it's complaining of the entire code)&lt;/p&gt;
&lt;p&gt;I don't know Python, but I can't find support for Gl3w... should I keep trying to "correct the script", which I think should be working fine? What am I "doing wrong"?&lt;/p&gt;
&lt;p&gt;Thanks!&lt;/p&gt;
&lt;p&gt;This is the script: &lt;a href="https://github.com/skaslev/gl3w" rel="nofollow"&gt;https://github.com/skaslev/gl3w&lt;/a&gt;&lt;/p&gt;</t>
  </si>
  <si>
    <t>2013-01-01 22:56:46.290000+00:00</t>
  </si>
  <si>
    <t>2013-01-01 22:57:50.727000+00:00</t>
  </si>
  <si>
    <t>python|windows</t>
  </si>
  <si>
    <t>How do I preserve the state of a selected spinner/dropdown item on orientation change?</t>
  </si>
  <si>
    <t>&lt;p&gt;I am using a spinner dropdown in my code , in which I have 4 to 5 dynamically populated values, say if I have "apples" set to default and I select "oranges" from the dropdown and rotate my screen to landscape from portrait, it goes back to default "apples" along with the view associated with it.How do I save the state such that when I select "oranges" and rotate to landscape, it populates the selected value/remains in the same selected state and keeps the view intact/populates the view that was selected in the portrait mode corresponding to the selected value. Here's the adapter code I use for the same:&lt;/p&gt;
&lt;pre&gt;&lt;code&gt;public class MarketsSpinnerAdapter extends CustomRowAdapter&amp;lt;AdapterRow&amp;gt; {
    private List&amp;lt;AdapterRow&amp;gt; mRenderList;
    public MarketsSpinnerAdapter(final Context context, final List&amp;lt;AdapterRow&amp;gt; renderList) {
        super(context);
        mRenderList = new ArrayList&amp;lt;AdapterRow&amp;gt;();
        mRenderList.addAll(renderList);
    }
    @Override
    protected void setEntries(final List&amp;lt;AdapterRow&amp;gt; renderList) {
        mRenderList = renderList;
    }
    @Override
    protected List&amp;lt;AdapterRow&amp;gt; getEntries() {
        return mRenderList;
    }
    @Override
    public View getDropDownView(final int position, final View convertView, final ViewGroup parent) {
        return getEntries().get(position).getDropDownView(mContext, convertView);
    }
}
&lt;/code&gt;&lt;/pre&gt;
&lt;p&gt;Corresponding usage in the respective fragment:&lt;/p&gt;
&lt;pre&gt;&lt;code&gt; private void populateCategoryRows(final Cursor cursor) {
            mCategories.clear();
            mAllCategories.clear();
            cursor.moveToPosition(-1);
            Map&amp;lt;String, String&amp;gt; categoryParentNames = new HashMap&amp;lt;String, String&amp;gt;();
            int selectedPosition = 0;
            String previousHeader = "";
            String previousAllHeader = "";
            while (cursor.moveToNext()) {
                final int categoryLevel = cursor.getInt(cursor.getColumnIndex(MarketsCategory.Columns.LEVEL));
                final String categoryName = cursor.getString(cursor.getColumnIndex(MarketsCategory.Columns.NAME));
                final String categoryDisplayName = cursor.getString(cursor.getColumnIndex(MarketsCategory.Columns.DISPLAY_NAME));
                if (categoryLevel == 1) {
                    categoryParentNames.put(categoryName, categoryDisplayName);
                }
            }
            cursor.moveToPosition(-1);
            while (cursor.moveToNext()) {
                final int categoryLevel = cursor.getInt(cursor.getColumnIndex(MarketsCategory.Columns.LEVEL));
                final boolean categoryIsDefault = cursor.getInt(cursor.getColumnIndex(MarketsCategory.Columns.IS_DEFAULT)) == 1;
                final boolean categoryIsSelected = cursor.getInt(cursor.getColumnIndex(MarketsCategory.Columns.IS_SELECTED)) == 1;
                final String categoryParent = cursor.getString(cursor.getColumnIndex(MarketsCategory.Columns.PARENT));
                final String categoryName = cursor.getString(cursor.getColumnIndex(MarketsCategory.Columns.NAME));
                final String categoryDisplayName = cursor.getString(cursor.getColumnIndex(MarketsCategory.Columns.DISPLAY_NAME));
                if (categoryLevel == 2 ) {
                    String categoryParentDisplayName = categoryParentNames.get(categoryParent);
                        if (!categoryParent.equals(previousHeader)) {
                            if (categoryIsSelected) {
                                mCategories.add(new CategoryHeader(categoryParentDisplayName));
                                previousHeader = categoryParent;
                            }
                        }
                        if (!categoryParent.equals(previousAllHeader)) {
                            mAllCategories.add(new CategoryHeader(categoryParentDisplayName));
                            previousAllHeader = categoryParent;
                        }
                        if (categoryIsSelected) {
                            mCategories.add(new SpinnerMarketCategoryRow(categoryName, categoryDisplayName, categoryParent));
                        }
                        mAllCategories.add(new MarketsCategoryCheckableRow(categoryName, categoryDisplayName, categoryIsSelected, categoryIsDefault));
                        if(categoryIsDefault){
                            selectedPosition = mCategories.size()-1;
                        }
                }
            }
            mSpinnerAdapter = new MarketsSpinnerAdapter(Application.getAppContext(), mCategories);
            headerView.setSpinnerAdapter(mSpinnerAdapter);
            headerView.setSpinnerSelectedItemPosition(selectedPosition);
        }
        if (selectedItem instanceof SpinnerMarketCategoryRow) {
            selectedCategory = (SpinnerMarketCategoryRow) mSpinnerAdapter.getItem(position);
        } else {
            if (mSpinnerAdapter.getCount() - 1 &amp;gt;= position + 1) {
                selectedCategory = (SpinnerMarketCategoryRow) mSpinnerAdapter.getItem(position + 1);
            } else {
                selectedCategory = (SpinnerMarketCategoryRow) mSpinnerAdapter.getItem(position - 1);
            }
        }
        final MarketsFragment parentFragment = (MarketsFragment) getParentFragment();
        parentFragment.onCategorySelected(selectedCategory.getCategoryName(), selectedCategory.getCategoryParentName());
    }
@Override
    public void showResults(final Uri uri) {
        LayoutUtils.showResults(getView(), headerView.getSpinnerId());
        headerView.setVisibility(View.VISIBLE);
    }
    @Override
    public void showNoResults(final Uri uri) {
        final MarketsFragment parentFragment = (MarketsFragment) getParentFragment();
        parentFragment.hideSpinner();
        //LayoutUtils.showNoResult(getView(), headerView.getSpinnerId());
    }
    @Override
    public void onDismiss(DialogInterface dialog) {
        headerView.setSelected(false);
    }
    @Override
    public void onNothingSelected(IcsAdapterView&amp;lt;?&amp;gt; parent) {
    }
&lt;/code&gt;&lt;/pre&gt;
&lt;p&gt;Any ideas?&lt;/p&gt;
&lt;p&gt;Thanks!&lt;/p&gt;</t>
  </si>
  <si>
    <t>2013-11-26 05:12:32.717000+00:00</t>
  </si>
  <si>
    <t>2016-11-23 10:02:46.083000+00:00</t>
  </si>
  <si>
    <t>android|android-layout|android-fragments|android-spinner|android-orientation</t>
  </si>
  <si>
    <t>Still getting animation although stopped using them</t>
  </si>
  <si>
    <t>&lt;p&gt;After doing some Core animations using:   &lt;/p&gt;
&lt;pre&gt;&lt;code&gt;    [UIView beginAnimations:nil context:nil];
    [UIView setAnimationDuration:0.5];
    [self setAffineTransform:CGAffineTransformIdentity];
    [UIView commitAnimations];
&lt;/code&gt;&lt;/pre&gt;
&lt;p&gt;I noticed that if I simply fire up change of an attribute, it would still use animations instead of simply changing the attribute. for example &lt;code&gt;setAffineTransform&lt;/code&gt;...
Is that something inherent to animations on iOS? Am I missing something or something in my code must be wrong ?&lt;/p&gt;
&lt;p&gt;Thanks!&lt;/p&gt;</t>
  </si>
  <si>
    <t>2012-07-01 09:23:09.660000+00:00</t>
  </si>
  <si>
    <t>2012-07-01 11:59:56.523000+00:00</t>
  </si>
  <si>
    <t>2012-07-01 09:46:29.167000+00:00</t>
  </si>
  <si>
    <t>ios|xcode|animation</t>
  </si>
  <si>
    <t>Problems with local video aspect ratio</t>
  </si>
  <si>
    <t>&lt;p&gt;the android sinch documentation states that &lt;/p&gt;
&lt;blockquote&gt;
  &lt;p&gt;The local preview will always use VideoScalingType.ASPECT_FIT&lt;/p&gt;
&lt;/blockquote&gt;
&lt;p&gt;Unfortunately there is no explanation about what ASPECT_FIT really means. I suppose, that in this mode the aspect ratio of the video should be preserved and the video should fit into the container. ASPECT_FILL in contrary should stretch Video in both container dimensions. 
Now look at attached photo - the full screen video preview is a local video, the pip-video is a remote one.&lt;/p&gt;
&lt;p&gt;&lt;a href="https://i.stack.imgur.com/jCT6w.jpg" rel="nofollow noreferrer"&gt;&lt;img src="https://i.stack.imgur.com/jCT6w.jpg" alt="enter image description here"&gt;&lt;/a&gt; &lt;/p&gt;
&lt;p&gt;As you can see, the local video seems to be always stretched - that destroys the original aspect ratio. For now the only solution is to manage aspect ratio of the container, leaving black bars on both sides which doesn't look very good. &lt;/p&gt;
&lt;p&gt;So question is if it a bug or the documentation is wrong/not complete. Because either ASPECT_FIT has no effect, means something different than I thought or ASPECT_FILL is used regardless of what is selected&lt;/p&gt;</t>
  </si>
  <si>
    <t>2018-07-26 12:53:36.870000+00:00</t>
  </si>
  <si>
    <t>android|sinch|android-sinch-api</t>
  </si>
  <si>
    <t>How to find out what version of Pages/Numbers/Key was the file created in?</t>
  </si>
  <si>
    <t>&lt;p&gt;My issue is that I am not sure how to find out what was the version of apple software that a file was created in. I am not a heavy user of apple products, but I need to be able to figure out what version were files created in.&lt;/p&gt;
&lt;p&gt;I see in index.xml the following code&lt;/p&gt;
&lt;pre&gt;&lt;code&gt;&amp;lt;sl:document xmlns:sfa="http://developer.apple.com/namespaces/sfa" xmlns:sf="http://developer.apple.com/namespaces/sf" xmlns:xsi="http://www.w3.org/2001/XMLSchema-instance" xmlns:sl="http://developer.apple.com/namespaces/sl" sl:version="72007061400" sfa:ID="SLPublicationModel-0" sl:generator="slingshot" sl:app_build_date="Jan 22 2008, 01:09:42"&amp;gt;
&lt;/code&gt;&lt;/pre&gt;
&lt;p&gt;Within the sl:document tag there's the sl:version="72007061400", vs all the version-history. Where can I find out what this version corresponds to?&lt;/p&gt;
&lt;p&gt;If there is some resource for apple formats I can look to check against versions that would be awesome. If I am not looking in the right spot please correct me.&lt;/p&gt;</t>
  </si>
  <si>
    <t>2015-05-14 18:39:54.983000+00:00</t>
  </si>
  <si>
    <t>ios|metadata|iwork|fileversioninfo</t>
  </si>
  <si>
    <t>iPhone XR returns correct nativeBounds but has wrong screen size on device</t>
  </si>
  <si>
    <t>&lt;p&gt;My project target iOS - 11 and later. It has correct Launch images assets for XR and XS Max with appropriate dimensions. On simulator my app works as expected on both XR and XS Max.&lt;/p&gt;
&lt;p&gt;But, users reported UI issues on real devices. After some research it looks like on real device this &lt;/p&gt;
&lt;pre&gt;&lt;code&gt;[UIScreen mainScreen].nativeBounds.size
&lt;/code&gt;&lt;/pre&gt;
&lt;p&gt;returns correct values. But seems like device itself think that it has iPhone X screen size (like when i do not use correct launch screen images). And in my opinion it returns wrong values with&lt;/p&gt;
&lt;pre&gt;&lt;code&gt;[UIScreen mainScreen].bounds.size
&lt;/code&gt;&lt;/pre&gt;
&lt;p&gt;this one i believe returns values like it's not iPhone XR but iPhone X.&lt;/p&gt;
&lt;p&gt;Did someone face such an issue too?&lt;/p&gt;</t>
  </si>
  <si>
    <t>2018-11-12 14:53:35.657000+00:00</t>
  </si>
  <si>
    <t>2018-11-30 10:48:09.490000+00:00</t>
  </si>
  <si>
    <t>2018-11-12 18:14:23.947000+00:00</t>
  </si>
  <si>
    <t>ios|objective-c|iphone|ios12</t>
  </si>
  <si>
    <t>How to implement Local search in a lazy loaded list in android</t>
  </si>
  <si>
    <t>&lt;p&gt;I have a list which contains plenty of data so I have implemented the lazy loading in to the list which loads 10 items for each swipe down. But I am stuck in a scenario, i.e, I am loading 10 items at a time but If any user wants to search using searchview I have to search entire db and prepare the same list with this results and when the searchview is cleared I have to load the previously loaded list. Can anybody help me to solve this. I have not posted the code because of security reasons. Kindly please suggest a way to solve this.&lt;/p&gt;
&lt;p&gt;Thanks  &lt;/p&gt;</t>
  </si>
  <si>
    <t>2015-10-15 09:21:52.710000+00:00</t>
  </si>
  <si>
    <t>2015-10-15 11:12:36.880000+00:00</t>
  </si>
  <si>
    <t>android|android-layout|android-recyclerview|recycler-adapter|android-lazyloading</t>
  </si>
  <si>
    <t>HTTP to HTTPS 301 Redirection Code is Not Working, It says Too many redirects</t>
  </si>
  <si>
    <t>&lt;p&gt;I am using Bluehost for one of my websites. Recently, Recently, i have moved my site from HTTP to HTTPS . 
After that, I have used So may different code including the below code to force HTTPS all over my website.&lt;/p&gt;
&lt;pre&gt;&lt;code&gt;# SSL Rewrite
RewriteEngine On 
RewriteCond %{SERVER_PORT} 80 
RewriteRule ^(.*)$ https://www.example.com/$1 [R=301,L]
&lt;/code&gt;&lt;/pre&gt;
&lt;p&gt;After using this post, when I check redirection on &lt;strong&gt;redirect-checker&lt;/strong&gt; available on online, I get following messages. &lt;/p&gt;
&lt;blockquote&gt;
  &lt;p&gt;But it is not working. Too many redirects. Please try to reduce your
  number of redirects for &lt;a href="http://www.example.com" rel="nofollow noreferrer"&gt;http://www.example.com&lt;/a&gt;. You use 19 Redirects.
  Ideally, you should not use more than 3 Redirects in a redirect chain.
  More than three redirections will produce unnecessary load on your
  server and reduce speed, which ends up in bad user experience.&lt;/p&gt;
&lt;/blockquote&gt;
&lt;p&gt;And If you want to access my website &lt;strong&gt;from a browser&lt;/strong&gt;, I get warning as such: &lt;/p&gt;
&lt;blockquote&gt;
  &lt;p&gt;The www.example.com page isn���t working. www.example.com redirected you
  too many times.&lt;/p&gt;
&lt;/blockquote&gt;
&lt;p&gt;I think some redirection loop was creating such problem.&lt;/p&gt;
&lt;p&gt;However, &lt;/p&gt;
&lt;p&gt;My web site Status Right Now: Without using any code on htaccess&lt;/p&gt;
&lt;blockquote&gt;
  &lt;ol&gt;
  &lt;li&gt;&lt;p&gt;https//www.example.com is working just fine. returning 200 OK. 200 OK2&lt;/p&gt;&lt;/li&gt;
  &lt;li&gt;&lt;p&gt;https//example.com  is now 301 redirected to https//www.example.com (So, i think it is also just fine)&lt;/p&gt;&lt;/li&gt;
  &lt;/ol&gt;
&lt;/blockquote&gt;
&lt;p&gt;The problem is:&lt;/p&gt;
&lt;blockquote&gt;
  &lt;ol start="3"&gt;
  &lt;li&gt;http//example.com  is now 301 redirected to http//www.example.com &lt;/li&gt;
  &lt;li&gt;http//www. example.com  is returning 200 OK.&lt;/li&gt;
  &lt;/ol&gt;
&lt;/blockquote&gt;
&lt;p&gt;To solve problem 3, I included Below code on my htaccess&lt;/p&gt;
&lt;pre&gt;&lt;code&gt;RewriteEngine On 
RewriteCond %{HTTP_HOST} ^example\.com [NC]
RewriteCond %{SERVER_PORT} 80 
RewriteRule ^(.*)$ https://www.example.com/$1 [R=301,L]
&lt;/code&gt;&lt;/pre&gt;
&lt;p&gt;After that I found that: &lt;/p&gt;
&lt;blockquote&gt;
  &lt;p&gt;http//example.com  is now 301 redirected to https//www.example.com&lt;/p&gt;
&lt;/blockquote&gt;
&lt;p&gt;So the problem is solved for: &lt;/p&gt;
&lt;pre&gt;&lt;code&gt;http//example.com
https//example.com
https//www.example.com
&lt;/code&gt;&lt;/pre&gt;
&lt;p&gt;Now I just need some code to redirect 301 only:&lt;/p&gt;
&lt;blockquote&gt;
  &lt;p&gt;http//www.example.com TO https//www.example.com`&lt;/p&gt;
&lt;/blockquote&gt;
&lt;p&gt;Can anybody help me here?&lt;/p&gt;
&lt;p&gt;And I am sorry if I explain my problem in a wired way... :D. The matter is I am not an expert guy on this. Hope you all will understand. &lt;/p&gt;</t>
  </si>
  <si>
    <t>2017-03-01 13:04:50.150000+00:00</t>
  </si>
  <si>
    <t>2017-03-06 21:53:02.683000+00:00</t>
  </si>
  <si>
    <t>2017-03-01 13:10:06.570000+00:00</t>
  </si>
  <si>
    <t>.htaccess|ssl|redirect|mod-rewrite|https</t>
  </si>
  <si>
    <t>C# deserialize Json unknown keys</t>
  </si>
  <si>
    <t>&lt;p&gt;I have this JSON and i have to deserialize it:&lt;/p&gt;
&lt;pre&gt;&lt;code&gt;{
  "homepage": "http://files.minecraftforge.net/maven/net/minecraftforge/forge/",
  "promos": {
    "1.10-latest": "12.18.0.2000",
    "1.10.2-latest": "12.18.1.2014",
    "1.10.2-recommended": "12.18.1.2011",
    "1.5.2-latest": "7.8.1.738",
    "1.5.2-recommended": "7.8.1.737",
    "1.6.1-latest": "8.9.0.775",
    "1.6.2-latest": "9.10.1.871",
    "1.6.2-recommended": "9.10.1.871",
    "1.6.3-latest": "9.11.0.878",
    "1.6.4-latest": "9.11.1.1345",
    "1.6.4-recommended": "9.11.1.1345",
    "1.7.10-latest": "10.13.4.1614",
    "1.7.10-latest-1.7.10": "10.13.2.1343",
    "1.7.10-recommended": "10.13.4.1558",
    "1.7.2-latest": "10.12.2.1147",
    "1.7.2-recommended": "10.12.2.1121",
    "1.8-latest": "11.14.4.1577",
    "1.8-recommended": "11.14.4.1563",
    "1.8.8-latest": "11.15.0.1655",
    "1.8.9-latest": "11.15.1.1902",
    "1.8.9-recommended": "11.15.1.1722",
    "1.9-latest": "12.16.0.1942",
    "1.9-recommended": "12.16.1.1887",
    "1.9.4-latest": "12.17.0.1990",
    "1.9.4-recommended": "12.17.0.1976",
    "latest": "12.18.1.2014",
    "latest-1.7.10": "10.13.2.1343",
    "recommended": "12.18.1.2011"
  }
}
&lt;/code&gt;&lt;/pre&gt;
&lt;p&gt;Searching on this website a lot, i came out with this code:&lt;/p&gt;
&lt;pre&gt;&lt;code&gt;dynamic json = JsonConvert.DeserializeObject&amp;lt;Dictionary&amp;lt;string, string&amp;gt;&amp;gt;(data);
foreach (KeyValuePair&amp;lt;string, string&amp;gt; entry in json["promos"])
{
    MessageBox.Show(entry.Key);
    MessageBox.Show(entry.Value);
}
&lt;/code&gt;&lt;/pre&gt;
&lt;p&gt;I need to get both Key and Value from that Json but with this code it says there is an unexpected character on line 3 pos 13.
I tried in a lot of different ways but i can't get value and key at the same time. With some code i got just the key and with some other code i got just the value. Can you explain me how to obtain both value and key?&lt;/p&gt;</t>
  </si>
  <si>
    <t>2016-07-16 12:44:17.317000+00:00</t>
  </si>
  <si>
    <t>2016-07-16 15:42:17.993000+00:00</t>
  </si>
  <si>
    <t>c#|json|visual-studio|json.net</t>
  </si>
  <si>
    <t>Remove column border</t>
  </si>
  <si>
    <t>&lt;p&gt;I want to remove the border that is wrapped around my image, thumbnail label. I tried adding another class "noborder" and give it under my .col-md-4.noborder css rule, I give border 0 none and box-shadow 0 none but it doesn't work. Please help. &lt;/p&gt;
&lt;p&gt;&lt;div class="snippet" data-lang="js" data-hide="false" data-console="true" data-babel="false"&gt;_x000D_
&lt;div class="snippet-code"&gt;_x000D_
&lt;pre class="snippet-code-css lang-css prettyprint-override"&gt;&lt;code&gt;.col-md-4.noborder {_x000D_
    border: 0 none;_x000D_
    box-shadow: none;_x000D_
}&lt;/code&gt;&lt;/pre&gt;_x000D_
&lt;pre class="snippet-code-html lang-html prettyprint-override"&gt;&lt;code&gt;&amp;lt;!DOCTYPE html PUBLIC "-//W3C//DTD HTML 4.01 Transitional//EN" "http://www.w3.org/TR/html4/loose.dtd"&amp;gt;_x000D_
&amp;lt;html&amp;gt;_x000D_
   &amp;lt;head&amp;gt;_x000D_
      &amp;lt;title&amp;gt;J2EE&amp;lt;/title&amp;gt;_x000D_
      &amp;lt;meta charset="utf-8"&amp;gt;_x000D_
      &amp;lt;meta name="viewport" content="width=device-width, initial-scale=1"&amp;gt;_x000D_
      &amp;lt;link rel="stylesheet" href="http://maxcdn.bootstrapcdn.com/bootstrap/3.3.6/css/bootstrap.min.css"&amp;gt;_x000D_
      &amp;lt;script_x000D_
         src="https://ajax.googleapis.com/ajax/libs/jquery/1.12.0/jquery.min.js"&amp;gt;&amp;lt;/script&amp;gt;_x000D_
      &amp;lt;script_x000D_
         src="http://maxcdn.bootstrapcdn.com/bootstrap/3.3.6/js/bootstrap.min.js"&amp;gt;&amp;lt;/script&amp;gt;_x000D_
      &amp;lt;script type="text/javascript" src="js/navbarscroll.js"&amp;gt;&amp;lt;/script&amp;gt;_x000D_
      &amp;lt;script type="text/javascript" src="assets/js/bootstrap.js"&amp;gt;&amp;lt;/script&amp;gt;_x000D_
   &amp;lt;/head&amp;gt;_x000D_
   &amp;lt;body&amp;gt; _x000D_
          &amp;lt;div class="container"&amp;gt;_x000D_
         &amp;lt;div classs="row"&amp;gt;_x000D_
            &amp;lt;div class="row"&amp;gt;_x000D_
               &amp;lt;div class="col-md-4 noborder"&amp;gt;_x000D_
                  &amp;lt;div class="thumbnail"&amp;gt;_x000D_
                     &amp;lt;img src="..." alt="..."&amp;gt;_x000D_
                     &amp;lt;div class="caption"&amp;gt;_x000D_
                        &amp;lt;h3 align="center"&amp;gt;Thumbnail label&amp;lt;/h3&amp;gt;_x000D_
                        &amp;lt;p align="center"&amp;gt;...&amp;lt;/p&amp;gt;_x000D_
                     &amp;lt;/div&amp;gt;_x000D_
                  &amp;lt;/div&amp;gt;_x000D_
               &amp;lt;/div&amp;gt;_x000D_
               &amp;lt;div class="col-md-4 noborder"&amp;gt;_x000D_
                  &amp;lt;div class="thumbnail"&amp;gt;_x000D_
                     &amp;lt;img src="..." alt="..."&amp;gt;_x000D_
                     &amp;lt;div class="caption"&amp;gt;_x000D_
                        &amp;lt;h3 align="center"&amp;gt;Thumbnail label&amp;lt;/h3&amp;gt;_x000D_
                        &amp;lt;p align="center"&amp;gt;...&amp;lt;/p&amp;gt;_x000D_
                     &amp;lt;/div&amp;gt;_x000D_
                  &amp;lt;/div&amp;gt;_x000D_
               &amp;lt;/div&amp;gt;_x000D_
               &amp;lt;div class="col-md-4 noborder"&amp;gt;_x000D_
                  &amp;lt;div class="thumbnail"&amp;gt;_x000D_
                     &amp;lt;img src="..." alt="..."&amp;gt;_x000D_
                     &amp;lt;div class="caption"&amp;gt;_x000D_
                        &amp;lt;h3 align="center"&amp;gt;Thumbnail label&amp;lt;/h3&amp;gt;_x000D_
                        &amp;lt;p align="center"&amp;gt;...&amp;lt;/p&amp;gt;_x000D_
                     &amp;lt;/div&amp;gt;_x000D_
                  &amp;lt;/div&amp;gt;_x000D_
               &amp;lt;/div&amp;gt;_x000D_
            &amp;lt;/div&amp;gt;_x000D_
         &amp;lt;/div&amp;gt;_x000D_
      &amp;lt;/div&amp;gt;_x000D_
   &amp;lt;/body&amp;gt;_x000D_
&amp;lt;/html&amp;gt;&lt;/code&gt;&lt;/pre&gt;_x000D_
&lt;/div&gt;_x000D_
&lt;/div&gt;_x000D_
&lt;/p&gt;</t>
  </si>
  <si>
    <t>2016-12-07 01:04:39.447000+00:00</t>
  </si>
  <si>
    <t>2016-12-07 01:16:17.090000+00:00</t>
  </si>
  <si>
    <t>html|css</t>
  </si>
  <si>
    <t>Enabling SSL Support for CURL in XAMPP</t>
  </si>
  <si>
    <t>&lt;p&gt;I am using an encoded PHP script, which requires SSL support for CURL.&lt;/p&gt;
&lt;p&gt;I am currently using XAMPP for local development and need to know how to update the default CURL such that SSL is enabled over it.&lt;/p&gt;
&lt;p&gt;The reason I am looking for an upgrade/support is that I am getting the following error, which when googled up and etc. I understand that SSL is not supported for CURL on my machine.&lt;/p&gt;
&lt;pre&gt;&lt;code&gt;SSL certificate problem, verify that the CA cert is OK. Details: error:14090086:SSL routines:SSL3_GET_SERVER_CERTIFICATE:certificate verify failed
&lt;/code&gt;&lt;/pre&gt;
&lt;p&gt;Anyone have any recommendations for me, please?
My Current local server config: &lt;/p&gt;
&lt;blockquote&gt;
  &lt;p&gt;XAMPP 1.7.3
  &lt;strong&gt;cURL support&lt;/strong&gt;  enabled&lt;br&gt;
  &lt;strong&gt;cURL Information&lt;/strong&gt;  7.19.6&lt;br&gt;
  &lt;strong&gt;Apache Version&lt;/strong&gt;    Apache/2.2.14 (Win32) DAV/2 mod_ssl/2.2.14
  OpenSSL/0.9.8l mod_autoindex_color
  PHP/5.3.1 mod_apreq2-20090110/2.7.1
  mod_perl/2.0.4 Perl/v5.10.1&lt;br&gt;
  &lt;strong&gt;Loaded Modules&lt;/strong&gt;    core mod_win32 mpm_winnt http_core mod_so mod_actions
  mod_alias mod_asis mod_auth_basic
  mod_auth_digest mod_authn_default
  mod_authn_file mod_authz_default
  mod_authz_groupfile mod_authz_host
  mod_authz_user mod_cgi mod_dav
  mod_dav_fs mod_dav_lock mod_dir
  mod_env mod_headers mod_include
  mod_info mod_isapi mod_log_config
  mod_mime mod_negotiation mod_rewrite
  mod_setenvif mod_ssl mod_status
  mod_vhost_alias mod_autoindex_color
  mod_php5 mod_perl mod_apreq2&lt;br&gt;
  &lt;strong&gt;SERVER_SIGNATURE&lt;/strong&gt;  Apache/2.2.14
  (Win32) DAV/2 mod_ssl/2.2.14
  OpenSSL/0.9.8l mod_autoindex_color
  PHP/5.3.1 mod_apreq2-20090110/2.7.1
  mod_perl/2.0.4 Perl/v5.10.1 Server at
  localhost Port 80&lt;br&gt;
  &lt;strong&gt;SERVER_SOFTWARE&lt;/strong&gt;   Apache/2.2.14 (Win32) DAV/2 mod_ssl/2.2.14
  OpenSSL/0.9.8l mod_autoindex_color
  PHP/5.3.1 mod_apreq2-20090110/2.7.1
  mod_perl/2.0.4 Perl/v5.10.1&lt;/p&gt;
&lt;/blockquote&gt;</t>
  </si>
  <si>
    <t>2010-12-09 08:04:02.297000+00:00</t>
  </si>
  <si>
    <t>2015-09-16 01:17:29.503000+00:00</t>
  </si>
  <si>
    <t>ssl|curl|https|xampp</t>
  </si>
  <si>
    <t>error: SetLayeredWindowAttributes was not declared in scope when including windows.h</t>
  </si>
  <si>
    <t>&lt;p&gt;My compiler codeblocks gives me the following error when I try to compile my code: &lt;/p&gt;
&lt;pre&gt;&lt;code&gt;c:\blah.cpp|67|error: 'SetLayeredWindowAttributes' was not declared in this scope
&lt;/code&gt;&lt;/pre&gt;
&lt;p&gt;I am including windows.h so I don't see why this would happen. Here is the full code:&lt;/p&gt;
&lt;pre&gt;&lt;code&gt;// main.cpp : Defines the entry point for the application. //
#include "C:\Program Files\Microsoft DirectX SDK (August 2008)\Include\D3dx9core.h"
#include "C:\Documents and Settings\Death\My Documents\Downloads\DXSprite\DXSprite\resource.h"
#include &amp;lt;windows.h&amp;gt;
#include &amp;lt;string&amp;gt;
#include &amp;lt;stdio.h&amp;gt; //----------------------------------------------------------------------------- // GLOBALS //----------------------------------------------------------------------------- HWND                      g_hWnd                  = NULL; LPDIRECT3D9                 g_pD3D                  = NULL; LPDIRECT3DDEVICE9           g_pD3DDevice            = NULL; ID3DXSprite
*               g_pD3DXSprite           = NULL; LPDIRECT3DTEXTURE9          g_pTexture              = NULL; const int                   SCREEN_WIDTH            = 800; const int                    SCREEN_HEIGHT           = 600;
//----------------------------------------------------------------------------- // PROTOTYPES //----------------------------------------------------------------------------- LRESULT CALLBACK WindowProc(HWND hwnd, UINT uMsg, WPARAM wParam, LPARAM lParam); HRESULT  InitializeD3D       ( ); void RenderFrame           ( );
//----------------------------------------------------------------------------- // Name: WinMain() // Desc: The application's entry point //----------------------------------------------------------------------------- int WINAPI WinMain( HINSTANCE hInstance,
                    HINSTANCE hPrevInstance,
                    LPSTR     lpCmdLine,
                    int       nCmdShow ) {  WNDCLASSEX  winClass;   MSG         uMsg;   HRESULT     hr;
    memset(&amp;amp;uMsg,0,sizeof(uMsg));
    winClass.lpszClassName = "MY_WINDOWS_CLASS";    winClass.cbSize       
= sizeof(WNDCLASSEX);   winClass.style         = CS_HREDRAW | CS_VREDRAW;   winClass.lpfnWndProc   = WindowProc;    winClass.hInstance 
= hInstance;    winClass.hIcon         = LoadIcon(hInstance, (LPCTSTR)IDC_DXSPRITE);
    winClass.hIconSm       = LoadIcon(hInstance, (LPCTSTR)IDC_DXSPRITE);    winClass.hCursor       = LoadCursor(NULL, IDC_ARROW);   winClass.hbrBackground = (HBRUSH)GetStockObject(BLACK_BRUSH);   winClass.lpszMenuName  = NULL;  winClass.cbClsExtra    = 0;     winClass.cbWndExtra    = 0;
    if( !RegisterClassEx(&amp;amp;winClass) )       return E_FAIL;
    g_hWnd = CreateWindowEx( NULL, "MY_WINDOWS_CLASS",
                             "Direct3D 9 - ID3DXSprite Example",
                             WS_OVERLAPPEDWINDOW | WS_VISIBLE,
                             0, 0, SCREEN_WIDTH, SCREEN_HEIGHT, NULL, NULL, hInstance, NULL );
    if( g_hWnd == NULL )        return E_FAIL;
    ShowWindow( g_hWnd, nCmdShow );
    UpdateWindow( g_hWnd );    SetLayeredWindowAttributes(GetActiveWindow(), NULL, 255, LWA_ALPHA);     //----------------------------------------------------------------  // Create the DirectX device    //----------------------------------------------------------------  if (FAILED( InitializeD3D()))       return 0;
    //----------------------------------------------------------------  // CREATE THE ID3DXSprite   //----------------------------------------------------------------
    // Create the ID3DXSprite interface object  hr = D3DXCreateSprite(g_pD3DDevice, &amp;amp;g_pD3DXSprite );   if( FAILED(hr) )        return hr;
    //----------------------------------------------------------------  // LOAD THE TEXTURE FOR THE SPRITE  //----------------------------------------------------------------
    // --------------------------------------------------------     // Load the texture.  I decided to use the extended     // version of the texture loading function just to show what    // it would look like.  // The texture was created with Photoshop with a transparent    // background to start with.  Then line cross hairs were added.     //  // Note - If you don't use a texture image that has a power of  // 2 size for the width or height then the image may not load   // properly.  This image is 256x256.    //
    D3DXCreateTextureFromFileEx(        g_pD3DDevice,       "C:\\Documents and Settings\\Death\\My Documents\\45handold2.tga",              // Our texture image!       D3DX_DEFAULT,               // width        D3DX_DEFAULT,               // height       D3DX_DEFAULT,               // MIP levels       0,                          // usage        D3DFMT_DXT1,                // texture format       D3DPOOL_MANAGED,            // mem pool         D3DX_DEFAULT,               // filter       D3DX_DEFAULT,               // MIP filter       0,                          // transparent color key        NULL,                       // image info struct        NULL,                       // palette      &amp;amp;g_pTexture);               // the returned texture, if success
    if ( FAILED(hr) )       return hr;
    // ---------    // Main Loop    // ---------    while( uMsg.message != WM_QUIT )    {       if( PeekMessage( &amp;amp;uMsg, NULL, 0, 0, PM_REMOVE ) )       {           TranslateMessage( &amp;amp;uMsg );          DispatchMessage( &amp;amp;uMsg );       }   }
    // -------------------------    // Release directx resources    //
-------------------------   if (g_pD3DXSprite)  {       g_pD3DXSprite-&amp;gt;Release();       g_pD3DXSprite = NULL;   }
    if (g_pTexture)     {       g_pTexture-&amp;gt;Release();      g_pTexture = NULL;  }
    if (g_pD3DDevice)   {       g_pD3DDevice-&amp;gt;Release();        g_pD3DDevice = NULL;    }
    UnregisterClass( "MY_WINDOWS_CLASS", winClass.hInstance );  return (int)uMsg.wParam; }
//----------------------------------------------------------------------------- // Name: WindowProc() // Desc: The window's message handler //----------------------------------------------------------------------------- LRESULT CALLBACK WindowProc( HWND   hWnd,
                             UINT   msg,
                             WPARAM wParam,
                             LPARAM lParam ) {
    switch( msg )   {
        case WM_KEYDOWN:        {           switch( wParam )            {
                case VK_ESCAPE:
                    PostQuitMessage(0);
                    break;
            }       }
        break;
        case WM_CLOSE:      {           PostQuitMessage(0);         }
        case WM_DESTROY:        {
            PostQuitMessage(0);         }
        break;
        default:        {
            RenderFrame();          return DefWindowProc( hWnd, msg, wParam, lParam );      }       break;  }
    return 0; }
//----------------------------------------------------------------------------- // Name: InitializeD3D() // Desc: Create DirectX interface objects //        Initialize the view matrix. //      Setup render states that will not need changing throughout //       the life of the application. //----------------------------------------------------------------------------- HRESULT InitializeD3D( ) {    HRESULT hr;
    // Create a direct 3D interface object
    g_pD3D = Direct3DCreate9( D3D_SDK_VERSION );
    if( g_pD3D == NULL )    {       // TO DO: Respond to failure of Direct3DCreate9         return E_FAIL;  }
    D3DDISPLAYMODE d3ddm;
    if( FAILED( hr = g_pD3D-&amp;gt;GetAdapterDisplayMode( D3DADAPTER_DEFAULT, &amp;amp;d3ddm ) ) )    {       // TO DO: Respond to failure of GetAdapterDisplayMode       return hr;  }
    //  if( FAILED( hr = g_pD3D-&amp;gt;CheckDeviceFormat( D3DADAPTER_DEFAULT, D3DDEVTYPE_HAL,
                                                d3ddm.Format, D3DUSAGE_DEPTHSTENCIL,
                                                D3DRTYPE_SURFACE, D3DFMT_D16 ) ) )  {       if( hr == D3DERR_NOTAVAILABLE )             // POTENTIAL PROBLEM: We need at least a 16-bit z-buffer!           return hr;  }
    //  // Do we support hardware vertex processing? If so, use it.     // If not, downgrade to software.   //
    D3DCAPS9 d3dCaps;
    if( FAILED( hr = g_pD3D-&amp;gt;GetDeviceCaps( D3DADAPTER_DEFAULT,
                                       D3DDEVTYPE_HAL, &amp;amp;d3dCaps ) ) )   {       // TO DO: Respond to failure of GetDeviceCaps       return hr;  }
    DWORD dwBehaviorFlags = 0;
    if( d3dCaps.VertexProcessingCaps != 0 )         dwBehaviorFlags |= D3DCREATE_HARDWARE_VERTEXPROCESSING;     else        dwBehaviorFlags |= D3DCREATE_SOFTWARE_VERTEXPROCESSING;
    //  // Everything checks out - create a simple, windowed device.    //
    D3DPRESENT_PARAMETERS d3dpp;    memset(&amp;amp;d3dpp, 0, sizeof(d3dpp));
    d3dpp.BackBufferFormat       = d3ddm.Format;    d3dpp.SwapEffect             = D3DSWAPEFFECT_DISCARD;   d3dpp.Windowed               = TRUE;
    d3dpp.EnableAutoDepthStencil = TRUE;
    d3dpp.AutoDepthStencilFormat = D3DFMT_D16;
    d3dpp.PresentationInterval   = D3DPRESENT_INTERVAL_IMMEDIATE;
    // Attempt to create a HAL device, end app on failure just to keep things   // simple.  In other words we are not trying to create a REF device if the  // HAL fails.
    if( FAILED( hr = g_pD3D-&amp;gt;CreateDevice( D3DADAPTER_DEFAULT, D3DDEVTYPE_HAL, HWND_DESKTOP,
                                      dwBehaviorFlags, &amp;amp;d3dpp, &amp;amp;g_pD3DDevice ) ) )  {   //    char blah[100];
      //  snprintf (blah, 1000, "%d", hr);      //MessageBox (NULL,blah,NULL,NULL);     }
    // If we get here everything worked!    return S_OK; }
//----------------------------------------------------------------------------- // Name: RenderFrame() // Desc: Draw the image to the framebuffer. //----------------------------------------------------------------------------- void RenderFrame( ) {    if (!g_pD3DDevice &amp;amp;&amp;amp; !g_pD3DXSprite &amp;amp;&amp;amp; !g_pTexture)         return;
    // Clear the frame &amp;amp; depth buffer ready for drawing (Black color)
    g_pD3DDevice-&amp;gt;Clear( 0, NULL, D3DCLEAR_TARGET | D3DCLEAR_ZBUFFER,  0x00000000, 1.0f, 0 );
    g_pD3DDevice-&amp;gt;BeginScene();     {       //-------------------------         // Render the sprite        //
        D3DXVECTOR3 vecPos = D3DXVECTOR3(0,0,0);
        if (g_pD3DXSprite &amp;amp;&amp;amp; g_pTexture)        {           g_pD3DXSprite-&amp;gt;Begin( D3DXSPRITE_ALPHABLEND );          g_pD3DXSprite-&amp;gt;Draw(g_pTexture, NULL, NULL, &amp;amp;vecPos, 0xffffffff);           g_pD3DXSprite-&amp;gt;End();       }
    }   g_pD3DDevice-&amp;gt;EndScene();
    // Frame buffer to Front buffer     g_pD3DDevice-&amp;gt;Present( NULL, NULL, NULL, NULL );
}
&lt;/code&gt;&lt;/pre&gt;</t>
  </si>
  <si>
    <t>2013-08-11 20:18:57.463000+00:00</t>
  </si>
  <si>
    <t>2013-08-28 17:26:09.850000+00:00</t>
  </si>
  <si>
    <t>c++|winapi|compiler-errors</t>
  </si>
  <si>
    <t>Msgbox From query access</t>
  </si>
  <si>
    <t>&lt;p&gt;I have an access form that contains an Id field.Once a user enters the Id , i want to run a query on the after update event to get the patients history field and display it as a msg box.&lt;/p&gt;
&lt;p&gt;The query is as follows :&lt;/p&gt;
&lt;pre&gt;&lt;code&gt;"Select Patients.[Patient History] From Patients Where Patients.ID = " &amp;amp; Me.PatientID
&lt;/code&gt;&lt;/pre&gt;
&lt;p&gt;How can i do this?&lt;/p&gt;
&lt;p&gt;thank you&lt;/p&gt;</t>
  </si>
  <si>
    <t>2016-12-18 15:04:26.763000+00:00</t>
  </si>
  <si>
    <t>2016-12-18 18:33:55.677000+00:00</t>
  </si>
  <si>
    <t>vba|access-vba|access</t>
  </si>
  <si>
    <t>Ignore "This Workbook Contains Links to Other data Sources"</t>
  </si>
  <si>
    <t>&lt;p&gt;I am opening a file in VBA and want to ignore the above message after my file opens through the code. That is I don't want to update the file and want to continue running the code . How can I do it? I am opening multiple file and I need to wait for every file to display that, instead I thought I can do it through code. &lt;/p&gt;
&lt;pre&gt;&lt;code&gt;filter = "Text files (*.xls*),*.xls*"
Caption = "Please Select the a file"
Ret = Application.GetOpenFilename(filter, , Caption)
If Ret = False Then Exit Sub
Set wb = Workbooks.Open(Ret)
&lt;/code&gt;&lt;/pre&gt;
&lt;p&gt;Application.displayAlerts=False does not work for this. Is there anyway to manage it? Thanks.&lt;/p&gt;</t>
  </si>
  <si>
    <t>2015-03-27 20:18:56.543000+00:00</t>
  </si>
  <si>
    <t>2015-03-27 20:25:15.630000+00:00</t>
  </si>
  <si>
    <t>excel|vba|excel-vba</t>
  </si>
  <si>
    <t>Why/How to fix selected option in DOM different from screen in IE11</t>
  </si>
  <si>
    <t>&lt;p&gt;I have a page that has JavaScript that executes &lt;code&gt;history.go(-1); return false;&lt;/code&gt; to go to a previous page when a "Return" button is pushed.  The page displays the correct selected option on the initial page load but when going to the next page that has the "Return" button and then going back, the selected option displayed on the screen becomes a random value that is not the same as what the DOM shows.  Below are screenshots of the progression and then my &lt;code&gt;sortSelect()&lt;/code&gt; code at the bottom.  This issue does not occur in Edge or Chrome but does in IE 11.&lt;/p&gt;
&lt;p&gt;I'm ultimately wanting to know how to remedy this issue such that what is displayed on the screen reflects what the DOM is saying is the selected option.&lt;/p&gt;
&lt;p&gt;&lt;strong&gt;Before Sort on initial page load (correct option displays):&lt;/strong&gt;&lt;/p&gt;
&lt;p&gt;&lt;a href="https://i.stack.imgur.com/UQj99.png" rel="nofollow noreferrer"&gt;&lt;img src="https://i.stack.imgur.com/UQj99.png" alt="Before Sort on initial page load"&gt;&lt;/a&gt;&lt;/p&gt;
&lt;p&gt;&lt;strong&gt;After Sort on initial page load (correct option displays):&lt;/strong&gt;&lt;/p&gt;
&lt;p&gt;&lt;a href="https://i.stack.imgur.com/Gewiu.png" rel="nofollow noreferrer"&gt;&lt;img src="https://i.stack.imgur.com/Gewiu.png" alt="After Sort on initial page load"&gt;&lt;/a&gt;&lt;/p&gt;
&lt;p&gt;&lt;strong&gt;Before Sort after history.go(-1) from next page (incorrect option displays):&lt;/strong&gt;&lt;/p&gt;
&lt;p&gt;&lt;a href="https://i.stack.imgur.com/7X1pQ.png" rel="nofollow noreferrer"&gt;&lt;img src="https://i.stack.imgur.com/7X1pQ.png" alt="Before Sort after history.go(-1) from next page"&gt;&lt;/a&gt;&lt;/p&gt;
&lt;p&gt;&lt;strong&gt;After Sort after history.go(-1) from next page (incorrect option displays):&lt;/strong&gt;&lt;/p&gt;
&lt;p&gt;&lt;a href="https://i.stack.imgur.com/f8VgP.png" rel="nofollow noreferrer"&gt;&lt;img src="https://i.stack.imgur.com/f8VgP.png" alt="After Sort after history.go(-1) from next page"&gt;&lt;/a&gt;&lt;/p&gt;
&lt;p&gt;&lt;strong&gt;Sort Select method:&lt;/strong&gt;&lt;/p&gt;
&lt;pre&gt;&lt;code&gt;$.fn.sortSelect = function() {
    this.each(function(index, selectElement) {
        if (selectElement &amp;amp;&amp;amp; selectElement.tagName.toUpperCase() === "SELECT") {
            var val = $(selectElement).val();
            // get the child options
            var options = $(selectElement).children('option');
            // sort'em
            options.sort(function(a, b) {
                if ( ! a.text) {
                    a.text = "";
                }
                if ( ! b.text) {
                    b.text = "";
                }
                if (a.text.toLowerCase() &amp;gt; b.text.toLowerCase()) {
                    return 1;
                } else if (a.text.toLowerCase() &amp;lt; b.text.toLowerCase()) {
                    return -1;
                } else {
                    return 0;
                }
            });
            // purge the select element and append the sorted options.
            $(selectElement).empty();
            $(selectElement).append(options);
            $(selectElement).val(val);
        }
    });
};
&lt;/code&gt;&lt;/pre&gt;</t>
  </si>
  <si>
    <t>2017-11-07 15:25:41.917000+00:00</t>
  </si>
  <si>
    <t>javascript|jquery|internet-explorer-11|browser-history</t>
  </si>
  <si>
    <t>ios rss parse html content inside &lt;content&gt; tag</t>
  </si>
  <si>
    <t>&lt;p&gt;Am trying to parse a RSS feed using NSXMLPARSER. Am getting the title, images, pubDate every thing but the problem is with content tag. Here content tag have html content coming from rss. So how can i get all the data inside content tag along with html. My Data is below.&lt;/p&gt;
&lt;pre&gt;&lt;code&gt;    &amp;lt;content&amp;gt;&amp;lt;p&amp;gt;(������������ )&amp;lt;br /&amp;gt;
��������������� ��������������&amp;lt;br /&amp;gt;
���   ���������� 2008&amp;lt;br /&amp;gt;
���   �������� 6 ���������� 3.5 ������&amp;lt;br /&amp;gt;
���   ����������������������&amp;lt;br /&amp;gt;
���   ������������ 107.000������&amp;lt;br /&amp;gt;
���   ���������� ������ ��������&amp;lt;br /&amp;gt;
���   ���������� ������������&amp;lt;br /&amp;gt;
���   �������� amg&amp;lt;br /&amp;gt;
���   ���������� ����������&amp;lt;br /&amp;gt;
�������������� ���� �������� &amp;amp;#8211; ������ �������������� &amp;amp;#8211; �������� �������� &amp;amp;#8211; �������������� �������� gps &amp;amp;#8211; ���������� ���������� �������� amg 20 &amp;amp;#8211; �������������� ���������� ���������� ���������������� ���� ���������� ������ �������������� 159������ �������� �������� �������������� ���� �������� ��������������&amp;lt;br /&amp;gt;
������ ���������� ���������� �������� ���������� ���������������� ���������� ���������������� ���������� ���������� ���������� ���������� ����������������&amp;lt;br /&amp;gt;
�������� ������������ ������������ ���������������� ������������ ��������������&amp;lt;br /&amp;gt;
�������� ������������ �������������� ������������&amp;lt;br /&amp;gt;
������������ ���������� &amp;amp;#8211; �������������� &amp;amp;#8211; ���������� ������������&amp;lt;br /&amp;gt;
�������������� 0583188870&amp;amp;#8211;0556802016&amp;lt;br /&amp;gt;
�������� ������������&amp;lt;br /&amp;gt;
������������ ���������� �������������� ������������ &amp;amp;#8230;.&amp;lt;/p&amp;gt;
&amp;lt;/content&amp;gt;
&lt;/code&gt;&lt;/pre&gt;
&lt;p&gt;And am using below code to get the content.&lt;/p&gt;
&lt;pre&gt;&lt;code&gt;-(void) parser:(NSXMLParser *)parser foundCharacters:(NSString *)string 
{
    NSLog(@"Before: %@",string);
    currentNodeContent = (NSMutableString *) string;
}
&lt;/code&gt;&lt;/pre&gt;
&lt;p&gt;Am not getting any thing from this content tag others like title, image and date doesn't have html so am getting without any problem. So what to do here.&lt;/p&gt;</t>
  </si>
  <si>
    <t>2013-10-31 09:43:20.033000+00:00</t>
  </si>
  <si>
    <t>2013-10-31 14:12:30.690000+00:00</t>
  </si>
  <si>
    <t>ios|xml-parsing|rss</t>
  </si>
  <si>
    <t>Load module from deps' test directory</t>
  </si>
  <si>
    <t>&lt;p&gt;I would like to use a module from the test directory of one of my dependencies in the tests of my elixir application. I am wondering if there is a way to do this. Thank you.&lt;/p&gt;
&lt;p&gt;I tried &lt;code&gt;import &amp;lt;module name&amp;gt;&lt;/code&gt;, which gives me a compilation error &lt;code&gt;elixir module is not loaded and could not be found&lt;/code&gt;.&lt;/p&gt;</t>
  </si>
  <si>
    <t>2017-10-12 15:39:54.767000+00:00</t>
  </si>
  <si>
    <t>2017-10-12 22:32:31.390000+00:00</t>
  </si>
  <si>
    <t>elixir|phoenix-framework</t>
  </si>
  <si>
    <t>5 columns per row in Bootstrap-4</t>
  </si>
  <si>
    <t>&lt;p&gt;I have 15 records, I want to show all of it in a 5 columns per row. So I am using the auto column available in bootstrap 4 ".col", is there a way to limit column counts per row?&lt;/p&gt;
&lt;p&gt;Note: I have to continuously loop the columns without breaking the row.&lt;/p&gt;
&lt;p&gt;I want to achieve something like this&lt;/p&gt;
&lt;pre&gt;&lt;code&gt;[ 1][ 2][ 3][ 4][ 5]
[ 6][ 7][ 8][ 9][10]
[11][12][13][14][15]
&lt;/code&gt;&lt;/pre&gt;
&lt;p&gt;Here's my current code:&lt;/p&gt;
&lt;pre&gt;&lt;code&gt;&amp;lt;div class="row"&amp;gt;
    &amp;lt;!-- this will create 15 col --&amp;gt;
    &amp;lt;div class="col" ng-repeat="record in records"&amp;gt;
        {{record.title}}
    &amp;lt;/div&amp;gt;
&amp;lt;/div&amp;gt;
&lt;/code&gt;&lt;/pre&gt;
&lt;p&gt;But this results to:&lt;/p&gt;
&lt;pre&gt;&lt;code&gt;[1][2][3][4][5][6][7][8][9][10][11][12][13][14][15]
&lt;/code&gt;&lt;/pre&gt;</t>
  </si>
  <si>
    <t>2018-06-07 06:55:32.007000+00:00</t>
  </si>
  <si>
    <t>2018-06-07 18:29:05.713000+00:00</t>
  </si>
  <si>
    <t>2018-06-07 09:46:31.297000+00:00</t>
  </si>
  <si>
    <t>bootstrap-4</t>
  </si>
  <si>
    <t>I need to bound from query row to a label.text</t>
  </si>
  <si>
    <t>&lt;p&gt;Please look at code below and help me with your experience. I need to pull out company name from query and bound it to the lblCustName.text I tried different method but still I am getting errors. Please help to fix this problem.&lt;/p&gt;
&lt;pre&gt;&lt;code&gt;public partial class frmMTO : Form
{
    static string constring = ConfigurationManager.ConnectionStrings["cfTrack.Properties.Settings.Setting"].ConnectionString;
    DataTable mtotbl = new DataTable("tbl");
    public frmMTO()
    {
        InitializeComponent();
    }
  private void frmMTO_Load(object sender, EventArgs e)
    {
        btnStart.Enabled = false;
        lblCustName.Text = "";
      // Binding data to Customers List  
        SqlConnection con = new SqlConnection(constring);
        con.Open();
        SqlDataAdapter sda = new SqlDataAdapter("SELECT Quote_No, Company FROM tblRFQ_logs ORDER BY Quote_No DESC", con);
        DataTable dt = new System.Data.DataTable();
        sda.Fill(dt);
        cmRFQ.ValueMember = "id";
        cmRFQ.DisplayMember = "Quote_No";
        cmRFQ.DataSource = dt;
        SqlDataAdapter materiaDA = new SqlDataAdapter("SELECT Grade FROM tblMaterialGrades", con);
        DataTable materialDT = new System.Data.DataTable();
        materiaDA.Fill(materialDT);
        cmMaterial.ValueMember = "Grade_id";
        cmMaterial.DisplayMember = "Grade";
        cmMaterial.DataSource = materialDT;
        // Closing Connection
        con.Close();
        mtotbl.Columns.Add("ID", typeof(int));
        mtotbl.Columns.Add("Material", typeof(string));
        mtotbl.Columns.Add("Item Mark", typeof(string));
        mtotbl.Columns.Add("Short Code", typeof(string));
        mtotbl.Columns.Add("Description", typeof(string));
        mtotbl.Columns.Add("Unit", typeof(string));
        mtotbl.Columns.Add("QTY.", typeof(string));
        mtotbl.Rows.Add(1, "SA-106 B", "N1", "PIP4STD106","4in STD SA-106B, SMLS", "in.", "6");
        dataGridView1.DataSource = mtotbl;
    }
private void cmRFQ_SelectedValueChanged(object sender, EventArgs e)
    {
      // here I need to change the label text
lblCustName.Text = "Company" &amp;lt;------ this data comes from query
    }
&lt;/code&gt;&lt;/pre&gt;
&lt;p&gt;Thanks for your reply&lt;/p&gt;</t>
  </si>
  <si>
    <t>2017-04-28 13:39:12.900000+00:00</t>
  </si>
  <si>
    <t>2017-07-11 11:00:47.410000+00:00</t>
  </si>
  <si>
    <t>sql-server|text|label</t>
  </si>
  <si>
    <t>NuGet Package Restore fails with error message - can't build solution</t>
  </si>
  <si>
    <t>&lt;p&gt;I recently ran into an issue with an old Visual Studio solution/project where I couldn't build the solution because NuGet was reporting the following:&lt;/p&gt;
&lt;pre&gt;&lt;code&gt;"Unable to find version '0.1.0' of package 'ElmahJS' on &amp;lt;NuGet feed&amp;gt;..."
&lt;/code&gt;&lt;/pre&gt;
&lt;p&gt;How can I resolve this issue? &lt;/p&gt;</t>
  </si>
  <si>
    <t>2017-11-30 16:34:21.060000+00:00</t>
  </si>
  <si>
    <t>2017-11-30 16:46:39.250000+00:00</t>
  </si>
  <si>
    <t>c#|visual-studio|package|nuget</t>
  </si>
  <si>
    <t>How to pass arguments to kotlin script?</t>
  </si>
  <si>
    <t>&lt;p&gt;I have a windows batch&lt;/p&gt;
&lt;pre&gt;&lt;code&gt;@echo off
setlocal
  call kotlinc-jvm -cp "%~dp0\lib\commons-cli-1.3.1.jar" -script "%~dp0\RmMvnRepo.kts" %*
endlocal
&lt;/code&gt;&lt;/pre&gt;
&lt;p&gt;If I pass "-h" option to the batch, kotlinc-jvm own's help will display. But I want my &lt;code&gt;RmMvnRepo.kts&lt;/code&gt; to receive the option. How to do that?&lt;/p&gt;
&lt;hr&gt;
&lt;p&gt;EDIT: No need to answer this question anymore. I've found a bug in kotlinc related to this.&lt;/p&gt;</t>
  </si>
  <si>
    <t>2015-12-20 04:58:59.963000+00:00</t>
  </si>
  <si>
    <t>2015-12-27 08:02:19.583000+00:00</t>
  </si>
  <si>
    <t>2015-12-20 14:03:53.627000+00:00</t>
  </si>
  <si>
    <t>batch-file|kotlin</t>
  </si>
  <si>
    <t>WORDPRESS: How to identify media by title instead of ID in a gallery</t>
  </si>
  <si>
    <t>&lt;p&gt;I'm working on a mass upload of images and gallery posts, so I would like to prepare my posts offline.
The gallery code is &lt;code&gt;[gallery  include="94,104"]&lt;/code&gt; where the ID numbers are assigned by WP at uploading time.&lt;/p&gt;
&lt;p&gt;It would be a big help to modify the gallery script so media could be referred by &lt;code&gt;post_title&lt;/code&gt;,&lt;code&gt;post_name&lt;/code&gt; or &lt;code&gt;guid&lt;/code&gt;, so the post content can be prepared without knowing the ID. Ideally, I would like to do: &lt;code&gt;[gallery  include=" IMG_4736.jpg"]&lt;/code&gt;.&lt;/p&gt;
&lt;p&gt;Unfortunately I haven't found a way to identify a media element by its file name.&lt;/p&gt;
&lt;p&gt;Any help would be much appreciated.&lt;/p&gt;</t>
  </si>
  <si>
    <t>2013-08-02 19:37:36.673000+00:00</t>
  </si>
  <si>
    <t>2013-08-03 07:13:59.417000+00:00</t>
  </si>
  <si>
    <t>wordpress|gallery|media</t>
  </si>
  <si>
    <t>Spring Security BadCredentialsException</t>
  </si>
  <si>
    <t>&lt;p&gt;I am following &lt;a href="https://www.baeldung.com/spring-security-registration-password-encoding-bcrypt" rel="nofollow noreferrer"&gt;this Baeldung tutorial&lt;/a&gt;, and I can't see any differences (except maybe the pregenerated login page template), but I still get a &lt;code&gt;BadCredentialsException&lt;/code&gt; when trying to login with a hard-coded user/password combo, which I've already confirmed is in the DB and the password in there is encrypted.&lt;/p&gt;
&lt;p&gt;Here's my code, let me know if more is needed:&lt;/p&gt;
&lt;p&gt;SecurityConfig:&lt;/p&gt;
&lt;pre&gt;&lt;code&gt;@Component
@EnableWebSecurity
@SuppressWarnings("unused")
public class SecurityConfig extends WebSecurityConfigurerAdapter {
    @Autowired
    private MyUserDetailsService userDetailsService;
    @Override
    protected void configure(HttpSecurity http) throws Exception {
        http
                .authorizeRequests()
                .antMatchers("/css/**").permitAll()
                .antMatchers("/error").permitAll()
                .antMatchers("/action/**").hasRole("USER")
                .antMatchers("/action_template/**").hasRole("ADMIN")
                .and()
                .formLogin()
                .loginPage("/login").failureUrl("/login-error");
    }
    @Override
    public void configure(AuthenticationManagerBuilder auth) throws Exception {
        auth.authenticationProvider(authProvider());
    }
    @Bean
    public DaoAuthenticationProvider authProvider() {
        DaoAuthenticationProvider authProvider = new DaoAuthenticationProvider();
        authProvider.setUserDetailsService(userDetailsService);
        authProvider.setPasswordEncoder(passwordEncoder());
        return authProvider;
    }
    @Bean
    public PasswordEncoder passwordEncoder() {
        return new BCryptPasswordEncoder();
    }
}
&lt;/code&gt;&lt;/pre&gt;
&lt;p&gt;MyUserDetailsService:&lt;/p&gt;
&lt;pre&gt;&lt;code&gt;@Service
@Transactional
@SuppressWarnings("unused")
public class MyUserDetailsService implements UserDetailsService {
    @Autowired
    private UserRepository userRepository;
    public UserDetails loadUserByUsername(String email) throws UsernameNotFoundException {
        User user = userRepository.findByEmail(email);
        if (user == null) {
            throw new UsernameNotFoundException(
                    "No user found with username: " + email);
        }
        final List&amp;lt;GrantedAuthority&amp;gt; authorities = new ArrayList&amp;lt;&amp;gt;();
        user.getRoles().forEach((r) -&amp;gt; authorities.add(new SimpleGrantedAuthority(r)));
        return  new org.springframework.security.core.userdetails.User(
                user.getEmail(),
                user.getPassword().toLowerCase(),
                true,
                true,
                true,
                true,
                authorities
        );
    }
}
&lt;/code&gt;&lt;/pre&gt;
&lt;p&gt;&lt;strong&gt;EDIT:&lt;/strong&gt;&lt;/p&gt;
&lt;p&gt;Here's the stacktrace&lt;/p&gt;
&lt;pre&gt;&lt;code&gt;2018-11-14 13:52:05.785 DEBUG 2100 --- [nio-8090-exec-5] w.a.UsernamePasswordAuthenticationFilter : Authentication request failed: org.springframework.security.authentication.BadCredentialsException: Bad credentials
org.springframework.security.authentication.BadCredentialsException: Bad credentials
    at org.springframework.security.authentication.dao.DaoAuthenticationProvider.additionalAuthenticationChecks(DaoAuthenticationProvider.java:93)
    at org.springframework.security.authentication.dao.AbstractUserDetailsAuthenticationProvider.authenticate(AbstractUserDetailsAuthenticationProvider.java:166)
    at org.springframework.security.authentication.ProviderManager.authenticate(ProviderManager.java:174)
    at org.springframework.security.authentication.ProviderManager.authenticate(ProviderManager.java:199)
    at org.springframework.security.web.authentication.UsernamePasswordAuthenticationFilter.attemptAuthentication(UsernamePasswordAuthenticationFilter.java:94)
    at org.springframework.security.web.authentication.AbstractAuthenticationProcessingFilter.doFilter(AbstractAuthenticationProcessingFilter.java:212)
    at org.springframework.security.web.FilterChainProxy$VirtualFilterChain.doFilter(FilterChainProxy.java:334)
    at org.springframework.security.web.authentication.logout.LogoutFilter.doFilter(LogoutFilter.java:116)
    at org.springframework.security.web.FilterChainProxy$VirtualFilterChain.doFilter(FilterChainProxy.java:334)
    at org.springframework.security.web.csrf.CsrfFilter.doFilterInternal(CsrfFilter.java:124)
    at org.springframework.web.filter.OncePerRequestFilter.doFilter(OncePerRequestFilter.java:107)
    at org.springframework.security.web.FilterChainProxy$VirtualFilterChain.doFilter(FilterChainProxy.java:334)
    at org.springframework.security.web.header.HeaderWriterFilter.doFilterInternal(HeaderWriterFilter.java:66)
    at org.springframework.web.filter.OncePerRequestFilter.doFilter(OncePerRequestFilter.java:107)
    at org.springframework.security.web.FilterChainProxy$VirtualFilterChain.doFilter(FilterChainProxy.java:334)
    at org.springframework.security.web.context.SecurityContextPersistenceFilter.doFilter(SecurityContextPersistenceFilter.java:105)
    at org.springframework.security.web.FilterChainProxy$VirtualFilterChain.doFilter(FilterChainProxy.java:334)
    at org.springframework.security.web.context.request.async.WebAsyncManagerIntegrationFilter.doFilterInternal(WebAsyncManagerIntegrationFilter.java:56)
    at org.springframework.web.filter.OncePerRequestFilter.doFilter(OncePerRequestFilter.java:107)
    at org.springframework.security.web.FilterChainProxy$VirtualFilterChain.doFilter(FilterChainProxy.java:334)
    at org.springframework.security.web.FilterChainProxy.doFilterInternal(FilterChainProxy.java:215)
    at org.springframework.security.web.FilterChainProxy.doFilter(FilterChainProxy.java:178)
    at org.springframework.web.filter.DelegatingFilterProxy.invokeDelegate(DelegatingFilterProxy.java:357)
    at org.springframework.web.filter.DelegatingFilterProxy.doFilter(DelegatingFilterProxy.java:270)
    at org.apache.catalina.core.ApplicationFilterChain.internalDoFilter(ApplicationFilterChain.java:193)
    at org.apache.catalina.core.ApplicationFilterChain.doFilter(ApplicationFilterChain.java:166)
    at org.springframework.web.filter.CharacterEncodingFilter.doFilterInternal(CharacterEncodingFilter.java:200)
    at org.springframework.web.filter.OncePerRequestFilter.doFilter(OncePerRequestFilter.java:107)
    at org.apache.catalina.core.ApplicationFilterChain.internalDoFilter(ApplicationFilterChain.java:193)
    at org.apache.catalina.core.ApplicationFilterChain.doFilter(ApplicationFilterChain.java:166)
    at org.apache.catalina.core.StandardWrapperValve.invoke(StandardWrapperValve.java:199)
    at org.apache.catalina.core.StandardContextValve.invoke(StandardContextValve.java:96)
    at org.apache.catalina.authenticator.AuthenticatorBase.invoke(AuthenticatorBase.java:490)
    at org.apache.catalina.core.StandardHostValve.invoke(StandardHostValve.java:139)
    at org.apache.catalina.valves.ErrorReportValve.invoke(ErrorReportValve.java:92)
    at org.apache.catalina.core.StandardEngineValve.invoke(StandardEngineValve.java:74)
    at org.apache.catalina.connector.CoyoteAdapter.service(CoyoteAdapter.java:343)
    at org.apache.coyote.http11.Http11Processor.service(Http11Processor.java:408)
    at org.apache.coyote.AbstractProcessorLight.process(AbstractProcessorLight.java:66)
    at org.apache.coyote.AbstractProtocol$ConnectionHandler.process(AbstractProtocol.java:770)
    at org.apache.tomcat.util.net.NioEndpoint$SocketProcessor.doRun(NioEndpoint.java:1415)
    at org.apache.tomcat.util.net.SocketProcessorBase.run(SocketProcessorBase.java:49)
    at java.util.concurrent.ThreadPoolExecutor.runWorker(ThreadPoolExecutor.java:1149)
    at java.util.concurrent.ThreadPoolExecutor$Worker.run(ThreadPoolExecutor.java:624)
    at org.apache.tomcat.util.threads.TaskThread$WrappingRunnable.run(TaskThread.java:61)
    at java.lang.Thread.run(Thread.java:748)
&lt;/code&gt;&lt;/pre&gt;
&lt;p&gt;I've also edited my SecurityConfig and added &lt;code&gt;.antMatchers("/error").permitAll()&lt;/code&gt;, but it didn't help&lt;/p&gt;
&lt;p&gt;&lt;strong&gt;EDIT 2:&lt;/strong&gt;&lt;/p&gt;
&lt;p&gt;Here's the &lt;a href="https://github.com/VicenteRD/TrackerDNA" rel="nofollow noreferrer"&gt;Github repo&lt;/a&gt;, it should provide more insight.
I have no clue on how to diagnose this further...&lt;/p&gt;</t>
  </si>
  <si>
    <t>2018-11-14 16:16:12.537000+00:00</t>
  </si>
  <si>
    <t>2018-11-14 18:48:51.017000+00:00</t>
  </si>
  <si>
    <t>2018-11-14 18:33:56.527000+00:00</t>
  </si>
  <si>
    <t>java|spring|spring-mvc|spring-boot|spring-security</t>
  </si>
  <si>
    <t>iCloud developer dashboard containers not showing up</t>
  </si>
  <si>
    <t>&lt;p&gt;I have enabled CloudKit within the iOS app capabilities and I'm using the default container with no errors on setup. Im an admin in my development team. I have checked the app id lists (online) and the container does exist but when I go to the dashboard and try to select the container to create new record/fields, I can't because the container isn't there when I go to select it. It's missing from the dashboard console. Please help. &lt;/p&gt;</t>
  </si>
  <si>
    <t>2016-09-17 17:13:11.607000+00:00</t>
  </si>
  <si>
    <t>2018-11-12 17:31:53.970000+00:00</t>
  </si>
  <si>
    <t>ios|containers|icloud|cloudkit|dashboard</t>
  </si>
  <si>
    <t>display hadoop content c#</t>
  </si>
  <si>
    <t>&lt;p&gt;i would like to get list of files available in my hdfs cluster using .net.
the problem is when i run the code in the main method in Program.cs it worked .and when i try to use the code in a button, the application hungs, it blocks.
Here is the code&lt;/p&gt;
&lt;pre&gt;&lt;code&gt;using Microsoft.Hadoop.MapReduce; 
try {
    IHadoop mycluster = Hadoop.Connect();
    string[] content = mycluster.StorageSystem.LsFiles("/");
    foreach (string s in content) {
        Console.WriteLine(s);
    }
} catch (Exception exException) {
    MessageBox.Show (exException.Message);
}
&lt;/code&gt;&lt;/pre&gt;
&lt;p&gt;Many thanks in advance&lt;/p&gt;</t>
  </si>
  <si>
    <t>2016-11-18 08:16:54.163000+00:00</t>
  </si>
  <si>
    <t>2016-11-18 09:57:45.367000+00:00</t>
  </si>
  <si>
    <t>2016-11-18 08:21:35.450000+00:00</t>
  </si>
  <si>
    <t>c#|hadoop</t>
  </si>
  <si>
    <t>Why does MVC throw a NullReferenceException when there seems to be no Null Reference?</t>
  </si>
  <si>
    <t>&lt;p&gt;I have an MVC view that is throwing a NullReferenceException in the following code:&lt;/p&gt;
&lt;pre&gt;&lt;code&gt;&amp;lt;div class="center-block text-center mb15"&amp;gt;
    Showing @count of @Model.TotalItemCount results
&amp;lt;/div&amp;gt;
&lt;/code&gt;&lt;/pre&gt;
&lt;p&gt;So, I would expect that the error is that &lt;code&gt;Model&lt;/code&gt; is null.  However, the code has already made it through the following code which appears earlier in the same view:&lt;/p&gt;
&lt;pre&gt;&lt;code&gt;@{
    long count = Model.Count();
}
&lt;/code&gt;&lt;/pre&gt;
&lt;p&gt;Stepping through the code shows that &lt;code&gt;count&lt;/code&gt; is (in this case) 6, and &lt;code&gt;Model.TotalItemCount&lt;/code&gt; is also 6, so there is no null reference.&lt;/p&gt;
&lt;p&gt;But it's still throwing the exception!&lt;/p&gt;
&lt;p&gt;Here's the weird bit, which makes no sense to me and is the crux of the question.  When the exception is thrown I get the following in Visual Studio:&lt;/p&gt;
&lt;p&gt;&lt;a href="https://i.stack.imgur.com/FPpvY.png" rel="nofollow noreferrer"&gt;&lt;img src="https://i.stack.imgur.com/FPpvY.png" alt="enter image description here"&gt;&lt;/a&gt;&lt;/p&gt;
&lt;p&gt;This seems to indicate that the view that is being debugged is &lt;em&gt;different&lt;/em&gt; to the view being displayed in the editor, but&lt;/p&gt;
&lt;ul&gt;
&lt;li&gt;I have deleted the &lt;code&gt;bin&lt;/code&gt; and &lt;code&gt;obj&lt;/code&gt; folders and rebuilt the app, with no change, and&lt;/li&gt;
&lt;li&gt;This view has not been changed for a couple of months and works with other controller actions (it is a &lt;code&gt;Shared&lt;/code&gt; view).&lt;/li&gt;
&lt;/ul&gt;
&lt;p&gt;Stepping through the view prior to this line in the debugger, every line is highlighted correctly (yellow bar through all text).&lt;/p&gt;</t>
  </si>
  <si>
    <t>2017-04-13 19:45:42.890000+00:00</t>
  </si>
  <si>
    <t>2017-04-13 20:57:09.617000+00:00</t>
  </si>
  <si>
    <t>c#|asp.net-mvc|asp.net-mvc-4</t>
  </si>
  <si>
    <t>Boolean Field in Oracle</t>
  </si>
  <si>
    <t>&lt;p&gt;Yesterday I wanted to add a boolean field to an Oracle table.  However, there isn't actually a boolean data type in Oracle.  Does anyone here know the best way to simulate a boolean?  Googling the subject discovered several approaches&lt;/p&gt;
&lt;ol&gt;
&lt;li&gt;&lt;p&gt;Use an integer and just don't bother assigning anything other than 0 or 1 to it.&lt;/p&gt;&lt;/li&gt;
&lt;li&gt;&lt;p&gt;Use a char field with 'Y' or 'N' as the only two values.&lt;/p&gt;&lt;/li&gt;
&lt;li&gt;&lt;p&gt;Use an enum with the CHECK constraint.&lt;/p&gt;&lt;/li&gt;
&lt;/ol&gt;
&lt;p&gt;Do experienced Oracle developers know which approach is preferred/canonical?&lt;/p&gt;</t>
  </si>
  <si>
    <t>2008-08-27 13:16:58.883000+00:00</t>
  </si>
  <si>
    <t>2016-10-04 17:07:00.250000+00:00</t>
  </si>
  <si>
    <t>2015-12-18 06:30:41.997000+00:00</t>
  </si>
  <si>
    <t>Eli Courtwright</t>
  </si>
  <si>
    <t>oracle|boolean|sqldatatypes</t>
  </si>
  <si>
    <t>Get data into tabular format on printing in vb.net</t>
  </si>
  <si>
    <t>&lt;p&gt;I have a program which takes attendee���s names and contact details and writes them to a text file. In all, there are 20 rows and 5 columns which are used in my form so that when the user clicks on the ���Save��� button, these details are written to a text file.&lt;/p&gt;
&lt;p&gt;The code I am using works fine, and is shown below. Please note that this code is truncated to the first attendee only.&lt;/p&gt;
&lt;p&gt;&lt;div class="snippet" data-lang="js" data-hide="false"&gt;_x000D_
&lt;div class="snippet-code"&gt;_x000D_
&lt;pre class="snippet-code-html lang-html prettyprint-override"&gt;&lt;code&gt;Dim AttendeeData = New DirectoryInfo(Path.Combine(Environment.GetFolderPath(Environment.SpecialFolder.Desktop), "Attendee Information\" &amp;amp; TextBox1.Text))_x000D_
_x000D_
        Dim FileNameTXT As String = Path.Combine(AttendeeData.FullName, "Attendee Data" + ".TXT")_x000D_
        Dim FileTXT As New System.IO.StreamWriter(FileNameTXT)_x000D_
_x000D_
        ���Write the Attendee details to the text file_x000D_
_x000D_
        ���Attendee Number 1_x000D_
   _x000D_
        FileTXT.Write(Form1.TextBox2.Text)   ���Attendee���s Name               _x000D_
        FileTXT.WriteLine("")_x000D_
        _x000D_
        FileTXT.Write(Form1.TextBox3.Text)   ���Attendee's Nationality               _x000D_
        FileTXT.WriteLine("")_x000D_
        _x000D_
        FileTXT.Write(Form1.TextBox4.Text)   ���Attendee's Position              _x000D_
        FileTXT.WriteLine("")_x000D_
        _x000D_
        FileTXT.Write(Form1.TextBox5.Text)   ���Attendee's Email              _x000D_
        FileTXT.WriteLine("")_x000D_
      _x000D_
        FileTXT.Write(Form1.TextBox6.Text)   ���Attendee's telephone No.              _x000D_
        FileTXT.WriteLine("")_x000D_
_x000D_
        ���Attendee Number 2 ... to Attendee Number 20_x000D_
_x000D_
        'The below line of code closes the writer_x000D_
        FileTXT.Close()&lt;/code&gt;&lt;/pre&gt;_x000D_
&lt;/div&gt;_x000D_
&lt;/div&gt;_x000D_
&lt;/p&gt;
&lt;p&gt;I decided to use this method because at some point, the text file has to be read from the text file, back into the textboxes on my form.&lt;/p&gt;
&lt;p&gt;My problem is that when it comes to reporting, printing out these details in the above format would be cumbersome, using up sheets of paper to make the report unnecessarily plentiful. So I reckoned that displaying these data in a tabular format would be much more tidy and professional.&lt;/p&gt;
&lt;p&gt;Please how can I achieve this? I am using Visual Basic 2010 Express. Thank you in advance.&lt;/p&gt;
&lt;p&gt;The code I am currently using in printing is shown below:&lt;/p&gt;
&lt;p&gt;&lt;div class="snippet" data-lang="js" data-hide="false"&gt;_x000D_
&lt;div class="snippet-code"&gt;_x000D_
&lt;pre class="snippet-code-html lang-html prettyprint-override"&gt;&lt;code&gt;Private Sub Button1_Click(sender As System.Object, e As System.EventArgs) Handles Button1.Click_x000D_
_x000D_
Dim AttendeeData = New DirectoryInfo(Path.Combine(Environment.GetFolderPath(Environment.SpecialFolder.Desktop), "Attendee Information\" &amp;amp; TextBox1.Text))_x000D_
_x000D_
        For Each AttendeeDetailsTXT As FileInfo In AttendeeData.GetFiles("*.TXT",          SearchOption.TopDirectoryOnly)_x000D_
            For Each line As String In File.ReadAllLines(AttendeeDetailsTXT.FullName)_x000D_
                If Not String.IsNullOrEmpty(line) Then RichTextBox1.AppendText(line &amp;amp; vbCrLf &amp;amp; vbCrLf)_x000D_
            Next_x000D_
        Next_x000D_
' Send data to printing script_x000D_
_x000D_
End Sub&lt;/code&gt;&lt;/pre&gt;_x000D_
&lt;/div&gt;_x000D_
&lt;/div&gt;_x000D_
&lt;/p&gt;</t>
  </si>
  <si>
    <t>2015-04-29 11:27:47.980000+00:00</t>
  </si>
  <si>
    <t>2015-04-29 12:59:49.363000+00:00</t>
  </si>
  <si>
    <t>2015-04-29 12:27:57.180000+00:00</t>
  </si>
  <si>
    <t>vb.net|visual-studio-2010|text-files</t>
  </si>
  <si>
    <t>How to add TestFlight beta app invitation from email</t>
  </si>
  <si>
    <t>&lt;p&gt;I have test flight installed on my iOS 8.1 device (iPhone 5C), and an email invitation to join a beta release of an application on TestFlight. The email has the "Open in Test Flight &gt;" button and the apple ID it was sent for matches the apple ID logged into TestFlight on the device. &lt;/p&gt;
&lt;p&gt;When I press the button I am redirected to a website on my Chrome browser app, which redirects me immediately to the App Store page for TestFlight. Thats it. No app is added. If I open test flight, the app is not there. &lt;/p&gt;
&lt;p&gt;Has anyone experienced this issue? &lt;/p&gt;</t>
  </si>
  <si>
    <t>2014-11-08 01:53:50.777000+00:00</t>
  </si>
  <si>
    <t>2015-03-03 16:28:55.380000+00:00</t>
  </si>
  <si>
    <t>ios|testflight</t>
  </si>
  <si>
    <t>xcode replace in a line</t>
  </si>
  <si>
    <t>&lt;p&gt;I want to replace all spaces in a line before a text comes, for example I have the following text:&lt;/p&gt;
&lt;pre&gt;&lt;code&gt;@"  Hello\n   world"
&lt;/code&gt;&lt;/pre&gt;
&lt;p&gt;and i want it to look like this:&lt;/p&gt;
&lt;pre&gt;&lt;code&gt;@"Hello\nworld"
&lt;/code&gt;&lt;/pre&gt;
&lt;p&gt;How can you do this for every line?&lt;/p&gt;</t>
  </si>
  <si>
    <t>2012-04-22 11:01:27.913000+00:00</t>
  </si>
  <si>
    <t>2012-04-22 11:08:10.733000+00:00</t>
  </si>
  <si>
    <t>objective-c|xcode|replace|nsstring</t>
  </si>
  <si>
    <t>ListView does not respond to pressing in SlidingMenu</t>
  </si>
  <si>
    <t>&lt;p&gt;I develop a simple application, and faced with such a problem. 
ListView does not respond to clicks in SlidingMenu &lt;/p&gt;
&lt;p&gt;As created SlidingMenu &lt;/p&gt;
&lt;pre&gt;&lt;code&gt;private SlidingMenu menu;
---
menu = new SlidingMenu(this);
menu.setMode(SlidingMenu.LEFT);
menu.setTouchModeBehind(SlidingMenu.TOUCHMODE_FULLSCREEN);
menu.setShadowDrawable(R.drawable.shadows_menu_swype1);
menu.setShadowWidth(15);
menu.setFadeDegree(0.50f);
menu.attachToActivity(this, SlidingMenu.SLIDING_WINDOW);
menu.setBehindWidth(300);
menu.setMenu(R.layout.menu_swype);
&lt;/code&gt;&lt;/pre&gt;
&lt;p&gt;How to create a ListView&lt;/p&gt;
&lt;pre&gt;&lt;code&gt;SwypeMenuLV = (ListView) findViewById(R.id.menu_swypeID); 
String[] menu_swypeStr = getResources().getStringArray(R.array.menu_swypeSTR); 
ArrayAdapter&amp;lt;String&amp;gt; adapter = new ArrayAdapter&amp;lt;String&amp;gt;(this, R.layout.list_item_menu_swype, menu_swypeStr); 
SwypeMenuLV.setAdapter(adapter); 
&lt;/code&gt;&lt;/pre&gt;
&lt;p&gt;ListView event handlers&lt;/p&gt;
&lt;pre&gt;&lt;code&gt;SwypeMenuLV.setOnItemClickListener(new AdapterView.OnItemClickListener() {
 @Override
public void onItemClick(AdapterView&amp;lt;?&amp;gt; parent, View view, int position, long id) {                    
       toast.setText("TEST!");
   toast.show();                        
     }
});
&lt;/code&gt;&lt;/pre&gt;
&lt;p&gt;XML ListView &lt;/p&gt;
&lt;pre&gt;&lt;code&gt;&amp;lt;LinearLayout xmlns:android="http://schemas.android.com/apk/res/android"
android:layout_width="match_parent"
android:layout_height="match_parent"
android:background="@drawable/shadows_menu_swype2"
android:orientation="vertical" &amp;gt;
&amp;lt;ListView 
    android:id="@+id/menu_swypeID"
    android:layout_marginLeft="7dp"
    android:layout_marginRight="7dp"
    android:layout_height="match_parent"
    android:layout_width="wrap_content"
    android:divider="@drawable/boder_menu_swype"
    android:dividerHeight="2dp"&amp;gt;
 &amp;lt;/ListView&amp;gt;
&lt;/code&gt;&lt;/pre&gt;
&lt;p&gt;&lt;/p&gt;
&lt;p&gt;list_item_menu_swype.xml&lt;/p&gt;
&lt;pre&gt;&lt;code&gt;&amp;lt;?xml version="1.0" encoding="utf-8"?&amp;gt;
&amp;lt;TextView 
    xmlns:android="http://schemas.android.com/apk/res/android"
    android:layout_width="fill_parent"
    android:layout_height="fill_parent"
    android:padding="10dp"
    android:textColor="#f4f5f5"
    android:textSize="18sp"
    &amp;gt;
&amp;lt;/TextView&amp;gt;
&lt;/code&gt;&lt;/pre&gt;
&lt;p&gt;What is wrong?
Please, help!)&lt;/p&gt;</t>
  </si>
  <si>
    <t>2014-04-21 18:34:30.613000+00:00</t>
  </si>
  <si>
    <t>2014-04-21 18:43:47.047000+00:00</t>
  </si>
  <si>
    <t>android|listview|android-listview</t>
  </si>
  <si>
    <t>jQuery event delegate listener not firing</t>
  </si>
  <si>
    <t>&lt;p&gt;I'm creating a Google Chrome extension and I try to modify Twitter's homepage code for that.&lt;/p&gt;
&lt;p&gt;I need to be notified whenever a user clicks on a &lt;code&gt;--- More&lt;/code&gt; button which are present in every tweet. Basically I use the following event delegation code :&lt;/p&gt;
&lt;pre&gt;&lt;code&gt;$(document).on('click', '.dropdown-toggle', function() {
    console.log('Hi !');
});
&lt;/code&gt;&lt;/pre&gt;
&lt;p&gt;It works for all tweets on the homepage and those loaded via Ajax (that's why I use event delegation :D), but it doesn't work on the sub-tweets/answers that appear when you expand a tweet in the timeline. Yet the menus still have the &lt;code&gt;dropdown-toggle&lt;/code&gt; class but the callback doesn't get called.&lt;/p&gt;
&lt;p&gt;So I though that Twitter's code was calling &lt;code&gt;event.stopPropagation()&lt;/code&gt; or similar so I tried to remove event listeners on one of them by calling &lt;code&gt;$(button).off()&lt;/code&gt; but it didn't work either.&lt;/p&gt;</t>
  </si>
  <si>
    <t>2014-10-20 21:00:08.973000+00:00</t>
  </si>
  <si>
    <t>2014-10-20 21:06:15.563000+00:00</t>
  </si>
  <si>
    <t>javascript|jquery|twitter|google-chrome-extension|event-delegation</t>
  </si>
  <si>
    <t>Preventing race conditions using multiple SELECT in INSERT statement</t>
  </si>
  <si>
    <t>&lt;p&gt;I am writing a query in order to prevent concurrent queries to mess things up.
I'm pretty sure there's a much better way to do it, and that's why I'm here.&lt;/p&gt;
&lt;p&gt;Basically the columns of the table look like this:&lt;/p&gt;
&lt;pre&gt;&lt;code&gt;id      : INT(10) unsigned auto_incremented
number  : INT(6) unsigned zerofill
date    : DATETIME
&lt;/code&gt;&lt;/pre&gt;
&lt;p&gt;When I insert a new row, here is how I need to set its &lt;strong&gt;number&lt;/strong&gt; value :&lt;/p&gt;
&lt;ul&gt;
&lt;li&gt;If the last inserted row's &lt;strong&gt;date&lt;/strong&gt; is today, then &lt;strong&gt;number&lt;/strong&gt; = last inserted row's number + 1&lt;/li&gt;
&lt;li&gt;If the last inserted row's &lt;strong&gt;date&lt;/strong&gt; is yesterday or before, then &lt;strong&gt;number&lt;/strong&gt; = 1&lt;/li&gt;
&lt;/ul&gt;
&lt;p&gt;I thought about first select the last row's date and number, set the new number using php and then make my insert.&lt;/p&gt;
&lt;pre&gt;&lt;code&gt;$pdo-&amp;gt;beginTransaction();
$stmt = $pdo-&amp;gt;prepare("SELECT `number`, `date` FROM `table` ORDER BY `id` DESC LIMIT 1");
$stmt-&amp;gt;execute();
$infos = $stmt-&amp;gt;fetch(PDO::FETCH_ASSOC);
$date = date("Y-m-d H:i:s");
if (date("Ymd", strtotime($infos['date'])) &amp;lt; date("Ymd", strtotime($date))) {
    $number = 1;
} else {
    $number = $infos['number'] + 1;
}
$stmt2 = $pdo-&amp;gt;prepare("INSERT INTO `table` (`number`, `date`) VALUES (:number, :date)");
$stmt2-&amp;gt;execute(array(":number" =&amp;gt; $number, ":date" =&amp;gt; $date));
$pdo-&amp;gt;commit();
&lt;/code&gt;&lt;/pre&gt;
&lt;p&gt;Are transactions enough to prevent another thread selecting the same number and therefor trying to insert the same number I am trying to ?&lt;/p&gt;
&lt;p&gt;Since I couldn't answer that question myself, even using our dear friend Google and SO, I thought "Can't I just have MySQL do all the work ?" and came up with this query :&lt;/p&gt;
&lt;pre&gt;&lt;code&gt;INSERT INTO `table`(`number`, `date`)
SELECT IF(
    DATE((SELECT `date` FROM `table` ORDER BY `id` DESC LIMIT 1)) &amp;lt; CURDATE(),
    '1',
    (SELECT `number` + 1 FROM `table` ORDER BY `id` DESC LIMIT 1)
), NOW()
&lt;/code&gt;&lt;/pre&gt;
&lt;p&gt;Is it a better way to do it ?&lt;/p&gt;
&lt;p&gt;Should I just lock the table before doing anything ?&lt;/p&gt;
&lt;p&gt;Am I just too dumb to see how this should be done ?&lt;/p&gt;</t>
  </si>
  <si>
    <t>2017-02-01 01:53:22.813000+00:00</t>
  </si>
  <si>
    <t>2017-02-01 06:21:53.803000+00:00</t>
  </si>
  <si>
    <t>2017-02-01 02:49:37.597000+00:00</t>
  </si>
  <si>
    <t>php|mysql|innodb</t>
  </si>
  <si>
    <t>jQuery sifr plugin (thewikies.com) and IE</t>
  </si>
  <si>
    <t>&lt;p&gt;Is someone able to use jQuery sifr plugin, from thewikies.com, with Internet Explorer ?&lt;/p&gt;
&lt;p&gt;I reduce code to minimum :&lt;/p&gt;
&lt;pre&gt;&lt;code&gt;&amp;lt;!DOCTYPE html PUBLIC "-//W3C//DTD HTML 4.01//EN"
"http://www.w3.org/TR/html4/DTD/strict.dtd"&amp;gt;
&amp;lt;html&amp;gt;
&amp;lt;head&amp;gt;
&amp;lt;meta http-equiv="X-UA-Compatible" content="IE=8"&amp;gt;
&amp;lt;meta http-equiv="Content-Type" content="text/html; charset=utf-8"&amp;gt;
&amp;lt;script type="text/javascript" src="./jquery.1-3-1.js"&amp;gt;&amp;lt;/script&amp;gt;
&amp;lt;script type="text/javascript" src="./jquery.swfobject.js"&amp;gt;&amp;lt;/script&amp;gt;
&amp;lt;script type="text/javascript" src="./jquery.sifr.js"&amp;gt;&amp;lt;/script&amp;gt;
&amp;lt;script type="text/javascript"&amp;gt;
$(document).ready(function(){
    $.sifr({ build: 436, version: 3, path: '.' , save: true});
    $('.try').sifr({font: 'myown'});
});
&amp;lt;/script&amp;gt;
&amp;lt;/head&amp;gt;
&amp;lt;body&amp;gt;
  &amp;lt;h1 class="try"&amp;gt;Blabla blabla &amp;lt;/h1&amp;gt;
  &amp;lt;p class="try"&amp;gt;Yonga Lorem ipsum...&amp;lt;/p&amp;gt;
&amp;lt;/body&amp;gt;
&amp;lt;/html&amp;gt;
&lt;/code&gt;&lt;/pre&gt;
&lt;p&gt;It's work on FF... but the h1 ! And on IE, we see the replacment but original text is not hidden, despite opacity to 0 (added by plugin).&lt;/p&gt;
&lt;p&gt;Do you know a better implementation of sIFR for jQuery ?&lt;/p&gt;
&lt;p&gt;Thanks.&lt;/p&gt;</t>
  </si>
  <si>
    <t>2010-02-06 20:22:55.230000+00:00</t>
  </si>
  <si>
    <t>2010-02-07 15:44:22.343000+00:00</t>
  </si>
  <si>
    <t>jquery|internet-explorer|sifr</t>
  </si>
  <si>
    <t>Need guidance to start working on Openfire through strophe</t>
  </si>
  <si>
    <t>&lt;p&gt;My objective is to get communication started on openfire through strophe. But have a few questions like:&lt;/p&gt;
&lt;p&gt;What is the language that strophe will be written in?&lt;/p&gt;
&lt;p&gt;How and where are the connections written?&lt;/p&gt;
&lt;p&gt;Just some basic guidance or a good link to a starter tutorial will be very helpful.&lt;/p&gt;</t>
  </si>
  <si>
    <t>2010-10-12 06:00:36.847000+00:00</t>
  </si>
  <si>
    <t>2013-02-17 22:32:22.593000+00:00</t>
  </si>
  <si>
    <t>chat|openfire|strophe</t>
  </si>
  <si>
    <t>Give Access to a Pointer's Data Without Revealing Pointer Address</t>
  </si>
  <si>
    <t>&lt;p&gt;I have a class that contains a pointer. I want to keep the user of the class from accessing the address of the pointer (so they can't set it to another address, delete it, or what-not). However, I would like the user to be able to modify the pointer data (or member data if it's not POD) as well as call the pointer's methods (assuming it has any). &lt;/p&gt;
&lt;p&gt;Is there any way of returning a pointer or reference that allows you to change the &lt;strong&gt;&lt;em&gt;data&lt;/em&gt;&lt;/strong&gt; that a pointer points to without being able to change the &lt;strong&gt;&lt;em&gt;pointer&lt;/em&gt;&lt;/strong&gt; value itself?&lt;/p&gt;
&lt;p&gt;So:&lt;/p&gt;
&lt;pre&gt;&lt;code&gt;class A
{
public:
    int Value;
    void Method();
};
class Wrapper
{
public:
    Wrapper()
    {
        Pointer = new A;
    }
    // Method that somehow would give access to the object without 
    // Allowing the caller to access the actual address
    A* GetPointer()
    {
        return Pointer;
    }
private:
    A* Pointer;
};
int main()
{
    Wrapper foo;
    foo.GetPointer()-&amp;gt;Value = 12; // Allowed
    foo.GetPointer()-&amp;gt;Method();   // Allowed
    A* ptr = foo.GetPointer();    // NOT Allowed
    delete foo.GetPointer();      // NOT Allowed
    return 0;
}
&lt;/code&gt;&lt;/pre&gt;
&lt;p&gt;I realize I could modify member data with getters and setters, but I'm not sure what to do about the methods (pass a method pointer maybe?) and I'd like to know if there is a better way before I accept a solution that I personally think looks messy.&lt;/p&gt;</t>
  </si>
  <si>
    <t>2016-01-13 05:36:15.577000+00:00</t>
  </si>
  <si>
    <t>2016-01-13 07:49:59.303000+00:00</t>
  </si>
  <si>
    <t>c++|pointers|constants</t>
  </si>
  <si>
    <t>Simple Arithmetic Operations on Binded Text Property of windows phone 8 app XAML</t>
  </si>
  <si>
    <t>&lt;p&gt;I'm developing a Windows Phone 8.1 App. In the app I'm parsing a Json data. From the parsed data, I'm populating a GridView. The JsonData consists of temperature in Kelvin. But I want to change the temperature in  Celsius while binding the data in the TextBlock.&lt;/p&gt;
&lt;p&gt;Here's the Code in XAML&lt;/p&gt;
&lt;pre&gt;&lt;code&gt;&amp;lt;StackPanel&amp;gt;
        &amp;lt;TextBlock x:Name="tblk1" FontSize="20" /&amp;gt;
        &amp;lt;TextBlock x:Name="tblk2" FontSize="20" Margin="0,5,0,0"/&amp;gt;
        &amp;lt;TextBlock x:Name="tblk3" FontSize="20" Margin="0,5,0,0"/&amp;gt;
        &amp;lt;ScrollViewer VerticalScrollBarVisibility="Visible" VerticalScrollMode="Enabled" &amp;gt;
            &amp;lt;GridView x:Name="tempList" ItemsSource="{Binding}"&amp;gt;
                &amp;lt;GridView.ItemTemplate&amp;gt;
                    &amp;lt;DataTemplate&amp;gt;
                        &amp;lt;StackPanel Margin="10" Background="DarkGreen"&amp;gt;
                            &amp;lt;StackPanel Margin="5"&amp;gt;
                                &amp;lt;TextBlock Text="{Binding dt}" FontSize="15" /&amp;gt;
                                &amp;lt;TextBlock Text="{Binding temp.day}" FontSize="15" /&amp;gt;
                                &amp;lt;TextBlock Text="{Binding temp.min}" FontSize="15" /&amp;gt;
                                &amp;lt;TextBlock Text="{Binding temp.max}" FontSize="15" /&amp;gt;
                            &amp;lt;/StackPanel&amp;gt;
                        &amp;lt;/StackPanel&amp;gt;
                    &amp;lt;/DataTemplate&amp;gt;
                &amp;lt;/GridView.ItemTemplate&amp;gt;
            &amp;lt;/GridView&amp;gt;
        &amp;lt;/ScrollViewer&amp;gt;
    &amp;lt;/StackPanel&amp;gt;
&lt;/code&gt;&lt;/pre&gt;
&lt;p&gt;And here's code from the C# &lt;/p&gt;
&lt;pre&gt;&lt;code&gt; protected override void OnNavigatedTo(NavigationEventArgs e)
    {
        RootObject obj = JsonConvert.DeserializeObject&amp;lt;RootObject&amp;gt;(MainPage.jsonReturn);
        tblk1.Text = obj.city.name;
        tblk2.Text = obj.cod;
        tblk3.Text = obj.message.ToString();
        tempList.DataContext = null;
        tempList.DataContext = obj.list;
    }
&lt;/code&gt;&lt;/pre&gt;
&lt;p&gt;In the output, Here the min and max temp is shown in Kelvin. How do I show it in Celsius? &lt;/p&gt;
&lt;blockquote&gt;
  &lt;p&gt;PS There's no any way to change the Incoming JsonData in Celsius. It
  has to changed in runtime.&lt;/p&gt;
&lt;/blockquote&gt;</t>
  </si>
  <si>
    <t>2015-03-27 06:43:07.977000+00:00</t>
  </si>
  <si>
    <t>2015-03-27 07:32:21.757000+00:00</t>
  </si>
  <si>
    <t>c#|json|xaml|windows-phone-8</t>
  </si>
  <si>
    <t>HTML5 angular input() for Map</t>
  </si>
  <si>
    <t>&lt;p&gt;I am trying to pass in a Map as input from HTML to angular component.
From instance: if I need to pass an array of strings ifekm HTML to Typescript: it looks like:&lt;/p&gt;
&lt;p&gt;HTML5 
[strarray] = [���hello���,���world]&lt;/p&gt;
&lt;p&gt;Angular/TS file 
@Input() = String[]&lt;/p&gt;
&lt;p&gt;I wanna pass a map of String, Array&gt; &lt;/p&gt;
&lt;p&gt;I can���t seem to figure out the syntax in HTML5. &lt;/p&gt;</t>
  </si>
  <si>
    <t>2018-10-12 14:58:18.340000+00:00</t>
  </si>
  <si>
    <t>2018-10-12 20:12:11.203000+00:00</t>
  </si>
  <si>
    <t>angular|typescript</t>
  </si>
  <si>
    <t>How to split a string by multiple separator in Typescript</t>
  </si>
  <si>
    <t>&lt;p&gt;i need to split a string by semicolon, colon, comma, cr, lf, clfr and whitespace. How can i do that?&lt;/p&gt;</t>
  </si>
  <si>
    <t>2018-10-16 11:09:40.733000+00:00</t>
  </si>
  <si>
    <t>2018-10-16 11:15:25.787000+00:00</t>
  </si>
  <si>
    <t>typescript|split</t>
  </si>
  <si>
    <t>XSLT - Delete Nodes + attributes that match Xpath</t>
  </si>
  <si>
    <t>&lt;p&gt;I'm trying to find the best (efficient) way of doing this.&lt;/p&gt;
&lt;p&gt;I have a medium sized XML document. Depending on specific settings certain portions of it need to be filtered out for security reasons.&lt;/p&gt;
&lt;p&gt;I'll be doing this in XSLT as it's configurable and no code should need changing.&lt;/p&gt;
&lt;p&gt;I've looked around, but not getting much luck on it.&lt;/p&gt;
&lt;p&gt;For example:&lt;/p&gt;
&lt;p&gt;I have the following XPath:&lt;/p&gt;
&lt;pre&gt;&lt;code&gt;//*[@root='2.16.840.1.113883.3.51.1.1.6.1']
&lt;/code&gt;&lt;/pre&gt;
&lt;p&gt;Whicrooth gives me all nodes with a root attribute equal to a specific OID. In these nodes I want to have all attributes except for a few (ex. &lt;strong&gt;foo&lt;/strong&gt; and &lt;strong&gt;bar&lt;/strong&gt;) erased, and then having another attribute added (ex. &lt;strong&gt;reason&lt;/strong&gt;)&lt;/p&gt;
&lt;p&gt;I also need to have multiple XPath expressions that can be ran to zero down on a specific node and clear it's contents out in a similar fashion, with respect to nodes with specific attributes.&lt;/p&gt;
&lt;p&gt;I'm playing around with information from:&lt;/p&gt;
&lt;p&gt;&lt;a href="https://stackoverflow.com/questions/1791108/xpath-expression-to-select-all-xml-child-nodes-except-a-specific-list"&gt;XPath expression to select all XML child nodes except a specific list?&lt;/a&gt;&lt;/p&gt;
&lt;p&gt;and &lt;a href="https://stackoverflow.com/questions/9385981/xslt-remove-elements-and-or-attributes-by-name-per-xsl-parameters"&gt;Remove Elements and/or Attributes by Name per XSL Parameters&lt;/a&gt;&lt;/p&gt;
&lt;p&gt;Will update shortly when I can have access what what I"ve done so far.&lt;/p&gt;
&lt;p&gt;Example:&lt;/p&gt;
&lt;p&gt;XML Before Transformation.
&lt;strong&gt;UPdate: I want to filter out Extension, and then all values in the document that match the value of that extension attribute:&lt;/strong&gt;&lt;/p&gt;
&lt;pre&gt;&lt;code&gt;&amp;lt;root&amp;gt;
    &amp;lt;childNode&amp;gt;
        &amp;lt;innerChild root="2.16.840.1.113883.3.51.1.1.6.1" extension="123" type="innerChildness"/&amp;gt;
        &amp;lt;innerChildSibling/&amp;gt;
    &amp;lt;/childNode&amp;gt;
    &amp;lt;animals&amp;gt;
     &amp;lt;cat&amp;gt;
       &amp;lt;name&amp;gt;123&amp;lt;/name&amp;gt;
     &amp;lt;/cat&amp;gt;
    &amp;lt;/animals&amp;gt;
    &amp;lt;tree/&amp;gt;
    &amp;lt;water root="2.16.840.1.113883.3.51.1.1.6.1" extension="1223" type="liquidLIke"/&amp;gt;
&amp;lt;/root&amp;gt;
&lt;/code&gt;&lt;/pre&gt;
&lt;p&gt;After&lt;/p&gt;
&lt;pre&gt;&lt;code&gt;&amp;lt;root&amp;gt;
    &amp;lt;childNode&amp;gt;
        &amp;lt;innerChild root="2.16.840.1.113883.3.51.1.1.6.1" flavor="MSK"/&amp;gt; &amp;lt;!-- filtered --&amp;gt;
        &amp;lt;innerChildSibling/&amp;gt;
    &amp;lt;/childNode&amp;gt;
    &amp;lt;animals&amp;gt;
      &amp;lt;cat&amp;gt;
        &amp;lt;name&amp;gt;****&amp;lt;/name&amp;gt;
       &amp;lt;/cat&amp;gt; &amp;lt;!-- cat was filtered --&amp;gt;
    &amp;lt;/animals&amp;gt;
    &amp;lt;tree/&amp;gt;
    &amp;lt;water root="2.16.840.1.113883.3.51.1.1.6.1" flavor="MSK"/&amp;gt; &amp;lt;!-- filtered --&amp;gt;
&amp;lt;/root&amp;gt;
&lt;/code&gt;&lt;/pre&gt;
&lt;p&gt;I am able to use XSLT2.&lt;/p&gt;
&lt;p&gt;I'm trying this without any luck (For starters)&lt;/p&gt;
&lt;pre&gt;&lt;code&gt;&amp;lt;xsl:stylesheet version="1.0" xmlns:xsl="http://www.w3.org/1999/XSL/Transform"&amp;gt;
    &amp;lt;xsl:output method="xml" indent="yes"/&amp;gt;
    &amp;lt;xsl:param name="OIDAttrToDelete" select="'extension'"/&amp;gt;
    &amp;lt;xsl:template match="node()|@*" name="identity"&amp;gt;
        &amp;lt;xsl:copy&amp;gt;
            &amp;lt;xsl:apply-templates select="node()|@*"/&amp;gt;
        &amp;lt;/xsl:copy&amp;gt;
    &amp;lt;/xsl:template&amp;gt;
    &amp;lt;!-- Get all nodes for the OID --&amp;gt;
    &amp;lt;xsl:template match="//*[@root='2.16.840.1.113883.3.51.1.1.6.1']"&amp;gt;
        &amp;lt;xsl:if test="name() = $OIDAttrToDelete"&amp;gt;
            &amp;lt;xsl:attribute name="nullFlavor"&amp;gt;MSK&amp;lt;/xsl:attribute&amp;gt;
            &amp;lt;xsl:call-template name="identity"/&amp;gt;            
        &amp;lt;/xsl:if&amp;gt;
    &amp;lt;/xsl:template&amp;gt;    
&amp;lt;/xsl:stylesheet&amp;gt;
&lt;/code&gt;&lt;/pre&gt;</t>
  </si>
  <si>
    <t>2012-06-18 20:46:53.457000+00:00</t>
  </si>
  <si>
    <t>2012-06-26 20:28:52.370000+00:00</t>
  </si>
  <si>
    <t>2017-05-23 12:07:47.480000+00:00</t>
  </si>
  <si>
    <t>xslt|xpath|xslt-2.0</t>
  </si>
  <si>
    <t>Android Hybrid Mobile App CORS Issues. No Internet Connection</t>
  </si>
  <si>
    <t>&lt;p&gt;I am developing and testing a hybrid app which runs perfectly on IOS 8-11 and as a Chrome Web App and as a Mac and Windows desktop app under NWJS. &lt;/p&gt;
&lt;p&gt;This app has also run perfectly on Android up to 5.0 Lollipop. However on later versions on Android (6.0 Marshmallow and 7.0 Nougat and 8.0 Oreo) the app works sucessfully on some devices but cannot access the internet on others.&lt;/p&gt;
&lt;p&gt;The specific issue is that where the app does not work properly, it is that the CORS preflight checks fail with the following error message "Response to preflight request doesn't pass access control check: The 'Access-Control-Allow-Origin' header has a value 'null' that is not equal to the supplied origin. Origin 'null' is therefore not allowed access."&lt;/p&gt;
&lt;p&gt;Now I repeat, the app works perfectly on some installations of Android, including up to 7.0 Nougat, but fails on many other Android devices running 6.0,7.0 or 8.0. I had no issues at all up to Android 5.0&lt;/p&gt;
&lt;p&gt;Could this be that some makers of Android devices are using different browsers for implementing their web views? Or is there some setting I need to add to my app manifest?&lt;/p&gt;
&lt;p&gt;I am tearing my hair out, all help very gratefully received.&lt;/p&gt;</t>
  </si>
  <si>
    <t>2018-03-28 09:01:40.400000+00:00</t>
  </si>
  <si>
    <t>2018-10-05 06:53:56.363000+00:00</t>
  </si>
  <si>
    <t>android|cors|hybrid-mobile-app</t>
  </si>
  <si>
    <t>I m Adding ArrayList in FirebaseAppIndex but not able to search all list items from Google Search</t>
  </si>
  <si>
    <t>&lt;p&gt;I want to search app content from Google. I m adding ArrayList in FirebaseAppIndex but not able to search all list items from Google Search, I can able to search only the last item of arraylist.&lt;/p&gt;
&lt;pre&gt;&lt;code&gt;    ArrayList&amp;lt;String&amp;gt; titleList = new ArrayList&amp;lt;&amp;gt;();
    titleList.add("ABC");
    titleList.add("DEF");
    titleList.add("GHI");
    titleList.add("KLM");
    ArrayList&amp;lt;Indexable&amp;gt; indexableNotes = new ArrayList&amp;lt;&amp;gt;();
    for (int i = 0; i &amp;lt; titleList.size(); i++) {
        Indexable noteToIndex = Indexables.noteDigitalDocumentBuilder()
                .setName(titleList.get(i) + " Note")
                .setText("Pierogi")
                .setUrl("http://recipe-app.com/recipe/pierogi-poutine")
                .build();
        Log.d("onHandleIntent", "update");
        indexableNotes.add(noteToIndex);
    }
    for (int i = 0; i &amp;lt; indexableNotes.size(); i++) {
        Indexable[] notesArr = new Indexable[indexableNotes.size()];
        notesArr = indexableNotes.toArray(notesArr);
        Log.d("update", notesArr.toString());
        FirebaseAppIndex.getInstance().update(notesArr);
    }
}
&lt;/code&gt;&lt;/pre&gt;</t>
  </si>
  <si>
    <t>2018-05-10 12:00:07.353000+00:00</t>
  </si>
  <si>
    <t>2018-05-11 16:27:56.827000+00:00</t>
  </si>
  <si>
    <t>android|firebase</t>
  </si>
  <si>
    <t>C program Create Array structure</t>
  </si>
  <si>
    <t>&lt;p&gt;I am trying to create an array library that allows the user
to use a single interface to create a 1-dimensional, 2-dimensional or 3-dimensional array of type int, char, float, or double.  My current approach seems too convoluted, I am wondering if I am on the right track, thanks.&lt;/p&gt;
&lt;pre&gt;&lt;code&gt;typedef enum type
{
    CHAR, INT, FLOAT, DOUBLE
}
Type;
typedef struct array
{
    void *values;          // pointer to the data
    Type type;           // type of data
    int rank;            // # of dimensions (1, 2, and 3)
    int dimensions[3];   // a,b,c array dimensions
}
MultiArray;
MultiArray * array_init(int rank, int dims[], Type type); //init new Array
Array a;
a.ranking = ranking;
a.type = type;
switch (ranking)
{
    case 3:
    a.dimensions[0] = dimensions[0];
    a.dimensions[1] = dimensions[1];
    a.dimensions[2] = dimensions[2];
    switch (type)
    {
            case CHAR:
            values = new char**[dimensions[0]];
            for (int i = 0;i &amp;lt; dimensions[0];i++)
            {
                (((char***)values)[i]) *= new char * [dimensions[1]];
                for (int j = 0;j &amp;lt; dimensions[1];j++)
                    ((((char***)values)[i])*[j]) *= new char[dimensions[2]];
            }
            break;
            case INT:
            values = new int**[dimensions[0]];
            for (int i = 0;i &amp;lt; dimensions[0];i++)
            {
                (((int***)values)[i]) *= new int * [dimensions[1]];
                for (int j = 0;j &amp;lt; dimensions[1];j++)
                    ((((int***)values)[i])*[j]) *= new int[dimensions[2]];
            }
            break;
            case FLOAT:
            values = new float**[dimensions[0]];
            for (int i = 0;i &amp;lt; dimensions[0];i++)
            {
                (((float***)values)[i]) *= new float * [dimensions[1]];
                for (int j = 0;j &amp;lt; dimensions[1];j++)
                    ((((float***)values)[i])*[j]) *= new float[dimensions[2]];
            }
            break;
            case DOUBLE:
            values = new double**[dimensions[0]];
            for (int i = 0;i &amp;lt; dimensions[0];i++)
            {
                (((double***)values)[i]) *= new double * [dimensions[1]];
                for (int j = 0;j &amp;lt; dimensions[1];j++)
                    ((((double***)values)[i])*[j]) *= new double[dimensions[2]];
            }
            break;
    }
    break;
    case 2:
    a.dimensions[0] = dimensions[0];
    a.dimensions[1] = dimensions[1];
    switch (type)
    {
            case CHAR:
            values = new char * [dimensions[0]];
            for (int i = 0;i &amp;lt; dimensions[0];i++)
                (((char**)values)[i]) *= new char[dimensions[1]];
            break;
            case INT:
            values = new int * [dimensions[0]];
            for (int i = 0;i &amp;lt; dimensions[0];i++)
                (((int**)values)[i]) *= new int[dimensions[1]];
            break;
            case FLOAT:
            values = new float * [dimensions[0]];
            for (int i = 0;i &amp;lt; dimensions[0];i++)
                (((float**)values)[i]) *= new float[dimensions[1]];
            break;
            case DOUBLE:
            values = new double * [dimensions[0]];
            for (int i = 0;i &amp;lt; dimensions[0];i++)
                (((double**)values)[i]) *= new double[dimensions[1]];
            break;
    }
    break;
    case 1:
    a.dimensions[0] = dimensions[0];
    switch (type)
    {
            case CHAR:
            values = new char[dimensions[0]];
            break;
            case INT:
            values = new int[dimensions[0]];
            break;
            case FLOAT:
            values = new float[dimensions[0]];
            break;
            case DOUBLE:
            values = new double[dimensions[0]];
            break;
    }
    break;
}
return a;
void display_array(Array * arr); // prints Array
&lt;/code&gt;&lt;/pre&gt;
&lt;p&gt;Thank you&lt;/p&gt;</t>
  </si>
  <si>
    <t>2013-11-10 17:30:08.283000+00:00</t>
  </si>
  <si>
    <t>2013-11-10 17:42:51.980000+00:00</t>
  </si>
  <si>
    <t>c|arrays|struct|enums</t>
  </si>
  <si>
    <t>Can't access value from JSON</t>
  </si>
  <si>
    <t>&lt;p&gt;I have this JSON string:&lt;/p&gt;
&lt;pre&gt;&lt;code&gt;{
    "attachedFiles": [{
        "link": "/site.com/dir?id=12993&amp;amp;SESSION=40af90dd-c1f3-4678-93e5-a4b36f3597b0&amp;amp;SESSIONTICKET=SESS:67bf209be2",
        "fileName": "file1.txt",
        "docDate": "24.02.2014",
        "docTime": "13:54",
        "docId": "12993"
    }],
    "requestId": 48,
    "tasksId": 0,
    "workId": 10558
}
&lt;/code&gt;&lt;/pre&gt;
&lt;p&gt;I'm converting it like this:&lt;/p&gt;
&lt;pre&gt;&lt;code&gt;var resdata = xhr.responseText; // the string response from the server
var resObj = JSON.parse(resdata);
&lt;/code&gt;&lt;/pre&gt;
&lt;p&gt;And then I'm trying to access(print the value) &lt;code&gt;fileName&lt;/code&gt; inside of the &lt;code&gt;attachedFiles&lt;/code&gt; object by the code below:&lt;/p&gt;
&lt;pre&gt;&lt;code&gt;console.log(resObj.attachedFiles.fileName);
&lt;/code&gt;&lt;/pre&gt;
&lt;p&gt;It always returns &lt;code&gt;undefined&lt;/code&gt;. I know that I'm mising something real small here, but I'm not able to spot it.&lt;/p&gt;</t>
  </si>
  <si>
    <t>2014-02-24 12:17:23.543000+00:00</t>
  </si>
  <si>
    <t>2014-02-24 12:43:19.970000+00:00</t>
  </si>
  <si>
    <t>2014-02-24 12:20:32.787000+00:00</t>
  </si>
  <si>
    <t>Why is R slow on this random permutation function?</t>
  </si>
  <si>
    <t>&lt;p&gt;I am new to R (Revolution Analytics R) and have been translating some Matlab functions into R.&lt;/p&gt;
&lt;p&gt;&lt;strong&gt;Question&lt;/strong&gt;: Why is the function GRPdur(n) so slow?&lt;/p&gt;
&lt;pre&gt;&lt;code&gt;GRPdur = function(n){
#
# Durstenfeld's Permute algorithm, CACM 1964
# generates a random permutation of {1,2,...n}
#
p=1:n                           # start with identity p
for (k in seq(n,2,-1)){    
    r    = 1+floor(runif(1)*k); # random integer between 1 and k
    tmp  = p[k];
    p[k] = p[r];                #  Swap(p(r),p(k)).
    p[r] = tmp;                  
} 
return(p)
}
&lt;/code&gt;&lt;/pre&gt;
&lt;p&gt;Here is what I get on a Dell Precision 690, 2xQuadcore Xeon 5345 @ 2.33 GHz, Windows 7 64-bit:&lt;/p&gt;
&lt;pre&gt;&lt;code&gt;&amp;gt; system.time(GRPdur(10^6))
   user  system elapsed 
  15.30    0.00   15.32 
&amp;gt; system.time(sample(10^6))
   user  system elapsed 
   0.03    0.00    0.03 
&lt;/code&gt;&lt;/pre&gt;
&lt;p&gt;Here is what I get in Matlab 2011b&lt;/p&gt;
&lt;pre&gt;&lt;code&gt;&amp;gt;&amp;gt; tic;p = GRPdur(10^6);disp(toc)
    0.1364   
 tic;p = randperm(10^6);disp(toc)
    0.1116
&lt;/code&gt;&lt;/pre&gt;
&lt;p&gt;Here is what I get in Matlab 2008a&lt;/p&gt;
&lt;pre&gt;&lt;code&gt;&amp;gt;&amp;gt; tic;p=GRPdur(10^6);toc
Elapsed time is 0.124169 seconds.
&amp;gt;&amp;gt; tic;p=randperm(10^6);toc
Elapsed time is 0.211372 seconds.
&amp;gt;&amp;gt; 
&lt;/code&gt;&lt;/pre&gt;
&lt;hr&gt;
&lt;p&gt;&lt;strong&gt;LINKS&lt;/strong&gt; : GRPdur is part of &lt;a href="http://www.mathworks.co.uk/matlabcentral/fileexchange/30101-rpg-lab" rel="nofollow"&gt;RPGlab&lt;/a&gt;, a package of Matlab functions that I wrote that generates and tests various random permutation generators. The notes can be viewed separately here: &lt;a href="http://www.scribd.com/doc/47228910/O-Connor-RPGLab-A-Matlab-package-for-Random-Permutation-Generation" rel="nofollow"&gt;Notes on RPGlab&lt;/a&gt;.&lt;/p&gt;
&lt;p&gt;The original Durstenfeld Algol program is &lt;a href="http://www.scribd.com/doc/60576186/Durstenfeld-Random-Permutation-Algorithm" rel="nofollow"&gt;here&lt;/a&gt;&lt;/p&gt;</t>
  </si>
  <si>
    <t>2012-01-14 18:20:47.330000+00:00</t>
  </si>
  <si>
    <t>2012-01-15 21:51:07.193000+00:00</t>
  </si>
  <si>
    <t>2012-01-15 14:38:22.123000+00:00</t>
  </si>
  <si>
    <t>r|random|permutation</t>
  </si>
  <si>
    <t>Change and edit the key of a Hash inside an if block</t>
  </si>
  <si>
    <t>&lt;p&gt;Hello need to change the keys of a hash inside an if block and append some value to the each key at each loop I have done it but it does work but keeps on changing with each run and returns different results.&lt;/p&gt;
&lt;p&gt;assume the hash is called hash and I'm checking if it has any hashes inside than changing their key values&lt;/p&gt;
&lt;p&gt;I have it as this&lt;/p&gt;
&lt;pre&gt;&lt;code&gt;    ...
    hash.each {|key,value|
        if hash[key].is_a?(Hash)
           hash[:"Match #{key}"] = hash[key]
           hash.delete(key)
           ....
           puts hash.keys
        end
 }
  ...
&lt;/code&gt;&lt;/pre&gt;
&lt;p&gt;With this code segement the first run returns well but subsequent runs get all mixed up and give lots of values repeated with each giving different result.&lt;/p&gt;
&lt;p&gt;like run 1 is&lt;/p&gt;
&lt;pre&gt;&lt;code&gt;       Match User gideon
&lt;/code&gt;&lt;/pre&gt;
&lt;p&gt;assuming i have a User gideon key hash in the provided hash which is correct but it's very unpredictable&lt;/p&gt;
&lt;p&gt;the 2nd run&lt;/p&gt;
&lt;pre&gt;&lt;code&gt;             Match User gideon          
             Match Match User gideon
             Match Match Match User gideon
             Match Match Match Match User gideon
             Match Match Match Match Match User gideon
             Match Match Match Match Match Match User gideon
&lt;/code&gt;&lt;/pre&gt;
&lt;p&gt;so destroying everything 
Help appreciated&lt;/p&gt;</t>
  </si>
  <si>
    <t>2014-10-02 17:06:21.950000+00:00</t>
  </si>
  <si>
    <t>2014-10-02 19:29:14.420000+00:00</t>
  </si>
  <si>
    <t>ruby-on-rails|ruby|if-statement|hash</t>
  </si>
  <si>
    <t>Generic way to pass XSL param to templates</t>
  </si>
  <si>
    <t>&lt;p&gt;I have several stylesheets and templates, and I'd like to add some behaviour to all of them.
Let's say something like that :&lt;/p&gt;
&lt;pre&gt;&lt;code&gt;&amp;lt;xsl:template match="*" priority='10'&amp;gt;
    &amp;lt;xsl:apply-templates select="." mode="someFunStuffsToDo"/&amp;gt;
    &amp;lt;xsl:next-match/&amp;gt;
&amp;lt;/xsl:template&amp;gt;
&lt;/code&gt;&lt;/pre&gt;
&lt;p&gt;But, as i need some generic templates, i have issues with params because I don't know all the different types of param I could have.&lt;/p&gt;
&lt;p&gt;Is there any 'easy' way to say something like that :&lt;/p&gt;
&lt;pre&gt;&lt;code&gt;&amp;lt;xsl:template match="*" priority='10'&amp;gt;
    &amp;lt;xsl:param select="All the params you get"/&amp;gt;
    &amp;lt;xsl:apply-templates select="." mode="someFunStuffsToDo"&amp;gt;
         &amp;lt;xsl:with-param select="All the params you got"/&amp;gt;
    &amp;lt;/xsl:apply-templates&amp;gt;
    &amp;lt;xsl:next-match/&amp;gt;
&amp;lt;/xsl:template&amp;gt;
&lt;/code&gt;&lt;/pre&gt;
&lt;p&gt;I could imagine some solution based on generic param which would contain nodes of params but I'd need to rewrite most of my actual templates to switch different specifics params declaration for the generic one...&lt;/p&gt;
&lt;p&gt;EDIT :
Ok, I think I just find a solution just before posting my question :
Tunnel parameters.
Is that working for my purpose as I understand it, i mean&lt;/p&gt;
&lt;pre&gt;&lt;code&gt;&amp;lt;xsl:template match="*" priority='10'&amp;gt;
    &amp;lt;xsl:apply-templates select="." mode="someFunStuffsToDo"/&amp;gt;
    &amp;lt;xsl:next-match/&amp;gt;
&amp;lt;/xsl:template&amp;gt;
&lt;/code&gt;&lt;/pre&gt;
&lt;p&gt;will work if i just set my parameters before and after with the attribute tunnel='yes' ?
(I haven't tested yet and shame on me, but i assume that next-match will preserve the current mode)&lt;/p&gt;</t>
  </si>
  <si>
    <t>2012-10-31 17:15:28.710000+00:00</t>
  </si>
  <si>
    <t>2012-10-31 17:45:57.403000+00:00</t>
  </si>
  <si>
    <t>xslt|xslt-2.0</t>
  </si>
  <si>
    <t>Can Rhino stub out a dictionary so that no matter what key is used the same value comes back?</t>
  </si>
  <si>
    <t>&lt;pre&gt;&lt;code&gt;var fakeRoles = MockRepository.GenerateStub &amp;lt; IDictionary&amp;lt;PermissionLevel, string&amp;gt;&amp;gt;();
        fakeRoles[PermissionLevel.Developer] = "Developer";
        fakeRoles[PermissionLevel.DeveloperManager] = "Developer Manager";
&lt;/code&gt;&lt;/pre&gt;
&lt;p&gt;This is specific to what that method happens to be calling, and is irrelevant for the sake of my unit test.
I'd rather do this:&lt;/p&gt;
&lt;pre&gt;&lt;code&gt;fakeRoles.Stub(r =&amp;gt; r[PermissionLevel.None]).IgnoreArguments().Return("Developer");
&lt;/code&gt;&lt;/pre&gt;
&lt;p&gt;But I get an exception telling me to set the properties directly. Is there a way to tell rhino to just return the same value for any key given to this stub &lt;code&gt;IDictionary&lt;/code&gt;?&lt;/p&gt;</t>
  </si>
  <si>
    <t>2010-02-05 17:03:38.817000+00:00</t>
  </si>
  <si>
    <t>2010-02-05 17:32:59.410000+00:00</t>
  </si>
  <si>
    <t>rhino-mocks</t>
  </si>
  <si>
    <t>Today extension UIAlertController feature not available</t>
  </si>
  <si>
    <t>&lt;p&gt;I am making a today extension and I am trying to let it display an AlertController like so:&lt;/p&gt;
&lt;pre&gt;&lt;code&gt;UIAlertController *alert = [UIAlertController alertControllerWithTitle:@"AlertView" message:@"I am an AlertView" preferredStyle:UIAlertControllerStyleAlert];
UIAlertAction* defaultAction = [UIAlertAction actionWithTitle:@"OK" style:UIAlertActionStyleDefault
                                                      handler:^(UIAlertAction * action) {
                                                          [alert dismissViewControllerAnimated:YES completion:nil];
                                                      }];
[alert addAction:defaultAction];
[self presentViewController:alert animated:YES completion:nil];
&lt;/code&gt;&lt;/pre&gt;
&lt;p&gt;Sadly, it crashes on the first line with this error:&lt;/p&gt;
&lt;pre&gt;&lt;code&gt;2016-02-18 11:53:46.311 App Scenes[17870:669107] *** Assertion failure in void _UIApplicationAssertForExtensionType(NSArray *__strong)(), /BuildRoot/Library/Caches/com.apple.xbs/Sources/UIKit/UIKit-3512.30.14/UIApplication.m:2446
2016-02-18 11:53:51.230 App Scenes[17870:669107] *** Terminating app due to uncaught exception 'NSInternalInconsistencyException', reason: 'Feature not available in extensions of type com.apple.widget-extension'
&lt;/code&gt;&lt;/pre&gt;
&lt;p&gt;I am calling this code from the TodayViewController.
Can anyone tell me why this code isn't working?&lt;/p&gt;</t>
  </si>
  <si>
    <t>2016-02-18 10:56:10.373000+00:00</t>
  </si>
  <si>
    <t>2016-02-18 11:10:58.933000+00:00</t>
  </si>
  <si>
    <t>ios|objective-c|ios8-today-widget</t>
  </si>
  <si>
    <t>passing function to a class in nodejs</t>
  </si>
  <si>
    <t>&lt;p&gt;I have a function that I need to pass to a class I have defined in nodeJs. 
The use case scenario is I want to give the implementer of the class the control of what to do with the data received from createCall function. I don't mind if the method becomes a member function of the class. Any help would be appreciated.&lt;/p&gt;
&lt;pre&gt;&lt;code&gt; //Function to pass. Defined by the person using the class in their project.
var someFunction = function(data){
    console.log(data)
}
//And I have a class i.e. the library.
class A {
    constructor(user, handler) {
       this.user = user;
       this.notificationHandler = handler;  
    }
     createCall(){
        var result = new Promise (function(resolve,reject) {
              resolve(callApi());
        });
        //doesn't work. Keeps saying notificationHandler is not a function
        result.then(function(resp) {
                this.notificationHandler(resp); 
        }) ;
        //I want to pass this resp back to the function I had passed in the 
       // constructor. 
        //How do I achieve this.
     }
     callApi(){ ...somecode...  }
}
// The user creates an object of the class like this
var obj = new A("abc@gmail.com", someFunction);
obj.createCall(); // This call should execute the logic inside someFunction after the resp is received.
&lt;/code&gt;&lt;/pre&gt;</t>
  </si>
  <si>
    <t>2018-03-28 13:45:03.093000+00:00</t>
  </si>
  <si>
    <t>2018-03-28 14:28:05.010000+00:00</t>
  </si>
  <si>
    <t>node.js</t>
  </si>
  <si>
    <t>Ansible and nested variables in loops</t>
  </si>
  <si>
    <t>&lt;p&gt;I there a way in Ansible to access variables in variables in a loop? For instance, configuring debconf to install a MySQL/MariaDB server needs two instructions like so:&lt;/p&gt;
&lt;pre&gt;&lt;code&gt;- name: Define maria root password
  shell: echo mysql-server mysql-server/root_password password {{ mysqlRootPass }} | debconf-set-selections
- name: Define maria root password again
  shell: echo mysql-server mysql-server/root_password_again password {{ mysqlRootPass }} | debconf-set-selections
&lt;/code&gt;&lt;/pre&gt;
&lt;p&gt;But that would be way more compact if I could do that:&lt;/p&gt;
&lt;pre&gt;&lt;code&gt;- name: Define maria root password
  shell: {{ item }}
  with_items:
    - "{ echo mysql-server mysql-server/root_password password {{ mysqlRootPass }} | debconf-set-selections }"
    - "{ echo mysql-server mysql-server/root_password_again password {{ mysqlRootPass }} | debconf-set-selections }"
&lt;/code&gt;&lt;/pre&gt;
&lt;p&gt;Obviously, that doesn't work.&lt;/p&gt;
&lt;p&gt;so is there a way to make it work? Is there a better way of doing it? Am I missing something?&lt;/p&gt;</t>
  </si>
  <si>
    <t>2016-04-16 06:53:13.860000+00:00</t>
  </si>
  <si>
    <t>2016-04-18 09:25:04.587000+00:00</t>
  </si>
  <si>
    <t>loops|variables|ansible</t>
  </si>
  <si>
    <t>Objective c - how can I add checked/unchecked value of checkbox in array</t>
  </si>
  <si>
    <t>&lt;p&gt;I want to save value TRUE if checkbox checked, and FALSE if it is unchecked in an array, how can I do that. I have implemented checkbox in tableview. Code is,&lt;/p&gt;
&lt;pre&gt;&lt;code&gt;- (void)tableView:(UITableView *)tableView didSelectRowAtIndexPath:(NSIndexPath *)indexPath
{
    BOOL checked = [[checkedArr objectAtIndex:indexPath.row] boolValue];
    [checkedArr removeObjectAtIndex:indexPath.row];
    [cheval insertObject:(checked) ? @"FALSE":@"TRUE" atIndex:indexPath.row];
    UITableViewCell *cell = [tableView cellForRowAtIndexPath:indexPath];
    UIButton *button = (UIButton *)cell.accessoryView;
    UIImage *newImage = (checked) ? [UIImage imageNamed:@"tick.png"] : [UIImage imageNamed:@"white_bg.png"];
    [button setBackgroundImage:newImage forState:UIControlStateNormal];
    cell.accessoryView=button;
}
&lt;/code&gt;&lt;/pre&gt;</t>
  </si>
  <si>
    <t>2013-10-18 06:45:30.003000+00:00</t>
  </si>
  <si>
    <t>2013-10-18 09:17:16.920000+00:00</t>
  </si>
  <si>
    <t>objective-c|checkbox</t>
  </si>
  <si>
    <t>In Firebug 1.6.0, how do you tell what url triggered a 404 error?</t>
  </si>
  <si>
    <t>&lt;p&gt;I'm trying to work out some url rewrite issues and I'm trying to get firebug to help me.  I'm getting 404 errors on misguided urls and I would like to see which ones are off.  That way I can examine why they are off and perhaps see an easy solution.&lt;/p&gt;
&lt;p&gt;Anyway I can't seem to get firebug to show me the original urls, and I can't seem to find it in the request data on the net tab.&lt;/p&gt;
&lt;p&gt;Firebug Net Tab:
&lt;img src="https://i.stack.imgur.com/0YKvQ.png" alt="Firebug 404 error readout"&gt;&lt;/p&gt;
&lt;p&gt;Can someone tell how I can see what urls are triggering these 404s?&lt;/p&gt;</t>
  </si>
  <si>
    <t>2010-12-31 00:08:05.763000+00:00</t>
  </si>
  <si>
    <t>2010-12-31 16:06:49.857000+00:00</t>
  </si>
  <si>
    <t>url-rewriting|firebug|http-status-code-404</t>
  </si>
  <si>
    <t>How to extract an HTML full link from a string?</t>
  </si>
  <si>
    <t>&lt;p&gt;I am trying to extract an Html link from a string. I tried using patterns and matcher to find the link but my regex is wrong. I only want to get the cloneurlHttp : Any help to fix this?&lt;/p&gt;
&lt;p&gt;And this string is not in JSon.&lt;/p&gt;
&lt;pre&gt;&lt;code&gt;     String s = "{RepositoryMetadata: {AccountId: 329791006272,RepositoryId: 425f5fc5-18d8-4ae5-b1a8-55eb9cf72bef,RepositoryName: CodeCommitTest,DefaultBranch: master,LastModifiedDate: Tue Oct 20 13:50:57 ACDT 2015,CreationDate: Tue Oct 13 16:36:03 ACDT 2015,CloneUrlHttp: https://git-codecommit.us-east-1.amazonaws.com/v1/repos/CodeCommitTest,CloneUrlSsh: ssh://git-codecommit.us-east-1.amazonaws.com/v1/repos/CodeCommitTest,Arn: arn:aws:codecommit:us-east-1:329791006272:CodeCommitTest}}";
    String pattern = "^\\CloneURLHttp:\\s(.*?)$";
    String httpaddress = "";
    Pattern r = Pattern.compile(pattern);
    Matcher m;
        m = r.matcher(s);
        if (m.find()) {
            httpaddress = m.group(1);
        }
    System.out.println(httpaddress);
&lt;/code&gt;&lt;/pre&gt;</t>
  </si>
  <si>
    <t>2015-10-31 05:18:01.230000+00:00</t>
  </si>
  <si>
    <t>2015-10-31 05:23:06.557000+00:00</t>
  </si>
  <si>
    <t>java|regex|matcher</t>
  </si>
  <si>
    <t>Weird y-position offset using custom frag shader (Cocos2d-x)</t>
  </si>
  <si>
    <t>&lt;p&gt;I'm trying to mask a sprite so I wrote a simple fragment shader that renders only the pixels that are not hidden under another texture (the mask). The problem is that it seems my texture has its y-coordinate offset after passing through the shader.&lt;/p&gt;
&lt;p&gt;This is the init method of the sprite (GroundZone) I want to mask:&lt;/p&gt;
&lt;pre&gt;&lt;code&gt;bool GroundZone::initWithSize(Size size) {
    // [...]
    // Setup the mask of the sprite
    m_mask = RenderTexture::create(textureWidth, textureHeight);
    m_mask-&amp;gt;retain();
    m_mask-&amp;gt;setKeepMatrix(true);
    Texture2D *maskTexture = m_mask-&amp;gt;getSprite()-&amp;gt;getTexture();
    maskTexture-&amp;gt;setAliasTexParameters(); // Disable linear interpolation on the mask
    // Load the custom frag shader with a default vert shader as the sprite���s program
    FileUtils *fileUtils = FileUtils::getInstance();
    string vertexSource = ccPositionTextureA8Color_vert;
    string fragmentSource = fileUtils-&amp;gt;getStringFromFile(
                            fileUtils-&amp;gt;fullPathForFilename("CustomShader_AlphaMask_frag.fsh"));
    GLProgram *shader = new GLProgram;
    shader-&amp;gt;initWithByteArrays(vertexSource.c_str(), fragmentSource.c_str());
    shader-&amp;gt;bindAttribLocation(GLProgram::ATTRIBUTE_NAME_POSITION, GLProgram::VERTEX_ATTRIB_POSITION);
    shader-&amp;gt;bindAttribLocation(GLProgram::ATTRIBUTE_NAME_TEX_COORD, GLProgram::VERTEX_ATTRIB_TEX_COORDS);
    shader-&amp;gt;link();
    CHECK_GL_ERROR_DEBUG();
    shader-&amp;gt;updateUniforms();
    CHECK_GL_ERROR_DEBUG();
    int maskTexUniformLoc = shader-&amp;gt;getUniformLocationForName("u_alphaMaskTexture");
    shader-&amp;gt;setUniformLocationWith1i(maskTexUniformLoc, 1);
    this-&amp;gt;setShaderProgram(shader);
    shader-&amp;gt;release();
    // [...]
}
&lt;/code&gt;&lt;/pre&gt;
&lt;p&gt;These are the custom drawing methods for actually drawing the mask over the sprite:&lt;br&gt;
You need to know that &lt;code&gt;m_mask&lt;/code&gt; is modified externally by another class, the &lt;code&gt;onDraw()&lt;/code&gt; method only render it.&lt;/p&gt;
&lt;pre&gt;&lt;code&gt;void GroundZone::draw(Renderer *renderer, const kmMat4 &amp;amp;transform, bool transformUpdated) {
    m_renderCommand.init(_globalZOrder);
    m_renderCommand.func = CC_CALLBACK_0(GroundZone::onDraw, this, transform, transformUpdated);
    renderer-&amp;gt;addCommand(&amp;amp;m_renderCommand);
    Sprite::draw(renderer, transform, transformUpdated);
}
void GroundZone::onDraw(const kmMat4 &amp;amp;transform, bool transformUpdated) {
    GLProgram *shader = this-&amp;gt;getShaderProgram();
    shader-&amp;gt;use();
    glActiveTexture(GL_TEXTURE1);
    glBindTexture(GL_TEXTURE_2D, m_mask-&amp;gt;getSprite()-&amp;gt;getTexture()-&amp;gt;getName());
    glActiveTexture(GL_TEXTURE0);
}
&lt;/code&gt;&lt;/pre&gt;
&lt;p&gt;Below is the method (located in another class, GroundLayer) that modify the mask by drawing a line from point &lt;code&gt;start&lt;/code&gt; to point &lt;code&gt;end&lt;/code&gt;. Both points are in Cocos2d coordinates (Point (0,0) is down-left).&lt;/p&gt;
&lt;pre&gt;&lt;code&gt;void GroundLayer::drawTunnel(Point start, Point end) {
    // To dig a line, we need first to get the texture of the zone we will be digging into. Then we get the
    // relative position of the start and end point in the zone's node space. Finally we use the custom shader to
    // draw a mask over the existing texture.
    for (auto it = _children.begin(); it != _children.end(); it++) {
        GroundZone *zone = static_cast&amp;lt;GroundZone *&amp;gt;(*it);
        Point nodeStart = zone-&amp;gt;convertToNodeSpace(start);
        Point nodeEnd = zone-&amp;gt;convertToNodeSpace(end);
        // Now that we have our two points converted to node space, it's easy to draw a mask that contains a line
        // going from the start point to the end point and that is then applied over the current texture.
        Size groundZoneSize = zone-&amp;gt;getContentSize();
        RenderTexture *rt = zone-&amp;gt;getMask();
        rt-&amp;gt;begin(); {
            // Draw a line going from start and going to end in the texture, the line will act as a mask over the
            // existing texture
            DrawNode *line = DrawNode::create();
            line-&amp;gt;retain();
            line-&amp;gt;drawSegment(nodeStart, nodeEnd, 20, Color4F::RED);
            line-&amp;gt;visit();
        } rt-&amp;gt;end();
    }
}
&lt;/code&gt;&lt;/pre&gt;
&lt;p&gt;Finally, here's the custom shader I wrote.&lt;/p&gt;
&lt;pre class="lang-none prettyprint-override"&gt;&lt;code&gt;#ifdef GL_ES
precision mediump float;
#endif
varying vec2 v_texCoord;
uniform sampler2D u_texture;
uniform sampler2D u_alphaMaskTexture;
void main() {
    float maskAlpha = texture2D(u_alphaMaskTexture, v_texCoord).a;
    float texAlpha = texture2D(u_texture, v_texCoord).a;
    float blendAlpha = (1.0 - maskAlpha) * texAlpha; // Show only where mask is invisible
    vec3 texColor = texture2D(u_texture, v_texCoord).rgb;
    gl_FragColor = vec4(texColor, blendAlpha);
    return;
}
&lt;/code&gt;&lt;/pre&gt;
&lt;p&gt;I got a problem with the y coordinates. Indeed, it seems that once it has passed through my custom shader, the sprite's texture is not at the right place:&lt;/p&gt;
&lt;p&gt;Without custom shader (the sprite is the brown thing):&lt;/p&gt;
&lt;p&gt;&lt;img src="https://i.stack.imgur.com/mOdAm.png" alt="Without custom shader"&gt;&lt;/p&gt;
&lt;p&gt;With custom shader:&lt;/p&gt;
&lt;p&gt;&lt;img src="https://i.stack.imgur.com/17cEp.png" alt="With custom shader"&gt;&lt;/p&gt;
&lt;p&gt;What's going on here? Thanks :)&lt;/p&gt;</t>
  </si>
  <si>
    <t>2014-06-04 19:27:57.647000+00:00</t>
  </si>
  <si>
    <t>2015-09-17 20:34:14.140000+00:00</t>
  </si>
  <si>
    <t>2014-06-04 19:42:27.830000+00:00</t>
  </si>
  <si>
    <t>c++|opengl-es|cocos2d-x|cocos2d-x-3.0</t>
  </si>
  <si>
    <t>Establishing PowerShell session on remote desktop, for user who is not an administrator</t>
  </si>
  <si>
    <t>&lt;p&gt;When I try to establish PowerShell session with the user "Administrator" on remote desktop I can successfully establish the sesssion, but it fails when my user is standarduser or RemoteDesktopUser.&lt;/p&gt;
&lt;pre&gt;
PS C:\WINDOWS\system32&gt; C:\Users\Samantha.dek\Desktop\tru.ps1
New-PSSession : [DESKTOP-SR6UD6M] Connecting to remote server DESKTOP-SR6UD6M
failed with the following error message : Access is denied. For more information,
see the  about_Remote_Troubleshooting Help topic.
At C:\Users\Samantha.Dek\Desktop\tru.ps1:11 char:6
+ $s = New-PSSession -ComputerName $AppServer -Credential $cred
+      ~~~~~~~~~~~~~~~~~~~~~~~~~~~~~~~~~~~~~~~~~~~~~~~~~~~~~~~~
    + CategoryInfo          : OpenError: (System.Manageme....RemoteRunspace:RemoteRunspace) [New-PSSession], PSRemotingTransportException
    + FullyQualifiedErrorId : AccessDenied,PSSessionOpenFailed
&lt;/pre&gt;</t>
  </si>
  <si>
    <t>2017-10-25 06:48:31.910000+00:00</t>
  </si>
  <si>
    <t>2017-10-25 08:00:22.007000+00:00</t>
  </si>
  <si>
    <t>powershell|powershell-remoting</t>
  </si>
  <si>
    <t>what is the difference between virtual platform and real platform</t>
  </si>
  <si>
    <t>&lt;p&gt;I have a application running on my system(pc) which has OS windows 7, if I run the same application in a virtual machine on VMWare running Windows 7 OS. Here are my questions:&lt;/p&gt;
&lt;ol&gt;
&lt;li&gt;&lt;p&gt;If my application is running on my system what is platform here? I mean what is the name of platform?&lt;/p&gt;&lt;/li&gt;
&lt;li&gt;&lt;p&gt;If my application is running on virtual machine platform vmwAre, where I can see the platform?&lt;/p&gt;&lt;/li&gt;
&lt;li&gt;&lt;p&gt;What is the difference between platform and OS?&lt;/p&gt;&lt;/li&gt;
&lt;/ol&gt;</t>
  </si>
  <si>
    <t>2011-08-07 11:42:10.550000+00:00</t>
  </si>
  <si>
    <t>2011-08-14 19:01:35.573000+00:00</t>
  </si>
  <si>
    <t>2011-08-07 12:09:59+00:00</t>
  </si>
  <si>
    <t>vmware|platform</t>
  </si>
  <si>
    <t>Python - Tkinter - Scrollbar automatically moves when resizing window from corner</t>
  </si>
  <si>
    <t>&lt;p&gt;I'm having a bizarre issue with the code below. If a user runs this code, and the very first thing they do (before even clicking in the window) is resize the window by the bottom-right corner, the scrollbar will automatically move down, instead of staying in place as you'd normally expect.&lt;/p&gt;
&lt;pre&gt;&lt;code&gt;import tkinter as tk
def onResize(event):
    """Prints the scrollbar's position on window resize."""
    print(str(myScrollbar.get()))
root = tk.Tk()
myFrame = tk.Frame(root)
mySecondaryFrame = tk.Frame(root)
myCanvas = tk.Canvas(myFrame)
myScrollbar = tk.Scrollbar(myFrame, orient='vertical', command=myCanvas.yview)
myCanvas.config(yscrollcommand=myScrollbar.set)
for i in range(0,100):
    print(i)
    button = tk.Button(mySecondaryFrame, text=i)
    button.pack(fill='y',expand=True)
    myCanvas.configure(scrollregion=(0, 0, 0, 3000))
myFrame.pack(fill='both',expand=True)
myScrollbar.pack(side="right",fill='y')
myCanvas.pack(side='right', fill='both', expand=True)
button_window = myCanvas.create_window(0, 0, anchor='nw', window=mySecondaryFrame)
myCanvas.bind('&amp;lt;Configure&amp;gt;', onResize)
tk.mainloop()
&lt;/code&gt;&lt;/pre&gt;
&lt;p&gt;In the time I've spent on here looking for a solution to this without having to make a post, I came across the .get() method for scrollbars, and wondered if this would help me pinpoint the issue, hence its place in the code. Strangely enough, when the glitch occurs, I noticed from the print statements that the scrollbar is making tiny horizontal movements. Why is that, considering that the scrollbar is set to the canvas' y view? I'm not sure if this is a case of correlation != causation, but I thought it would be worth mentioning. Any help that could be given would be greatly appreciated. Thank you!  &lt;/p&gt;</t>
  </si>
  <si>
    <t>2018-10-22 19:08:25.760000+00:00</t>
  </si>
  <si>
    <t>2018-10-22 19:32:33.020000+00:00</t>
  </si>
  <si>
    <t>python|user-interface|tkinter|tkinter-canvas</t>
  </si>
  <si>
    <t>Read from a file and make an associative array to use in an MSSQL update query</t>
  </si>
  <si>
    <t>&lt;p&gt;I have a plain text file. The below code will parse it down to an array. I want to use this in an MSSQL update statement so I think I need to make it an associative array but I am not sure how to do that because I am using &lt;code&gt;substr&lt;/code&gt;.&lt;/p&gt;
&lt;pre&gt;&lt;code&gt;&amp;lt;?php
$lines=array();
$fp=fopen('cit_order.txt', 'r');
while (!feof($fp))
{
    $line=fgets($fp);
    $lines[]=substr($line, 69, 5) . substr($line, 117, 2);
    $count=count($lines);
}
foreach($lines as $val) {
    print $val;
}
fclose($fp);
?&amp;gt;
&lt;/code&gt;&lt;/pre&gt;
&lt;p&gt;Here is a sample of the data in the file&lt;/p&gt;
&lt;pre&gt;&lt;code&gt;CF123412342200910286258110250 11111111 ONLY INC 47556 172206304 0000743800007438AA 0808170815170815170300000250003001 
CF123412342200910479332010335 111111FURNITURE 47569 172206305 0000319200003192AA 0808170814170814170300000350003001
&lt;/code&gt;&lt;/pre&gt;</t>
  </si>
  <si>
    <t>2017-09-20 20:34:57.923000+00:00</t>
  </si>
  <si>
    <t>2017-09-25 18:51:02.207000+00:00</t>
  </si>
  <si>
    <t>2017-09-22 22:11:20.153000+00:00</t>
  </si>
  <si>
    <t>php|arrays|sql-server</t>
  </si>
  <si>
    <t>How do I read an Evolution mail pipe in C++?</t>
  </si>
  <si>
    <t>&lt;p&gt;I want to use Evolution mail client's message filter to pipe emails to my C++ program. I have written a C++ program and set up a filter in Evolution to pipe to my executable. Emails are filtered and my executable called, but when I try to read from stdin, nothing happens. I think my idea of using stdin is not correct. I have been reading around the internet about pipes, e.g. &lt;a href="https://stackoverflow.com/questions/4812891/fork-and-pipes-in-c"&gt;here&lt;/a&gt;, but am not sure if that is exactly what I need. Does anyone know if I'm on the right track, or can direct me in the right direction? E.g. do I need my C++ running all the time for Evolution, or does Evolution start and pipe to my executable.&lt;/p&gt;</t>
  </si>
  <si>
    <t>2017-02-07 21:16:48.200000+00:00</t>
  </si>
  <si>
    <t>2017-02-07 21:33:03.993000+00:00</t>
  </si>
  <si>
    <t>2017-05-23 12:17:05.277000+00:00</t>
  </si>
  <si>
    <t>c++|email|pipe</t>
  </si>
  <si>
    <t>REDHAWK RAP support?</t>
  </si>
  <si>
    <t>&lt;p&gt;I've been using the Explorer/IDE lately on my local machine; however, I'd like to be able to run everything (including custom control panels, if possible) using a web-browser (as I understand, REDHAWK supports RAP).  I've tried running it like any other RAP application, but it complains about not having an equinox console: "Could not find bundle: org.eclipse.equinox.console"&lt;/p&gt;
&lt;p&gt;It would be preferable to run headlessly, but can be done via Eclipse if need be.&lt;/p&gt;</t>
  </si>
  <si>
    <t>2013-11-25 20:39:50.903000+00:00</t>
  </si>
  <si>
    <t>2013-11-28 04:53:24.253000+00:00</t>
  </si>
  <si>
    <t>redhawksdr</t>
  </si>
  <si>
    <t>Cleaning up factor levels in data table with .SD and lapply</t>
  </si>
  <si>
    <t>&lt;p&gt;This question is related to this question &lt;a href="https://stackoverflow.com/questions/19410108/cleaning-up-factor-levels-collapsing-multiple-levels-labels"&gt;Cleaning up factor Levels collapsing multiple Level labels&lt;/a&gt; but I would like to extend this to a data table and collapse the factor levels for a subset of columns of my data table. I always struggle using lapply within data table...&lt;/p&gt;
&lt;p&gt;Here is my MWE and what I would like to achieve using levels() for two columns separately &lt;/p&gt;
&lt;pre&gt;&lt;code&gt;df&amp;lt;-data.table(Index=1:3,factor1=c("Yes", "No", "0"), factor2=c("yes","no","no"))
str(df)
subset_factor&amp;lt;-c("factor1", "factor2")
label.yesno&amp;lt;- list("Yes" = c("Yes","yes"),
                   "No"   = c("No", "no"))
df[,(subset_factor):=lapply(.SD,factor),.SD=subset_factor]
str(df)
levels(df$factor1)&amp;lt;-label.yesno
levels(df$factor2)&amp;lt;-label.yesno
df
&lt;/code&gt;&lt;/pre&gt;
&lt;p&gt;I was hoping that I could use the list directly when I create the factors&lt;/p&gt;
&lt;pre&gt;&lt;code&gt;df[,(subset_factor):=lapply(.SD,factor, labels=label.yesno),.SD=subset_factor]
&lt;/code&gt;&lt;/pre&gt;
&lt;p&gt;or that I could use the Levels factor in another step somehow.. But I cannot find anything similiar. I actually would like the "0" to be transformed into NA as it is done in my MWE.&lt;/p&gt;</t>
  </si>
  <si>
    <t>2018-04-10 10:35:44.403000+00:00</t>
  </si>
  <si>
    <t>2018-04-10 15:15:09.227000+00:00</t>
  </si>
  <si>
    <t>r|data.table|factors</t>
  </si>
  <si>
    <t>Insert partially copied new record into same table</t>
  </si>
  <si>
    <t>&lt;p&gt;I'm fairly new to SQLite and trying to do something which seems very simply but not working.&lt;/p&gt;
&lt;p&gt;I want to insert a new record in a table with the same OwnerID but slightly different data, a partial copy, so insert record data;&lt;/p&gt;
&lt;p&gt;&lt;strong&gt;2, 55, newdata, DARLTY&lt;/strong&gt;&lt;/p&gt;
&lt;p&gt;WHERE original record data is;&lt;/p&gt;
&lt;p&gt;&lt;strong&gt;1, 55, originaldata, DARLTY&lt;/strong&gt;&lt;/p&gt;
&lt;p&gt;Problem is I keep getting 'near "OwnerID": syntax error.' I'm thinking I need to get the original record values into variables somehow before inserting them into the new record but how?  &lt;/p&gt;
&lt;p&gt;This is what I have which is obviously flawed, TIA&lt;/p&gt;
&lt;pre&gt;&lt;code&gt;    INSERT INTO MyTable
 NULL AS KeyID, OwnerID AS OwnerID, 'newdata' AS Field2, Field3 AS Field3
 WHERE Field3 LIKE '%DARL%'
 AND Field3 &amp;lt;&amp;gt; 'DARLINGTON'
;
&lt;/code&gt;&lt;/pre&gt;</t>
  </si>
  <si>
    <t>2018-07-25 13:24:11.883000+00:00</t>
  </si>
  <si>
    <t>2018-07-25 23:30:08.047000+00:00</t>
  </si>
  <si>
    <t>sqlite|insert</t>
  </si>
  <si>
    <t>Intercepting calls to a method in another assembly</t>
  </si>
  <si>
    <t>&lt;p&gt;Is there a way to do the following, possibly by reflection? Reflection isn't required. Any method is acceptable.&lt;/p&gt;
&lt;p&gt;I have two assemblies, VenderAssembly (I do not have the source code) and MyAssembly. I would like to invoke &lt;code&gt;MyAssembly.MyMethod&lt;/code&gt; whenever &lt;code&gt;VenderAssembly.VendorMethod&lt;/code&gt; is invoked where MyAssembly is not the assembly responsible for invoking &lt;code&gt;VenderMethod&lt;/code&gt;.&lt;/p&gt;
&lt;p&gt;I do not need access to the argument values being passed to &lt;code&gt;VendorMethod&lt;/code&gt;. I just need to trigger &lt;code&gt;MyMethod&lt;/code&gt; each and every time &lt;code&gt;VendorMethod&lt;/code&gt; is invoked.&lt;/p&gt;</t>
  </si>
  <si>
    <t>2014-09-17 12:42:57.507000+00:00</t>
  </si>
  <si>
    <t>2014-09-17 14:17:59.030000+00:00</t>
  </si>
  <si>
    <t>c#|.net|reflection</t>
  </si>
  <si>
    <t>bottom uicomponent does not receive mouse events</t>
  </si>
  <si>
    <t>&lt;p&gt;HI,&lt;/p&gt;
&lt;pre&gt;&lt;code&gt;     I am sure this is very basic, however I am not able to find the solution. 
   I have a base ShapeContainer(UIComponent). I add a uicomponent which has mouse down listener to ShapeContainer. the listener works great.
&lt;/code&gt;&lt;/pre&gt;
&lt;p&gt;When I add a simple sprite(draw square) on the ShapeContainer, The listener does not work any more. &lt;/p&gt;
&lt;p&gt;In the code, if I comment below line, The event listener works fine.   &lt;/p&gt;
&lt;pre&gt;&lt;code&gt;       **shapeContainer.addChildAt(square,1);**
&lt;/code&gt;&lt;/pre&gt;
&lt;p&gt;I have tried few things like, mouseenabled=false on top sprite.
            also tried to add addChildAt but non of them did any help. &lt;/p&gt;
&lt;p&gt;How can I draw a shape and also have the event listener work.&lt;/p&gt;
&lt;p&gt;
&lt;pre&gt;&lt;code&gt;        protected function application1_creationCompleteHandler(event:FlexEvent):void
        {               
            var shapeContainer:UIComponent = new UIComponent();
            shapeContainer.x=100;
            shapeContainer.y=100;
            shapeContainer.width=200;
            shapeContainer.height=200;
            rawChildren.addChild(shapeContainer);
            var EventListenerShape:UIComponent = new UIComponent();
            EventListenerShape.x=100;
            EventListenerShape.y=100;
            EventListenerShape.width=200;
            EventListenerShape.height=200;
            EventListenerShape.graphics.clear();
            EventListenerShape.graphics.beginFill(0xf1f1f1, 0.1);
            EventListenerShape.graphics.drawRoundRect(0, 0, 200, 200, 10, 10);              
            EventListenerShape.alpha = 0;
            EventListenerShape.graphics.endFill();
            EventListenerShape.addEventListener(MouseEvent.MOUSE_DOWN, mouseDownfunc);
            shapeContainer.addChild(EventListenerShape);
        var square:Sprite = new Sprite();
        square.graphics.lineStyle(4,0x00FF00);
        square.graphics.drawRect(0,0,20,20);
        square.mouseEnabled=false;
        shapeContainer.addChildAt(square,1);    
        }
        private function mouseDownfunc(e:MouseEvent){
            trace("mouse Down **");
        }
        ����
    ]]&amp;gt;
&amp;lt;/mx:Script&amp;gt;
&amp;lt;mx:Canvas id="uic" width="100%" height="100%"   backgroundColor="0xFFFFFF"&amp;gt;
&amp;lt;/mx:Canvas&amp;gt;
&lt;/code&gt;&lt;/pre&gt;
&lt;p&gt;&lt;/p&gt;</t>
  </si>
  <si>
    <t>2010-04-19 22:20:52.367000+00:00</t>
  </si>
  <si>
    <t>2013-08-14 07:19:28.937000+00:00</t>
  </si>
  <si>
    <t>2010-04-19 22:28:53.673000+00:00</t>
  </si>
  <si>
    <t>flex|actionscript</t>
  </si>
  <si>
    <t>How to enter manually units size in SketchUp?</t>
  </si>
  <si>
    <t>&lt;p&gt;I want to use SketchUp to make models for unity, but I need some position in the polygons size.&lt;/p&gt;
&lt;p&gt;How can I enter units manually in SketchUp?&lt;/p&gt;
&lt;p&gt;Thanks for your time!&lt;/p&gt;</t>
  </si>
  <si>
    <t>2016-06-14 15:33:10.257000+00:00</t>
  </si>
  <si>
    <t>2016-06-16 23:06:34.330000+00:00</t>
  </si>
  <si>
    <t>sketchup|3d-modelling</t>
  </si>
  <si>
    <t>osx rvm ruby 1.8.7 nokogiri 1.4.1 - ERROR: Failed to build gem native extension</t>
  </si>
  <si>
    <t>&lt;p&gt;I'm stuck with this problem.&lt;/p&gt;
&lt;pre&gt;&lt;code&gt;cat ~/.rvm/gems/ruby-1.8.7-p249/gems/nokogiri-1.4.1/ext/nokogiri/mkmf.log
&lt;/code&gt;&lt;/pre&gt;
&lt;p&gt;Gives this errors (clipped)&lt;/p&gt;
&lt;pre&gt;&lt;code&gt;conftest.c:3: error: 'xmlParseDoc' undeclared (first use in this function)
conftest.c:3: error: (Each undeclared identifier is reported only once
conftest.c:3: error: for each function it appears in.)
&lt;/code&gt;&lt;/pre&gt;
&lt;p&gt;For several libraries which are found in the system.&lt;/p&gt;
&lt;p&gt;If I manually go into&lt;/p&gt;
&lt;pre&gt;&lt;code&gt;~/.rvm/gems/ruby-1.8.7-p249/gems/nokogiri-1.4.1/ext/nokogiri/
&lt;/code&gt;&lt;/pre&gt;
&lt;p&gt;And compile and install everything goes fine &lt;/p&gt;
&lt;pre&gt;&lt;code&gt;ruby extconf.rb
make
make install
mkdir -p /Users/tommasop/.rvm/rubies/ruby-1.8.7-p249/lib/ruby/site_ruby/1.8/i686-darwin9.8.0/nokogiri
/usr/bin/install -c -m 0755 nokogiri.bundle /Users/tommasop/.rvm/rubies/ruby-1.8.7-p249/lib/ruby/site_ruby/1.8/i686-darwin9.8.0/nokogiri
&lt;/code&gt;&lt;/pre&gt;
&lt;p&gt;except that on script/server:&lt;/p&gt;
&lt;pre&gt;&lt;code&gt;��� script/server --debugger
=&amp;gt; Booting Mongrel
=&amp;gt; Rails 2.3.5 application starting on http://0.0.0.0:3000
./script/../config/../vendor/rails/railties/lib/rails/gem_dependency.rb:119:Warning: Gem::Dependency#version_requirements is deprecated and will be removed on or after August 2010.  Use #requirement
The following gems have native components that need to be built
  nokogiri  
You're running:
  ruby 1.8.7.249 at /Users/tommasop/.rvm/rubies/ruby-1.8.7-p249/bin/ruby
  rubygems 1.3.6 at /Users/tommasop/.rvm/gems/ruby-1.8.7-p249, /Users/tommasop/.rvm/gems/ruby-1.8.7-p249%global
Run `rake gems:build` to build the unbuilt gems.
&lt;/code&gt;&lt;/pre&gt;
&lt;p&gt;Any help greatly appreciated!&lt;/p&gt;</t>
  </si>
  <si>
    <t>2010-04-23 09:18:54.653000+00:00</t>
  </si>
  <si>
    <t>2010-04-26 11:46:54.190000+00:00</t>
  </si>
  <si>
    <t>ruby|macos|nokogiri|rvm</t>
  </si>
  <si>
    <t>how do you enable image loading and disabling it using javascript</t>
  </si>
  <si>
    <t>&lt;p&gt;I have this javascript function. I would like to show image loading while the div is loading. And set the loadking image to null if the div is loaded or there was a an error:&lt;/p&gt;
&lt;p&gt;As is, the loading image keeps showing on the page, any ideas what am missing here?&lt;/p&gt;
&lt;pre&gt;&lt;code&gt;$(document).ready(function(){
  $("#submitbutton").on("click", function(){
    //disable the button to prevent multiple clicks
    $("#submitbutton").attr("disabled", "disabled");
    $('#loading').html('&amp;lt;img src="img/loading.gif"&amp;gt; loading...');
    var vcenter = $("#v_name").val();
    vcenter = "'"+vcenter+"'";
    var req = ocpu.rpc("output1", {
      vcenter : vcenter
    }, function(output){
      var data=output;
      });
      req.fail(function(){
        alert("Server error: " + req.responseText);
        $('#loading').html();
      });
      //after request complete, re-enable the button 
      req.always(function(){
        $("#submitbutton").removeAttr("disabled");
         $('#loading').html();
      });
    });
  });
&lt;/code&gt;&lt;/pre&gt;
&lt;p&gt;html code:&lt;/p&gt;
&lt;pre&gt;&lt;code&gt;&amp;lt;button id="submitbutton" type="button"&amp;gt;Submit&amp;lt;/button&amp;gt;
  &amp;lt;div id="loading"&amp;gt;&amp;lt;/div&amp;gt;
  &amp;lt;div id="output"&amp;gt; &amp;lt;/div&amp;gt;
&lt;/code&gt;&lt;/pre&gt;</t>
  </si>
  <si>
    <t>2014-08-14 19:37:43.433000+00:00</t>
  </si>
  <si>
    <t>2014-08-14 19:39:35.300000+00:00</t>
  </si>
  <si>
    <t>nav-stack at large but horizontal below 768px</t>
  </si>
  <si>
    <t>&lt;p&gt;I'm using TBS, I've got three columns, nav-stacked in the left, content in the middle, and twitter in the right. What I want to achieve is for the nav to go from stacked on large resolution, then go to horizontal on 768 or below, and then stacked again when the menu toggle appears.&lt;/p&gt;
&lt;p&gt;Below is the html I'm using, and I'm just using the standard Boostrap three stylesheet.&lt;/p&gt;
&lt;pre&gt;&lt;code&gt;      &amp;lt;nav class="navbar navbar-default " role="navigation"&amp;gt;
                &amp;lt;div class="navbar-header"&amp;gt;
                    &amp;lt;button class="navbar-toggle" type="button" data-toggle="collapse" data-target=".navbar-collapse"&amp;gt;
                        &amp;lt;span class="sr-only"&amp;gt;Toggle navigation&amp;lt;/span&amp;gt;&amp;lt;span class="icon-bar"&amp;gt;&amp;lt;/span&amp;gt;&amp;lt;span
                            class="icon-bar"&amp;gt;&amp;lt;/span&amp;gt;&amp;lt;span class="icon-bar"&amp;gt;&amp;lt;/span&amp;gt;&amp;lt;/button&amp;gt;
                &amp;lt;/div&amp;gt;
                &amp;lt;div class="collapse navbar-collapse" id="bs-example-navbar-collapse-1"&amp;gt;
                    &amp;lt;ul class="nav nav-tabs nav-stacked" style="font-weight: bold; font-size: 16px"&amp;gt;
                        &amp;lt;li&amp;gt;&amp;lt;a href="#Fencing"&amp;gt;Home&amp;lt;/a&amp;gt;&amp;lt;/li&amp;gt;
                        &amp;lt;li&amp;gt;&amp;lt;a href="#Fencing"&amp;gt;Beers and Ales&amp;lt;/a&amp;gt;&amp;lt;/li&amp;gt;
                        &amp;lt;li&amp;gt;&amp;lt;a href="#Fencing"&amp;gt;Eating&amp;lt;/a&amp;gt;&amp;lt;/li&amp;gt;
                        &amp;lt;li&amp;gt;&amp;lt;a href="#Fencing"&amp;gt;What's On&amp;lt;/a&amp;gt;&amp;lt;/li&amp;gt;
                        &amp;lt;li&amp;gt;&amp;lt;a href="#Fencing"&amp;gt;Find Us&amp;lt;/a&amp;gt;&amp;lt;/li&amp;gt;
                        &amp;lt;li&amp;gt;&amp;lt;a href="#Fencing"&amp;gt;Contact Us&amp;lt;/a&amp;gt;&amp;lt;/li&amp;gt;
                    &amp;lt;/ul&amp;gt;
                &amp;lt;/div&amp;gt;
            &amp;lt;/nav&amp;gt;
&lt;/code&gt;&lt;/pre&gt;</t>
  </si>
  <si>
    <t>2014-10-02 12:23:20.230000+00:00</t>
  </si>
  <si>
    <t>2014-10-02 13:50:08.223000+00:00</t>
  </si>
  <si>
    <t>html|css|twitter-bootstrap</t>
  </si>
  <si>
    <t>Elasticsearch fast query but slow response time when retrieving _source even if nested fields are in _source_exclude</t>
  </si>
  <si>
    <t>&lt;p&gt;I have the following mapping&lt;/p&gt;
&lt;pre&gt;&lt;code&gt;{
  "yellows" : {
    "aliases" : { },
    "mappings" : {
      "yellow" : {
        "properties" : {
          "ranges" : {
            "type" : "nested",
            "properties" : {
              "geometry" : {
                "type" : "geo_shape"
              },
              "id" : {
                "type" : "long"
              },
              "other1" : {
                "type" : "keyword"
              },
              "other2" : {
                "type" : "long"
              },
              "other3" : {
                "type" : "long"
              }
            }
          }
          ...
        } 
      }
    }
  }
}
&lt;/code&gt;&lt;/pre&gt;
&lt;p&gt;queries gets slower and slower the bigger the &lt;code&gt;size&lt;/code&gt;. For example &lt;/p&gt;
&lt;pre&gt;&lt;code&gt;curl https://path/to/elastic/yellows/_search?_source_exclude=ranges&amp;amp;from=0&amp;amp;size=50' --data-binary '{"query":{"bool":{"must":[],"filter":{"bool":{"filter":[{"terms":{"...":["1"]}},{"terms":{"...":["..."]}}],"should":[]}}}},"sort":[{"...":{"order":"asc"}}]}'
# size 50 -&amp;gt; "took":71
curl https://path/to/elastic/yellows/_search?_source_exclude=ranges&amp;amp;from=0&amp;amp;size=100' --data-binary '{"query":{"bool":{"must":[],"filter":{"bool":{"filter":[{"terms":{"...":["1"]}},{"terms":{"...":["..."]}}],"should":[]}}}},"sort":[{"...":{"order":"asc"}}]}'
# size 100 -&amp;gt; "took":1421
&lt;/code&gt;&lt;/pre&gt;
&lt;p&gt;At the same time, queries of &lt;code&gt;size=0&lt;/code&gt; or with &lt;code&gt;_source=false&lt;/code&gt; are fast. For example&lt;/p&gt;
&lt;pre&gt;&lt;code&gt;curl https://path/to/elastic/yellows/_search?_source_exclude=ranges&amp;amp;from=0&amp;amp;size=0' --data-binary '{"query":{"bool":{"must":[],"filter":{"bool":{"filter":[{"terms":{"...":["1"]}},{"terms":{"...":["..."]}}],"should":[]}}}},"sort":[{"...":{"order":"asc"}}]}'
# size 0 -&amp;gt; "took":32
curl https://path/to/elastic/yellows/_search?_source=false&amp;amp;from=0&amp;amp;size=100' --data-binary '{"query":{"bool":{"must":[],"filter":{"bool":{"filter":[{"terms":{"...":["1"]}},{"terms":{"...":["..."]}}],"should":[]}}}},"sort":[{"...":{"order":"asc"}}]}'
# _source=false -&amp;gt; "took":167
&lt;/code&gt;&lt;/pre&gt;
&lt;p&gt;That means that queries retrieving the &lt;code&gt;_source&lt;/code&gt;s (ie without &lt;code&gt;_souce=false&lt;/code&gt; or &lt;code&gt;size=0&lt;/code&gt;) are slower. Also, it seems that the more ranges in the retrieved documents the slower is the response. I���m using &lt;code&gt;wc -c&lt;/code&gt; in the following as a proxy measure of how many ranges are in the retrieved documents. Not the best measure but should suffice&lt;/p&gt;
&lt;pre&gt;&lt;code&gt;curl https://path/to/elastic/yellows/_search?from=0&amp;amp;size=50' --data-binary '{"query":{"bool":{"must":[],"filter":{"bool":{"filter":[{"terms":{"...":["1"]}},{"terms":{"...":["..."]}}],"should":[]}}}},"sort":[{"...":{"order":"asc"}}]}' | wc -c
# 2.332.822
curl https://path/to/elastic/yellows/_search?from=50&amp;amp;size=50' --data-binary '{"query":{"bool":{"must":[],"filter":{"bool":{"filter":[{"terms":{"...":["1"]}},{"terms":{"...":["..."]}}],"should":[]}}}},"sort":[{"...":{"order":"asc"}}]}' | wc -c
# 38.591.502
&lt;/code&gt;&lt;/pre&gt;
&lt;p&gt;As you can see the first 50 have much less ranges than the second 50 in the first 100. Also, notice that in the first snippet, the query for the first 50 is much faster than the query for the second 50 even if it has &lt;code&gt;_source_exclude=ranges&lt;/code&gt;.&lt;/p&gt;
&lt;p&gt;It seems to me that the query is not the bottleneck. In fact, with &lt;code&gt;size=0&lt;/code&gt; or with &lt;code&gt;_source=false&lt;/code&gt; the response time is small. So I suspect that it���s the fact that ranges are a nested field and Elastic takes them into consideration even if the request excludes them (ie &lt;code&gt;_source_exclude=ranges&lt;/code&gt;).&lt;/p&gt;
&lt;p&gt;Is there any other way to make the queries faster without changing the mapping or should I change the mapping so that ranges are not nested?&lt;/p&gt;</t>
  </si>
  <si>
    <t>2018-06-18 10:04:42.360000+00:00</t>
  </si>
  <si>
    <t>2018-06-20 08:19:53.353000+00:00</t>
  </si>
  <si>
    <t>elasticsearch</t>
  </si>
  <si>
    <t>Suppress Interactive.jl / Reactive.jl signal info in Jupyter Notebook</t>
  </si>
  <si>
    <t>&lt;p&gt;I`m using Jupyter Notebook in combination with Interactive.jl / Reactive.jl .&lt;/p&gt;
&lt;p&gt;When I`m using @manipulate with a slider and afterwards rerun the block of code I see these info/warning messages highlighted in red:&lt;/p&gt;
&lt;pre&gt;&lt;code&gt;[Input{Int64}] 180
[Input{Int64}] 210
[Input{Int64}] 255
[Input{Int64}] 180
[Input{Int64}] 210
[Input{Int64}] 135
&lt;/code&gt;&lt;/pre&gt;
&lt;p&gt;Any idea on what causes these messages? How to suppress them?&lt;/p&gt;
&lt;p&gt;The specific code I used was&lt;/p&gt;
&lt;pre&gt;&lt;code&gt;function complex_round(complex_number,digits_after_comma)
    return round(real(complex_number),digits_after_comma) + round(imag(complex_number),digits_after_comma)*im
end
@manipulate for �� in 0:15:360, �� in 0:15:360 # let us manipulate the value of ��
    psi = [cosd(��/2),e^(2*pi*im*��/360)*sind(��/2)]
    rho = complex_round(kron(psi',psi),3)
    psi = complex_round(psi,3)
    # Some very annoying hack required to make the print
    # I will look into Compose/Cairo.
    text = Array(Any,(2,6))
    # text[row,column]
    text[1,1] = "psi"
    text[2,1] = "="
    text[1:2,2] = psi
    text[1,3] = "|" 
    text[2,3] = "|"
    text[1,4] = "rho"
    text[2,4] = "="
    text[1:2,5:6] = rho    
    text
end
&lt;/code&gt;&lt;/pre&gt;
&lt;p&gt;Help is much appreciated!&lt;/p&gt;</t>
  </si>
  <si>
    <t>2016-08-05 11:11:39.623000+00:00</t>
  </si>
  <si>
    <t>julia-lang|jupyter-notebook</t>
  </si>
  <si>
    <t>Opening Website using batch file on remote systems on the network</t>
  </si>
  <si>
    <t>&lt;p&gt;Request your experience and expertise, I have requirement, where I want to maintain the URL to be opened and hostname or the ipaddress of the system where the website has to be opened.
Could this be done by maintaining details in a batch file and running the same. &lt;/p&gt;
&lt;p&gt;Thank you,
Best Regards,&lt;/p&gt;</t>
  </si>
  <si>
    <t>2014-06-19 19:55:26.747000+00:00</t>
  </si>
  <si>
    <t>batch-file</t>
  </si>
  <si>
    <t>script fails sometimes when used in cron job</t>
  </si>
  <si>
    <t>&lt;p&gt;I have this cron command:&lt;/p&gt;
&lt;pre&gt;&lt;code&gt;php &amp;lt;path&amp;gt;/export.php
&lt;/code&gt;&lt;/pre&gt;
&lt;p&gt;Running at midnight each day. I know the command itself is fired as the files I'm expecting get created, however only the customer file is populated. This is the script:&lt;/p&gt;
&lt;pre&gt;&lt;code&gt;&amp;lt;?php
//============================================================
//- CRON TO BE RUN EVERY DAY 23:59
//============================================================
// be massively careful if you run this on review! 
$sitePath='&amp;lt;removed&amp;gt;';
require_once($sitePath.'&amp;lt;removed&amp;gt;');
set_time_limit(240);
$sage = new Sage();
    $transactionCSV = '';
#-only needed for opening balances
#   $transactionCSV .= $sage-&amp;gt;obDebt();
#   $transactionCSV .= $sage-&amp;gt;obCredit();
#-
    $transactionCSV .= $sage-&amp;gt;ordersCsv();
    $transactionCSV .= $sage-&amp;gt;paymentsCsv();
    $transactionCSV .= $sage-&amp;gt;creditsCsv();
    $transactionCSV .= $sage-&amp;gt;refundsCsv();
        $adj = nl2br(file_get_contents($sitePath.'&amp;lt;removed&amp;gt;'));
    $transactionCSV .= str_replace('&amp;lt;br /&amp;gt;', "\r\n", $adj);
    $customerCSV = $sage-&amp;gt;customersCsv();
    @file_put_contents($sitePath.'&amp;lt;removed&amp;gt;', '');
    $msg='';
    //var_dump($transactionCSV);
    //exit();
    file_put_contents($sitePath.'&amp;lt;removed&amp;gt;'.date('Y-m-d').'.csv', $customerCSV);    
    file_put_contents($sitePath.'&amp;lt;removed&amp;gt;'.date('Y-m-d').'.csv', $transactionCSV);
    #delete old automated files
    @unlink($sitePath.'&amp;lt;removed&amp;gt;');
    @unlink($sitePath.'&amp;lt;removed&amp;gt;');
    #put in location available via FTP (readonly) as root
    touch($sitePath.'&amp;lt;removed&amp;gt;');
    touch($sitePath.'&amp;lt;removed&amp;gt;');
    file_put_contents($sitePath.'&amp;lt;removed&amp;gt;', $customerCSV); 
    file_put_contents($sitePath.'&amp;lt;removed&amp;gt;', $transactionCSV);
    #allow wood-sage to delete files
    chmod($sitePath.'&amp;lt;removed&amp;gt;', 0777);
    chmod($sitePath.'&amp;lt;removed&amp;gt;', 0777);
    $mail = new PHPMailer();
    $mail-&amp;gt;IsSMTP();                                   // send via SMTP
    $mail-&amp;gt;Host     = $mailServer; // SMTP servers
    $mail-&amp;gt;SMTPAuth = true;     // turn on SMTP authentication
    $mail-&amp;gt;SMTPDebug = false; //toggle debugging mode true / false
    $mail-&amp;gt;Username = $mailBox;  // SMTP username
    $mail-&amp;gt;Password = $mailPass; // SMTP password
    $mail-&amp;gt;From     = '&amp;lt;removed&amp;gt;';
    $mail-&amp;gt;FromName = '&amp;lt;removed&amp;gt;';
    $mail-&amp;gt;AddAddress('&amp;lt;removed&amp;gt;', '&amp;lt;removed&amp;gt;');
    $mail-&amp;gt;AddCc('&amp;lt;removed&amp;gt;', '&amp;lt;removed&amp;gt;');
    $mail-&amp;gt;AddCc('&amp;lt;removed&amp;gt;', '&amp;lt;removed&amp;gt;');
    //for debug purposes
    $mail-&amp;gt;AddBcc($webEmail, 'Webmaster');
    $mail-&amp;gt;Subject = 'Sage Export: '.date('d/m/Y');
    if(filesize($sitePath.'&amp;lt;removed&amp;gt;'.date('Y-m-d').'.csv')&amp;gt;0){
        $mail-&amp;gt;AddAttachment($sitePath.'&amp;lt;removed&amp;gt;'.date('Y-m-d').'.csv');
    }else{
        $msg.='Customer export contains no data.'.chr(10).chr(13);
    }
    if(filesize($sitePath.'&amp;lt;removed&amp;gt;'.date('Y-m-d').'.csv')&amp;gt;0){
        $mail-&amp;gt;AddAttachment($sitePath.'&amp;lt;removed&amp;gt;'.date('Y-m-d').'.csv');
    }else{
        $msg.='Transaction export contains no data.';
    }
    $mail-&amp;gt;Body=$msg;
    $mail-&amp;gt;Send();
exit();
?&amp;gt;
&lt;/code&gt;&lt;/pre&gt;
&lt;p&gt;When I fire the script manually through the browser everything works. When I use fire manually command in the hosting control panel, everything works. When I set the cron job to fire automatically in a few minutes time, everything works.&lt;/p&gt;
&lt;p&gt;In fact the only way I can find to break the script is by putting the command on its normal midnight setting - and I'm completely stumped as to why. For the record, the most recently missed cron job returned 10 rows for the customer file and 499 for the transaction file, and I find it hard to believe so few would cause timeouts or similar errors.&lt;/p&gt;
&lt;p&gt;EDIT:&lt;/p&gt;
&lt;p&gt;Following advice in the comments I fired the command via SSH and got the following warnings:&lt;/p&gt;
&lt;pre&gt;&lt;code&gt;PHP Warning:  file_put_contents(&amp;lt;removed&amp;gt;): failed to open stream: Permission denied in &amp;lt;removed&amp;gt; on line 39
PHP Warning:  file_put_contents(&amp;lt;removed&amp;gt;): failed to open stream: Permission denied in &amp;lt;removed&amp;gt; on line 40
PHP Warning:  Unknown: open(/var/lib/php/session/sess_lnf9i3q43mrsosmt1dfd17el04, O_RDWR) failed: Permission denied (13) in Unknown on line 0
PHP Warning:  Unknown: Failed to write session data (files). Please verify that the current setting of session.save_path is correct (/var/lib/php/session) in Unknown on line 0
&lt;/code&gt;&lt;/pre&gt;
&lt;p&gt;Obviously the first two are related to incorrect file permissions, but I've no idea what the other two are.&lt;/p&gt;</t>
  </si>
  <si>
    <t>2014-07-04 08:27:24.590000+00:00</t>
  </si>
  <si>
    <t>2014-07-04 09:24:07.980000+00:00</t>
  </si>
  <si>
    <t>php|cron</t>
  </si>
  <si>
    <t>FORTRAN INQUIRE statement and FLEN parameter</t>
  </si>
  <si>
    <t>&lt;p&gt;Apparently, some versions of FORTRAN allow a parameter FLEN in the INQUIRE statement.  Pretty useful thing, it will give the size of the file in question in bytes.  But, AFAICT, this is pretty new.  Anyone know how standard this is in FORTRAN now?  Generally speaking, how recent does your FORTRAN have to be have this feature?  I am particularly interested in PGI and gfortran.&lt;/p&gt;</t>
  </si>
  <si>
    <t>2013-05-07 21:47:43.823000+00:00</t>
  </si>
  <si>
    <t>2013-05-07 22:22:31.053000+00:00</t>
  </si>
  <si>
    <t>file-io|fortran|fortran90</t>
  </si>
  <si>
    <t>Problems with pooling Multiply Imuputed datasets, of multilevel logistic models, using R (MICE) - missing coefficent</t>
  </si>
  <si>
    <t>&lt;p&gt;I am having problems with the MICE package in R, particularity with pooling the imputed data sets.&lt;/p&gt;
&lt;p&gt;I am running a multilevel binomial logistic regression, with Level1 - topic (participant response to 10 questions on different topics, e.g. Darkness, Day) nested within Level2 - individuals. &lt;/p&gt;
&lt;p&gt;The model is created using R2MLwiN, the formula is 
&lt;code&gt;&amp;gt; fit1 &amp;lt;-runMLwiN( c(probit(T_Darkness, cons), probit(T_Day, cons), probit(T_Light, cons), probit(T_Night, cons), probit(T_Rain, cons), probit(T_Rainbows, cons), probit(T_Snow, cons), probit(T_Storms, cons), probit(T_Waterfalls, cons), probit(T_Waves, cons)) ~ 1, D=c("Mixed", "Binomial", "Binomial","Binomial","Binomial", "Binomial", "Binomial", "Binomial", "Binomial", "Binomial" ,"Binomial"), estoptions = list(EstM = 0), data=data)&lt;/code&gt;&lt;/p&gt;
&lt;p&gt;Unfortunately, there is missing data in all of the Level1 (topic) responses. 
I have been using the &lt;code&gt;mice&lt;/code&gt; package ([CRAN][1]) to multiply impute the missing values. &lt;/p&gt;
&lt;p&gt;I can fit the model to the imputed datasets, using the formula &lt;code&gt;&amp;gt; fitMI &amp;lt;- (with(MI.Data, runMLwiN( c(probit(T_Darkness, cons), probit(T_Day, cons), probit(T_Light, cons), probit(T_Night, cons), probit(T_Rain, cons), probit(T_Rainbows, cons), probit(T_Snow, cons), probit(T_Storms, cons), probit(T_Waterfalls, cons), probit(T_Waves, cons)) ~ 1, D=c("Mixed", "Binomial", "Binomial","Binomial","Binomial", "Binomial", "Binomial", "Binomial", "Binomial", "Binomial" ,"Binomial"), estoptions = list(EstM = 0), data=data)))&lt;/code&gt; &lt;/p&gt;
&lt;p&gt;However, when I come to pool the analyses with the call code &lt;code&gt;&amp;gt; pool(fitMI)&lt;/code&gt; it fails, with the Error:&lt;/p&gt;
&lt;p&gt;&lt;code&gt;Error in pool(with(tempData, runMLwiN(c(probit(T_Darkness, cons), probit(T_Day,  : 
  Object has no coef() method.&lt;/code&gt;&lt;/p&gt;
&lt;p&gt;I am not sure why it is saying there is no coefficient, as the analyses of the individual MI datasets provide both fixed parts (coefficients) and random parts (covariances)&lt;/p&gt;
&lt;p&gt;Any help with what is going wrong would be much appreciated. &lt;/p&gt;
&lt;p&gt;I should warn you that this is my first foray into using R and multilevel modelling. 
Also I know there is a MlwiN package ([REALCOM][2]) that can do this but I don't have the background to use the MLwiN software.&lt;/p&gt;
&lt;p&gt;thanks
johnny&lt;/p&gt;
&lt;p&gt;Update - R reproducible example&lt;/p&gt;
&lt;p&gt;Libraries used&lt;/p&gt;
&lt;blockquote&gt;
  &lt;p&gt;library(R2MLwiN)&lt;/p&gt;
  &lt;p&gt;library(mice)&lt;/p&gt;
&lt;/blockquote&gt;
&lt;p&gt;Subset of data
`&lt;/p&gt;
&lt;blockquote&gt;
  &lt;p&gt;T_Darkness &amp;lt;- c(0, 1, 0, 0, 0, 0, 0, 1, 0, 0, NA, 0, 0, 0, NA, 1, 0, NA,NA, 1, 0, 0, 0, 1, 0, 0, 0, NA, 0, 0, 0, NA, 0, 0, 0, 0, 0, 0, 0, 1, 0, 0, 0, 0, 0, 0, 0, 0, 0, 0, 0, 1, NA, 0, 0, 1, 0, 1, 0, 0, 0, 0, 0, NA, 1, 0)&lt;/p&gt;
  &lt;p&gt;T_Day &amp;lt;- c(0, 0, 0, 1, 0, 0, 1, 0, 0, 0, 0, 0, 0, 0, 0, 0, 0, NA, 0, 0, 0, NA, 0, 0, 0, 0, 0, 0, 0, 0, 0, 0, 1, 0, 1, 0, 0, 0, 1, 1, 0, 0, NA, 0, 0, 0, 0, NA, 0, 0, 1, 0, 0, 0, 0, 1, 0, 0, 0, 0, 1, 0, 0, NA, NA, 0)&lt;/p&gt;
  &lt;p&gt;T_Light &amp;lt;- c(0, 0, NA, 0, 1, 0, 1, 0, 0, 0, 0, 0, 1, 0, 1, 1, 0, 0, 0, 1, 0, 0, 0, 1, 0, 0, NA, 0, 0, 0, 0, 0, 0, 0, 1, 0, 0, 0, 0, 0, 0, 0, 0, 0, 0, 0, 0, 0, 0, 0, 1, NA, 1, 0, 0, 0, 0, 0, 0, 0, 0, 0, 0, NA, 0, 0)&lt;/p&gt;
  &lt;p&gt;T_Night &amp;lt;- c(0, 0, 0, 0, 0, 1, 0, 0, 0, 1, 0, 0, 0, 0, 1, 0, 0, 1, 0, 0, 0, 0, NA, 0, 0, 0, 0, 0, 0, 0, 0, 0, 0, 0, 0, 0, 0, 0, 0, 1, 0, 0, 0, 0, 0, 0, 0, 0,NA, 0, NA, 0, 0, 1, 0, 0, 0, 0, 0, 1, 0, 0, 0, NA, 0, 0)&lt;/p&gt;
  &lt;p&gt;T_Rain &amp;lt;- c(1, 0, 0, 1, 1, 0, 0, NA, 0, 1, 0, 0, 1, 0, 0, 0, 0, NA, 0, 0, 1, 0, 0, 0, 0, 0, 0, 0, 1, 0, 0, 1, 0, 0, 1, 0, 0, 0, 0, NA, 0, 0, 0, 0, 1, 0, 0, 0, NA, 1, NA, 0, 0, 0, 0, 1, NA, 1, 0, 0, 0, 0, 1, NA, 0, 0)&lt;/p&gt;
  &lt;p&gt;T_Rainbows &amp;lt;- c(1, 1, 1, 1, 0, 1, 0, 1, 0, 1, NA, 1, 1, 0, 0, 1, 0, NA, 0, 1, 0, NA, 0, 1, 0, 0, 0, 0, 0, NA, 0, 0, 0, NA, 1, 1, 1, 0, 0, 1, 1, 0, 0, 0, 0, 0, 1, 0, 1, 1, 1, 1, NA, 1, 0, 1, NA, 0, 0, 1, 0, 1, 1, 1, 0, 1)&lt;/p&gt;
  &lt;p&gt;T_Snow &amp;lt;- c(0, 0, 1, 0, 0, 0, 1, 1, 0, 1, 0, NA, 0, 0, 1, 0, 0, 0, 0, 0, 0, 0, 0, 1, 1, 0, 0, 0, NA, 0, 0, 0, 0, 1, 1, 0, 0, 0, 0, 0, 0, 0, 0, 1, 0, 0, 0, 0, NA, 0, 0, 1, NA, 1, 0, 1, 1, 0, 0, 0, 0, 0, NA, 0, 0, 0)&lt;/p&gt;
  &lt;p&gt;T_Storms &amp;lt;- c(0, 0, 0, 1, 1, 1, 0, 1, 0, 1, NA, 0, 0, 0, 0, 1, 0, NA, 0, 0, 1, 0, 0, NA, 1, 1, NA, 0, 0, NA, 0, 1, 0, NA, 1, 0, 1, 0, 0, 0, 0, 0, 0, 1, 0, 0, 1, 0, 0, 0, 1, 0, NA, 1, 0, NA, 0, 0, 0, 1, 1, 0, 1, NA, NA, 1)&lt;/p&gt;
  &lt;p&gt;T_Waterfalls &amp;lt;- c(0, 0, 0, 0, 0, 0, 0, NA, 0, 0, 0, 0, 0, 0, 0, NA, 0, 0, 0, 0, 1, 0, 0, 0, 0, 0, 0, 0, NA, 0, 0, 0, 0, 0, 0, 1, 0, 0, 0, 1, 0, 0, NA, 0, 0, 0, 0, 0, NA, 0, 1, 0, NA, 1, 0, 1, 0, 0, 0, NA, 0, 0, 0, NA, NA, 0)&lt;/p&gt;
  &lt;p&gt;T_Waves &amp;lt;- c(0, 1, 0, 1, 1, 0, 1, NA, 0, 0, NA, 0, 0, 0, NA, 1, 0, 0, 0, 0, 1, 0, NA, 0, NA, 0, 0, NA, 0, 0, 0, 0, 0, 0, NA, 1, 0, 0, 0, 1, 0, 0, NA, 0, 1, 0, 0, 0, 0, 0, 1, 1, NA, 1, 1, NA, 0, 0, 0, NA, 0, 0, 0, NA, 0, 0)&lt;/p&gt;
  &lt;p&gt;data &amp;lt;- data.frame (T_Darkness, T_Day, T_Light, T_Night, T_Rain, T_Rainbows, T_Snow, T_Storms, T_Waterfalls, T_Waves)&lt;/p&gt;
  &lt;p&gt;data$cons &amp;lt;- 1&lt;/p&gt;
&lt;/blockquote&gt;
&lt;p&gt;`&lt;/p&gt;
&lt;p&gt;Data imputed using mice with&lt;/p&gt;
&lt;blockquote&gt;
  &lt;p&gt;MI.Data &amp;lt;- mice(data,m=5,maxit=50,meth='pmm',seed=500)&lt;/p&gt;
&lt;/blockquote&gt;</t>
  </si>
  <si>
    <t>2016-03-29 15:17:18.087000+00:00</t>
  </si>
  <si>
    <t>2016-04-14 10:52:44.870000+00:00</t>
  </si>
  <si>
    <t>2016-03-30 13:02:17.780000+00:00</t>
  </si>
  <si>
    <t>j.halls</t>
  </si>
  <si>
    <t>r|logistic-regression|pooling|r-mice</t>
  </si>
  <si>
    <t>Copy a primary key from a target table as a foreign key on the source table during an insert</t>
  </si>
  <si>
    <t>&lt;p&gt;&lt;strong&gt;The Situation:&lt;/strong&gt;&lt;br&gt;
I am inserting information from one table to another, a source and target. When the information is inserted into the target, a primary key is created. (In this case it is an integer.) I then need to be able to tie back to the source table. However, based on the data being moved, I am not able to reliably get the 1:1 match between the target and source tables.&lt;/p&gt;
&lt;p&gt;&lt;strong&gt;The Question:&lt;/strong&gt;&lt;br&gt;
Is there a way to copy the primary key that was created for record(x) in the target table and copy it as a foreign key to that same record(x) in the source table as the bulk insert is happening?&lt;/p&gt;
&lt;p&gt;&lt;strong&gt;Details:&lt;/strong&gt;&lt;br&gt;
I am trying to get this done in SQL. I have a work-around to this problem but I figure there has to be a way to do what I'm asking.&lt;/p&gt;</t>
  </si>
  <si>
    <t>2013-02-06 18:31:00.380000+00:00</t>
  </si>
  <si>
    <t>2013-02-09 21:50:27.070000+00:00</t>
  </si>
  <si>
    <t>sql-server|sql-server-2008|tsql</t>
  </si>
  <si>
    <t>How to train a chunker on CONLL 2000 Corpora in Python?</t>
  </si>
  <si>
    <t>&lt;p&gt;I am new to Python, so I don't much about it. I am using nltk to tag Parts of speech in a sentence. I wan to chunk them afterwards. I am done with POS tagging. I don't know how to train chunker on CONLL 2000 corpora. &lt;/p&gt;</t>
  </si>
  <si>
    <t>2017-02-05 08:32:06.763000+00:00</t>
  </si>
  <si>
    <t>2017-02-06 12:26:02.580000+00:00</t>
  </si>
  <si>
    <t>2017-02-05 11:26:52.350000+00:00</t>
  </si>
  <si>
    <t>python|nlp|nltk|chunking</t>
  </si>
  <si>
    <t>How to transfer file info and multiple files over a socket in Java?</t>
  </si>
  <si>
    <t>&lt;p&gt;I have one client and one server communicating with each other via TCP sockets. The client would like to transfer two files and some description of the files to the server. I would like to design a protocol that once a socket is established between the client and the server, the server would expect to receive the file description first and then the two files. Currently, with the following code, the server can receive the description but fails to distinguish the two files (the two files transferred from the client are merged into one single file at the server). I found similar threads on this issue. But they separately discussed "file info + one single file" and "multiple file without pre-file-info". Please give me a hint on resolving this issue. Many thanks.&lt;/p&gt;
&lt;p&gt;&lt;strong&gt;Sever-side code&lt;/strong&gt;&lt;/p&gt;
&lt;pre&gt;&lt;code&gt;dis = new DataInputStream(clientSocket.getInputStream());
callInfo = dis.readUTF();
callInfos = callInfo.split(" ");
FileOutputStream fos = new FileOutputStream(File1);
byte[] buffer = new byte[clientSocket.getReceiveBufferSize()];
int bytesReceived = 0;
while ((bytesReceived = dis.read(buffer)) &amp;gt; 0)
    fos.write(buffer, 0, bytesReceived);
fos.flush();
fos.close();
fos = new FileOutputStream(File2);
while ((bytesReceived = dis.read(buffer)) &amp;gt; 0)
    fos.write(buffer, 0, bytesReceived);
fos.flush();
fos.close();
&lt;/code&gt;&lt;/pre&gt;
&lt;p&gt;&lt;strong&gt;Client-side code&lt;/strong&gt;&lt;/p&gt;
&lt;pre&gt;&lt;code&gt;String fileIno = "fileIno";
byte[] buffer = new byte[socket.getSendBufferSize()];
int bytesRead = 0;
DataOutputStream dos = new DataOutputStream(socket.getOutputStream());
dos.writeUTF(fileInfo);
FileInputStream file = new FileInputStream(File1);
while ((bytesRead = file.read(buffer)) &amp;gt; 0)
    dos.write(buffer, 0, bytesRead);
dos.flush();
file.close();
file = new FileInputStream(File2);
while ((bytesRead = file.read(buffer)) &amp;gt; 0)
    dos.write(buffer, 0, bytesRead);
dos.flush();
file.close();
&lt;/code&gt;&lt;/pre&gt;</t>
  </si>
  <si>
    <t>2013-10-17 06:49:23.647000+00:00</t>
  </si>
  <si>
    <t>2013-10-17 06:53:00.640000+00:00</t>
  </si>
  <si>
    <t>java|io|network-programming</t>
  </si>
  <si>
    <t>Phrase lists supplied by the backend per-user for Botframework</t>
  </si>
  <si>
    <t>&lt;p&gt;I have a backend service where users can create and name rooms and devices. I'd like to integrate with Cortana and allow users to interact with their devices using Cortana. I created a bot that is hosted on my backend and added Cortana as a channel. I also integrated the bot with my OAuth 2 server so I know which user is interacting with the bot.
I trained my LUIS model with phrases like "turn on light in the bathroom", "turn off all lights", etc. &lt;/p&gt;
&lt;p&gt;My issue: each user can name rooms and devices as they want. I do not know in advance which rooms and which devices are going to be configured in the service. When I get the request in my bot, I can find all devices for the user. The list is fixed at that point and could be used as a phrase list - only devices in the list are allowed to be in the request.&lt;/p&gt;
&lt;p&gt;Which brings me to my question: is it possible to modify the phrase list on per-user basis? Or configure a URL from which the most recent phrase list could be retrieved before the request is processed by LUIS? Basically all I need is to avoid getting a request to turn on light in the "living room" while there is no living room configured by the user in the system and instead it should have been "dining room" (this is just a simple example, in the real world it would be more complex).&lt;/p&gt;
&lt;p&gt;I know there is LUIS REST API that can be used to dynamically modify the configuration, but:
1) it is not on per-user basis 
2) it requires re-building and re-publishing the LUIS model &lt;/p&gt;
&lt;p&gt;I believe the Connected Home skills solve that somehow by discovering all devices connected to the service, but I haven't found any APIs I could use to solve the issue in my skill.&lt;/p&gt;
&lt;p&gt;Edit:
I am looking for a functionality like this:
&lt;a href="https://i.stack.imgur.com/ZDcvf.png" rel="nofollow noreferrer"&gt;Cortana Connected Home&lt;/a&gt;
After linking the Hue account Cortana knows which devices the user has and at that point the voice recognition can be smart and try to map the spoken words to an actual device name.&lt;/p&gt;</t>
  </si>
  <si>
    <t>2018-05-21 16:12:56.150000+00:00</t>
  </si>
  <si>
    <t>2018-05-23 11:57:24.563000+00:00</t>
  </si>
  <si>
    <t>botframework|cortana|cortana-skills-kit</t>
  </si>
  <si>
    <t>ProgressBar Overlapping at runtime</t>
  </si>
  <si>
    <t>&lt;p&gt;Hi i am new to android and i recently changed my theme to Holo ..but the progressbar seems to  overlap ..i.e a progress bar comes and stops ontop of which another continues to update the progress.. i even set the secondaryprogress to 0 also..but din work&lt;/p&gt;</t>
  </si>
  <si>
    <t>2012-09-05 10:18:04.417000+00:00</t>
  </si>
  <si>
    <t>2012-09-06 12:25:43.747000+00:00</t>
  </si>
  <si>
    <t>android|runtime|progress-bar|updating|overlapping</t>
  </si>
  <si>
    <t>Can't get default document to work with ColdFusion &amp; IIS</t>
  </si>
  <si>
    <t>&lt;p&gt;I've tried everything I can think of and it's definitely configured, but I cant get IIS to work with ColdFusion 10 and default documents.&lt;/p&gt;
&lt;p&gt;I'm looking for some help or advice as to what to try, I've added the entries, verified they are in web.config etc., restarted IIS, restarted the web server, and it just won't work.&lt;/p&gt;</t>
  </si>
  <si>
    <t>2012-05-29 07:38:40.997000+00:00</t>
  </si>
  <si>
    <t>2012-05-31 19:11:58.410000+00:00</t>
  </si>
  <si>
    <t>2012-05-29 16:03:38.763000+00:00</t>
  </si>
  <si>
    <t>iis|coldfusion|coldfusion-10</t>
  </si>
  <si>
    <t>Model sys's python implementation</t>
  </si>
  <si>
    <t>&lt;p&gt;&lt;a href="http://codespeak.net/pypy/dist/pypy/doc/" rel="nofollow noreferrer"&gt;pypy&lt;/a&gt;&lt;/p&gt;
&lt;p&gt;has many built-in function  use python implementation.example:&lt;a href="https://stackoverflow.com/questions/2032677/functools-module"&gt;link&lt;/a&gt;&lt;/p&gt;
&lt;p&gt;but,i can't find  model 'sys' implementation.&lt;/p&gt;
&lt;p&gt;how can i get it.&lt;/p&gt;
&lt;pre&gt;&lt;code&gt;import sys
print help(sys)
&lt;/code&gt;&lt;/pre&gt;</t>
  </si>
  <si>
    <t>2010-01-10 07:01:31.223000+00:00</t>
  </si>
  <si>
    <t>2010-01-10 10:26:25.947000+00:00</t>
  </si>
  <si>
    <t>2017-05-23 11:48:36.173000+00:00</t>
  </si>
  <si>
    <t>python|model|pypy</t>
  </si>
  <si>
    <t>Sorting tweets by timestamp in php</t>
  </si>
  <si>
    <t>&lt;p&gt;I'm putting together a project for class that has to do with aggregating tweets in succession to create a linear, crowdsourced story. I've currently got a semi-working program, with the issue that the program displays the most recent tweet first - what I need is to sort these tweets to have them displayed by timestamp, oldest to newest. Here's the code:&lt;/p&gt;
&lt;pre&gt;&lt;code&gt;&amp;lt;?php
$url = 'http://search.twitter.com/search.json?q=%23tweetstoryproj&amp;amp;lang=en&amp;amp;rpp=100';
$jsontwitter = file_get_contents($url);
$twitter = json_decode($jsontwitter, true);
$twittertext = $twitter["results"];
foreach($twittertext as $text){
    $text = str_replace("#tweetstoryproj", "", $text);
    echo $text['text'].'';
}
?&amp;gt;
&lt;/code&gt;&lt;/pre&gt;
&lt;p&gt;Thanks a lot for your help, and if you want to contribute to the story, tweet with the hashtag: #tweetstoryproj&lt;/p&gt;</t>
  </si>
  <si>
    <t>2012-10-24 23:37:42.533000+00:00</t>
  </si>
  <si>
    <t>2012-10-24 23:42:25.453000+00:00</t>
  </si>
  <si>
    <t>php|api|sorting|twitter</t>
  </si>
  <si>
    <t>Why Firefox won't start Css without errors message?</t>
  </si>
  <si>
    <t>&lt;p&gt;I write this sample code on notepad for an html site with css but this won't work on Mozilla(version49.0.etc) while it does on IE, Chrome and Opera. If i start it on FF, debugger says "CSS has no errors" but it only display html code. 
Someone know how to fix it?&lt;/p&gt;
&lt;p&gt;Here there are the codes(html and CSS) of my site on local path: &lt;/p&gt;
&lt;pre&gt;&lt;code&gt;&amp;lt;!DOCTYPE HTML PUBLIC "-//W3C//DTD HTML 4.01 Transitional//EN"
   http://www.w3.org/TR/html4/loose.dtd&amp;gt;
    &amp;lt;html lang="it"&amp;gt;
    &amp;lt;head&amp;gt;
    &amp;lt;meta name="viewport" content="width=device-width"&amp;gt;
    &amp;lt;meta http-equiv="X-UA-Compatible" content="IE=edge" charset="iso-8859-1"&amp;gt;
        &amp;lt;title&amp;gt;Site&amp;lt;/title&amp;gt;
    &amp;lt;style type="text/css"&amp;gt;
    &amp;lt;/style&amp;gt;
    &amp;lt;link href="C:/Users/Dean/Desktop/Site/File/file1.css" rel="stylesheet" media="all"&amp;gt;
&amp;lt;/head&amp;gt;
&amp;lt;body class="sub"&amp;gt;
&amp;lt;div class="alt"&amp;gt;
&amp;lt;h1&amp;gt;Text here&amp;lt;/h1&amp;gt;
&amp;lt;/div&amp;gt;
    &amp;lt;/body&amp;gt;
    &amp;lt;/html&amp;gt;
&lt;/code&gt;&lt;/pre&gt;
&lt;p&gt;And here there is the CSS file properties:&lt;/p&gt;
&lt;pre&gt;&lt;code&gt;.sub{background-image:url("../image/bg.jpg");
    background-repeat:no-repeat;
    background-size:100% 100%;
    background-attachment:fixed;
}
.alt {background-color:hotpink;
    box-align:right;
    border-radius:10px;
    }
.set {font-size:12px;
    color:white;
    }
&lt;/code&gt;&lt;/pre&gt;</t>
  </si>
  <si>
    <t>2016-10-28 04:38:22.577000+00:00</t>
  </si>
  <si>
    <t>2016-10-29 07:24:57.850000+00:00</t>
  </si>
  <si>
    <t>2016-10-28 16:57:46.087000+00:00</t>
  </si>
  <si>
    <t>html|css|debugging|firefox</t>
  </si>
  <si>
    <t>What is an event's ���raise��� accessor in Roslyn?</t>
  </si>
  <si>
    <t>&lt;p&gt;Roslyn's &lt;a href="http://www.nudoq.org/#!/Packages/Roslyn.Compilers.Common/Roslyn.Compilers/IEventSymbol" rel="nofollow"&gt;&lt;code&gt;IEventSymbol&lt;/code&gt;&lt;/a&gt; provides convenient access to all the relevant parts of an event declaration. While &lt;code&gt;AddMethod&lt;/code&gt; and &lt;code&gt;RemoveMethod&lt;/code&gt; are simple enough to understand, I am not sure what the &lt;code&gt;RaiseMethod&lt;/code&gt; should be. Documentation is a bit parse as well.&lt;/p&gt;
&lt;p&gt;The C# specification only mentions add and remove accessors for events. Is this perhaps something that other CLR languages allow to specify?&lt;/p&gt;</t>
  </si>
  <si>
    <t>2015-01-20 15:14:14.557000+00:00</t>
  </si>
  <si>
    <t>2015-01-20 15:30:32.367000+00:00</t>
  </si>
  <si>
    <t>c#|.net|events|roslyn</t>
  </si>
  <si>
    <t>VisualStudio 2017: Syntax error missing ':' before '^'</t>
  </si>
  <si>
    <t>&lt;p&gt;I have the following:&lt;/p&gt;
&lt;p&gt;FileReader.cpp&lt;/p&gt;
&lt;pre&gt;&lt;code&gt;#include "FileReader.h"
#include "FileData.h"
using namespace System;
using namespace System::IO;
FileReader::FileReader(){}
System::Void FileReader::readFile(System::String^ fileName) {
    this-&amp;gt;_fileName = fileName;
    Console::WriteLine("Opening: " + _fileName);
    try {
        StreamReader^ fileIn = File::OpenText(_fileName);
        System::String^ input;
        int count = 0;
        while ((count &amp;lt; 10 &amp;amp;&amp;amp; (input = fileIn-&amp;gt;ReadLine()) != nullptr)) {
            Console::WriteLine(input);
            count++;
        }
    }
    catch (FileNotFoundException^ e) {
        Console::WriteLine("FileNotFound");
    }
}
&lt;/code&gt;&lt;/pre&gt;
&lt;p&gt;FileReader.h&lt;/p&gt;
&lt;pre&gt;&lt;code&gt;#pragma once
ref class FileReader
{
public:
    FileReader();
    FileData^ fData = gcnew FileData(); // This is whats causing the errors.
    System::String^ _fileName;
    System::Void readFile(System::String^ fileName);
};
&lt;/code&gt;&lt;/pre&gt;
&lt;p&gt;FileData.cpp&lt;/p&gt;
&lt;pre&gt;&lt;code&gt;#include "FileData.h"
FileData::FileData(){}
System::Void FileData::Set_DataName(System::String^ dName)
{
    this-&amp;gt;dataName= dName;
}
&lt;/code&gt;&lt;/pre&gt;
&lt;p&gt;FileData.h&lt;/p&gt;
&lt;pre&gt;&lt;code&gt;#pragma once
using namespace System;
ref class FileData
{
public:
    FileData();
    System::String^ dataName;
    System::Void Set_PlayerName(System::String^ dName);
};
&lt;/code&gt;&lt;/pre&gt;
&lt;p&gt;Problem I'm having is the compiler returns big list of errors when trying to create the FileData object in FileReader.h &lt;/p&gt;
&lt;pre&gt;&lt;code&gt;Error   C2143   syntax error: missing ';' before '^'
Error   C4430   missing type specifier - int assumed. Note: C++ does not support default-int    
Error   C2238   unexpected token(s) preceding ';'
Error   C2143   syntax error: missing ';' before '^'
Error   C4430   missing type specifier - int assumed.
Error   C2238   unexpected token(s) preceding ';'
Error   C2143   syntax error: missing ';' before '^'    
Error   C4430   missing type specifier - int assumed. 
Error   C2238   unexpected token(s) preceding ';'
&lt;/code&gt;&lt;/pre&gt;
&lt;p&gt;I know its probably something simple I've missed but I can't figure out what I've done wrong. Anyone able to help?&lt;/p&gt;</t>
  </si>
  <si>
    <t>2018-07-04 14:21:56.220000+00:00</t>
  </si>
  <si>
    <t>2018-07-22 22:35:05.993000+00:00</t>
  </si>
  <si>
    <t>winforms|visual-studio-2017|c++-cli</t>
  </si>
  <si>
    <t>Time synchronisation on Android devices</t>
  </si>
  <si>
    <t>&lt;p&gt;I have 100+ &lt;code&gt;android&lt;/code&gt; devices on a network. These devices constantly loosing time (time is not accurate +- few hours or sets to default date time &lt;code&gt;2010 ... 00:00&lt;/code&gt; ) and I would like to synchronise time and date with android &lt;code&gt;NTP&lt;/code&gt;. I can't root those devices. These devices are on a network without internet. I believe only one solution is to create exception in our firewall to allow devices to connect to android &lt;code&gt;NTP&lt;/code&gt; server??? How can I find this &lt;code&gt;URL&lt;/code&gt;. Is it another option so &lt;code&gt;sync&lt;/code&gt; date time?&lt;/p&gt;</t>
  </si>
  <si>
    <t>2018-10-31 08:47:41.910000+00:00</t>
  </si>
  <si>
    <t>2018-10-31 09:45:22.080000+00:00</t>
  </si>
  <si>
    <t>android|date|time|synchronization</t>
  </si>
  <si>
    <t>jQuery AJAX failing with 404 on a 200 success response</t>
  </si>
  <si>
    <t>&lt;p&gt;I have a simple API, written in Rails, which should be used with AJAX from jQuery.&lt;/p&gt;
&lt;p&gt;Here is how my controller method looks like:&lt;/p&gt;
&lt;pre&gt;&lt;code&gt;  user = User.find_by_email_and_password(params[:email], params[:password])
  if ! user
    user = User.new
    user.email = params[:email]
    user.password = params[:password]
    user.save
  end
  respond_with user, status: 200
&lt;/code&gt;&lt;/pre&gt;
&lt;p&gt;This is the AJAX handler:&lt;/p&gt;
&lt;pre&gt;&lt;code&gt;$.ajax({
    url: Service.url + 'login.json',
    data: {
      email: 'email@server.com',
      password: 'pass'
    },
    type: 'POST',
    dataType: 'json',
    success: function(json) {
      if (json.id) {
        this.is_logged_in = true;
        this.data = json;
        $('#finilizeModal').modal('show');
        return $('#signInModal').modal('hide');
      }
    },
    error: function(xhr, status) {
      return alert('An error occured while executing AJAX request');
    },
    complete: function() {}
  });
&lt;/code&gt;&lt;/pre&gt;
&lt;p&gt;The following just alerts: &lt;code&gt;An error occured while executing AJAX request&lt;/code&gt; and has an error code of 404. But the Chrome Inspector shows that the request was successful and the output is a valid JSON.&lt;/p&gt;
&lt;p&gt;What am I doing wrong?&lt;/p&gt;</t>
  </si>
  <si>
    <t>2013-04-21 07:05:19.463000+00:00</t>
  </si>
  <si>
    <t>2013-04-21 08:20:53.387000+00:00</t>
  </si>
  <si>
    <t>javascript|ruby|ajax</t>
  </si>
  <si>
    <t>How to set STM32 to generate standard CRC32</t>
  </si>
  <si>
    <t>&lt;p&gt;I am trying to generate CRC with STM32L4 hardware modul. I would like to validate fatfs files so basically I have byte arrays. I am using this CRC &lt;a href="http://www.sunshine2k.de/coding/javascript/crc/crc_js.html" rel="nofollow"&gt;generator&lt;/a&gt;.&lt;/p&gt;
&lt;p&gt;Unfortunately I cannot figure out how to set STM32L4 to generate the same result. I need CRC32 and I have &lt;/p&gt;
&lt;p&gt;configuration:&lt;/p&gt;
&lt;pre&gt;&lt;code&gt;hcrc.Instance = CRC;
/* The default polynomial is not used. It is required to defined it in CrcHandle.Init.GeneratingPolynomial*/
hcrc.Init.DefaultPolynomialUse    = DEFAULT_POLYNOMIAL_DISABLE;
/* Set the value of the polynomial */
hcrc.Init.GeneratingPolynomial    = 0x4C11DB7;
//hcrc.Init.GeneratingPolynomial    = 0xFB3EE248;
hcrc.Init.CRCLength= CRC_POLYLENGTH_32B;
/* The default init value is used */
/* The default init value is not used */
hcrc.Init.DefaultInitValueUse     = DEFAULT_INIT_VALUE_ENABLE;
/* User init value is used instead */
//hcrc.Init.InitValue               = 0;
hcrc.Init.InputDataInversionMode = CRC_INPUTDATA_INVERSION_NONE;
//hcrc.Init.InputDataInversionMode = CRC_INPUTDATA_INVERSION_BYTE;
/* The input data are inverted by word */
//hcrc.Init.InputDataInversionMode  = CRC_INPUTDATA_INVERSION_WORD;
//hcrc.Init.OutputDataInversionMode = CRC_OUTPUTDATA_INVERSION_ENABLE;
hcrc.Init.OutputDataInversionMode = CRC_OUTPUTDATA_INVERSION_DISABLE;
hcrc.InputDataFormat = CRC_INPUTDATA_FORMAT_BYTES;
HAL_CRC_Init(&amp;amp;hcrc);
&lt;/code&gt;&lt;/pre&gt;
&lt;p&gt;testing:&lt;/p&gt;
&lt;pre&gt;&lt;code&gt;uint8_t test[] = {49,50,51,52};
uint32_t uwCRCValue = HAL_CRC_Calculate(&amp;amp;hcrc,(uint32_t *) test, 4);
&lt;/code&gt;&lt;/pre&gt;
&lt;p&gt;result: &lt;code&gt;A695C4AA&lt;/code&gt;&lt;/p&gt;
&lt;p&gt;I am out of ideas. There is one way that I am succeeded with it to have &lt;code&gt;uint32_t test[]&lt;/code&gt; and input is set to &lt;code&gt;hcrc.InputDataFormat = CRC_INPUTDATA_FORMAT_BYTES;&lt;/code&gt; 
Unfortunately I have &lt;code&gt;uint8_t&lt;/code&gt;...&lt;/p&gt;</t>
  </si>
  <si>
    <t>2016-09-22 18:32:25.450000+00:00</t>
  </si>
  <si>
    <t>2018-02-20 11:11:24.810000+00:00</t>
  </si>
  <si>
    <t>2016-09-23 11:47:59.740000+00:00</t>
  </si>
  <si>
    <t>c|microcontroller|stm32|crc32</t>
  </si>
  <si>
    <t>Ubuntu 8.04 Hardy and node.js upstart script</t>
  </si>
  <si>
    <t>&lt;p&gt;I am trying to write an upstart script for my ubuntu machine, which is version 8.04  "Hardy".  I have followed the instructions on this site: &lt;a href="http://kevin.vanzonneveld.net/techblog/article/run_nodejs_as_a_service_on_ubuntu_karmic/" rel="nofollow"&gt;upstart for node.js&lt;/a&gt; but it seems like these instructions are for a current version of ubuntu.  &lt;/p&gt;
&lt;p&gt;I noticed that the /etc/init directory does not exist on my machine, first I tried putting the script in the /etc/init.d directory and then I created the /etc/init dir and placed it there.  &lt;/p&gt;
&lt;p&gt;I will post my upstart script below (which is basically the same as from the website above with some path changes), but when I run start jobname, I just get an error "start: Unknown job: jobname".  So then I changed the script around to a slimmed down version, posted below, and still I get the same result.  &lt;/p&gt;
&lt;p&gt;For now, I am using the 'nohup' command to run my node server but I would like a more permanent solution. &lt;/p&gt;
&lt;p&gt;Please, any help?&lt;/p&gt;
&lt;p&gt;SCRIPT 1:&lt;/p&gt;
&lt;pre&gt;&lt;code&gt;description "node.js chat server"
author      "iandev ith3"
# used to be: start on startup
# until we found some mounts weren't ready yet while booting:
start on started mountall
stop on shutdown
# Automatically Respawn:
respawn
respawn limit 99 5
script
    # Not sure why $HOME is needed, but we found that it is:
    export HOME="/root"
    exec /root/local/node/bin/node /home/ian/chat.js &amp;gt;&amp;gt; /var/log/node.log 2&amp;gt;&amp;amp;1
end script
post-start script
   # optionally put a script here that will notifiy you node has (re)started
   # /root/bin/hoptoad.sh "node.js has started!"
end script
&lt;/code&gt;&lt;/pre&gt;
&lt;p&gt;SCRIPT 2:&lt;/p&gt;
&lt;pre&gt;&lt;code&gt;description "node.js chat server"
author      "iandev ith3"
script
    exec /root/local/node/bin/node /home/ian/chat.js &amp;gt;&amp;gt; /var/log/node.log 2&amp;gt;&amp;amp;1
end script
&lt;/code&gt;&lt;/pre&gt;</t>
  </si>
  <si>
    <t>2011-09-25 02:11:22.087000+00:00</t>
  </si>
  <si>
    <t>2011-11-04 15:55:07.277000+00:00</t>
  </si>
  <si>
    <t>javascript|ubuntu|node.js|upstart</t>
  </si>
  <si>
    <t>Is there a Alternative to optimistic locking</t>
  </si>
  <si>
    <t>&lt;p&gt;I'm working on a project where we collect (last_x, counters ) information about a account.
User actions could result in multiple business events being generated. When a single user action on the web, results in more than one event, it will trigger an update to USER HISTORY table. &lt;/p&gt;
&lt;p&gt;We do optimistic locking to make sure the all the events result in a update to USER HISTORY table.&lt;/p&gt;
&lt;p&gt;&lt;strong&gt;Problem:&lt;/strong&gt;&lt;/p&gt;
&lt;p&gt;Optimistic locking results in extra reads ( when conflicts are detected, read again and update ) and extra writes ( after resolving the conflict). &lt;/p&gt;
&lt;p&gt;&lt;strong&gt;Solutions Tried:&lt;/strong&gt;&lt;/p&gt;
&lt;ul&gt;
&lt;li&gt;Every event results in insert to USER HISTORY Table
    - More history information, results in poor read performance.&lt;/li&gt;
&lt;/ul&gt;
&lt;p&gt;Is there any other alternative?&lt;/p&gt;</t>
  </si>
  <si>
    <t>2012-03-22 23:36:43.227000+00:00</t>
  </si>
  <si>
    <t>2012-03-23 00:42:16.397000+00:00</t>
  </si>
  <si>
    <t>java|oracle|java-ee|nosql</t>
  </si>
  <si>
    <t>RSA C# with importing key</t>
  </si>
  <si>
    <t>&lt;p&gt;I'm trying to import RSAParameters, with my private and open key to sign hash, but i always get error.&lt;/p&gt;
&lt;p&gt;&lt;code&gt;CryptographicException&lt;/code&gt; when use method &lt;code&gt;rsa.ImportParameters&lt;/code&gt;&lt;/p&gt;
&lt;p&gt;My code:&lt;/p&gt;
&lt;pre&gt;&lt;code&gt;static void Main(string[] args)
        {
            byte[] signedBytes;
            byte[] sha1 = new byte[] { 0x3D, 0x7E, 0x0C, 0x3B, 0x2B, 0x3F, 0xB4, 0x76, 0x99, 0x5E, 
                                       0x7B, 0x96, 0xA8, 0x95, 0xF9, 0x58, 0xB5, 0xC2, 0x91, 0xFA };
            using (var rsa = new RSACryptoServiceProvider(1024, new CspParameters(1)))
            {
                RSAParameters private_key = new RSAParameters();
                private_key.D = System.Text.Encoding.ASCII.GetBytes(D); // all data is ASCII string(not hex)
                private_key.DP = System.Text.Encoding.ASCII.GetBytes(DP);
                private_key.DQ = System.Text.Encoding.ASCII.GetBytes(DQ);
                private_key.P = System.Text.Encoding.ASCII.GetBytes(P);
                private_key.Q = System.Text.Encoding.ASCII.GetBytes(Q);
                private_key.Exponent = System.Text.Encoding.ASCII.GetBytes(E);
                private_key.InverseQ = System.Text.Encoding.ASCII.GetBytes(E);
                private_key.Modulus = System.Text.Encoding.ASCII.GetBytes(N);
                rsa.ImportParameters(private_key); // CryptographicException always!
                signedBytes = rsa.SignHash(sha1, CryptoConfig.MapNameToOID("SHA1"));
                Console.WriteLine(BitConverter.ToString(signedBytes, 0).Replace("-", ""));
            }
        }
&lt;/code&gt;&lt;/pre&gt;
&lt;p&gt;Can you tell why this happenning? I use this keys D, DP, E, N in my C++ application and all is ok!&lt;/p&gt;</t>
  </si>
  <si>
    <t>2012-08-14 11:52:06.337000+00:00</t>
  </si>
  <si>
    <t>2012-08-14 11:57:55.787000+00:00</t>
  </si>
  <si>
    <t>c#|key|rsa</t>
  </si>
  <si>
    <t>Regex to extract date from website with BeautifulSoup</t>
  </si>
  <si>
    <t>&lt;p&gt;I'm using beautifulsoup to scrape content from a website like:&lt;/p&gt;
&lt;pre&gt;&lt;code&gt;from bs4 import BeautifulSoup 
import requests
import re
dat   = re.compile("Berlin, \d{2}. \w+\b \d{4}")
url   = 'https://www.alternativefuer.de/gauland-scheinbares-umdenken-der-altparteien-ist-blanker-opportunismus/'
r     = requests.get(url)
soup  = BeautifulSoup(r.content, 'lxml')
data  = soup.find('div',attrs={'id':'content','role':'main'})
text  = data.findNext("div").text
&lt;/code&gt;&lt;/pre&gt;
&lt;p&gt;Then I would like to extract the date which is contained in the beginning of the string. So I tried both &lt;/p&gt;
&lt;pre&gt;&lt;code&gt;date  = data.findAll(text=re.compile("Berlin, \d{2}. \w+\b \d{4}"))
&lt;/code&gt;&lt;/pre&gt;
&lt;p&gt;and &lt;/p&gt;
&lt;pre&gt;&lt;code&gt;date  = dat.match(text)
&lt;/code&gt;&lt;/pre&gt;
&lt;p&gt;If I copypaste the string to python regex does match the date. But here both options don't seem to work. Could anyone point me to where the problem is? Thanks!&lt;/p&gt;</t>
  </si>
  <si>
    <t>2017-02-07 23:22:44.770000+00:00</t>
  </si>
  <si>
    <t>2017-02-08 06:19:57.503000+00:00</t>
  </si>
  <si>
    <t>python|web-scraping|beautifulsoup</t>
  </si>
  <si>
    <t>WebView is just loading white screen</t>
  </si>
  <si>
    <t>&lt;p&gt;I am trying to start a new activity with a WebView but when I try and load the activity, I am just brought to a white screen. &lt;/p&gt;
&lt;p&gt;My Activity just has this as the code&lt;/p&gt;
&lt;pre&gt;&lt;code&gt;public class TrainingVideos extends AppCompatActivity {
    @Override
    protected void onCreate(Bundle savedInstanceState) {
        super.onCreate(savedInstanceState);
        setContentView(R.layout.activity_training_videos);
        WebView trainingWebview = (WebView) findViewById(R.id.web_trainingVideos);
        trainingWebview.getSettings().setJavaScriptEnabled(true);
        trainingWebview.loadUrl(url);
    }    
}
&lt;/code&gt;&lt;/pre&gt;
&lt;p&gt;with my XML having&lt;/p&gt;
&lt;pre&gt;&lt;code&gt;&amp;lt;FrameLayout xmlns:android="http://schemas.android.com/apk/res/android"
xmlns:tools="http://schemas.android.com/tools"
android:layout_width="match_parent"
android:layout_height="match_parent"
android:background="@color/octtan"
android:paddingBottom="0dp"
android:paddingLeft="0dp"
android:paddingRight="0dp"
android:paddingTop="0dp"
tools:context="com.octitle.ryann.octmobile.TrainingVideos"&amp;gt;
    &amp;lt;WebView
        android:id="@+id/web_trainingVideos"
        android:layout_width="fill_parent"
        android:layout_height="fill_parent"
        android:hardwareAccelerated="false" /&amp;gt;
&amp;lt;/FrameLayout&amp;gt;
&lt;/code&gt;&lt;/pre&gt;
&lt;p&gt;And my manifest including&lt;/p&gt;
&lt;pre&gt;&lt;code&gt;&amp;lt;uses-permission android:name="android.permission.INTERNET" /&amp;gt;
&amp;lt;uses-permission android:name="android.permission.BLUETOOTH" /&amp;gt;
&lt;/code&gt;&lt;/pre&gt;</t>
  </si>
  <si>
    <t>2015-08-31 20:05:02.037000+00:00</t>
  </si>
  <si>
    <t>2015-08-31 20:37:48.663000+00:00</t>
  </si>
  <si>
    <t>2015-08-31 20:12:21.827000+00:00</t>
  </si>
  <si>
    <t>android|webview</t>
  </si>
  <si>
    <t>MIMEBase: conversion to bytes and back again removes \r in binary data: Documented or just broken behavior in Python 3?</t>
  </si>
  <si>
    <t>&lt;p&gt;It seems to me like email.Message.as_bytes is broken:&lt;/p&gt;
&lt;pre&gt;&lt;code&gt;import email
from email.encoders import encode_7or8bit
from email.mime.base import MIMEBase
orig_data = b"Zeilenenden\n&amp;lt;Unix\r\n&amp;lt;DOS\rMac"
msg = MIMEBase('application/octet-stream', "gzip")
msg.set_payload(orig_data)
encode_7or8bit(msg)
print("orig_data = %r" % orig_data)
print("payload   = %r" % msg.get_payload(decode=1))
b = msg.as_bytes()
msg2 = email.message_from_bytes(b)
print("payload2  = %r" % msg2.get_payload(decode=1))
&lt;/code&gt;&lt;/pre&gt;
&lt;p&gt;The output is&lt;/p&gt;
&lt;pre&gt;&lt;code&gt;orig_data = b'Zeilenenden\n&amp;lt;Unix\r\n&amp;lt;DOS\rMac'
payload   = b'Zeilenenden\n&amp;lt;Unix\r\n&amp;lt;DOS\rMac'
payload2  = b'Zeilenenden\n&amp;lt;Unix\n&amp;lt;DOS\nMac'
&lt;/code&gt;&lt;/pre&gt;
&lt;p&gt;Note how the conversion message &gt; bytes &gt; message breaks the binary payload.&lt;/p&gt;
&lt;p&gt;This used to work with similar code in Python 2.&lt;/p&gt;
&lt;p&gt;Is this a bug or intended and if so where is it documented?&lt;/p&gt;</t>
  </si>
  <si>
    <t>2017-11-24 17:18:29.613000+00:00</t>
  </si>
  <si>
    <t>2017-11-26 14:37:55.673000+00:00</t>
  </si>
  <si>
    <t>python|python-3.x|mime-message</t>
  </si>
  <si>
    <t>Exporting CSV with Diacritics causes strange characters to appear in output</t>
  </si>
  <si>
    <t>&lt;p&gt;I export a csv in Scala/Spray and it works nice on my &lt;strong&gt;Windows&lt;/strong&gt; machine but fails on &lt;strong&gt;Linux&lt;/strong&gt; machine.&lt;/p&gt;
&lt;p&gt;The response from both OS are identical:&lt;/p&gt;
&lt;pre&gt;&lt;code&gt;Access-Control-Allow-Credentials:true
Access-Control-Allow-Headers:X-Requested-With, Cache-Control, Pragma, Origin, Authorization, Content-Type, Auth-Token
Access-Control-Allow-Methods:GET, POST, DELETE, OPTIONS, PUT
Access-Control-Allow-Origin:*
Access-Control-Expose-Headers:Auth-Token
Content-Disposition:attachment; filename=Enter report title.csv
Content-Length:229
Content-Type:text/csv; charset=ISO-8859-1
Date:Fri, 07 Feb 2014 22:17:40 GMT
Server:spray-can/1.2.0
&lt;/code&gt;&lt;/pre&gt;
&lt;p&gt;I am wondering why the OS can make a difference?&lt;/p&gt;
&lt;p&gt;When exporting from linux after jar is deployed, diacritics are replaced with strange chars.&lt;/p&gt;
&lt;p&gt;For instance this &lt;code&gt;Caf�� macchiato
&lt;/code&gt; is fine when exporting from Windows but it appears like &lt;code&gt;Caf���� macchiato
&lt;/code&gt; when exporting from Linux.&lt;/p&gt;</t>
  </si>
  <si>
    <t>2014-02-07 22:34:09.310000+00:00</t>
  </si>
  <si>
    <t>2014-02-11 11:27:17.807000+00:00</t>
  </si>
  <si>
    <t>2014-02-07 22:38:22.650000+00:00</t>
  </si>
  <si>
    <t>linux|windows|scala|csv</t>
  </si>
  <si>
    <t>Combine two or more Images in Vector mode on PictureBox (VB NET)</t>
  </si>
  <si>
    <t>&lt;p&gt;Here, I have made a description so that you can understand what I mean.
in vb.net, to show an image we can use PictureBox. &lt;/p&gt;
&lt;p&gt;Now, I'd like to combine them with PNG Images format. 
I've tried to combine them, but if I put some adjacent PictureBoxes on coordinate, It doesn't looks PNG Format at all. Yet, they such as jpg format They overlap each other so that we can't see them.
So the main problem, I guess how to set picturebox according to png format.&lt;/p&gt;
&lt;p&gt;Well, let's look at the picture below:&lt;/p&gt;
&lt;p&gt;&lt;img src="https://i.stack.imgur.com/T0UyD.png" alt="http://i1353.photobucket.com/albums/q671/rizkay/cb_zpsa52ecf4a.png"&gt;&lt;/p&gt;</t>
  </si>
  <si>
    <t>2012-12-17 01:15:28.497000+00:00</t>
  </si>
  <si>
    <t>2013-11-02 17:24:21.577000+00:00</t>
  </si>
  <si>
    <t>.net|vb.net|visual-studio-2008</t>
  </si>
  <si>
    <t>how to add colours as values to combobox in extjs 4.2</t>
  </si>
  <si>
    <t>&lt;p&gt;my requirement is to have colours in combo box instead of textual value as "RED", "GREEN"  in dropdown. am trying to achieve this using EXTJS 4.2. Could any one please help me how to configure the combobox.&lt;/p&gt;
&lt;p&gt;is there any way to add colour images as values to combobox.&lt;/p&gt;</t>
  </si>
  <si>
    <t>2015-03-17 09:53:40.907000+00:00</t>
  </si>
  <si>
    <t>2016-12-12 10:49:43.367000+00:00</t>
  </si>
  <si>
    <t>extjs|colors|combobox|extjs4.2</t>
  </si>
  <si>
    <t>Full screen Iframe responsive on a mobile device?</t>
  </si>
  <si>
    <t>&lt;p&gt;I am trying to display full webpages on my website using an &lt;code&gt;Iframe&lt;/code&gt;,
 code is given here:&lt;/p&gt;
&lt;pre&gt;&lt;code&gt;&amp;lt;iframe
    name="demo"
    src="http://healthcoach.ancorathemes.com/";
    style='height: 100%; width: 100%;'
    frameborder="0"
    scrolling="yes"
    d="iframe"&amp;gt;
&amp;lt;/iframe&amp;gt;
&lt;/code&gt;&lt;/pre&gt;
&lt;p&gt;This works fine on a desktop browser but on a mobile device, won't resize and still shows the desktop version. This particular website is responsive by the way and works fine without an &lt;code&gt;Iframe&lt;/code&gt;.&lt;/p&gt;</t>
  </si>
  <si>
    <t>2017-01-13 08:44:21.497000+00:00</t>
  </si>
  <si>
    <t>2017-01-13 08:58:48.783000+00:00</t>
  </si>
  <si>
    <t>html|css|iframe|responsive</t>
  </si>
  <si>
    <t>Dynamic Loading Of Javascripts</t>
  </si>
  <si>
    <t>&lt;p&gt;I am currently building an Ajax web application using JQuery that allows for users to have the same page open multiple times in the same area. By allowing this though it tends to cause conflicts with regards to the DOM and "unique ids".&lt;/p&gt;
&lt;p&gt;As a result I have created a system where the javascript is preprogrammed if you like in PHP with a unique id before being send out. It's then sent to the user as a .php file.&lt;/p&gt;
&lt;p&gt;The code is similar to this:
User wishes to load a page in a content_area, that content area sends AJAX request to the server with the ID of that content_area which becomes the Unique Id. The server sends back a page like "myscript.php" which contains the following:&lt;/p&gt;
&lt;pre&gt;&lt;code&gt;    &amp;lt;script&amp;gt;
$(function() {
    var unique_id="&amp;lt;?php echo $unique_id; ?&amp;gt;"
    var new_div=$("&amp;lt;div id='content" + unique_id + "'&amp;gt;");
    });
    &amp;lt;/script&amp;gt;
&lt;/code&gt;&lt;/pre&gt;
&lt;p&gt;I am wondering is this a bad idea and are there any alternatives to this?&lt;/p&gt;</t>
  </si>
  <si>
    <t>2012-12-13 23:59:20.557000+00:00</t>
  </si>
  <si>
    <t>2012-12-14 09:05:18.447000+00:00</t>
  </si>
  <si>
    <t>javascript|ajax|jquery|unobtrusive-javascript</t>
  </si>
  <si>
    <t>uploading file with jquery (not with flash plugins)</t>
  </si>
  <si>
    <t>&lt;p&gt;Code successfully upload file when I remove jquery script codes and submit. But with the following code, text in output div disappears and new text from other page does not write there either.&lt;/p&gt;
&lt;pre&gt;&lt;code&gt;&amp;lt;script type="text/javascript"&amp;gt;
$(document).ready(function(){
    $("[name='video-submit']").click(function() { 
        $.ajax({
            type: "POST",
            enctype: 'multipart/form-data',
            data: $("#VideoForm").serialize(),
            url: "cp.cs.asp?Process=UploadVideo",
            success: function(output) {
                $("#output").html(output);
            },
            error: function(output) {
                $("#output").html(output);
            }
        }); //close $.ajax(
    });
});
&amp;lt;/script&amp;gt;
  &amp;lt;div id="form"&amp;gt;
        &amp;lt;form  method="post" id="VideoForm"&amp;gt;
            &amp;lt;fieldset&amp;gt;
            &amp;lt;div class="required"&amp;gt;                
                &amp;lt;label for="VideoURL"&amp;gt;Video File&amp;lt;/label&amp;gt;
                &amp;lt;input type="file" size="23" name="VideoFile"&amp;gt;
                &amp;lt;input type="button" name="video-submit" id="video-submit" value="Upload" /&amp;gt;
            &amp;lt;/div&amp;gt;
            &amp;lt;/fieldset&amp;gt;
        &amp;lt;/form&amp;gt;
            &amp;lt;div id="output"&amp;gt;
            fds
            &amp;lt;/div&amp;gt; 
&lt;/code&gt;&lt;/pre&gt;</t>
  </si>
  <si>
    <t>2009-11-11 18:00:28.653000+00:00</t>
  </si>
  <si>
    <t>2012-10-30 04:38:30.100000+00:00</t>
  </si>
  <si>
    <t>jquery|asp-classic</t>
  </si>
  <si>
    <t>Problem creating multiple charts in the same page</t>
  </si>
  <si>
    <t>&lt;p&gt;I have two functions, each supposed to draw a different chart from the same dataset to two SVGs with id attributes of &lt;em&gt;one&lt;/em&gt; and &lt;em&gt;two&lt;/em&gt; respectively.&lt;/p&gt;
&lt;p&gt;I have created different variables to append the chart to its corresponding SVG:      &lt;/p&gt;
&lt;pre&gt;&lt;code&gt;var svg1 = d3.select("#one")
var svg2 = d3.select("#two")
&lt;/code&gt;&lt;/pre&gt;
&lt;p&gt;The problem is the function that draws chart for the second SVG overwrites both charts.&lt;/p&gt;
&lt;p&gt;You can see the charts return correctly if you run each function separately. (Comment out each function call to see the data from the other chart that is being overwritten)&lt;/p&gt;
&lt;p&gt;&lt;a href="https://jsfiddle.net/qrj803za/2/" rel="nofollow noreferrer"&gt;JS Fiddle&lt;/a&gt;&lt;/p&gt;
&lt;pre&gt;&lt;code&gt;&amp;lt;html&amp;gt;
&amp;lt;body&amp;gt;
&amp;lt;svg id="one"&amp;gt;&amp;lt;/svg&amp;gt;
&amp;lt;svg id="two"&amp;gt;&amp;lt;/svg&amp;gt;
&amp;lt;script&amp;gt;
// variables we'll be filtering by
var quantile;
var amount;
var type;
var risk;
w = window.innerWidth;
h = window.innerHeight;
// &amp;lt;-- Make Selection --&amp;gt;
// Possible values --
// quantile: [1 2 3 4]
// variable: ['Income' 'Payments' 'Consumption' 'Utility']
// amount: [ 5000 30000 70000]
// type: ['Loan' 'ISA']
// risk: [1 2 3 4]
quantile = 1;
amount=5000;
type = 'Loan';
risk = 2;
getFirst();
getSecond();
function getFirst() {
variable= 'Income';
// chart stuff
 margin = {top: h/4, right: w/4, bottom: h/4, left: w/4},
    width = window.innerWidth - margin.left - margin.right,
    height = window.innerHeight - margin.top - margin.bottom;
x = d3.scaleLinear()
  .rangeRound([0, width]);
y = d3.scaleLinear()
  .rangeRound([height,0]);
valueline = d3.line()
    .x(function(d) { return x(d.key); })
    .y(function(d) { return y(d.value); });
var svg1 = d3.select("#one")
    .attr("width", width + margin.left + margin.right)
    .attr("height", height + margin.top + margin.bottom)
  .append("g")
    .attr("transform",
          "translate(" + margin.left + "," + margin.top + ")");
// data
d3.csv("https://raw.githubusercontent.com/JainFamilyInstitute/isa-app/master/data/data_vis.csv?token=AXiiVXcAwXZjLK4-3tiyxKwj8yaVMVDmks5b6b8NwA%3D%3D", function(error, data) {
  if (error) throw error;
  // filter by selection
  data = data.filter(function(d) { 
          return (d.quantile == quantile) &amp;amp;
          (d.variable == variable) &amp;amp;
          (d.amount == amount) &amp;amp;
          (d.type == type) &amp;amp;
          (d.risk == risk) }); 
  // create visualizable array with only ages and amounts for selected series
  data_filtered = data.map(({ quantile,amount,risk,type,variable, ...item }) =&amp;gt; item);
  data_vis = data_filtered[0];
  console.log(data_vis);
  result = [];
  for(i=22;i&amp;lt;101;i++){
    key = i;
    value =parseFloat(data_vis[i]);
    result.push({
            key: key,
            value: value
        });
  }
  // console.log(data_vis);
  console.log(result);
  // Scale the range of the data
  x.domain([d3.min(result, function(d) { return d.key; }), d3.max(result, function(d) { return d.key; })]);
  y.domain([0, d3.max(result, function(d) { return d.value; })]);
  // Add the valueline path.
  svg1.append("path")
      .data([result])
      .attr("class", "line")
      .attr("d", valueline);
  // Add the X Axis
  svg1.append("g")
      .attr("transform", "translate(0," + height + ")")
      .call(d3.axisBottom(x));
  // Add the Y Axis
    function y_grid_lines() {
    return d3.axisLeft(y)
  }
  svg1.append("g")
    .attr("class", "grid")
    .call(y_grid_lines()
      .tickSize(-width)
      );
});
}
function getSecond() {
variable= 'Payments';
// chart stuff
margin = {top: h/4, right: w/4, bottom: h/4, left: w/4},
    width = window.innerWidth - margin.left - margin.right,
    height = window.innerHeight - margin.top - margin.bottom;
x = d3.scaleLinear()
  .rangeRound([0, width]);
y = d3.scaleLinear()
  .rangeRound([height,0]);
valueline = d3.line()
    .x(function(d) { return x(d.key); })
    .y(function(d) { return y(d.value); });
var svg2 = d3.select("#two")
    .attr("width", width + margin.left + margin.right)
    .attr("height", height + margin.top + margin.bottom)
  .append("g")
    .attr("transform",
          "translate(" + margin.left + "," + margin.top + ")");
// data
d3.csv("https://raw.githubusercontent.com/JainFamilyInstitute/isa-app/master/data/data_vis.csv?token=AXiiVXcAwXZjLK4-3tiyxKwj8yaVMVDmks5b6b8NwA%3D%3D", function(error, data) {
  if (error) throw error;
  // filter by selection
  data = data.filter(function(d) { 
          return (d.quantile == quantile) &amp;amp;
          (d.variable == variable) &amp;amp;
          (d.amount == amount) &amp;amp;
          (d.type == type) &amp;amp;
          (d.risk == risk) }); 
  // create visualizable array with only ages and amounts for selected series
  data_filtered = data.map(({ quantile,amount,risk,type,variable, ...item }) =&amp;gt; item);
  data_vis = data_filtered[0];
  console.log(data_vis);
  result = [];
  for(i=22;i&amp;lt;101;i++){
    key = i;
    value =parseFloat(data_vis[i]);
    result.push({
            key: key,
            value: value
        });
  }
  // console.log(data_vis);
  console.log(result);
  // Scale the range of the data
  x.domain([d3.min(result, function(d) { return d.key; }), d3.max(result, function(d) { return d.key; })]);
  y.domain([0, d3.max(result, function(d) { return d.value; })]);
  // Add the valueline path.
  svg2.append("path")
      .data([result])
      .attr("class", "line")
      .attr("d", valueline);
  // Add the X Axis
  svg2.append("g")
      .attr("transform", "translate(0," + height + ")")
      .call(d3.axisBottom(x));
  // Add the Y Axis
  svg2.append("g")
      .call(d3.axisLeft(y));
});
}
&amp;lt;/script&amp;gt;
&amp;lt;/html&amp;gt;
&lt;/code&gt;&lt;/pre&gt;</t>
  </si>
  <si>
    <t>2018-11-08 15:05:16.757000+00:00</t>
  </si>
  <si>
    <t>2018-11-08 23:23:14.977000+00:00</t>
  </si>
  <si>
    <t>2018-11-08 22:06:51.670000+00:00</t>
  </si>
  <si>
    <t>javascript|d3.js|svg</t>
  </si>
  <si>
    <t>OnPaint event during a callback when the form is below?</t>
  </si>
  <si>
    <t>&lt;p&gt;Imagine the following scenario:&lt;/p&gt;
&lt;pre&gt;&lt;code&gt;this.SetStyle(ControlStyles.UserPaint, true); //this doesn���t change anything
���
void OpenSomeForm()
{
    SomeForm sf = new SomeForm();
    sf.SomeEvent += new ��� (SomeEventOcurred);
    sf.ShowDialog();
}
private void SomeEventOcurred(���)
{
    OnePanelInThisForm.Invalidate();
}
private void OnePanelInThisForm_Paint(object sender, PaintEventArgs e)
{
     DoSomeDrawing(e.Graphics);
}
&lt;/code&gt;&lt;/pre&gt;
&lt;p&gt;Now, OnePanelInThisForm draws correctly when the form loads. But if SomeEventOcurred is Fired from ���SomeForm���, the paint event is &lt;strong&gt;not&lt;/strong&gt; fired. If I close and reopen the form it correctly repaints. 
If I add a button to the form that executes: OnePanelInThisForm.Invalidate(); the panel is correctly repaint. &lt;/p&gt;
&lt;p&gt;What am I missing?&lt;/p&gt;
&lt;p&gt;&lt;strong&gt;UPDATE&lt;/strong&gt;: Clarification. (why don���t we do this in the first place���)&lt;/p&gt;
&lt;p&gt;I have a FORM_A. This FORM_A has a Panel that overrides the Paint event. It���s a standard WinForm. In the Paint it draws a circle. This works. Turns out that FORM_A has a button that opens FORM_B. But before doing that, it subscribes to a custom event in FORM_B called: SomeEvent. (see the sample above). So FORM_B can tell FORM_A about ���SomeEvent���.&lt;/p&gt;
&lt;p&gt;Now, FORM_B is also a normal WinForm. And it has a normal Button. In the Click event of that button, it opens FORM_C. FORM_C also has an event called SomeEvent and obviously FORM_B subscribes to that event. Exactly like before. The idea is that FORM_C has a button that will trigger that event, notifying the interested subscribers. In this case, when FORM_C fires the event, FORM_B is subscribed and interested. &lt;/p&gt;
&lt;p&gt;When FORM_B receives the Call Back, the only thing it does is��� notify the interested parties (in this case, FORM A) that the event was fired.&lt;/p&gt;
&lt;p&gt;Now, even while Form C is still the top form, the callstack goes back to FormA, to the method defined as callback from the 1st event. &lt;/p&gt;
&lt;p&gt;This code Executes. All it does is really somePanel.Invalidate() (or Refresh(), same results). &lt;/p&gt;
&lt;p&gt;A Breakpoint in the PAINT method of that panel, reveals that the code doesn���t get called. No Paint event is raised despite being invalidated. I assume that happens because the form (and therefore the panel) is actually covered by FORMB and FORMC (still open).&lt;/p&gt;
&lt;p&gt;And that���s all. If I close form C and then Form B, form A still DOESN���T raise the paint event. I���ve tried invalidating the panel on Form activation, but that doesn���t happen.&lt;/p&gt;
&lt;p&gt;If I close the form A and reopen it, the drawing is, of course, correct. &lt;/p&gt;
&lt;p&gt;Hope this makes it more clear. &lt;/p&gt;
&lt;p&gt;There isn���t really much code as this is pretty simple, FORM A &gt; B &gt; C (fire event) -&gt; B -&gt; A -&gt; Invalidate().&lt;/p&gt;</t>
  </si>
  <si>
    <t>2010-05-06 13:16:40.927000+00:00</t>
  </si>
  <si>
    <t>2010-05-06 16:48:54.233000+00:00</t>
  </si>
  <si>
    <t>c#|.net|winforms|onpaint</t>
  </si>
  <si>
    <t>Relative paths angular2. Diffrent paths for template and css</t>
  </si>
  <si>
    <t>&lt;p&gt;I'm now with last version of angular - 2.0.3.
How to deal with different paths. For example html template is in the same folder, nut css file is in other.&lt;/p&gt;
&lt;pre&gt;&lt;code&gt;@Component({    
selector: "order",
templateUrl: "./app/order/order.template.html",
styleUrls: ["./app/assets/css/order.css"]
})
&lt;/code&gt;&lt;/pre&gt;
&lt;p&gt;If i will type module.id then will be found just html file. 
Anybody faced with some kind of problem?&lt;/p&gt;</t>
  </si>
  <si>
    <t>2016-10-18 11:49:53.737000+00:00</t>
  </si>
  <si>
    <t>2017-06-23 01:46:41.867000+00:00</t>
  </si>
  <si>
    <t>angular|relative-path</t>
  </si>
  <si>
    <t>how to meet a condition before going on to the next step?</t>
  </si>
  <si>
    <t>&lt;p&gt;how do I loop if a condition is not met?&lt;/p&gt;
&lt;pre&gt;&lt;code&gt;print "Please enter first number "
first_number = gets.chomp 
if first_number =~ /[a-zA-Z]/ 
puts "not a number"
end 
&lt;/code&gt;&lt;/pre&gt;
&lt;p&gt;As per the code posted above, if you enter a letter, you'll get the statement of it not being a number.&lt;/p&gt;
&lt;p&gt;How do I repeat it, if a user enters a letter? &lt;/p&gt;
&lt;p&gt;As of now, it goes to the next one which is this: &lt;/p&gt;
&lt;pre&gt;&lt;code&gt; print "Please enter second number "
 second_number = gets.chomp
 if second_number =~ /[a-zA-Z]/
   puts "not a number"
 end 
&lt;/code&gt;&lt;/pre&gt;
&lt;p&gt;I don't want it to it to go to the next one, &lt;em&gt;until&lt;/em&gt; the user has entered a number in the first one. &lt;/p&gt;</t>
  </si>
  <si>
    <t>2014-09-18 04:36:06.623000+00:00</t>
  </si>
  <si>
    <t>2014-09-18 05:35:34.463000+00:00</t>
  </si>
  <si>
    <t>ruby|loops</t>
  </si>
  <si>
    <t>Opera drags div to right</t>
  </si>
  <si>
    <t>&lt;p&gt;I've got a problem in Opera: When expanding the browser width to a certain amount, the div is jumping from the middle of the screen to the right side, near another div. Firefox and Chrome/Safari are working well and Opera just began making problems, before it worked too.&lt;/p&gt;
&lt;p&gt;Here is the CSS Code&lt;/p&gt;
&lt;pre&gt;&lt;code&gt;    root { 
    display: block;
}
body{
    margin: 0px;
}
.middle_frame{
    width: 600px;
    height: 600px;
    max-width: 600px;
    max-height: 600px;
    margin: auto;
}
&lt;/code&gt;&lt;/pre&gt;
&lt;p&gt;and the HTML code&lt;/p&gt;
&lt;pre&gt;&lt;code&gt;&amp;lt;body&amp;gt;              
        &amp;lt;div class="middle_frame"&amp;gt;
                &amp;lt;div class="plz_list" id="plz_div"&amp;gt;
                     blabla
                &amp;lt;/div&amp;gt;
        &amp;lt;/div&amp;gt;
&amp;lt;/body&amp;gt;
&lt;/code&gt;&lt;/pre&gt;
&lt;p&gt;Plus a before/after picture :-)&lt;/p&gt;
&lt;p&gt;&lt;img src="https://i.stack.imgur.com/YygOu.png" alt="how it should be and how it is until I expand"&gt;&lt;/p&gt;
&lt;p&gt;&lt;img src="https://i.stack.imgur.com/RmPf6.png" alt="how it looks afterwards"&gt;&lt;/p&gt;</t>
  </si>
  <si>
    <t>2012-06-18 22:51:05.267000+00:00</t>
  </si>
  <si>
    <t>2013-07-24 23:58:53.060000+00:00</t>
  </si>
  <si>
    <t>Default constructor that assumes the input file and reads the file and fill it in a arrayList</t>
  </si>
  <si>
    <t>&lt;pre&gt;&lt;code&gt;public Word() {
    File file = new File("string.txt");
};
&lt;/code&gt;&lt;/pre&gt;</t>
  </si>
  <si>
    <t>2013-01-19 05:51:55.603000+00:00</t>
  </si>
  <si>
    <t>2013-01-20 02:12:00.853000+00:00</t>
  </si>
  <si>
    <t>MPI - each slave receives same data</t>
  </si>
  <si>
    <t>&lt;p&gt;I have problem with receiving data for slaves and I don't know where is problem. I send different data for each slave, but all slaves receive same. Here is my code&lt;/p&gt;
&lt;pre&gt;&lt;code&gt;for (int i = 1; i &amp;lt; slavesCounter; i++){
   data = x[cnt]; // x is vector of struct
MPI_Pack(&amp;amp;data.a, 1, MPI_INT, buffer, LENGTH, &amp;amp;position,MPI_COMM_WORLD);
MPI_Pack(&amp;amp;data.b, 1, MPI_INT, buffer, LENGTH, &amp;amp;position,MPI_COMM_WORLD);
 MPI_Send (buffer, position, MPI_PACKED, i, tag, MPI_COMM_WORLD);
      cnt++;
    }
&lt;/code&gt;&lt;/pre&gt;
&lt;p&gt;here is slave part&lt;/p&gt;
&lt;pre&gt;&lt;code&gt;while(true){
position = 0; 
MPI_Recv(buffer, LENGTH, MPI_PACKED, 0, MPI_ANY_TAG, MPI_COMM_WORLD, &amp;amp;status);
      MPI_Unpack(buffer, LENGTH, &amp;amp;position, &amp;amp;x, 1, MPI_INT, MPI_COMM_WORLD);
      MPI_Unpack(buffer, LENGTH, &amp;amp;position, &amp;amp;y, 1, MPI_INT, MPI_COMM_WORLD);
 cout &amp;lt;&amp;lt; x &amp;lt;&amp;lt; " " &amp;lt;&amp;lt; y &amp;lt;&amp;lt; endl;
    }
&lt;/code&gt;&lt;/pre&gt;
&lt;p&gt;When I print received data, all slaves get same data. Could someone help me, where could be a problem?&lt;/p&gt;</t>
  </si>
  <si>
    <t>2018-04-20 17:58:56.193000+00:00</t>
  </si>
  <si>
    <t>2018-04-20 23:21:19.923000+00:00</t>
  </si>
  <si>
    <t>2018-04-20 18:16:07.143000+00:00</t>
  </si>
  <si>
    <t>mpi</t>
  </si>
  <si>
    <t>Image slider with widget input yii2</t>
  </si>
  <si>
    <t>&lt;p&gt;I would like to know if you know some simple image slider(I dont meant carousel) where I can use widget path. I used widget from &lt;a href="https://github.com/sadovojav/yii2-gallery-module" rel="nofollow noreferrer"&gt;https://github.com/sadovojav/yii2-gallery-module&lt;/a&gt; and there is possibility to display images but only as they are. In gallery are two images without thumbnails.&lt;/p&gt;
&lt;pre&gt;&lt;code&gt;use sadovojav\gallery\widgets\Gallery;
?&amp;gt;
&amp;lt;?= Gallery::widget([
    'galleryId' =&amp;gt; 2
]); ?&amp;gt;
&lt;/code&gt;&lt;/pre&gt;
&lt;p&gt;&lt;strong&gt;In Controller:&lt;/strong&gt;&lt;/p&gt;
&lt;pre&gt;&lt;code&gt;public function actionGallery()
{
    return $this-&amp;gt;render('gallery', [
    ]);
}
&lt;/code&gt;&lt;/pre&gt;
&lt;p&gt;Do you know some pretty easy way to solve that? &lt;/p&gt;
&lt;p&gt;Thank you very much for answer. &lt;/p&gt;</t>
  </si>
  <si>
    <t>2017-11-23 16:59:26.187000+00:00</t>
  </si>
  <si>
    <t>2017-11-23 19:02:39.970000+00:00</t>
  </si>
  <si>
    <t>php|yii|yii2|gallery</t>
  </si>
  <si>
    <t>Initialize object in @Shared or setupSpec()</t>
  </si>
  <si>
    <t>&lt;p&gt;What's the difference between:&lt;/p&gt;
&lt;pre&gt;&lt;code&gt;@Shared
MyObject myObject = new MyObject()
&lt;/code&gt;&lt;/pre&gt;
&lt;p&gt;and&lt;/p&gt;
&lt;pre&gt;&lt;code&gt;MyObject myObject
def setupSpec() {
    myObject = new MyObjec()
}
&lt;/code&gt;&lt;/pre&gt;
&lt;p&gt;Why should I use the @Shared annotation in the second example? Both are only created once, aren't they?&lt;/p&gt;</t>
  </si>
  <si>
    <t>2016-04-05 11:28:46.940000+00:00</t>
  </si>
  <si>
    <t>2016-04-14 09:15:23.723000+00:00</t>
  </si>
  <si>
    <t>initialization|shared|spock</t>
  </si>
  <si>
    <t>How can an indexed property return a reference?</t>
  </si>
  <si>
    <t>&lt;p&gt;The following code fails to compile using Visual Studio 2012 with error: &lt;em&gt;C2234: 'Foo' : arrays of references are illegal&lt;/em&gt;&lt;/p&gt;
&lt;pre&gt;&lt;code&gt;struct MyClass
{
  int m_var;
  __declspec(property(get=GetFoo)) int&amp;amp; Foo[];   // &amp;lt; C2234
  int&amp;amp; GetFoo(int) { return m_var; }
};
&lt;/code&gt;&lt;/pre&gt;
&lt;p&gt;I wonder why this is the case.&lt;/p&gt;
&lt;p&gt;Yes, arrays of references are forbidden by the standard.
However, Foo[] is not an array but sort of a symbolic link to the member function GetFoo().
It behaves just as if Foo was a class with an overloaded indexing operator.
On the other side, the following code is perfectly legal, although it is technically equivalent to the previous snippet:&lt;/p&gt;
&lt;pre&gt;&lt;code&gt;struct FooClass
{
    int m_var;
    int&amp;amp; operator[](int) { return m_var; }
};
struct MyClass
{
    FooClass Foo;
};
&lt;/code&gt;&lt;/pre&gt;
&lt;p&gt;So why is error C2234 issued? Is this a compiler design bug?&lt;/p&gt;
&lt;p&gt;BTW.: The real scenario is more complex, so there is no need to tell me that handing over references to members may be a bad idea.&lt;/p&gt;</t>
  </si>
  <si>
    <t>2013-11-01 19:23:27.260000+00:00</t>
  </si>
  <si>
    <t>2015-10-29 01:47:06.450000+00:00</t>
  </si>
  <si>
    <t>c++|visual-c++</t>
  </si>
  <si>
    <t>Android accessing buttons created dynamically</t>
  </si>
  <si>
    <t>&lt;p&gt;If I create buttons dynamically in a loop,&lt;/p&gt;
&lt;p&gt;for(i=0; i &amp;lt; size; i++) {&lt;/p&gt;
&lt;pre&gt;&lt;code&gt;Button button = new Button(this);
myLayout.addView(button);
&lt;/code&gt;&lt;/pre&gt;
&lt;p&gt;}&lt;/p&gt;
&lt;p&gt;How can I reference each of these buttons at a later time? So, for eg, if I wanted to change the text on a few buttons, how would I do that?&lt;/p&gt;
&lt;p&gt;Thanks
Chris&lt;/p&gt;</t>
  </si>
  <si>
    <t>2010-07-23 00:35:51.120000+00:00</t>
  </si>
  <si>
    <t>2010-07-23 02:03:44.717000+00:00</t>
  </si>
  <si>
    <t>android|dynamic|button</t>
  </si>
  <si>
    <t>Load all hierarchical references with Servicestack ORMLite</t>
  </si>
  <si>
    <t>&lt;p&gt;Is there any way to preload all nested and sub-nested references with servicestack / ormlite?&lt;/p&gt;
&lt;pre&gt;&lt;code&gt; public class Person
{
    public int Id { get; set; }
    [References(typeof(Pants))]
    public int PantsId { get; set; }
    [Reference]
    public Pants Pants { get; set; }
}
public class Pants
{
    public int Id { get; set; }
    [References(typeof(Pocket))]
    public int PocketId { get; set; }
    [Reference]
    public Pocket Pocket { get; set; }
}
public class Pocket
{
    public int Id { get; set; }
    public int Depth { get; set; }
}
Db.LoadSelect&amp;lt;Person&amp;gt;()  
&lt;/code&gt;&lt;/pre&gt;
&lt;p&gt;When I load a person using Db.LoadSelect()  it only fetches references up to person.Pants... person.Pants.Pocket is null.  I would have to do a Db.LoadReferences(person.Pants) for it to load the pocket reference.&lt;/p&gt;
&lt;p&gt;Any way of automatically loading all the nested references, or is it limited to one layer?&lt;/p&gt;
&lt;p&gt;Thanks.&lt;/p&gt;</t>
  </si>
  <si>
    <t>2015-02-06 20:22:45.400000+00:00</t>
  </si>
  <si>
    <t>2015-02-07 02:38:22.607000+00:00</t>
  </si>
  <si>
    <t>ormlite-servicestack</t>
  </si>
  <si>
    <t>can't we use 2 timer events in a single application</t>
  </si>
  <si>
    <t>&lt;p&gt;Can we use 2 timer events in a single application. I'm trying to use 2 timer events in a single application but the 2nd timer event is not working.... any one have an idea??? how to use 2 timer events in a single application....&lt;/p&gt;
&lt;p&gt;Thanks in advance....&lt;/p&gt;</t>
  </si>
  <si>
    <t>2010-09-27 13:22:59.363000+00:00</t>
  </si>
  <si>
    <t>2010-09-27 19:20:51.213000+00:00</t>
  </si>
  <si>
    <t>flex|events|adobe|timer</t>
  </si>
  <si>
    <t>getdate() through fluent nhibernate</t>
  </si>
  <si>
    <t>&lt;p&gt;I want to insert a record through fluent, where a column need to have the value of getdate() sql function. How to do this in a single fluent save function?&lt;/p&gt;
&lt;p&gt;Thanks,&lt;/p&gt;</t>
  </si>
  <si>
    <t>2010-02-19 07:02:32.757000+00:00</t>
  </si>
  <si>
    <t>2010-11-28 19:19:41.353000+00:00</t>
  </si>
  <si>
    <t>2010-02-19 09:56:37.280000+00:00</t>
  </si>
  <si>
    <t>nhibernate|fluent-nhibernate</t>
  </si>
  <si>
    <t>problems with ObjectQuery&lt;t&gt; in Visual Studio 2013 .NET Framework 4</t>
  </si>
  <si>
    <t>&lt;p&gt;I'm doing a POS for a cafeteria in a hospital and I'm watching some videos in youtube of how to do the POS in c# but I got to this part where he uses &lt;code&gt;ObjectQuery&amp;lt;T&amp;gt;&lt;/code&gt; class and when I declare the instance of the object it gives me this error:&lt;/p&gt;
&lt;blockquote&gt;
  &lt;p&gt;Error 2   Argument 2: cannot convert from
  'Cafeteria_POS_EF4.BVH_POS_DB_MODEL_EF43' to
  'System.Data.Objects.ObjectContext'   c:\users\tony's\documents\visual
  studio
  2013\projects\cafeteria_pos_ef4\cafeteria_pos_ef4\cashregister.cs 46  119 Cafeteria_POS_EF4&lt;/p&gt;
&lt;/blockquote&gt;
&lt;p&gt;And this one:&lt;/p&gt;
&lt;blockquote&gt;
  &lt;p&gt;Error 1   The best overloaded method match for
  'System.Data.Objects.ObjectQuery.ObjectQuery(string,
  System.Data.Objects.ObjectContext)' has some invalid
  arguments c:\users\tony's\documents\visual studio
  2013\projects\cafeteria_pos_ef4\cafeteria_pos_ef4\cashregister.cs 46  49  Cafeteria_POS_EF4&lt;/p&gt;
&lt;/blockquote&gt;
&lt;p&gt;I tried searching on the internet for some solution or something but I only find old tutorials and I cant understand what Microsoft says about how to send the constructor arguments... I'm using .NET framework 4 and Visual Studio 2013.&lt;/p&gt;
&lt;p&gt;PS - I want to use &lt;code&gt;ObjectQuery&lt;/code&gt; because i want to do a &lt;code&gt;foreach&lt;/code&gt; loop to fill the &lt;code&gt;TabControl&lt;/code&gt; Dynamically from the items in the database&lt;/p&gt;
&lt;pre&gt;&lt;code&gt; ObjectQuery&amp;lt;pos_item&amp;gt; filteredProduct = new ObjectQuery&amp;lt;pos_item&amp;gt;("SELECT VALUE P FROM pos_item AS P WHERE P.pos_item_group = " + i.ToString(), cse);
&lt;/code&gt;&lt;/pre&gt;
&lt;p&gt;If you guys whant to see the whole class ima post it here below thanks in advance for your time and effort&lt;/p&gt;
&lt;pre&gt;&lt;code&gt;using System;
using System.Collections.Generic;
using System.ComponentModel;
using System.Data;
using System.Data.Objects;
using System.Drawing;
using System.Linq;
using System.Text;
using System.Windows.Forms;
namespace Cafeteria_POS_EF4
{
    public partial class CashRegister : Form
    {
    private BindingList&amp;lt;pos_item&amp;gt; products = new BindingList&amp;lt;pos_item&amp;gt;();
    private BVH_POS_DB_MODEL_EF43 cse = new BVH_POS_DB_MODEL_EF43();
    public CashRegister()
    {
        InitializeComponent();
        lboxBasket.DataSource = products;
        lboxBasket.DisplayMember = "description";
        //pos_item p = new pos_item() { };
        CreateTabbedPanel();
        FillTabbedPanel();
    }
    private void CreateTabbedPanel()
    {
        foreach(pos_item_group ig in cse.pos_item_group)
        {
            tabControl.TabPages.Add(ig.item_group_id.ToString(), ig.item_group_name);
        }
    }
    private void FillTabbedPanel()
    {
        int i = 1;
        foreach(TabPage tp in tabControl.TabPages)
        {
            ObjectQuery&amp;lt;pos_item&amp;gt; filteredProduct = new ObjectQuery&amp;lt;pos_item&amp;gt;("SELECT VALUE P FROM pos_item AS P WHERE P.pos_item_group = " + i.ToString(), cse);
            FlowLayoutPanel flp = new FlowLayoutPanel();
            flp.Dock = DockStyle.Fill;
            foreach (pos_item item in filteredProduct)
            {
                Button b = new Button();
                b.Text = item.description;
                tp.Controls.Add(b);
            }
        tp.Controls.Add(flp);
        i++;
        }
    }
}
&lt;/code&gt;&lt;/pre&gt;
&lt;p&gt;}&lt;/p&gt;</t>
  </si>
  <si>
    <t>2014-06-25 18:12:05.660000+00:00</t>
  </si>
  <si>
    <t>2014-06-27 21:52:04.233000+00:00</t>
  </si>
  <si>
    <t>2014-06-25 18:48:43.573000+00:00</t>
  </si>
  <si>
    <t>c#|visual-studio-2013|objectquery</t>
  </si>
  <si>
    <t>Cron to fire a compiled gfortran file</t>
  </si>
  <si>
    <t>&lt;p&gt;I am attempting to use cron to fire a compiled fortran file: a.out&lt;/p&gt;
&lt;p&gt;When fired successfully, the a.out file will generate a fort.11 file.&lt;/p&gt;
&lt;p&gt;I can successfully fire a.out manually, so gfortran is confirmed installed and working correctly.&lt;/p&gt;
&lt;p&gt;Yet when attempting to fire a.out using a cron scheduled task - all that is generated is an empty cron.log file.&lt;/p&gt;
&lt;p&gt;At least I can see that the scheduled task is firing, but I cannot get the compiled fortran file to run.&lt;/p&gt;
&lt;p&gt;I am using a mac.&lt;/p&gt;
&lt;p&gt;My crontab script:&lt;/p&gt;
&lt;pre&gt;&lt;code&gt;42 13 * * * /bin/sh /Applications/MAMP/htdocs/dev/WeatherForecaster/_fortran/hour36/a.out &amp;gt;&amp;gt; /Applications/MAMP/htdocs/dev/Weather-Forecaster/_fortran/hour36/cron.log
&lt;/code&gt;&lt;/pre&gt;
&lt;p&gt;So my question is: what may I be doing wrong that is causing my cron job to not generate output?&lt;/p&gt;
&lt;p&gt;Thanks for your help.&lt;/p&gt;</t>
  </si>
  <si>
    <t>2014-10-31 15:41:33.477000+00:00</t>
  </si>
  <si>
    <t>2014-10-31 19:41:23.697000+00:00</t>
  </si>
  <si>
    <t>2014-10-31 19:35:29.863000+00:00</t>
  </si>
  <si>
    <t>cron|fortran|crontab|gfortran</t>
  </si>
  <si>
    <t>Facebook Image does not show up on Feed</t>
  </si>
  <si>
    <t>&lt;p&gt;I have plugin or module I'm currently using to share articles on social media called &lt;code&gt;Addthis&lt;/code&gt;. I'm trying to figure out why the image does not show up in the feed but in the preview it display the image before posting&lt;/p&gt;
&lt;p&gt;Here is a screenshot of the issue&lt;/p&gt;
&lt;p&gt;&lt;a href="https://i.stack.imgur.com/oFEke.png" rel="nofollow noreferrer"&gt;&lt;img src="https://i.stack.imgur.com/oFEke.png" alt="enter image description here"&gt;&lt;/a&gt;&lt;/p&gt;
&lt;p&gt;Before posting on Facebook the image shows up on the preview as seen in the screenshot below &lt;/p&gt;
&lt;p&gt;&lt;a href="https://i.stack.imgur.com/1rIwl.png" rel="nofollow noreferrer"&gt;&lt;img src="https://i.stack.imgur.com/1rIwl.png" alt="enter image description here"&gt;&lt;/a&gt;&lt;/p&gt;
&lt;p&gt;I even tried using Facebook Debug and it shows the image&lt;/p&gt;
&lt;p&gt;&lt;a href="https://i.stack.imgur.com/wxdBl.png" rel="nofollow noreferrer"&gt;&lt;img src="https://i.stack.imgur.com/wxdBl.png" alt="enter image description here"&gt;&lt;/a&gt;&lt;/p&gt;</t>
  </si>
  <si>
    <t>2017-07-25 03:34:27.023000+00:00</t>
  </si>
  <si>
    <t>facebook|addthis</t>
  </si>
  <si>
    <t>Selenium Webdriver (Java) Creation a class for Scrolling</t>
  </si>
  <si>
    <t>&lt;p&gt;I'm trying to create a class for different kind of scrolls (Scroll up, down, bottom of page, Etc), but I can't do it work.&lt;/p&gt;
&lt;pre&gt;&lt;code&gt;import org.openqa.selenium.JavascriptExecutor;
import org.openqa.selenium.chrome.ChromeDriver;
public class ScrollPage {
    public static void scrolldown(String element) throws Exception {
        System.setProperty("webdriver.chrome.driver", "C:\\JAVA\\DRIVER\\chromedriver.exe");
        ChromeDriver driver = new ChromeDriver();       
        //Scroll 1/4 p��gina
        JavascriptExecutor jse1 = (JavascriptExecutor) driver;
        jse1.executeScript("scroll(0,250);");
        }
    /*
        public static void scrolldown2(String element) throws Exception {       
        //Scroll hasta la mitad
        JavascriptExecutor jse2 = (JavascriptExecutor) driver;
        jse2.executeScript("scroll(0,500);");
        }
        public static void scrolldown3(String element) throws Exception {       
        //Scroll hasta el final
        JavascriptExecutor jse3 = (JavascriptExecutor) driver;
        jse3.executeScript("scroll(0,1000);");
        }
   */   
        //Otra forma de Scroll hasta el final
 /*     JavascriptExecutor jse = (JavascriptExecutor)driver;
        jse.executeScript("window.scrollTo(0,Math.max"
                + "(document.documentElement.scrollHeight,"
                + "document.body.scrollHeight,document.documentElement.clientHeight));");
    public static void scrollup(String element) throws Exception {  
        //Scroll hasta arriba
        JavascriptExecutor jse4 = (JavascriptExecutor) driver;
        jse4.executeScript("scroll(1000,0);");
        }
        public static void slowmotion (String element) throws Exception {   
        //Scroll en c��mara lenta
        for (int second = 0;; second++) {
            if(second &amp;gt;=60){
                break;
            }
        ((JavascriptExecutor) driver).executeScript("window.scrollBy(0,1000)", "");
        }
    }
*/
}
&lt;/code&gt;&lt;/pre&gt;
&lt;p&gt;After that, in another class, I want to call a specific scroll:&lt;/p&gt;
&lt;p&gt;ScrollPage.scrolldown();&lt;/p&gt;
&lt;p&gt;Please, help me.&lt;/p&gt;</t>
  </si>
  <si>
    <t>2017-07-11 20:24:22.793000+00:00</t>
  </si>
  <si>
    <t>2018-06-11 14:00:12.543000+00:00</t>
  </si>
  <si>
    <t>java|selenium|selenium-webdriver|automation</t>
  </si>
  <si>
    <t>Clean code to printf size_t in C++ (or: Nearest equivalent of C99's %z in C++)</t>
  </si>
  <si>
    <t>&lt;p&gt;I have some C++ code that prints a &lt;code&gt;size_t&lt;/code&gt;:&lt;/p&gt;
&lt;pre&gt;&lt;code&gt;size_t a;
printf("%lu", a);
&lt;/code&gt;&lt;/pre&gt;
&lt;p&gt;I'd like this to compile without warnings on both 32- and 64-bit architectures.&lt;/p&gt;
&lt;p&gt;If this were C99, I could use &lt;code&gt;printf("%z", a);&lt;/code&gt;.  But AFAICT &lt;code&gt;%z&lt;/code&gt; doesn't exist in any standard C++ dialect.  So instead, I have to do&lt;/p&gt;
&lt;pre&gt;&lt;code&gt;printf("%lu", (unsigned long) a);
&lt;/code&gt;&lt;/pre&gt;
&lt;p&gt;which is really ugly.&lt;/p&gt;
&lt;p&gt;If there's no facility for printing &lt;code&gt;size_t&lt;/code&gt;s built into the language, I wonder if it's possible to write a printf wrapper or somesuch such that will insert the appropriate casts on &lt;code&gt;size_t&lt;/code&gt;s so as to eliminate spurious compiler warnings while still maintaining the good ones.&lt;/p&gt;
&lt;p&gt;Any ideas?&lt;/p&gt;
&lt;p&gt;&lt;hr&gt;
&lt;i&gt;Edit&lt;/i&gt; To clarify why I'm using printf: I have a relatively large code base that I'm cleaning up.  It uses printf wrappers to do things like "write a warning, log it to a file, and possibly exit the code with an error".  I might be able to muster up enough C++-foo to do this with a cout wrapper, but I'd rather not change every warn() call in the program just to get rid of some compiler warnings.&lt;/p&gt;</t>
  </si>
  <si>
    <t>2009-10-10 01:37:03.387000+00:00</t>
  </si>
  <si>
    <t>2016-12-03 17:36:53.650000+00:00</t>
  </si>
  <si>
    <t>2009-10-10 01:51:09.037000+00:00</t>
  </si>
  <si>
    <t>c++|printf|size-t</t>
  </si>
  <si>
    <t>Derby Table Not Being Created</t>
  </si>
  <si>
    <t>&lt;p&gt;I am trying to create a database and table from within my Java code to no avail.  Here is my database code and the error I am receiving when I run my program. When I debug my PreparedStatement variables are null.&lt;/p&gt;
&lt;pre&gt;&lt;code&gt;public class RecordDao {
/** Creates a new instance of RecordDao */
public RecordDao() {
    this("Requirements");
}
public RecordDao(String requirements) {
    this.dbName = requirements;
    setDBSystemDir();
    dbProperties = loadDBProperties();
    String driverName = dbProperties.getProperty("derby.driver"); 
    loadDatabaseDriver(driverName);
    if(!dbExists()) {
        createDatabase();
    }
}
private boolean dbExists() {
    boolean bExists = false;
    String dbLocation = getDatabaseLocation();
    File dbFileDir = new File(dbLocation);
    if (dbFileDir.exists()) {
        bExists = true;
    }
    return bExists;
}
private void setDBSystemDir() {
    // decide on the db system directory
    String userHomeDir = System.getProperty("user.home", ".");
    String systemDir = userHomeDir + "/.requirementsspecs";
    System.setProperty("derby.system.home", systemDir);
    // create the db system directory
    File fileSystemDir = new File(systemDir);
    fileSystemDir.mkdir();
}
private void loadDatabaseDriver(String driverName) {
    // load Derby driver
    try {
        Class.forName(driverName);
    } catch (ClassNotFoundException ex) {
        ex.printStackTrace();
    }
}
private Properties loadDBProperties() {
    InputStream dbPropInputStream = null;
    dbPropInputStream = RecordDao.class.getResourceAsStream("Configuration.properties");
    dbProperties = new Properties();
    try {
        dbProperties.load(dbPropInputStream);
    } catch (IOException ex) {
        ex.printStackTrace();
    }
    return dbProperties;
}
private boolean createTables(Connection dbConnection) {
    boolean bCreatedTables = false;
    Statement statement = null;
    try {
        statement = dbConnection.createStatement();
        statement.execute(strCreateRequirementsTable);
        bCreatedTables = true;
    } catch (SQLException ex) {
        ex.printStackTrace();
    }
    return bCreatedTables;
}
private boolean createDatabase() {
    boolean bCreated = false;
    Connection dbConnection = null;
    String dbUrl = getDatabaseUrl();
    dbProperties.put("create", "true");
    try {
        System.out.println("inside try statement to create database");
        dbConnection = DriverManager.getConnection(dbUrl, dbProperties);
        bCreated = createTables(dbConnection);
    } catch (SQLException ex) {
    }
    dbProperties.remove("create");
    return bCreated;
}
public boolean connect() {
    String dbUrl = getDatabaseUrl();
    try {
        dbConnection = DriverManager.getConnection(dbUrl, dbProperties);
        stmtSaveNewRecord = dbConnection.prepareStatement(strSaveRecord, Statement.RETURN_GENERATED_KEYS);
        stmtUpdateExistingRecord = dbConnection.prepareStatement(strUpdateRecord);
        stmtGetRecord = dbConnection.prepareStatement(strGetRecord);
        stmtDeleteRecord = dbConnection.prepareStatement(strDeleteRecord);
        isConnected = dbConnection != null;
    } catch (SQLException ex) {
        isConnected = false;
    }
    return isConnected;
}
private String getHomeDir() {
    return System.getProperty("user.home");
}
public void disconnect() {
    if(isConnected) {
        String dbUrl = getDatabaseUrl();
        dbProperties.put("shutdown", "true");
        try {
            DriverManager.getConnection(dbUrl, dbProperties);
        } catch (SQLException ex) {
        }
        isConnected = false;
    }
}
public String getDatabaseLocation() {
    String dbLocation = System.getProperty("derby.system.home") + "/" + dbName;
    return dbLocation;
}
public String getDatabaseUrl() {
    String dbUrl = dbProperties.getProperty("derby.url") + dbName;
    return dbUrl;
}
public int saveRecord(RequirementsData record) {
    int id = -1;
    try {
        stmtSaveNewRecord.clearParameters();
        stmtSaveNewRecord.setString(1, record.getDescription());
        stmtSaveNewRecord.setString(2, record.getType());
        stmtSaveNewRecord.setString(3, record.getStatus());
        stmtSaveNewRecord.setString(4, record.getPriority());
        stmtSaveNewRecord.setString(5, record.getDifficulty());
        stmtSaveNewRecord.setString(6, record.getDueDate());
        stmtSaveNewRecord.setString(7, record.getCreatedOn());
        int rowCount = stmtSaveNewRecord.executeUpdate();
        ResultSet results = stmtSaveNewRecord.getGeneratedKeys();
        if (results.next()) {
            id = results.getInt(1);
        }
    } catch(SQLException sqle) {
        sqle.printStackTrace();
    }
    return id;
}
public boolean editRecord(RequirementsData record) {
    boolean bEdited = false;
    try {
        stmtUpdateExistingRecord.clearParameters();
        stmtUpdateExistingRecord.setString(1, record.getDescription());
        stmtUpdateExistingRecord.setString(2, record.getType());
        stmtUpdateExistingRecord.setString(3, record.getStatus());
        stmtUpdateExistingRecord.setString(4, record.getPriority());
        stmtUpdateExistingRecord.setString(5, record.getDifficulty());
        stmtUpdateExistingRecord.setString(6, record.getDueDate());
        stmtUpdateExistingRecord.setString(7, record.getCreatedOn());
        stmtUpdateExistingRecord.setInt(12, record.getId());
        stmtUpdateExistingRecord.executeUpdate();
        bEdited = true;
    } catch(SQLException sqle) {
        sqle.printStackTrace();
    }
    return bEdited;
}
public boolean deleteRecord(int id) {
    boolean bDeleted = false;
    try {
        stmtDeleteRecord.clearParameters();
        stmtDeleteRecord.setInt(1, id);
        stmtDeleteRecord.executeUpdate();
        bDeleted = true;
    } catch (SQLException sqle) {
        sqle.printStackTrace();
    }
    return bDeleted;
}
public boolean deleteRecord(RequirementsData record) {
    int id = record.getId();
    return deleteRecord(id);
}
public List&amp;lt;ListEntry&amp;gt; getListEntries() {
    List&amp;lt;ListEntry&amp;gt; listEntries = new ArrayList&amp;lt;ListEntry&amp;gt;();
    Statement queryStatement = null;
    ResultSet results = null;
    try {
        queryStatement = dbConnection.createStatement();
        results = queryStatement.executeQuery(strGetListEntries);
        while(results.next()) {
            int id = results.getInt(1);
            String description = results.getString(2);
            String type = results.getString(3);
            String dueDate = results.getString(4);
            ListEntry entry = new ListEntry(description, type, dueDate, id);
            listEntries.add(entry);
        }
    } catch (SQLException sqle) {
        sqle.printStackTrace();
    }
    return listEntries;
}
public RequirementsData getRecord(int index) {
    RequirementsData record = null;
    try {
        stmtGetRecord.clearParameters();
        stmtGetRecord.setInt(1, index);
        ResultSet result = stmtGetRecord.executeQuery();
        if (result.next()) {
            String description = result.getString("DESCRIPTION");
            String type = result.getString("TYPE");
            String status = result.getString("STATUS");
            String priority = result.getString("PRIORITY");
            String difficulty = result.getString("DIFFICULTY");
            String dueDate = result.getString("DUEDATE");
            String createdOn = result.getString("CREATEDON");
            int id = result.getInt("ID");
            record = new RequirementsData(description, type, status, priority,
                    difficulty, dueDate, createdOn, id);
        }
    } catch(SQLException sqle) {
        sqle.printStackTrace();
    }
    return record;
}
public static void main(String[] args) {
    RecordDao db = new RecordDao();
    System.out.println("######"+ db.getDatabaseLocation());
    System.out.println(db.getDatabaseUrl());
    db.connect();
    db.disconnect();
}
private Connection dbConnection;
private Properties dbProperties;
private boolean isConnected;
private String dbName;
private PreparedStatement stmtSaveNewRecord;
private PreparedStatement stmtUpdateExistingRecord;
private PreparedStatement stmtGetListEntries;
private PreparedStatement stmtGetRecord;
private PreparedStatement stmtDeleteRecord;
private static final String strCreateRequirementsTable =
        "create table APP.REQUIREMENTS (" +
        "    ID             INTEGER NOT NULL PRIMARY KEY GENERATED ALWAYS AS IDENTITY (START WITH 1, INCREMENT BY 1)," +
        "    DESCRIPTION    VARCHAR(300), " +
        "    TYPE           VARCHAR(15), " +
        "    STATUS         VARCHAR(15), " +
        "    PRIORITY       VARCHAR(15), " +
        "    DIFFICULTY     VARCHAR(15), " +
        "    DUEDATE        VARCHAR(30), " +
        "    CREATEDON      VARCHAR(30), " +
        ")";
private static final String strGetRecord =
        "SELECT * FROM APP.REQUIREMENTS " +
        "WHERE ID = ?";
private static final String strSaveRecord =
        "INSERT INTO APP.REQUIREMENTS " +
        "   (DESCRIPTION, TYPE, STATUS, PRIORITY, DIFFICULTY, DUEDATE, CREATEDON) " +
        "VALUES (?, ?, ?, ?, ?, ?, ?)";
private static final String strGetListEntries =
        "SELECT ID, DESCRIPTION, TYPE, DUEDATE FROM APP.REQUIREMENTS "  +
        "ORDER BY DUEDATE ASC";
private static final String strUpdateRecord =
        "UPDATE APP.REQUIREMENTS " +
        "SET DESCRIPTION = ?, " +
        "    TYPE = ?, " +
        "    STATUS = ?, " +
        "    PRIORITY = ?, " +
        "    DIFFICULTY = ?, " +
        "    DUEDATE = ?, " +
        "    CREATEDON = ?, " +
        "WHERE ID = ?";
private static final String strDeleteRecord =
        "DELETE FROM APP.REQUIREMENTS " +
        "WHERE ID = ?";
&lt;/code&gt;&lt;/pre&gt;
&lt;p&gt;}&lt;/p&gt;
&lt;p&gt;Here is the error:&lt;/p&gt;
&lt;blockquote&gt;
  &lt;p&gt;run:
  java.sql.SQLSyntaxErrorException: Table/View 'APP.REQUIREMENTS' does not exist.
          at org.apache.derby.impl.jdbc.SQLExceptionFactory40.getSQLException(Unknown Source)
          at org.apache.derby.impl.jdbc.Util.generateCsSQLException(Unknown Source)
          at org.apache.derby.impl.jdbc.TransactionResourceImpl.wrapInSQLException(Unknown Source)
          at org.apache.derby.impl.jdbc.TransactionResourceImpl.handleException(Unknown Source)
          at org.apache.derby.impl.jdbc.EmbedConnection.handleException(Unknown Source)
          at org.apache.derby.impl.jdbc.ConnectionChild.handleException(Unknown Source)
          at org.apache.derby.impl.jdbc.EmbedStatement.execute(Unknown Source)
          at org.apache.derby.impl.jdbc.EmbedStatement.executeQuery(Unknown Source)
          at com.example.requirements.db.RecordDao.getListEntries(RecordDao.java:240)
          at com.example.requirements.RequirementsFrame.(RequirementsFrame.java:42)
          at com.example.requirements.RequirementsFrame.main(RequirementsFrame.java:182)
  Caused by: java.sql.SQLException: Table/View 'APP.REQUIREMENTS' does not exist.
          at org.apache.derby.impl.jdbc.SQLExceptionFactory.getSQLException(Unknown Source)
          at org.apache.derby.impl.jdbc.SQLExceptionFactory40.wrapArgsForTransportAcrossDRDA(Unknown Source)
          ... 11 more
  Caused by: ERROR 42X05: Table/View 'APP.REQUIREMENTS' does not exist.
          at org.apache.derby.iapi.error.StandardException.newException(Unknown Source)
          at org.apache.derby.impl.sql.compile.FromBaseTable.bindTableDescriptor(Unknown Source)
          at org.apache.derby.impl.sql.compile.FromBaseTable.bindNonVTITables(Unknown Source)
          at org.apache.derby.impl.sql.compile.FromList.bindTables(Unknown Source)
          at org.apache.derby.impl.sql.compile.SelectNode.bindNonVTITables(Unknown Source)
          at org.apache.derby.impl.sql.compile.DMLStatementNode.bindTables(Unknown Source)
          at org.apache.derby.impl.sql.compile.DMLStatementNode.bind(Unknown Source)
          at org.apache.derby.impl.sql.compile.CursorNode.bindStatement(Unknown Source)
          at org.apache.derby.impl.sql.GenericStatement.prepMinion(Unknown Source)
          at org.apache.derby.impl.sql.GenericStatement.prepare(Unknown Source)
          at org.apache.derby.impl.sql.conn.GenericLanguageConnectionContext.prepareInternalStatement(Unknown Source)
          ... 5 more&lt;/p&gt;
&lt;/blockquote&gt;
&lt;p&gt;Any ideas what is going on?  I have derby.jar in my libraries.&lt;/p&gt;</t>
  </si>
  <si>
    <t>2010-11-23 13:02:54.347000+00:00</t>
  </si>
  <si>
    <t>2010-11-23 14:54:35.823000+00:00</t>
  </si>
  <si>
    <t>java|derby</t>
  </si>
  <si>
    <t>MySQL using NOT IN for temp table</t>
  </si>
  <si>
    <t>&lt;p&gt;I want to be able to find rows in Category table with condition of &lt;code&gt;visible = 0&lt;/code&gt; not in the query result from below:&lt;/p&gt;
&lt;pre&gt;&lt;code&gt;SELECT c.id as cat_id, j.id
FROM category c
LEFT JOIN portfolio_job_category pjc
ON pjc.category_id = c.id
LEFT JOIN job j
ON j.id = pjc.job_id
WHERE c.visible = 0
AND j.end_date &amp;gt; CURRENT_DATE
GROUP BY c.id
&lt;/code&gt;&lt;/pre&gt;
&lt;p&gt;Is there a way to use &lt;code&gt;NOT IN&lt;/code&gt; to find this?&lt;/p&gt;
&lt;p&gt;I tried below but this loops forever and crashes mysqld&lt;/p&gt;
&lt;pre&gt;&lt;code&gt;SELECT c.id
FROM category c
WHERE c.id NOT IN
(SELECT c.id as cat_id, j.id
FROM category c
LEFT JOIN portfolio_job_category pjc
ON pjc.category_id = c.id
LEFT JOIN job j
ON j.id = pjc.job_id
WHERE c.visible = 0
AND j.end_date &amp;gt; CURRENT_DATE
GROUP BY c.id)
AND visible = 0
&lt;/code&gt;&lt;/pre&gt;</t>
  </si>
  <si>
    <t>2013-01-22 03:16:56.983000+00:00</t>
  </si>
  <si>
    <t>2013-01-22 03:22:23.157000+00:00</t>
  </si>
  <si>
    <t>mysql|sql|select</t>
  </si>
  <si>
    <t>Excel VBA Slicer Select Each Item</t>
  </si>
  <si>
    <t>&lt;p&gt;I want to automatically select each item in the slicer, select the first item, copy the data and paste to another sheet, then select the next item in the slicer and copy the data and paste to another sheet, and so on until the last item in the slicer.&lt;/p&gt;
&lt;p&gt;the vba code I use for copy and pasting is below:&lt;/p&gt;
&lt;pre&gt;&lt;code&gt;Private Sub CommandButton1_Click()
Sheets("Sheet1").Select
Range("e3:f3").Select
Range(Selection, Selection.End(xlDown)).Select
Application.CutCopyMode = False
Selection.Copy
Sheets("Sheet2").Range("A" &amp;amp; Rows.Count).End(xlUp).Offset(1, 0).PasteSpecial 
Paste:=xlPasteValues
End Sub
&lt;/code&gt;&lt;/pre&gt;</t>
  </si>
  <si>
    <t>2018-05-24 13:08:39.337000+00:00</t>
  </si>
  <si>
    <t>2018-05-24 13:12:30.213000+00:00</t>
  </si>
  <si>
    <t>excel|vba|copy|pivot|paste</t>
  </si>
  <si>
    <t>Sorting multidimensional array in Delphi 2007</t>
  </si>
  <si>
    <t>&lt;p&gt;I have a multidimensional array similar to the one described below:&lt;/p&gt;
&lt;pre&gt;&lt;code&gt;Matrix =&amp;gt; array(
 [0] =&amp;gt; array( [0] =&amp;gt; 7, [1] =&amp;gt; 'hello' ),
 [1] =&amp;gt; array( [0] =&amp;gt; 3, [1] =&amp;gt; 'there' ),
 [2] =&amp;gt; array( [0] =&amp;gt; 1, [1] =&amp;gt; 'world' ),
)
&lt;/code&gt;&lt;/pre&gt;
&lt;p&gt;What I'm trying to achieve is to sort this array using the values of Matrix[i][0]. What would be the most efficient way to do this? I looked into the recursive QuickSort function possibility, but it's rather complicated as I'm multidimensional arrays. There are many examples of quicksort, but none of them handle taking an "Array of Array of String" as an input.&lt;/p&gt;
&lt;p&gt;Please ask for clarification if my text seems gibberish. I'm still fairly new to Delphi.&lt;/p&gt;</t>
  </si>
  <si>
    <t>2013-01-29 23:58:56.553000+00:00</t>
  </si>
  <si>
    <t>2013-01-30 08:11:20.487000+00:00</t>
  </si>
  <si>
    <t>string|delphi|sorting|multidimensional-array|delphi-2007</t>
  </si>
  <si>
    <t>How to add a text annotations to a time series ggplot</t>
  </si>
  <si>
    <t>&lt;p&gt;I know about annotate() and that you need to add the x and y coordinates. The problem is my x is class ""POSIXct" "POSIXt." So when I try to use annotate, R responds, object needs to be POSIXct. I have tried various combinations trying to fix this ... no success. Any ideas?  &lt;/p&gt;</t>
  </si>
  <si>
    <t>2018-10-16 19:12:03.863000+00:00</t>
  </si>
  <si>
    <t>2018-10-16 19:34:51.737000+00:00</t>
  </si>
  <si>
    <t>r|ggplot2|posixct|annotate</t>
  </si>
  <si>
    <t>Order list by month and hour in R</t>
  </si>
  <si>
    <t>&lt;p&gt;I have a list of file names I want to read into R. Currently, the file names are in a character vector in alphabetical order so when I use the vector to read in the files, they are arranged in a list in alphabetical order. What I would like is to arrange the character vector according to month and hour (which are contained in the file names in an uncommon format, and there are no date/time variables in the data files themselves). My vector looks something like&lt;/p&gt;
&lt;pre&gt;&lt;code&gt;chr [1:288] "tair_apr_01.txt" "tair_apr_02.txt" ... "tair_oct_24.txt"
&lt;/code&gt;&lt;/pre&gt;
&lt;p&gt;That is, there is an element for every hour of every month (the data are averaged across every day, so there are 288 elements in my vector).&lt;/p&gt;
&lt;p&gt;Is there a way to reorder my vector so that it's listed by month? i.e.&lt;/p&gt;
&lt;pre&gt;&lt;code&gt;chr [1:288] "tair_jan_01.txt" ... "tair_dec_24.txt"
&lt;/code&gt;&lt;/pre&gt;
&lt;p&gt;I know how to sort/order when there are numeric values, and I've seen ways to order by date as long as it's in a certain format. No command I know is able to be applied to this situation, so maybe what I'm really looking for is an efficient way to manually sort the 288 elements. Here's a smaller, complete example:&lt;/p&gt;
&lt;p&gt;What I have is &lt;/p&gt;
&lt;pre&gt;&lt;code&gt;filelist &amp;lt;- c('tair_apr_12.txt', 'tair_dec_24.txt', 'tair_jan_01.txt')
&lt;/code&gt;&lt;/pre&gt;
&lt;p&gt;and what I want is&lt;/p&gt;
&lt;pre&gt;&lt;code&gt;filelist &amp;lt;- c('tair_jan_01.txt', 'tair_apr_12.txt', 'tair_dec_24.txt')
&lt;/code&gt;&lt;/pre&gt;</t>
  </si>
  <si>
    <t>2015-11-12 03:03:04.150000+00:00</t>
  </si>
  <si>
    <t>2015-11-13 00:21:27.293000+00:00</t>
  </si>
  <si>
    <t>ios7 - Why is the UITextView centered vertically when I start typing</t>
  </si>
  <si>
    <t>&lt;p&gt;I set the autolayout to greater than or equal than 75. I seems to be okay when the it loads, but when I start typing on the uitextview, it shrinks in height (1 line) and is centered vertically. Note that I have a vertical space constraint from the label to the uitextview (box) . &lt;/p&gt;
&lt;p&gt;Picture 1:
&lt;img src="https://i.stack.imgur.com/MXWz9.png" alt="It looks fine here"&gt;&lt;/p&gt;
&lt;p&gt;Picture 2:
&lt;img src="https://i.stack.imgur.com/LJS9X.png" alt="It shrinks"&gt;&lt;/p&gt;
&lt;p&gt;Hope someone can help me.&lt;/p&gt;</t>
  </si>
  <si>
    <t>2014-09-04 17:03:35.720000+00:00</t>
  </si>
  <si>
    <t>2014-09-09 21:34:09.493000+00:00</t>
  </si>
  <si>
    <t>ios|objective-c|xcode|uitextview|autolayout</t>
  </si>
  <si>
    <t>Function Delete Testing</t>
  </si>
  <si>
    <t>&lt;p&gt;The global variable level scope, I'm trying to implement a delete function, and inside the delete query a global variable replacing the table name, like the code below, but when I test before the user click 'delete' it's defined, but when after clicking the button, the variable is undefined. &lt;/p&gt;
&lt;p&gt;The &lt;code&gt;$GLOBALS['$table']&lt;/code&gt; is been filled by the user, in a different function, and when I echo the &lt;code&gt;$GLOBALS['$table']&lt;/code&gt; first, it shows me the value, and it's fine.&lt;/p&gt;
&lt;pre&gt;&lt;code&gt;&amp;lt;?php
function DeleteOption()
{
    include ('../CIEcon.php');
    echo "&amp;lt;form action= 'Delete.php'  method = 'post'&amp;gt;";
    echo $GLOBALS['$table'];
    if (isset($_POST['delete'])) {
        if (empty($_POST['Id']) || $_POST['Id'] == 0) {
            echo "&amp;lt;h4&amp;gt;  please choose something to delete   &amp;lt;/h4&amp;gt;";
            echo $GLOBALS['$table'] . "hmmmm";
        }
        else {
            $impid = implode("' , '", $_POST['Id']);
            $sqlDelete = "DELETE " . $GLOBALS['$table'] . " WHERE Id IN ('" . $impid . "')";
            $DeleteQuery = mysqli_query($dbCIE, $sqlDelete) or die("Error : " . mysqli_error($dbCIE));
        }
    } // end of delete...
    else {
        echo "";
    }
    echo "&amp;lt;/form &amp;gt;";
}; // End of Delete Function..
&lt;/code&gt;&lt;/pre&gt;
&lt;p&gt;this is how the $Globle['table'] has been defined by the user&lt;/p&gt;
&lt;pre&gt;&lt;code&gt;&amp;lt;?php
include('../CIEcon.php');
$GLOBALS['$table']="";
function DisplayOption(){
    include('../CIEcon.php');
echo '
            &amp;lt;form action= "Delete.php"  method = "post"&amp;gt;
            &amp;lt;table width ="40%" cellpadding ="4" border="1" align="center" &amp;gt;
            &amp;lt;tr &amp;gt;
            &amp;lt;th style ="color: white; background-color: #f26822 ; " &amp;gt;     Select a Catagory To Delete From   &amp;lt;/th&amp;gt;
            &amp;lt;/tr&amp;gt;';
                echo "&amp;lt;tr&amp;gt;
             &amp;lt;td&amp;gt;". 
            "&amp;lt;select name = lists &amp;gt;
              &amp;lt;option name= nothing value= 0 selected &amp;gt;Choose a Catagory&amp;lt;/option&amp;gt;
              &amp;lt;option name= nothing value= 1 &amp;gt;    Advertising     &amp;lt;/option&amp;gt;
              &amp;lt;option name= nothing value= 2&amp;gt;    Fiscal          &amp;lt;/option&amp;gt;
              &amp;lt;option name= nothing value= 3&amp;gt;    Food            &amp;lt;/option&amp;gt;
              &amp;lt;option name= nothing value= 4&amp;gt;    Shopping        &amp;lt;/option&amp;gt;
              &amp;lt;option name= nothing value= 5&amp;gt;    Rentals         &amp;lt;/option&amp;gt;
              &amp;lt;option name= nothing value= 6&amp;gt;   Setting up       &amp;lt;/option&amp;gt;
              &amp;lt;option name= nothing value= 7&amp;gt;    Performances    &amp;lt;/option&amp;gt;
              &amp;lt;option name= nothing value= 8&amp;gt;  Registration/Ushering  &amp;lt;/option&amp;gt;
              &amp;lt;option name= nothing value= 9&amp;gt;   Master of Ceremonies  &amp;lt;/option&amp;gt;
              &amp;lt;option name= nothing value= 10&amp;gt;    Cleaning up   &amp;lt;/option&amp;gt;
              &amp;lt;option name= nothing value= 11&amp;gt;    Others        &amp;lt;/option&amp;gt;
             &amp;lt;/select&amp;gt;"
              ." &amp;lt;/td&amp;gt;
             &amp;lt;/tr&amp;gt;";
             echo '
             &amp;lt;/table&amp;gt;
             &amp;lt;br/&amp;gt;
             &amp;lt;div align="center"&amp;gt;
             &amp;lt;input type="submit" name="submit" value="submit" /&amp;gt;
             &amp;lt;input type="reset" value="Clear" /&amp;gt;
             &amp;lt;hr&amp;gt; &amp;lt;hr&amp;gt; 
             &amp;lt;/div&amp;gt;
             &amp;lt;/form&amp;gt;
             ';
///
};
function SelectOption(){
    include('../CIEcon.php');
///
             if(isset($_POST['submit'])){
                        if(isset($_POST['submit']))  // second submit
                        {
                          $errorMessage = "";
                           if(($_POST['lists'])== 0)  // trying to get error if user don't choose.
                              {
                                $errorMessage .= "&amp;lt;li&amp;gt;You Forgot to Choose !&amp;lt;/li&amp;gt;";
                              }
                              $lists = $_POST['lists'];  // &amp;lt;-save info in variable based on user input 
                              if(!empty($errorMessage)) 
                              {
                                echo("&amp;lt;p&amp;gt;There was an error with your form:&amp;lt;/p&amp;gt;\n");
                                echo("&amp;lt;ul&amp;gt;" . $errorMessage . "&amp;lt;/ul&amp;gt;\n");
                                die();
                              } 
                            } // end of second submit 
                            switch($lists)
                            {
                                case '1':
                                   $GLOBALS['$table']  ="Advertising";
                                break;
                                case '2':
                                  $GLOBALS['$table'] ="Fiscal";
                                break;
                                case '3':
                                    $GLOBALS['$table']="Food";
                                break;
                                case '4':
                                   $GLOBALS['$table'] ="Shopping";
                                break;
                                case '5':
                                    $GLOBALS['$table'] ="Rentals";
                                break;
                                case '6':
                                    $GLOBALS['$table'] ="SettingUp";
                                break;
                                case '7':
                                   $GLOBALS['$table'] ="Performances";
                                break;
                                case '8':
                                    $GLOBALS['$table'] ="Registration";
                                break;
                                case '9':
                                    $GLOBALS['$table'] ="MasterOfCeremonies";
                                break;
                                 case '10':
                                    $GLOBALS['$table'] ="Cleaning";
                                break;
                                 case '11':
                                    $GLOBALS['$table']="Others";
                                break;
                                default;
                                    echo 'Unsupported category';
                                break;
                            }
                if ($GLOBALS['$table'] != ""){
                            $sql = "SELECT * FROM ". $GLOBALS['$table']. "  ";
                             $result = mysqli_query($dbCIE, $sql) or die(mysqli_error($dbCIE));
//trying this...
$_SESSION["tbl"] = $GLOBALS['$table'];
                  /// NOW DISPLAY ALL INFO FROM CHOSEN DATABASE...///
                            echo "
                            &amp;lt;form action= 'Delete.php'  method = 'post'&amp;gt;
                            &amp;lt;table cellpadding ='4' border='1' width='80%' align='center'&amp;gt;
                            &amp;lt;tr&amp;gt;
                            &amp;lt;th&amp;gt;Check &amp;lt;/th&amp;gt;
                            &amp;lt;th&amp;gt;Job's Name&amp;lt;/th&amp;gt;
                            &amp;lt;th&amp;gt;Description&amp;lt;/th&amp;gt;
                            &amp;lt;th&amp;gt; No Students needed&amp;lt;/th&amp;gt;
                            &amp;lt;th&amp;gt;Due Date&amp;lt;/th&amp;gt;
                            &amp;lt;/tr&amp;gt;";
                            while($row = mysqli_fetch_array($result))
                            {
                                echo "&amp;lt;br&amp;gt;";
                            echo "&amp;lt;tr&amp;gt;";
                            echo "&amp;lt;td&amp;gt; &amp;lt;input type='checkbox'  name='Id[]'  value='". $row['Id'] ."' /&amp;gt; &amp;lt;/td&amp;gt;";
                           // echo "&amp;lt;td&amp;gt; &amp;lt;input type='checkbox'  name='Table[]'  value='". $GLOBALS['$table'] ."' /&amp;gt; &amp;lt;/td&amp;gt;";
                            echo "&amp;lt;td&amp;gt;" . $row['JobName'] . "&amp;lt;/td&amp;gt;";
                            echo "&amp;lt;td&amp;gt;" . $row['Description'] . "&amp;lt;/td&amp;gt;";
                            echo "&amp;lt;td&amp;gt;" . $row['NoStudent'] . "&amp;lt;/td&amp;gt;";
                            echo "&amp;lt;td&amp;gt;" . $row['DueDate'] . "&amp;lt;/td&amp;gt;";
                            echo "&amp;lt;/tr&amp;gt;";
                            }
                            echo "&amp;lt;/table&amp;gt;";
                   /// END THE SEARCH HERE...........///
                            echo " &amp;lt;br&amp;gt;
                                &amp;lt;div align='center'&amp;gt;
                                &amp;lt;input type='reset' value='clear' &amp;gt; 
                                &amp;lt;input type='submit' name='delete' value='delete'&amp;gt;
                                &amp;lt;/div&amp;gt;
                            &amp;lt;/form&amp;gt;";
                            }  // End if !table=""; 
             } else {  }
///
};// end of function SelectOption
&lt;/code&gt;&lt;/pre&gt;</t>
  </si>
  <si>
    <t>2016-01-24 19:11:37.707000+00:00</t>
  </si>
  <si>
    <t>2016-01-24 20:17:00.637000+00:00</t>
  </si>
  <si>
    <t>2016-01-24 19:33:15.813000+00:00</t>
  </si>
  <si>
    <t>Proper User Interface Design with ASP.Net</t>
  </si>
  <si>
    <t>&lt;p&gt;I am designing the user interface of a web application but I am inexperienced with UI Design, I just drag and drop labels and textboxes, but they look not symetric and properly arranged on the page. In a windows application, user interface design is easier since the visual stuido helps you with location of controls, but I don't know how to do that in a web application. Is the only solution entering the html and using lots of space characters for the page to look well organised ? This just makes me feel like an amateur. &lt;/p&gt;</t>
  </si>
  <si>
    <t>2012-06-26 13:24:11.663000+00:00</t>
  </si>
  <si>
    <t>2012-06-26 13:39:57.733000+00:00</t>
  </si>
  <si>
    <t>asp.net|html|visual-studio-2010|user-interface</t>
  </si>
  <si>
    <t>Create a loop that goes through a nested list that can be appended</t>
  </si>
  <si>
    <t>&lt;p&gt;We're coding a password saver and I'm stuck on Nested List loops.&lt;/p&gt;
&lt;pre&gt;&lt;code&gt;passwords = [["yahoo","XqffoZeo"],["google","CoIushujSetu"]]
if(choice == '2'): #Lookup at password
    print("Which website do you want to lookup the password for?")
    for keyvalue in passwords:
        print(keyvalue[0])
    passwordToLookup = input()
&lt;/code&gt;&lt;/pre&gt;
&lt;p&gt;This is what I have so far. I now need to create a loop that gives the password and will work if passwords list is appended with more websites and their passwords. &lt;/p&gt;
&lt;p&gt;Here's the whole of the code: I'm working through it a little at a time since it's an assignment and not a personal project. &lt;/p&gt;
&lt;pre&gt;&lt;code&gt;import csv
import sys
#The password list - We start with it populated for testing purposes
passwords = [["yahoo","XqffoZeo"],["google","CoIushujSetu"]]
#The password file name to store the passwords to
passwordFileName = "samplePasswordFile"
#The encryption key for the caesar cypher
encryptionKey=16
#Caesar Cypher Encryption
def passwordEncrypt (unencryptedMessage, key):
#We will start with an empty string as our encryptedMessage
encryptedMessage = ''
#For each symbol in the unencryptedMessage we will add an encrypted symbol      into the enc sage
for symbol in unencryptedMessage:
    if symbol.isalpha():
        num = ord(symbol)
        num += key
        if symbol.isupper():
            if num &amp;gt; ord('Z'):
                num -= 26
            elif num &amp;lt; ord('A'):
                num += 26
        elif symbol.islower():
            if num &amp;gt; ord('z'):
                num -= 26
            elif num &amp;lt; ord('a'):
                num += 26
        encryptedMessage += chr(num)
    else:
        encryptedMessage += symbol
return encryptedMessage
def loadPasswordFile(fileName):
with open(fileName, newline='') as csvfile:
    passwordreader = csv.reader(csvfile)
    passwordList = list(passwordreader)
return passwordList
def savePasswordFile(passwordList, fileName):
with open(fileName, 'w+', newline='') as csvfile:
    passwordwriter = csv.writer(csvfile)
    passwordwriter.writerows(passwordList)
while True:
print("What would you like to do:")
print(" 1. Open password file")
print(" 2. Lookup a password")
print(" 3. Add a password")
print(" 4. Save password file")
print(" 5. Print the encrypted password list (for testing)")
print(" 6. Quit program")
print("Please enter a number (1-4)")
choice = input()
if(choice == '1'): #Load the password list from a file
    passwords = loadPasswordFile(passwordFileName)
if(choice == '2'): #Lookup at password
    print("Which website do you want to lookup the password for?")
    for keyvalue in passwords:
        print(keyvalue[0])
    passwordToLookup = input()
    ####### THIS IS WHERE I'm WORKING ####
#NOt supposed to change any of the base code just working on this part currently.
    for list in passwords:
    #Perameters: You will need to find the password that matches the website
    #You will then need to decrypt the password
    #1. Create a loop that goes through each item in the password list
    #2. Check if the name is found.  To index a list of lists you use 2 square bracket sets
    #3. If the name is found then decrypt it.  
print()
print()
&lt;/code&gt;&lt;/pre&gt;</t>
  </si>
  <si>
    <t>2017-02-27 19:37:21.510000+00:00</t>
  </si>
  <si>
    <t>2017-02-27 19:53:56.420000+00:00</t>
  </si>
  <si>
    <t>python|loops|iteration|nested-loops</t>
  </si>
  <si>
    <t>Rotate a player on sphere using joystick</t>
  </si>
  <si>
    <t>&lt;p&gt;I am a beginner. I want to rotate my player on a sphere in unity and using this code to rotate it but it works on some positions on the sphere, can anyone help to solve this issue? or &lt;a href="https://youtu.be/mVjTG7HkUE4" rel="nofollow noreferrer"&gt;click&lt;/a&gt; the link to watch problem video.  &lt;/p&gt;
&lt;pre&gt;&lt;code&gt;using UnityEngine;
using UnityStandardAssets.CrossPlatformInput;
public class Follow_guide_pos : MonoBehaviour {
     private Vector3 input;
     void Update () {
    //rotation of player input
    input = new Vector3(CrossPlatformInputManager.GetAxisRaw("Horizontal_rot"),CrossPlatformInputManager.GetAxisRaw("Vertical_rot"),0);
    }
    void FixedUpdate(){
    //rotation of player output
    transform.LookAt(transform.position+input,transform.up);
   }
}
&lt;/code&gt;&lt;/pre&gt;
&lt;p&gt;&lt;a href="https://youtu.be/mVjTG7HkUE4" rel="nofollow noreferrer"&gt;Link to the video&lt;/a&gt; is the video of the problem. 0:03-0:07 the plane is rotating correctly
but after moving it in other direction it is rotating on a different axis or not rotating as it was doing before. &lt;/p&gt;</t>
  </si>
  <si>
    <t>2018-10-17 06:11:26.483000+00:00</t>
  </si>
  <si>
    <t>c#|visual-studio|unity3d|unityscript</t>
  </si>
  <si>
    <t>In Grails on jquery upgrade,no JavaScript found error</t>
  </si>
  <si>
    <t>&lt;p&gt;I am using &lt;code&gt;Grails 2.5.6&lt;/code&gt; ,and &lt;code&gt;jquery 1.11.1&lt;/code&gt; as plugin in build &lt;code&gt;config.grrovy&lt;/code&gt;. I tried upgrade to &lt;code&gt;jquery 3.3.1&lt;/code&gt; and added &lt;code&gt;jquery_3.3.1.min.js&lt;/code&gt; but remote functions are not working and found on console &lt;code&gt;GradleTagException&lt;/code&gt;, no JavaScript provider found.&lt;/p&gt;</t>
  </si>
  <si>
    <t>2018-08-06 17:58:55.280000+00:00</t>
  </si>
  <si>
    <t>2018-08-06 19:25:33.647000+00:00</t>
  </si>
  <si>
    <t>jquery|grails</t>
  </si>
  <si>
    <t>Angular JS thowing error even though controller is available</t>
  </si>
  <si>
    <t>&lt;p&gt;I am new to Angular JS and I am trying some examples... But I get a very weird exception when I try to load my app...&lt;/p&gt;
&lt;p&gt;Here is my angular JS code: &lt;/p&gt;
&lt;pre&gt;&lt;code&gt;&amp;lt;script src="https://ajax.googleapis.com/ajax/libs/angularjs/1.2.5/angular.min.js"&amp;gt;&amp;lt;/script&amp;gt;
        &amp;lt;script src="JS/Controllers.js"&amp;gt;&amp;lt;/script&amp;gt;
    &amp;lt;body ng-app="myapp"&amp;gt;
            &amp;lt;div ng-controller="HelloController"&amp;gt;
                &amp;lt;h2&amp;gt;Hello {{helloTo.title}} !&amp;lt;/h2&amp;gt;
            &amp;lt;/div&amp;gt;
            &amp;lt;div ng-controller="MyController" &amp;gt;
                &amp;lt;span ng-show="myData.showIt"&amp;gt;&amp;lt;/span&amp;gt;
                &amp;lt;span ng-hide="myData.showIt"&amp;gt;&amp;lt;/span&amp;gt;
            &amp;lt;/div&amp;gt;
        &amp;lt;/body&amp;gt;
&lt;/code&gt;&lt;/pre&gt;
&lt;p&gt;Here is my controller code : &lt;/p&gt;
&lt;pre&gt;&lt;code&gt;angular.module("myapp", []).controller("HelloController", function($scope) {
    $scope.helloTo = {};
    $scope.helloTo.title = "Test";
} );
angular.module("myapp1", []).controller("MyController", function($scope) {
  $scope.myData = {};
  $scope.myData.showIt = true;
});
&lt;/code&gt;&lt;/pre&gt;
&lt;p&gt;Error logged by firebug:
Error: [ng:areq] &lt;a href="http://errors.angularjs.org/1.2.5/ng/areq?p0=MyController&amp;amp;p1=not%20a%20function%2C%20got%20undefined" rel="nofollow"&gt;http://errors.angularjs.org/1.2.5/ng/areq?p0=MyController&amp;amp;p1=not%20a%20function%2C%20got%20undefined&lt;/a&gt;
&lt;a href="https://ajax.googleapis.com/ajax/libs/angularjs/1.2.5/angular.min.js" rel="nofollow"&gt;https://ajax.googleapis.com/ajax/libs/angularjs/1.2.5/angular.min.js&lt;/a&gt;
Line 83&lt;/p&gt;
&lt;p&gt;I am using angular js version 1.2.5...&lt;/p&gt;</t>
  </si>
  <si>
    <t>2014-11-05 08:58:43.763000+00:00</t>
  </si>
  <si>
    <t>2014-11-05 09:20:52.287000+00:00</t>
  </si>
  <si>
    <t>javascript|angularjs|single-page-application</t>
  </si>
  <si>
    <t>Storing an retrieving formatted DATETIME from mysql with php</t>
  </si>
  <si>
    <t>&lt;p&gt;First of sorry if this question has been asked before which i am almost sure it has but i can't find a post that fully answers my question on what i am looking to achieve lots of conflicting advice.&lt;/p&gt;
&lt;p&gt;Here is my user flow for inserting data with my api.&lt;/p&gt;
&lt;p&gt;Here is my table.&lt;/p&gt;
&lt;pre&gt;&lt;code&gt;CREATE TABLE `test` (
         `id` int(11) NOT NULL AUTO_INCREMENT,
         `title` varchar(250) NOT NULL,
         `releaseDate` TIMESTAMP DEFAULT CURRENT_TIMESTAMP,
         `createdDate` TIMESTAMP DEFAULT CURRENT_TIMESTAMP,
         PRIMARY KEY (`id`)
        ) ENGINE=InnoDB DEFAULT CHARSET=utf8mb4;
&lt;/code&gt;&lt;/pre&gt;
&lt;p&gt;post data to api.&lt;/p&gt;
&lt;pre&gt;&lt;code&gt;# POST /v1/tests
? title=test
&lt;/code&gt;&lt;/pre&gt;
&lt;p&gt;This will create my record with the createdDate current timestamp &amp;amp; releaseDate current timestamp.&lt;/p&gt;
&lt;p&gt;Now I want to retrieve my data with a get api call with the dates formatted to ISO8601  &lt;/p&gt;
&lt;pre&gt;&lt;code&gt;// My test model just retrieves data for a row
function test_model_test($id){
    $query = $this-&amp;gt;db-&amp;gt;get_where('test', array('id' =&amp;gt; $id)0);
    return ($query-&amp;gt;num_rows() &amp;gt; 0) ? $query-&amp;gt;row() : false;
}
 // Test api call to retrieve the data I need the date in ISO8601 format
function test_get(){
    $data = $this-&amp;gt;test_model-&amp;gt;test($this-&amp;gt;get('id'));
    $response = array(
        'id' =&amp;gt; $data-&amp;gt;id,
        'title' =&amp;gt; $data-&amp;gt;title,
        'releaseDate' =&amp;gt; $data-&amp;gt;releaseDate-&amp;gt;format(\DateTime::ISO8601)
    }
    $this-&amp;gt;response([
        'status' =&amp;gt; TRUE,
        'message' =&amp;gt; 'Successful',
        'data' =&amp;gt; $response
    ], REST_Controller::HTTP_OK);
}
&lt;/code&gt;&lt;/pre&gt;
&lt;p&gt;When I run this I am getting the error.&lt;/p&gt;
&lt;pre&gt;&lt;code&gt;Call to a member function format() on string /
&lt;/code&gt;&lt;/pre&gt;
&lt;p&gt;Do I need to convert my dates from stings to date and then format?&lt;/p&gt;
&lt;p&gt;I can use mysql to return the data in the currect format like this.&lt;/p&gt;
&lt;pre&gt;&lt;code&gt;$query = $this-&amp;gt;db-&amp;gt;query('SELECT *, 
                DATE_FORMAT(releaseDate, "%Y-%m-%dT%TZ") AS releaseDateFormatted, 
                DATE_FORMAT(createdDate, "%Y-%m-%dT%TZ") AS createdDateFormatted,  
                FROM test 
                WHERE id = ' . $id . ' 
            ');
&lt;/code&gt;&lt;/pre&gt;
&lt;p&gt;I am not sure the best way to do it there are probably many I figure if I just keep the mysql clean this will allow me to change the format within php for other formats if needed.&lt;/p&gt;
&lt;p&gt;Would really appreciate any suggestions best practices etc?&lt;/p&gt;
&lt;p&gt;Thanks&lt;/p&gt;
&lt;p&gt;Update this works&lt;/p&gt;
&lt;pre&gt;&lt;code&gt;$releaseDate = new DateTime($value-&amp;gt;releaseDate);
$releaseDate-&amp;gt;format(\DateTime::ISO8601);
&lt;/code&gt;&lt;/pre&gt;</t>
  </si>
  <si>
    <t>2018-07-28 09:51:28.547000+00:00</t>
  </si>
  <si>
    <t>2018-07-28 14:30:27.647000+00:00</t>
  </si>
  <si>
    <t>How to generate multiple tables in Word Document programmatically</t>
  </si>
  <si>
    <t>&lt;p&gt;I am trying to create an MS Word document, containing several tables positioned below each other.&lt;/p&gt;
&lt;p&gt;The following code results in error message "Requested Member of the Collection Does Not Exist". I know I am inserting the new tables inside the previous one one, I just don't know how to create a new one below.&lt;/p&gt;
&lt;pre&gt;&lt;code&gt;object myMissingValue = System.Reflection.Missing.Value;
Word._Application myApp = new Word.Application();
Word._Document myDocument = WordApplication.Documents.Add(ref myMissingValue, ref myMissingValue, ref myMissingValue, ref myMissingValue);
Word.Range myRange = myDocument.Range(ref myMissingValue, ref myMissingValue);
for (int i = 0; i &amp;lt; 5; i++)
{
    myDocument.Tables.Add(myRange, 2, 2, ref myMissingValue, ref myMissingValue);
    Word.Table myTable = WordDocument.Tables[i];
    myTable.Range.Borders.Enable = 1;
    myTable.Rows[1].Cells[1].Range.Text = "Table number " + Convert.ToString(i);
}
&lt;/code&gt;&lt;/pre&gt;</t>
  </si>
  <si>
    <t>2016-09-06 11:09:06.657000+00:00</t>
  </si>
  <si>
    <t>2016-09-08 13:43:04.657000+00:00</t>
  </si>
  <si>
    <t>c#|office-interop</t>
  </si>
  <si>
    <t>json object split into two json objects</t>
  </si>
  <si>
    <t>&lt;p&gt;I have this JSON Object&lt;/p&gt;
&lt;pre&gt;&lt;code&gt;{1: "test projekt", 4: "Second Project", 
 5: "Third Project", 6: "Fourth Project", 
 7: "5th one", 8: "6th one dude", 
 uhash: "7021a11332508b6e30d3b6d3e95180398228b0e4010fc3f05db81e80"}
&lt;/code&gt;&lt;/pre&gt;
&lt;p&gt;i want to split it into: &lt;/p&gt;
&lt;pre&gt;&lt;code&gt;{1: "test projekt", 4: "Second Project", 
 5: "Third Project", 6: "Fourth Project", 
 7: "5th one", 8: "6th one dude"}
&lt;/code&gt;&lt;/pre&gt;
&lt;p&gt;and &lt;/p&gt;
&lt;pre&gt;&lt;code&gt;{uhash: "7021a11332508b6e30d3b6d3e95180398228b0e4010fc3f05db81e80"}
&lt;/code&gt;&lt;/pre&gt;
&lt;p&gt;how can I do it in js? &lt;/p&gt;</t>
  </si>
  <si>
    <t>2014-08-10 10:59:14.417000+00:00</t>
  </si>
  <si>
    <t>2014-08-10 11:36:03.863000+00:00</t>
  </si>
  <si>
    <t>javascript|json</t>
  </si>
  <si>
    <t>Insert and Update Function work on single button click in c#</t>
  </si>
  <si>
    <t>&lt;p&gt;I am trying to insert and update data using same button. I have created method(uniqueEmail()) to check the email address exist in table or not. Using this method I am trying to insert data if email is not preset.
here is my code please correct me where I am going wrong.&lt;/p&gt;
&lt;pre&gt;&lt;code&gt;public partial class _Default : System.Web.UI.Page
{
    SqlConnection con = new SqlConnection("Data Source=ADMIN-PC\\SQLEXPRESS;Initial Catalog=register;Integrated Security=True");
    protected void Page_Load(object sender, EventArgs e)
    {
    }
    public void Button1_Click(object sender, EventArgs e)
    {
        con.Open();
        SqlCommand cmd = con.CreateCommand();
        cmd.CommandType = CommandType.Text;
        if (uniqueEmail()==true)
        {
            cmd.CommandText = "update registeruser set email='" + TextBox1.Text + "', password='" + TextBox2.Text + "' where email='" + TextBox1.Text + "'";
        }
        else 
        {
            cmd.CommandText = "insert into registeruser values('" + TextBox1.Text + "', '" + TextBox2.Text + "')";
        }
        cmd.ExecuteNonQuery();
        con.Close();
    }
    public bool uniqueEmail()
    {
        string stremail;
        string querye = "select count(email) as email from registeruser";
        SqlCommand cmd = new SqlCommand(querye, con);
        SqlDataReader dr;
        dr = cmd.ExecuteReader();
        while (dr.Read()) 
        {
            try
            {
                stremail = dr["email"].ToString();
                return(stremail != "0");
                if (stremail != "0")
                {
                    //errlblemail.Text = "email already exist";
                    return false;
                }
            }
            catch (Exception e)
            {
                string message = "error";
                message += e.Message;
            }
            finally
            {
                dr.Close();
            }
        }
        return true;
    }
}
&lt;/code&gt;&lt;/pre&gt;</t>
  </si>
  <si>
    <t>2017-04-10 04:46:50.350000+00:00</t>
  </si>
  <si>
    <t>2017-04-10 07:37:08.923000+00:00</t>
  </si>
  <si>
    <t>2017-04-10 05:02:58.837000+00:00</t>
  </si>
  <si>
    <t>c#|asp.net|insert</t>
  </si>
  <si>
    <t>UIWindow rootViewController couldn't find UIViewController subclass</t>
  </si>
  <si>
    <t>&lt;p&gt;I have a &lt;code&gt;CSRootViewController:UIViewController&lt;/code&gt; without xib file, a &lt;code&gt;CSFirstViewController:CSRootViewController&lt;/code&gt; with xib file. For bellow code I will get the error:&lt;/p&gt;
&lt;blockquote&gt;
  &lt;p&gt;"Application windows are expected to have a root view controller at
  the end of application launch"&lt;/p&gt;
&lt;/blockquote&gt;
&lt;pre&gt;&lt;code&gt;- (BOOL)application:(UIApplication *)application didFinishLaunchingWithOptions:(NSDictionary *)launchOptions
{
    self.window = [[UIWindow alloc] initWithFrame:[[UIScreen mainScreen] bounds]];
    CSFirstViewController *firstViewController = [[CSFirstViewController alloc] init];
    self.window.rootViewController = firstViewController;
    [self.window makeKeyAndVisible];
    return YES;
}
&lt;/code&gt;&lt;/pre&gt;
&lt;h2&gt;update&lt;/h2&gt;
&lt;p&gt;Here is the &lt;code&gt;CSFirstViewController&lt;/code&gt;'code. .h file:&lt;/p&gt;
&lt;pre&gt;&lt;code&gt;@interface CSFirstViewController : CSRootViewController
@end
&lt;/code&gt;&lt;/pre&gt;
&lt;p&gt;And the .m file&lt;/p&gt;
&lt;pre&gt;&lt;code&gt;@interface CSFirstViewController ()
- (IBAction)pushButtonClicked:(id)sender;
@end
@implementation CSFirstViewController
- (id)initWithNibName:(NSString *)nibNameOrNil bundle:(NSBundle *)nibBundleOrNil
{
    self = [super initWithNibName:nibNameOrNil bundle:nibBundleOrNil];
    if (self) {
        // Custom initialization
    }
    return self;
}
- (void)viewDidLoad
{
    [super viewDidLoad];
}
- (void)didReceiveMemoryWarning
{
    [super didReceiveMemoryWarning];
    // Dispose of any resources that can be recreated.
}
#pragma mark - IBAction methods
- (IBAction)pushButtonClicked:(id)sender
{
    CSSecondViewController *secondVC = [[CSSecondViewController alloc] init];
    [self.rootViewController pushCSViewController:secondVC animated:YES];
}
@end
&lt;/code&gt;&lt;/pre&gt;
&lt;p&gt;Any guys could point me out the reason?&lt;/p&gt;</t>
  </si>
  <si>
    <t>2013-12-16 04:59:08.580000+00:00</t>
  </si>
  <si>
    <t>2013-12-16 07:55:13.220000+00:00</t>
  </si>
  <si>
    <t>2013-12-16 05:45:13.537000+00:00</t>
  </si>
  <si>
    <t>ios|objective-c|uiviewcontroller|uiwindow</t>
  </si>
  <si>
    <t>MSI diff on packages to create patches</t>
  </si>
  <si>
    <t>&lt;p&gt;I am looking at what the best options for creating patches for our clients. They don't want a full blown installer when doing minor patches (from 1.0 to 1.1) since they will need to do a full regression on the system.&lt;/p&gt;
&lt;p&gt;I wanted to know whether there is a tool (paid or not) that will take 2 msi builds do a diff/compare and out put a useable patch installer.&lt;/p&gt;
&lt;p&gt;Most of the time it will be updates to assemblies (modified or new) but may require some custom script (in c# if possible)&lt;/p&gt;</t>
  </si>
  <si>
    <t>2011-01-05 01:22:14.737000+00:00</t>
  </si>
  <si>
    <t>2011-01-05 03:09:51.680000+00:00</t>
  </si>
  <si>
    <t>2011-01-05 01:28:04.657000+00:00</t>
  </si>
  <si>
    <t>installer|windows-installer|patch</t>
  </si>
  <si>
    <t>how to add Title, keyword and description different on every page of simple php website dynamically</t>
  </si>
  <si>
    <t>&lt;p&gt;How can I add a different title, keyword and description in every page's &lt;code&gt;&amp;lt;head&amp;gt;&lt;/code&gt; of my simple php website dynamically?&lt;/p&gt;
&lt;p&gt;E.g&lt;/p&gt;
&lt;pre&gt;&lt;code&gt;&amp;lt;title&amp;gt;this is title&amp;lt;/title&amp;gt;
&amp;lt;meta name="keywords" content="keyword1, keyword2" /&amp;gt;
&amp;lt;meta name="description" content="this is description" /&amp;gt;
&lt;/code&gt;&lt;/pre&gt;</t>
  </si>
  <si>
    <t>2009-03-28 17:43:13.570000+00:00</t>
  </si>
  <si>
    <t>2009-03-29 14:02:53.857000+00:00</t>
  </si>
  <si>
    <t>2009-03-28 18:25:31.050000+00:00</t>
  </si>
  <si>
    <t>Ross</t>
  </si>
  <si>
    <t>Rahul Vyas</t>
  </si>
  <si>
    <t>php</t>
  </si>
  <si>
    <t>How to move Bootstrap navbar to the right?</t>
  </si>
  <si>
    <t>&lt;p&gt;I am using an absolutely positioned navbar in twitter Bootstrap, however when I use the .pull-right class inside of my  tag with the navbar items the navbar items stay to the left. I have also tried using float: right; and text-align: right; and those didn't work. Does the absolute positioning of the navbar affect this behaviour? How can I get the navbar items to go to the right hand side of the banner? &lt;/p&gt;
&lt;p&gt;&lt;div class="snippet" data-lang="js" data-hide="false" data-console="true" data-babel="false"&gt;_x000D_
&lt;div class="snippet-code"&gt;_x000D_
&lt;pre class="snippet-code-css lang-css prettyprint-override"&gt;&lt;code&gt;.wrapper {_x000D_
  position: relative;_x000D_
}_x000D_
_x000D_
#banner {_x000D_
  height: 50vh;_x000D_
  width: 100vw;_x000D_
  position: relative;_x000D_
}_x000D_
_x000D_
#responsive-nav {_x000D_
  background-color: transparent;_x000D_
  position: absolute;_x000D_
  z-index: 2;_x000D_
}_x000D_
_x000D_
#logo {_x000D_
  position: absolute;_x000D_
  top: 15px;_x000D_
  left: 60px;_x000D_
  z-index: 1;_x000D_
}&lt;/code&gt;&lt;/pre&gt;_x000D_
&lt;pre class="snippet-code-html lang-html prettyprint-override"&gt;&lt;code&gt;&amp;lt;html lang="en"&amp;gt;_x000D_
_x000D_
&amp;lt;head&amp;gt;_x000D_
    &amp;lt;meta charset="UTF-8"&amp;gt;_x000D_
    &amp;lt;meta name="viewport" content="width=device-width, initial-scale=1.0"&amp;gt;_x000D_
    &amp;lt;title&amp;gt;Mock Up&amp;lt;/title&amp;gt;_x000D_
    &amp;lt;!-- Custom CSS --&amp;gt;_x000D_
    &amp;lt;link rel="stylesheet" type="text/css" href="css/style.css"&amp;gt;_x000D_
    &amp;lt;!-- Bootstrap Link --&amp;gt;_x000D_
    &amp;lt;link rel="stylesheet" href="https://maxcdn.bootstrapcdn.com/bootstrap/3.3.7/css/bootstrap.min.css" integrity="sha384-BVYiiSIFeK1dGmJRAkycuHAHRg32OmUcww7on3RYdg4Va+PmSTsz/K68vbdEjh4u" crossorigin="anonymous"&amp;gt;_x000D_
&amp;lt;/head&amp;gt;_x000D_
_x000D_
&amp;lt;body&amp;gt;_x000D_
    &amp;lt;nav class="navbar navbar-static-top"&amp;gt;_x000D_
        &amp;lt;div class="container-fluid"&amp;gt;_x000D_
            &amp;lt;div class="navbar-header"&amp;gt;_x000D_
                &amp;lt;button type="button" class="navbar-toggle" data-toggle="collapse" data-target=".navbar-collapse"&amp;gt;_x000D_
                    &amp;lt;!-- Collapsing Hamburger Buttons for mobile --&amp;gt;_x000D_
                    &amp;lt;span class="icon-bar"&amp;gt;&amp;lt;/span&amp;gt;_x000D_
                    &amp;lt;span class="icon-bar"&amp;gt;&amp;lt;/span&amp;gt;_x000D_
                    &amp;lt;span class="icon-bar"&amp;gt;&amp;lt;/span&amp;gt;_x000D_
                &amp;lt;/button&amp;gt;_x000D_
                &amp;lt;div class="collapse navbar-collapse" id="responsive-nav"&amp;gt;_x000D_
                    &amp;lt;ul class="nav navbar-nav pull-right"&amp;gt;_x000D_
                        &amp;lt;li class="nav-item"&amp;gt;_x000D_
                            &amp;lt;a href="#about"&amp;gt;Home&amp;lt;/a&amp;gt;_x000D_
                        &amp;lt;/li&amp;gt;_x000D_
                        &amp;lt;li class="nav-item"&amp;gt;_x000D_
                            &amp;lt;a href="#work"&amp;gt;Projects&amp;lt;/a&amp;gt;_x000D_
                        &amp;lt;/li&amp;gt;_x000D_
                        &amp;lt;li class="nav-item"&amp;gt;_x000D_
                            &amp;lt;a href="#contact"&amp;gt;Contact&amp;lt;/a&amp;gt;_x000D_
                        &amp;lt;/li&amp;gt;_x000D_
                    &amp;lt;/ul&amp;gt;_x000D_
                &amp;lt;/div&amp;gt;_x000D_
                &amp;lt;div class="wrapper"&amp;gt;_x000D_
                &amp;lt;img class="img-responsive" id="logo" src="https://lh3.google.com/u/0/d/0B7B-ke12S7B2ZS1qSS1wOGJCVzg=w1046-h653-iv1"&amp;gt;_x000D_
                &amp;lt;img class="img-responsive" id="banner" src="https://lh3.google.com/u/0/d/0B7B-ke12S7B2SDRjaVpyY3FITFk=w1366-h653-iv1"&amp;gt;_x000D_
            &amp;lt;/div&amp;gt;_x000D_
            &amp;lt;/div&amp;gt;_x000D_
        &amp;lt;/div&amp;gt;_x000D_
        _x000D_
    &amp;lt;/nav&amp;gt;_x000D_
    &amp;lt;script src="https://use.fontawesome.com/bd8b80bd9d.js"&amp;gt;&amp;lt;/script&amp;gt;_x000D_
    &amp;lt;script src="https://ajax.googleapis.com/ajax/libs/jquery/1.11.3/jquery.min.js"&amp;gt;&amp;lt;/script&amp;gt;_x000D_
    &amp;lt;script src="https://maxcdn.bootstrapcdn.com/bootstrap/3.3.7/js/bootstrap.min.js" integrity="sha384-Tc5IQib027qvyjSMfHjOMaLkfuWVxZxUPnCJA7l2mCWNIpG9mGCD8wGNIcPD7Txa" crossorigin="anonymous"&amp;gt;&amp;lt;/script&amp;gt;_x000D_
&amp;lt;/body&amp;gt;_x000D_
_x000D_
&amp;lt;/html&amp;gt;&lt;/code&gt;&lt;/pre&gt;_x000D_
&lt;/div&gt;_x000D_
&lt;/div&gt;_x000D_
&lt;/p&gt;</t>
  </si>
  <si>
    <t>2017-09-19 11:04:08.967000+00:00</t>
  </si>
  <si>
    <t>2017-09-19 18:31:48.153000+00:00</t>
  </si>
  <si>
    <t>Copying text to the clipboard using Java</t>
  </si>
  <si>
    <t>&lt;p&gt;I want to copy text from a &lt;code&gt;JTable&lt;/code&gt;'s cell to the clipboard, making it available to be pasted into other programs such as Microsoft Word. I have the text from the &lt;code&gt;JTable&lt;/code&gt;, but I am unsure how to copy it to the clipboard.&lt;/p&gt;</t>
  </si>
  <si>
    <t>2011-07-15 16:41:02.890000+00:00</t>
  </si>
  <si>
    <t>2018-04-21 01:17:07.013000+00:00</t>
  </si>
  <si>
    <t>2018-02-09 22:14:23.520000+00:00</t>
  </si>
  <si>
    <t>java|swing|text|clipboard</t>
  </si>
  <si>
    <t>How can I get the second response from service with callback method?</t>
  </si>
  <si>
    <t>&lt;p&gt;I am currently sending following luna-send command to detect sms database change:&lt;/p&gt;
&lt;pre&gt;&lt;code&gt;luna-send -n 2 -a my_app luna://com.palm.db/find '{"query":{"from":"com.palm.smsmessage:1",
"where":[{"prop":"folder","op":"=","val":"inbox}]},"watch":true
&lt;/code&gt;&lt;/pre&gt;
&lt;p&gt;The first response returns the existing database data and the second one is delivered when the database is changed.&lt;/p&gt;
&lt;p&gt;This works fine, but when I convert this to code for my enyo app, my callback method is not called for the second response. I am using enyo.bind(this, my_callbackmethod). It seems like my callback method is only called once.&lt;/p&gt;
&lt;p&gt;Is there any way to get the second response using callback method?&lt;/p&gt;</t>
  </si>
  <si>
    <t>2013-10-30 10:10:05.847000+00:00</t>
  </si>
  <si>
    <t>2013-10-30 19:45:16.837000+00:00</t>
  </si>
  <si>
    <t>webos|enyo</t>
  </si>
  <si>
    <t>Get user location by IP address</t>
  </si>
  <si>
    <t>&lt;p&gt;I have an ASP.NET website written in C#.&lt;/p&gt;
&lt;p&gt;On this site I need to automatically show a start page based on the user's location.&lt;/p&gt;
&lt;p&gt;Can I get name of user's city based on the IP address of the user ?&lt;/p&gt;</t>
  </si>
  <si>
    <t>2010-12-01 18:18:48.947000+00:00</t>
  </si>
  <si>
    <t>2018-06-07 05:34:30.503000+00:00</t>
  </si>
  <si>
    <t>2012-05-19 10:40:18.113000+00:00</t>
  </si>
  <si>
    <t>I have some trouble with pygame</t>
  </si>
  <si>
    <t>&lt;p&gt;I want "ball.giff" turn around the screen like this.&lt;/p&gt;
&lt;pre&gt;&lt;code&gt;---&amp;gt;            --&amp;gt;
                   |
^                  v
|             
                   |
^                   v
|     &amp;lt;--      &amp;lt;- -
&lt;/code&gt;&lt;/pre&gt;
&lt;p&gt;and my codes :&lt;/p&gt;
&lt;pre&gt;&lt;code&gt;import sys
import pygame
size = width, height = 600, 600
screen = pygame.display.set_mode(size)
pygame.display.set_caption("wedding")
brade = pygame.image.load("ball.gif")
brade_rect = brade.get_rect()
speed = [10, 0]
black = 0, 0, 0
while True:
    for event in pygame.event.get():
        if event.type==pygame.QUIT:
            pygame.quit()
            sys.exit()
    brade_rect.move_ip(speed)
    if brade_rect.right&amp;gt;width:
        speed = [0,10]
    if brade_rect.bottom&amp;gt;height:
        speed = [-10, 0]
    if brade_rect.left&amp;lt;0:
        speed = [0, -10]
    if brade_rect.top&amp;lt;0:
        speed = [10, 0]
    pygame.time.delay(100)
    screen.fill(black)
    screen.blit(brade, brade_rect)
    pygame.display.flip()
&lt;/code&gt;&lt;/pre&gt;
&lt;p&gt;but there is a problem. after one tour, ball go to right forever. It does not go to down?
What I missed, please can you help?&lt;/p&gt;</t>
  </si>
  <si>
    <t>2013-07-23 15:29:07.600000+00:00</t>
  </si>
  <si>
    <t>2013-07-23 15:44:40.293000+00:00</t>
  </si>
  <si>
    <t>user1524855</t>
  </si>
  <si>
    <t>pygame</t>
  </si>
  <si>
    <t>MongoDB using parameter for nested location</t>
  </si>
  <si>
    <t>&lt;p&gt;have a little newbe problem although I couldn't find a solution for similar problems, that worked for me.
Here is my collection:&lt;/p&gt;
&lt;pre&gt;&lt;code&gt;{
   "_id": ObjectId("5bc712851224ceec702d9bdf"),
   "index": "123456",
   "name": "Jan",
   "surname": "Nowak",
   "grades": {
     "IABD": [
       2,
       3.5,
       4 
    ],
     "NPAD": [
       4,
       4,
       5 
    ] 
  } 
}
&lt;/code&gt;&lt;/pre&gt;
&lt;p&gt;now I need to push additional grades to specific (function parameters) courses.&lt;/p&gt;
&lt;p&gt;So I tried tackling it on a few levels and I'd love somebody to walk me through it according to this:
First I wanted to succeed not passing course as a parameter:&lt;/p&gt;
&lt;pre&gt;&lt;code&gt;function add_grade(index="123456", course="IABD", grade=5.5) 
{
db.students.update( {"index" : index }, { $push: { "grades" : { "IABD" : grade } } } );
}
&lt;/code&gt;&lt;/pre&gt;
&lt;p&gt;well nothing happened (grade was not added to the list of grades)
I wanted to see some result, so I wanted to see if $set would work and it did!&lt;/p&gt;
&lt;pre&gt;&lt;code&gt;function add_grade(index="123456", course="IABD", grade=5.5) 
{
db.students.update( {"index" : index }, { $set: { "grades" : { "IABD" : grade } } } );
}
&lt;/code&gt;&lt;/pre&gt;
&lt;p&gt;but it threw away my entire grades object (as expected). At least I know I'm on the right track.
&lt;strong&gt;Question 1: Why $push didn't work the way I expected&lt;/strong&gt;&lt;/p&gt;
&lt;p&gt;&lt;strong&gt;Question 2: how to use course parameter in set/push?&lt;/strong&gt;
Just to clarify Q2, I'm not lazy, I've tried many approaches, none of which worked, please help!&lt;/p&gt;</t>
  </si>
  <si>
    <t>2018-10-17 10:58:47.837000+00:00</t>
  </si>
  <si>
    <t>2018-10-17 12:23:53.273000+00:00</t>
  </si>
  <si>
    <t>javascript|mongodb|parameters|nested|location</t>
  </si>
  <si>
    <t>Laravel Notifications</t>
  </si>
  <si>
    <t>&lt;p&gt;I am trying to send email notification to user regarding approval or rejection of an application. 
When a user submits an application to the admin, the admin can either accept of reject the users application or send the application to super admin for further verification. &lt;/p&gt;
&lt;p&gt;When the admin accepts or rejects the application, I can send an email to the user email to inform him/her regarding the outcome.
However, when the admin send the application to superadmin for further verification, I am not being able to send an email to the super admin. &lt;/p&gt;
&lt;p&gt;in the controller i am doing something like this to check what the admins input is &lt;/p&gt;
&lt;pre&gt;&lt;code&gt;$status = $notification-&amp;gt;approved;
if ($status == 2)
{
  $string = 'Approved';
  $user-&amp;gt;notify(new NotificationApplicationStatus($user-&amp;gt;name, $notification-&amp;gt;id, $string));
  return redirect()-&amp;gt;route('admin.notification_list');
}
else if($status == 5){
    $string = 'Rejected';
    $user-&amp;gt;notify(new NotificationApplicationStatus($user-&amp;gt;name, $notification-&amp;gt;id, $string));
    return redirect()-&amp;gt;route('admin.notification_list');
}
else if ($status == 1){
    $string = 'Verify';
    $user-&amp;gt;notify(new NotificationApplicationStatus($user-&amp;gt;name, $notification-&amp;gt;id, $string));
    return redirect()-&amp;gt;route('admin.notification_list'); 
}
&lt;/code&gt;&lt;/pre&gt;
&lt;p&gt;In the NotificationApplicationStatus.php i have something like this&lt;/p&gt;
&lt;pre&gt;&lt;code&gt;public function toMail($notifiable)
{
    return (new MailMessage)
            -&amp;gt;line('Your Notification Application '.$this-&amp;gt;id.' has been '.$this-&amp;gt;string)
            -&amp;gt;line('Review Application with the link below')
            -&amp;gt;action('Notification Application '.$this-&amp;gt;id , url('http://localhost:8000'))
            -&amp;gt;line('Thank you for using our application!');
}
&lt;/code&gt;&lt;/pre&gt;
&lt;p&gt;To send email to user. 
How can i send email to super admin in case the admin wishes to verify. 
please Help.&lt;/p&gt;</t>
  </si>
  <si>
    <t>2017-05-22 16:24:29.957000+00:00</t>
  </si>
  <si>
    <t>2017-05-22 17:23:05.080000+00:00</t>
  </si>
  <si>
    <t>2017-05-22 16:35:09.857000+00:00</t>
  </si>
  <si>
    <t>php|laravel|notifications|laravel-eloquent</t>
  </si>
  <si>
    <t>Redirect to an error page when using Internet Explorer in MVC 5</t>
  </si>
  <si>
    <t>&lt;p&gt;I am looking for a way to redirect IE users to a special page were they will be told to upgrade their browser to Firefox or Chrome.&lt;/p&gt;
&lt;p&gt;The best idea I have currently is to find the user browser with:&lt;/p&gt;
&lt;pre&gt;&lt;code&gt;Request.UserAgent.contains("msie")
&lt;/code&gt;&lt;/pre&gt;
&lt;p&gt;in the Global.asax in Application_AcquireRequestState and redirect the user with:&lt;/p&gt;
&lt;pre&gt;&lt;code&gt;Response.Redirect("~/Shared/UpgradeBrowser");
&lt;/code&gt;&lt;/pre&gt;
&lt;p&gt;Unfortunately this does not work and causes a redirect loop. 
Any other ideas?&lt;/p&gt;
&lt;p&gt;Thanks.&lt;/p&gt;</t>
  </si>
  <si>
    <t>2015-05-01 06:59:44.083000+00:00</t>
  </si>
  <si>
    <t>2015-05-01 08:27:29.960000+00:00</t>
  </si>
  <si>
    <t>2015-05-01 07:10:15.750000+00:00</t>
  </si>
  <si>
    <t>asp.net-mvc|internet-explorer|asp.net-mvc-5</t>
  </si>
  <si>
    <t>Deploying Maven project throws java.util.zip.ZipException: invalid LOC header (bad signature)</t>
  </si>
  <si>
    <t>&lt;p&gt;I am getting the below exception when I run my &lt;code&gt;mvn install&lt;/code&gt;. I have even deleted the local repository and ran again getting same exception.&lt;/p&gt;
&lt;blockquote&gt;
  &lt;p&gt;[ERROR] Failed to execute goal
  org.apache.maven.plugins:maven-shade-plugin:2.1:shade (default) on
  project cores-batch: Error creating shaded jar: invalid LOC header
  (bad signature) -&gt; [Help 1]&lt;/p&gt;
&lt;/blockquote&gt;
&lt;pre&gt;&lt;code&gt;&amp;lt;?xml version="1.0" encoding="UTF-8"?&amp;gt;
&amp;lt;plugin&amp;gt;
   &amp;lt;groupId&amp;gt;org.apache.maven.plugins&amp;lt;/groupId&amp;gt;
   &amp;lt;artifactId&amp;gt;maven-shade-plugin&amp;lt;/artifactId&amp;gt;
   &amp;lt;version&amp;gt;2.1&amp;lt;/version&amp;gt;
   &amp;lt;configuration&amp;gt;
      &amp;lt;skipTests&amp;gt;true&amp;lt;/skipTests&amp;gt;
   &amp;lt;/configuration&amp;gt;
   &amp;lt;executions&amp;gt;
      &amp;lt;execution&amp;gt;
         &amp;lt;phase&amp;gt;package&amp;lt;/phase&amp;gt;
         &amp;lt;goals&amp;gt;
            &amp;lt;goal&amp;gt;shade&amp;lt;/goal&amp;gt;
         &amp;lt;/goals&amp;gt;
         &amp;lt;configuration&amp;gt;
            &amp;lt;artifactSet&amp;gt;
               &amp;lt;excludes&amp;gt;
                  &amp;lt;exclude&amp;gt;commons-logging:commons-logging:jar:*&amp;lt;/exclude&amp;gt;
               &amp;lt;/excludes&amp;gt;
            &amp;lt;/artifactSet&amp;gt;
            &amp;lt;filters&amp;gt;
               &amp;lt;filter&amp;gt;
                  &amp;lt;artifact&amp;gt;*:*&amp;lt;/artifact&amp;gt;
                  &amp;lt;excludes&amp;gt;
                     &amp;lt;!-- workaround for a spring issues --&amp;gt;
                     &amp;lt;exclude&amp;gt;META-INF/*.SF&amp;lt;/exclude&amp;gt;
                     &amp;lt;exclude&amp;gt;META-INF/*.DSA&amp;lt;/exclude&amp;gt;
                     &amp;lt;exclude&amp;gt;META-INF/*.RSA&amp;lt;/exclude&amp;gt;
                     &amp;lt;!-- don't want to pick up any other log4j.xml --&amp;gt;
                     &amp;lt;exclude&amp;gt;log4j.xml&amp;lt;/exclude&amp;gt;
                  &amp;lt;/excludes&amp;gt;
               &amp;lt;/filter&amp;gt;
            &amp;lt;/filters&amp;gt;
            &amp;lt;!-- May be needed to work around another issue in Spring --&amp;gt;
            &amp;lt;transformers&amp;gt;
               &amp;lt;transformer implementation="org.apache.maven.plugins.shade.resource.AppendingTransformer"&amp;gt;
                  &amp;lt;resource&amp;gt;META-INF/spring.handlers&amp;lt;/resource&amp;gt;
               &amp;lt;/transformer&amp;gt;
               &amp;lt;transformer implementation="org.apache.maven.plugins.shade.resource.AppendingTransformer"&amp;gt;
                  &amp;lt;resource&amp;gt;META-INF/spring.schemas&amp;lt;/resource&amp;gt;
               &amp;lt;/transformer&amp;gt;
            &amp;lt;/transformers&amp;gt;
         &amp;lt;/configuration&amp;gt;
      &amp;lt;/execution&amp;gt;
   &amp;lt;/executions&amp;gt;
&amp;lt;/plugin&amp;gt;
&lt;/code&gt;&lt;/pre&gt;
&lt;p&gt;Error:&lt;/p&gt;
&lt;pre&gt;&lt;code&gt;[ERROR] Failed to execute goal org.apache.maven.plugins:maven-shade-plugin:2.1:shade (default) on project cores-batch: Error creating shaded jar: invalid LOC header (bad signature) -&amp;gt; [Help 1]
org.apache.maven.lifecycle.LifecycleExecutionException: Failed to execute goal org.apache.maven.plugins:maven-shade-plugin:2.1:shade (default) on project cores-batch: Error creating shaded jar: invalid LOC header (bad signature)
    at org.apache.maven.lifecycle.internal.MojoExecutor.execute(MojoExecutor.java:217)
    at org.apache.maven.lifecycle.internal.MojoExecutor.execute(MojoExecutor.java:153)
    at org.apache.maven.lifecycle.internal.MojoExecutor.execute(MojoExecutor.java:145)
    at org.apache.maven.lifecycle.internal.LifecycleModuleBuilder.buildProject(LifecycleModuleBuilder.java:84)
    at org.apache.maven.lifecycle.internal.LifecycleModuleBuilder.buildProject(LifecycleModuleBuilder.java:59)
    at org.apache.maven.lifecycle.internal.LifecycleStarter.singleThreadedBuild(LifecycleStarter.java:183)
    at org.apache.maven.lifecycle.internal.LifecycleStarter.execute(LifecycleStarter.java:161)
    at org.apache.maven.DefaultMaven.doExecute(DefaultMaven.java:320)
    at org.apache.maven.DefaultMaven.execute(DefaultMaven.java:156)
    at org.apache.maven.cli.MavenCli.execute(MavenCli.java:537)
    at org.apache.maven.cli.MavenCli.doMain(MavenCli.java:196)
    at org.apache.maven.cli.MavenCli.main(MavenCli.java:141)
    at sun.reflect.NativeMethodAccessorImpl.invoke0(Native Method)
    at sun.reflect.NativeMethodAccessorImpl.invoke(NativeMethodAccessorImpl.java:57)
    at sun.reflect.DelegatingMethodAccessorImpl.invoke(DelegatingMethodAccessorImpl.java:43)
    at java.lang.reflect.Method.invoke(Method.java:606)
    at org.codehaus.plexus.classworlds.launcher.Launcher.launchEnhanced(Launcher.java:290)
    at org.codehaus.plexus.classworlds.launcher.Launcher.launch(Launcher.java:230)
    at org.codehaus.plexus.classworlds.launcher.Launcher.mainWithExitCode(Launcher.java:409)
    at org.codehaus.plexus.classworlds.launcher.Launcher.main(Launcher.java:352)
Caused by: org.apache.maven.plugin.MojoExecutionException: Error creating shaded jar: invalid LOC header (bad signature)
    at org.apache.maven.plugins.shade.mojo.ShadeMojo.execute(ShadeMojo.java:528)
    at org.apache.maven.plugin.DefaultBuildPluginManager.executeMojo(DefaultBuildPluginManager.java:101)
    at org.apache.maven.lifecycle.internal.MojoExecutor.execute(MojoExecutor.java:209)
    ... 19 more
Caused by: java.util.zip.ZipException: invalid LOC header (bad signature)
    at java.util.zip.ZipFile.read(Native Method)
    at java.util.zip.ZipFile.access$1400(ZipFile.java:56)
    at java.util.zip.ZipFile$ZipFileInputStream.read(ZipFile.java:679)
    at java.util.zip.ZipFile$ZipFileInflaterInputStream.fill(ZipFile.java:415)
    at java.util.zip.InflaterInputStream.read(InflaterInputStream.java:158)
    at java.io.FilterInputStream.read(FilterInputStream.java:107)
    at org.codehaus.plexus.util.IOUtil.copy(IOUtil.java:189)
    at org.codehaus.plexus.util.IOUtil.copy(IOUtil.java:175)
    at org.apache.maven.plugins.shade.DefaultShader.addResource(DefaultShader.java:427)
    at org.apache.maven.plugins.shade.DefaultShader.shade(DefaultShader.java:186)
    at org.apache.maven.plugins.shade.mojo.ShadeMojo.execute(ShadeMojo.java:458)
    ... 21 more
[ERROR] 
[ERROR] 
[ERROR] For more information about the errors and possible solutions, please read the following articles:
[ERROR] [Help 1] http://cwiki.apache.org/confluence/display/MAVEN/MojoExecutionException
&lt;/code&gt;&lt;/pre&gt;</t>
  </si>
  <si>
    <t>2015-08-19 09:00:01.960000+00:00</t>
  </si>
  <si>
    <t>2018-10-29 00:05:59.040000+00:00</t>
  </si>
  <si>
    <t>maven|java-ee|deployment|jar</t>
  </si>
  <si>
    <t>url.action not work on Vista/Windows 2008</t>
  </si>
  <si>
    <t>&lt;p&gt;I have a MVC app that works fine before. but it did not work any more with no change. Pretty confused.&lt;/p&gt;
&lt;p&gt;My view has follwing hyperlink for data input validation:&lt;/p&gt;
&lt;pre&gt;&lt;code&gt;&amp;lt;span&amp;gt;&amp;lt;a href="#" id="validate"&amp;gt;Verify Input&amp;lt;/a&amp;gt; &amp;lt;/span&amp;gt;
&lt;/code&gt;&lt;/pre&gt;
&lt;p&gt;the validation code is:&lt;/p&gt;
&lt;pre&gt;&lt;code&gt;&amp;lt;script type="text/javascript"&amp;gt;    
 $(function(){  
     $("#validate").click(function(){
         alert("Test 1");
         $.post("&amp;lt;%=Url.Action("SaveComment","MyVerify") %&amp;gt;", GetPageData(),ProcessResponse);  
          alert("Test 3");
     });  
 });  
 function GetPageData() {   
     return{  
         FullName: $("#Name").val(),  
         ID: $("#ID").val()  
     };
 }  
 function ProcessResponse(data){
     alert("Test 2");
     if(validating()){            
            if(data=="true"){
              $("#VerifyMessageDiv").html("Your information is correct. ");
              //...
            }
            else{
              $("#VerifyMessageDiv").html("Your information is not correct.");
             //....
            }
    }else{
     $("#myform").hide();
   }
}
//client side validation
function validating() {  
     //...
     alert("testing message");
     }   
&amp;lt;/script&amp;gt;
&lt;/code&gt;&lt;/pre&gt;
&lt;p&gt;Logic is: use js validate at client side firstly, then use Controller MyVerify to verify data at server side. It looks like url action call fail. I got "Test 1" and "Test 3", but no "Test 2", no "testing Message".&lt;/p&gt;
&lt;p&gt;The code still works on XP with VS2008, but not work on Vista with VS 2008, When I move the build to Windows 2008, also not work.&lt;/p&gt;
&lt;p&gt;It worked before. Not sure why. How to fix it?&lt;/p&gt;</t>
  </si>
  <si>
    <t>2009-09-05 16:30:06.597000+00:00</t>
  </si>
  <si>
    <t>2009-09-05 18:29:57.410000+00:00</t>
  </si>
  <si>
    <t>2009-09-05 16:57:07.403000+00:00</t>
  </si>
  <si>
    <t>asp.net-mvc</t>
  </si>
  <si>
    <t>Convert RTF to Plain Text</t>
  </si>
  <si>
    <t>&lt;p&gt;I have an ERP-System which stores text in RTF format and I'm trying to extract the plain text from it.&lt;/p&gt;
&lt;p&gt;I've searched through Google and found a solutions like &lt;a href="http://webcheatsheet.com/php/reading_the_clean_text_from_rtf.php" rel="nofollow"&gt;this one&lt;/a&gt; and some other ones which use REGEX replaces but none of them seem to work.  I always get &lt;code&gt;NULL&lt;/code&gt; or &lt;code&gt;}}}&lt;/code&gt; or something completely wrong.&lt;/p&gt;
&lt;p&gt;Here is the REGEX I tried:&lt;/p&gt;
&lt;pre class="lang-php prettyprint-override"&gt;&lt;code&gt;$matches = array('/\{\\\\(.+?)\}/','/\\\\(.+?)\b/');
$row['text'] = preg_replace($matches,'',$row['text']);
&lt;/code&gt;&lt;/pre&gt;
&lt;p&gt;However it returns: &lt;code&gt;}}}&lt;/code&gt;&lt;/p&gt;
&lt;p&gt;This is the RTF data I have:&lt;/p&gt;
&lt;pre class="lang-none prettyprint-override"&gt;&lt;code&gt;{\rtf1\deff0{\fonttbl{\f0 Calibri;}{\f1 Arial;}}{\colortbl ;\red0\green0\blue255 ;}{\*\defchp \fs22}{\*\listoverridetable}{\stylesheet {\ql\fs22 Normal;}{\*\cs1\f1\fs20 Default Paragraph Font;}{\*\cs2\sbasedon1\f1\fs20 Line Number;}{\*\cs3\ul\fs22\cf1 Hyperlink;}{\*\ts4\tsrowd\fs22\ql\trautofit1\tscellpaddfl3\tscellpaddl108\tscellpaddfr3\tscellpaddr108\tsvertalt\cltxlrtb Normal Table;}{\*\ts5\tsrowd\sbasedon4\fs22\ql\trbrdrt\brdrs\brdrw10\trbrdrl\brdrs\brdrw10\trbrdrb\brdrs\brdrw10\trbrdrr\brdrs\brdrw10\trbrdrh\brdrs\brdrw10\trbrdrv\brdrs\brdrw10\trautofit1\tscellpaddfl3\tscellpaddl108\tscellpaddfr3\tscellpaddr108\tsvertalt\cltxlrtb Table Simple 1;}}\nouicompat\splytwnine\htmautsp\sectd\pard\plain\ql{\f1\fs20\cf0 Migration Fileserverdaten innerhalb derselben oder einer vertrauten Dom\u228\'e4ne}\f1\fs20\par\pard\plain\ql{\f1\fs20\cf0 Anpassung der Laufwerksfreigaben}\f1\fs20\par\pard\plain\ql{\f1\fs20\cf0 Freigabenerstellung wie Bestand (weitere Absprachen hierzu m\u246\'f6glich)}\f1\fs20\par\pard\plain\ql{\f1\fs20\cf0 Hostname(n) Quellsystem(e):}\f1\fs20\par\pard\plain\ql{\f1\fs20\cf0 Hostname Zielsystem:}\f1\fs20\par\pard\plain\ql{\f1\fs20\cf0 Bekanntes Datenvolumen:}\f1\fs20\par\pard\plain\ql{\f1\fs20\cf0 Clientseitige Nacharbeiten aufgrund fest vergebener Einstellungen}\f1\fs20\par\pard\plain\ql{\f1\fs20\cf0 erfolgen nach Aufwand oder durch den Auftraggeber.}\f1\fs20\par\pard\plain\ql{\f1\fs20\cf0 Es wird im Besonderen darauf hingewiesen, da\u223\'df Datei- und Ornderberechtigungen 1:1 beibehalten werden. Die Neuvergabe jedweder Datei- oder Ordnerberechtigung kann nach Aufwand und Anweisung des Auftraggebers durchgef\u252\'fchrt werden.}\f1\fs20\par\pard\plain\ql{\f1\fs20\cf0 Voraussetzungen zur Zusatzaufwandsfreien Durchf\u252\'fchrung:}\f1\fs20\par\pard\plain\ql{\f1\fs20\cf0 Gigabit Switching zwischen allen Quell- und Zielsystemen, Vollzugriff auf den zu migrierenden Datenbestand}\f1\fs20\par\pard\plain\ql\f1\fs20\par}
&lt;/code&gt;&lt;/pre&gt;
&lt;p&gt;EDIT: Since I got downvoted immediately: I��m sorry but I have no idea how to even start with solving my problem. So there is no more code I could post more than this.&lt;/p&gt;</t>
  </si>
  <si>
    <t>2014-07-09 09:16:13.157000+00:00</t>
  </si>
  <si>
    <t>2017-06-18 06:01:13.990000+00:00</t>
  </si>
  <si>
    <t>2014-07-09 10:03:13.160000+00:00</t>
  </si>
  <si>
    <t>php|regex|rtf</t>
  </si>
  <si>
    <t>Git: Resolving merge conflicts of selective files in a PR</t>
  </si>
  <si>
    <t>&lt;p&gt;I have a pull request where four developers are working together in same branch. It's a very big PR having lot of files changes. I have contributed to some files and i want to resolve conflicts only of those files and leave rest files as it is with conflicts so that other developers can also resolve for their files. 
&lt;strong&gt;So my question is can i resolve merge conflicts selectively?&lt;/strong&gt; &lt;/p&gt;</t>
  </si>
  <si>
    <t>2016-04-02 09:26:48.487000+00:00</t>
  </si>
  <si>
    <t>git|merge-conflict-resolution</t>
  </si>
  <si>
    <t>Print accentuation (UTF-8) Zebra cpcl Java/Android</t>
  </si>
  <si>
    <t>&lt;p&gt;I m trying print in ZEBRA Imz320 using cpcl language but i have some trouble with accentuation (UTF-8) &lt;/p&gt;
&lt;p&gt;i tried:&lt;/p&gt;
&lt;pre&gt;&lt;code&gt;myCpclContentLabel.getBytes("CP1251");
&lt;/code&gt;&lt;/pre&gt;
&lt;p&gt;and not work&lt;/p&gt;
&lt;p&gt;i read this documentation &lt;a href="http://www.maxatec-europe.com/wp-content/uploads/2012/07/CPCL_Commands_Manual_1.1.pdf" rel="nofollow" title="CPCL command manual"&gt;CPCL command manual&lt;/a&gt;&lt;/p&gt;
&lt;pre&gt;&lt;code&gt;O. COUNTRY/CODE PAGE Command
The COUNTRY control command substitutes the appropriate character set for the specified country,
Format {command} {name}
Command &amp;amp; option
{command} COUNTRY
{name} USA
GERMANY
FRANCE
SWEDEN
SPAIN
NORWAY
CHINA (double byte encoding)
ITALY
CP850
UK
BIG5 (Traditional Chinese; double byte encoding)
JAPAN-S (Simplified Japanese fonts; double byte encoding
&lt;/code&gt;&lt;/pre&gt;
&lt;p&gt;but i don't know what i ll use to print correct my text with accentuation (UTF-8)&lt;/p&gt;</t>
  </si>
  <si>
    <t>2014-12-16 11:48:13.820000+00:00</t>
  </si>
  <si>
    <t>2018-02-09 01:46:01.030000+00:00</t>
  </si>
  <si>
    <t>2014-12-16 12:15:26.217000+00:00</t>
  </si>
  <si>
    <t>java|android|zebra-printers</t>
  </si>
  <si>
    <t>RDS Cluster and DB Instance concept</t>
  </si>
  <si>
    <t>&lt;p&gt;I need to create the RDS Aurora 5.7 database. I think I am not clear on the RDS concept. Is this the correct hierarchy? &lt;code&gt;aws_rds_cluster&lt;/code&gt; -&gt; &lt;code&gt;aws_rds_cluster_instance&lt;/code&gt; -&gt; &lt;code&gt;aws_db_instance&lt;/code&gt; I should need to define all of the above since I kinda stuck on the configuration so I try to clarify the concept&lt;/p&gt;</t>
  </si>
  <si>
    <t>2018-04-04 03:01:51.190000+00:00</t>
  </si>
  <si>
    <t>2018-04-05 05:26:59.743000+00:00</t>
  </si>
  <si>
    <t>amazon-rds|terraform</t>
  </si>
  <si>
    <t>Multi-Triggers with Animation</t>
  </si>
  <si>
    <t>&lt;p&gt;I have the following &lt;code&gt;TextBlock&lt;/code&gt; with animation&lt;/p&gt;
&lt;pre&gt;&lt;code&gt;&amp;lt;TextBlock Text="{Binding StatusMessage}" 
                  Margin="5,0,0,0" 
                  Foreground="White"&amp;gt;
    &amp;lt;TextBlock.Style&amp;gt;
        &amp;lt;Style TargetType="TextBlock"&amp;gt;
            &amp;lt;Style.Triggers&amp;gt;
                &amp;lt;DataTrigger Binding="{Binding IsSystemReady, 
                                               NotifyOnSourceUpdated=True, 
                                               Mode=OneWay}" 
                             Value="False"&amp;gt;
                    &amp;lt;DataTrigger.EnterActions&amp;gt;
                        &amp;lt;BeginStoryboard Name="FadeOut"&amp;gt;
                            &amp;lt;Storyboard&amp;gt;
                                &amp;lt;DoubleAnimation Storyboard.TargetProperty="Opacity"
                                                 From="1.0" 
                                                 To="0.0" 
                                                 Duration="0:0:3.5"/&amp;gt;
                            &amp;lt;/Storyboard&amp;gt;
                        &amp;lt;/BeginStoryboard&amp;gt;
                    &amp;lt;/DataTrigger.EnterActions&amp;gt;
                &amp;lt;/DataTrigger&amp;gt;
                &amp;lt;DataTrigger Binding="{Binding IsSystemReady, 
                                               NotifyOnSourceUpdated=True, 
                                               Mode=OneWay}" 
                             Value="True"&amp;gt;
                    &amp;lt;DataTrigger.EnterActions&amp;gt;
                        &amp;lt;StopStoryboard BeginStoryboardName="FadeOut" /&amp;gt;
                    &amp;lt;/DataTrigger.EnterActions&amp;gt;
                    &amp;lt;Setter Property="Opacity" Value="1.0"/&amp;gt;
                &amp;lt;/DataTrigger&amp;gt;
                &amp;lt;Trigger Property="Opacity" Value="0.0"&amp;gt;
                    &amp;lt;Setter Property="Text" Value="Ready"/&amp;gt;
                &amp;lt;/Trigger&amp;gt;
            &amp;lt;/Style.Triggers&amp;gt;
        &amp;lt;/Style&amp;gt;
    &amp;lt;/TextBlock.Style&amp;gt;
&amp;lt;/TextBlock&amp;gt;
&lt;/code&gt;&lt;/pre&gt;
&lt;p&gt;The animation works, but when it is finished (i.e. the Opacity of the control is 0.0) I want to return automatically to the ready state after a status message has been shown and elegantly faded away. I am attempting to do this with a standard &lt;code&gt;Trigger&lt;/code&gt; but this is not firing, &lt;strong&gt;why and how do I fix this?&lt;/strong&gt;&lt;/p&gt;
&lt;p&gt;Thanks for your time.&lt;/p&gt;</t>
  </si>
  <si>
    <t>2013-08-20 23:17:26.110000+00:00</t>
  </si>
  <si>
    <t>2013-08-21 01:43:52.677000+00:00</t>
  </si>
  <si>
    <t>c#|wpf|mvvm|triggers|textblock</t>
  </si>
  <si>
    <t>Jquery Selector not able to find div element in Polymer. Should be straightforward Not understanding the Issue</t>
  </si>
  <si>
    <t>&lt;p&gt;&lt;strong&gt;Objective:&lt;/strong&gt; On click of a icon inside a form I want to add a new class to the div containing the form.
&lt;strong&gt;Problem:&lt;/strong&gt; Jquery selector in pullupClose is not picking the element. &lt;a href="https://i.stack.imgur.com/vSJzS.png" rel="nofollow noreferrer"&gt;Console.log result of Jquery sector in this image.&lt;/a&gt; As the element is only not getting fetched hence addAclass does'nt work.
 &lt;strong&gt;Can you please figure out the mistake I am doing?&lt;/strong&gt; Thanks in advance&lt;/p&gt;
&lt;p&gt;&lt;strong&gt;HTML&lt;/strong&gt;&lt;/p&gt;
&lt;pre&gt;&lt;code&gt;&amp;lt;div class="sidepullup" id="idSidePullup"&amp;gt;
            &amp;lt;iron-icon class="cross" on-click="pullupClose" icon="close"&amp;gt;&amp;lt;/iron-icon&amp;gt;
            &amp;lt;iron-form id="idForm"&amp;gt;
                &amp;lt;form action="/"&amp;gt;
                    &amp;lt;paper-input type"text" label="First Name"&amp;gt;&amp;lt;/paper-input&amp;gt;
                    &amp;lt;paper-input type="text" label="Last Name"&amp;gt;&amp;lt;/paper-input&amp;gt;
                    &amp;lt;paper-input type="text" label="Title"&amp;gt;&amp;lt;/paper-input&amp;gt;
                    &amp;lt;paper-input type="text" label="About"&amp;gt;&amp;lt;/paper-input&amp;gt;
                    &amp;lt;paper-button style="background-color: #03a9f4; color: white" raised onclick="onFormSubmit()"&amp;gt;Submit Changes&amp;lt;/paper-button&amp;gt;
                &amp;lt;/form&amp;gt;
            &amp;lt;/iron-form&amp;gt;
         &amp;lt;/div&amp;gt;
&lt;/code&gt;&lt;/pre&gt;
&lt;p&gt;&lt;strong&gt;Script&lt;/strong&gt;&lt;/p&gt;
&lt;pre&gt;&lt;code&gt;&amp;lt;script&amp;gt;
        class IronListClass extends Polymer.Element {
            static get is() {return 'iron-comp'}
        ready() {
                super.ready();
                var that = this;
            }
            pullupClose() {
                var element = $("#idSidePullup");
                console.log('console log of $("#idSidePullup") = ', element);
                $("#idSidePullup").addClass('hidePullup');
                $("#idSidePullup").css("display", "none");
            }
window.customElements.define(IronListClass.is, IronListClass);
    &amp;lt;/script&amp;gt;
&lt;/code&gt;&lt;/pre&gt;</t>
  </si>
  <si>
    <t>2017-12-30 10:53:42.327000+00:00</t>
  </si>
  <si>
    <t>2017-12-30 11:12:10.490000+00:00</t>
  </si>
  <si>
    <t>javascript|jquery|css|jquery-ui|polymer</t>
  </si>
  <si>
    <t>invalid input syntax for integer pgsql</t>
  </si>
  <si>
    <t>&lt;p&gt;I have just started with postgresql. I have a json object in table. There is a numeric value in the json object in which i want to add a number and assign it to other integer. This is how I am doing&lt;/p&gt;
&lt;pre&gt;&lt;code&gt;declare  
 total_votes integer;
....
select result into poll_result from polls where id = 1;
total_votes =  (select poll_result::json#&amp;gt;'{total_votes}'::integer + 1);
&lt;/code&gt;&lt;/pre&gt;
&lt;p&gt;But this is showing&lt;/p&gt;
&lt;pre&gt;&lt;code&gt;ERROR:  invalid input syntax for integer: "{total_votes}"
LINE 1: SELECT (select poll_result::json#&amp;gt;'{total_votes}'::integer +...
&lt;/code&gt;&lt;/pre&gt;
&lt;p&gt;poll_result has the data like&lt;/p&gt;
&lt;pre&gt;&lt;code&gt;{
    "yes": 1,
    "no": 0,
    "total_votes": 1
}
&lt;/code&gt;&lt;/pre&gt;
&lt;p&gt;and when I try to print total_votes using&lt;/p&gt;
&lt;pre&gt;&lt;code&gt;RAISE NOTICE '%',poll_result::json#&amp;gt;'{total_votes};
&lt;/code&gt;&lt;/pre&gt;
&lt;p&gt;It prints 1.&lt;/p&gt;
&lt;p&gt;even I have tried&lt;/p&gt;
&lt;pre&gt;&lt;code&gt;total_votes =  (select (poll_result::json#&amp;gt;'{total_votes}')::integer + 1);
&lt;/code&gt;&lt;/pre&gt;
&lt;p&gt;But the error &lt;/p&gt;
&lt;pre&gt;&lt;code&gt;ERROR:  cannot cast type json to integer
LINE 1: ...ELECT (select (poll_result::json#&amp;gt;'{total_votes}')::integer ...
&lt;/code&gt;&lt;/pre&gt;</t>
  </si>
  <si>
    <t>2018-04-21 14:25:24.490000+00:00</t>
  </si>
  <si>
    <t>2018-04-21 14:42:23.063000+00:00</t>
  </si>
  <si>
    <t>sql|json|postgresql</t>
  </si>
  <si>
    <t>Check / uncheck all checkboxes doesn't work in IE8</t>
  </si>
  <si>
    <t>&lt;p&gt;This javascript code does not work in IE8, but works in Firefox and Google Chrome:&lt;/p&gt;
&lt;pre&gt;&lt;code&gt;&amp;lt;% content_for :head do %&amp;gt;
  &amp;lt;script type="text/javascript"&amp;gt;
    document.observe("dom:loaded", function(){
      // Observe toggler
      $('toggle_all').observe('change', function(){
        var toggle = $('toggle_all').checked;
        $$('.check_boxes').each(function(check){
          check.checked = toggle;
        });
      })
    })
  &amp;lt;/script&amp;gt;
&amp;lt;% end %&amp;gt;
&amp;lt;table&amp;gt;
&amp;lt;tr&amp;gt;
    ...
    &amp;lt;th&amp;gt;&amp;lt;%= check_box_tag "toggle_all", 1, false %&amp;gt;&amp;lt;/th&amp;gt;
    ...
&amp;lt;/tr&amp;gt;
&amp;lt;% reset_cycle %&amp;gt;
&amp;lt;% @estudantes.each do |estudante| %&amp;gt;
  &amp;lt;tr class="&amp;lt;%= cycle("even", "odd") -%&amp;gt;"&amp;gt;
    ...
    &amp;lt;td&amp;gt;&amp;lt;%= check_box_tag("candidato_ids[]", estudante.id, 
      (checked = true if @vaga.candidato_ids.include?(estudante.id)), :class =&amp;gt; 'check_boxes' ) %&amp;gt;&amp;lt;/td&amp;gt;
    ...
  &amp;lt;/tr&amp;gt;
&amp;lt;% end %&amp;gt;
&amp;lt;/table&amp;gt;
&amp;lt;%= submit_tag t('others.call', :item =&amp;gt; 'vaga') %&amp;gt;
&amp;lt;/form&amp;gt;
&lt;/code&gt;&lt;/pre&gt;
&lt;p&gt;Can anyone help me?&lt;/p&gt;</t>
  </si>
  <si>
    <t>2010-03-06 03:15:32.513000+00:00</t>
  </si>
  <si>
    <t>2011-12-28 13:13:34.810000+00:00</t>
  </si>
  <si>
    <t>javascript|ruby-on-rails|checkbox|prototypejs|observer-pattern</t>
  </si>
  <si>
    <t>how to delete document from collection in mongodb?</t>
  </si>
  <si>
    <t>&lt;p&gt;I have id printing in controller from client  now i want to delete this document from mongodb with below code is not showing any error but not even deleting document from collection , How can i delete document using &lt;code&gt;_id&lt;/code&gt; ?&lt;/p&gt;
&lt;p&gt;controller.js&lt;/p&gt;
&lt;pre&gt;&lt;code&gt;var Diagram = {
    remove: function(id, res) {
        console.log('deletecontroller', id);
        diagram.remove({
            _id: id
        });
    }
}
module.exports = Diagram;
&lt;/code&gt;&lt;/pre&gt;</t>
  </si>
  <si>
    <t>2016-10-12 20:04:34.603000+00:00</t>
  </si>
  <si>
    <t>2016-10-12 20:37:38.467000+00:00</t>
  </si>
  <si>
    <t>node.js|mongodb|mongoose</t>
  </si>
  <si>
    <t>Boost (BGL): After calling djikstra's shortest paths I need to walk the tree</t>
  </si>
  <si>
    <t>&lt;p&gt;Kind of a noob with Boost Graph library:&lt;/p&gt;
&lt;p&gt;Given I have bundled vertices and edges like such:&lt;/p&gt;
&lt;pre&gt;&lt;code&gt;struct MarkerVertex{
    MarkerID id;
};
struct RelationshipEdge{
    float weight; 
    //there's other things in here too
    //this is the only part that's relevant
};
&lt;/code&gt;&lt;/pre&gt;
&lt;p&gt;and a graph descriptor like such:&lt;/p&gt;
&lt;pre&gt;&lt;code&gt;typedef boost::adjacency_list&amp;lt;
boost::vecS, boost::vecS, boost::undirectedS,
MarkerVertex, RelationshipEdge&amp;gt;
Graph_t;
&lt;/code&gt;&lt;/pre&gt;
&lt;p&gt;I call dijkstra's shortest path in the following manner:&lt;/p&gt;
&lt;pre&gt;&lt;code&gt;dijkstra_shortest_paths(m_graph, startDescriptor,
                            weight_map(get(&amp;amp;RelationshipEdge::weight, m_graph))
                                .distance_map(make_iterator_property_map(distances.begin(),
                                                                     get(boost::vertex_index, m_graph))));
&lt;/code&gt;&lt;/pre&gt;
&lt;p&gt;using the &lt;code&gt;weight&lt;/code&gt; property of the &lt;code&gt;RelationshipEdge&lt;/code&gt; struct as the path distance&lt;/p&gt;
&lt;p&gt;I would like to then traverse the graph from the start to each of the nodes, and do a calculation based on the previous node in the traversal&lt;/p&gt;
&lt;p&gt;For instance&lt;/p&gt;
&lt;ul&gt;
&lt;li&gt;A-&gt;B&lt;/li&gt;
&lt;li&gt;A-&gt;C&lt;/li&gt;
&lt;li&gt;A-&gt;C-&gt;D&lt;/li&gt;
&lt;li&gt;A-&gt;C-&gt;E&lt;/li&gt;
&lt;/ul&gt;
&lt;p&gt;then say I'd like to assign "A" to A
- "AB" to B
- "AC" to C
- "ACD" to D
- "ACE" to E&lt;/p&gt;
&lt;p&gt;This is just an example, I actually have to do matrix multiplication, so I do not want to start at the end because I actually have to calculate the predecessor values before I can calculate the leaves. Also, some vertices might not connect to the start vertex (possibly many)&lt;/p&gt;
&lt;p&gt;What would be the boost syntax to walk from the source node to the rest and do some sort of calculation like that?&lt;/p&gt;</t>
  </si>
  <si>
    <t>2015-03-04 00:51:17.970000+00:00</t>
  </si>
  <si>
    <t>c++|boost|graph|boost-graph</t>
  </si>
  <si>
    <t>Glassfish failover without load balancer</t>
  </si>
  <si>
    <t>&lt;p&gt;I have a Glassfish v2u2 cluster with two instances and I want to to fail-over between them. Every document that I read on this subject says that I should use a load balancer in front of Glassfish, like Apache httpd. In this scenario failover works, but I again have a single point of failure.
Is Glassfish able to do that fail-over without a load balancer in front?&lt;/p&gt;</t>
  </si>
  <si>
    <t>2009-01-08 07:27:13.140000+00:00</t>
  </si>
  <si>
    <t>2012-07-02 06:40:36.577000+00:00</t>
  </si>
  <si>
    <t>kovica</t>
  </si>
  <si>
    <t>glassfish|cluster-computing|failover</t>
  </si>
  <si>
    <t>Working on my own machine but SIGABRT on SPOJ</t>
  </si>
  <si>
    <t>&lt;p&gt;I'm working on the Next Palindrome problem on SPOJ &lt;a href="http://www.spoj.com/problems/PALIN/" rel="nofollow"&gt;http://www.spoj.com/problems/PALIN/&lt;/a&gt;. My code works fine on my own machine, but SPOJ gives me SIGABRT. I'm using C++ 4.9.2&lt;/p&gt;
&lt;p&gt;"A positive integer is called a palindrome if its representation in the decimal system is the same when read from left to right and from right to left. For a given positive integer K of not more than 1000000 digits, write the value of the smallest palindrome larger than K to output. Numbers are always displayed without leading zeros.&lt;/p&gt;
&lt;p&gt;Input&lt;/p&gt;
&lt;p&gt;The first line contains integer t, the number of test cases. Integers K are given in the next t lines.&lt;/p&gt;
&lt;p&gt;Output&lt;/p&gt;
&lt;p&gt;For each K, output the smallest palindrome larger than K."&lt;/p&gt;
&lt;pre&gt;&lt;code&gt;#include&amp;lt;iostream&amp;gt;
#include&amp;lt;vector&amp;gt;
using namespace std;
// turn 9 to 10
void round(vector&amp;lt;int&amp;gt; &amp;amp;input,int index) {
    int len = input.size();
    input[index] = 0;
    input[len-index-1] = 0;
    // if it is the first digit, add 1 in the front
    if (index == 0) {
        input.insert(input.begin(),1);
    }
    else {
        input[index-1] ++;
        input[len-index] ++;
    }
}
// find the next palindrome
int palin(vector&amp;lt;int&amp;gt; &amp;amp;input) {
    int len = input.size();
    bool large = true;
    bool small = true;
    bool eqal = true;
// if it is a single digit  
    if (len == 1) {
        if (input[0] == 9) {
            input[0] = 11;
        }
        else {
            input[0] ++;
        }
        return 1;
    }
// start from the one before the middle 
    int index = len / 2 - 1;
    while (index &amp;gt;= 0) {
    len = input.size();
    // the number supposed to be the same as input[index]
        int rfl = len-index-1;
        // keep record for if the updated number is smaller/equal to the original
        if (input[index] &amp;gt; input[rfl]) {small = false; eqal = false;}
        else if (input[index] &amp;lt; input[rfl]) {large = false; small = true; eqal = false;}
        else {small = false;}
        if (input[index] == 10) {round(input,index);}
        else {
            input[rfl] = input[index];
        }
        index --;
    };
// restart from the one before the middle
    index = (int)input.size() / 2 - 1;
// unless all digits on the left are larger than right/the more left digits are larger but some closer to the middle are smaller or equal, increase the number
    if (!large || small || eqal) {
        len = input.size();
        if (len % 2 == 1) { // odd
            if (input[index+1] == 9) {
                round(input,index+1);
            }
            else {input[index+1] ++;}   
        }
        else { // even
            if (input[index] == 9) {
                round(input,index);
            }
            else {
                input[index-1] ++; input[index + 1] ++;
            }
    }
        // go over the digits again to make sure it is a palindrome
        while (index &amp;gt;= 0) {
            if (input[index] == 10) {
                round(input,index);
            }
            input[input.size()-index-1] = input[index];
            index --;
        }
    }
    return 0;
}
int main() {
    int count; // how many numbers are there
    cin &amp;gt;&amp;gt; count;
    string buffer; // temporary to store each line of input
    for (int j=0;j&amp;lt;count;++j) {
        vector&amp;lt;int&amp;gt; number;
        cin &amp;gt;&amp;gt; buffer;
        if (cin.fail() || buffer.size() == 0) { // not a number or length==0
            return 1;
        }
        for (int k=0;k&amp;lt;(int)buffer.size();k++) {
            int temp = buffer[k] - '0'; // convert ASCII to int
            number.push_back(temp); // construct vector
        }
        palin(number);
        for (int i=0;i&amp;lt;(int)number.size();i++) {
            cout &amp;lt;&amp;lt; number[i];
        }
        cout &amp;lt;&amp;lt; endl;
    }
    return 0;
}
&lt;/code&gt;&lt;/pre&gt;</t>
  </si>
  <si>
    <t>2015-06-16 22:52:53.617000+00:00</t>
  </si>
  <si>
    <t>2015-06-17 01:52:31.267000+00:00</t>
  </si>
  <si>
    <t>2015-06-16 23:43:09.307000+00:00</t>
  </si>
  <si>
    <t>If user age is greater than 18 than email id field should required and form should be disable</t>
  </si>
  <si>
    <t>&lt;p&gt;Currently I am using this code.&lt;BR&gt;
When user select the date of birth in datepicker this function calculates it and disabled the save button if it is greater than 18.&lt;BR&gt;
The Problem is when I select the age below 18 then the validation on fields below the email id is not taken into consideration and form get submitted.&lt;/p&gt;
&lt;p&gt;Compnent.ts code:&lt;/p&gt;
&lt;pre&gt;&lt;code&gt;checkAge(event) {
    var element = &amp;lt;HTMLInputElement&amp;gt; document.getElementById("submit");
    //get date of birth of family members
    this.userFamilyForm.get('dob').valueChanges.subscribe((dob: any) =&amp;gt; {
      let todayDate = new Date();
      var dobDate = new Date(dob);
       this.years = Math.floor((todayDate.getTime() - dobDate.getTime()) / (365.25 * 24 * 60 * 60 * 1000));
      if (this.years &amp;gt;= 18) {
        element.disabled = true;
        this.userFamilyForm.get('email').setValidators(Validators.compose([CustomValidators.required, CustomValidators.checkEmail]));
      }
      else {
        element.disabled = false;
        this.userFamilyForm.get('email').setValidators(Validators.nullValidator);
      }
    });
}
&lt;/code&gt;&lt;/pre&gt;
&lt;p&gt;HTML Form:&lt;/p&gt;
&lt;pre&gt;&lt;code&gt;&amp;lt;div class="col-md-5 no-pd"&amp;gt;
    &amp;lt;div class="form-group"&amp;gt;
        &amp;lt;label for="dob" class="required"&amp;gt;
            {{'userFamily.labels.DATE_OF_BIRTH' | translate}}
        &amp;lt;/label&amp;gt;
        &amp;lt;p class="input-group"&amp;gt;
            &amp;lt;input type="text" class="form-control" placeholder="{{'userFamily.placeholder.DATE_OF_BIRTH' | translate}}" bsDatepicker
                #drp="bsDatepicker" formControlName="dob" [maxDate]="maxDate" (ngModelChange)="checkAge($event)" /&amp;gt;
            &amp;lt;span class="input-group-btn"&amp;gt;
                &amp;lt;a class="btn btn-default" (click)="drp.toggle()"&amp;gt;
                    &amp;lt;em class="fa fa-calendar"&amp;gt;&amp;lt;/em&amp;gt;
                &amp;lt;/a&amp;gt;
            &amp;lt;/span&amp;gt;
            &amp;lt;span class="text-danger" *ngIf="userFamilyForm.controls['dob'].hasError('required') &amp;amp;&amp;amp; userFamilyForm.controls['dob'].hasError('required') &amp;amp;&amp;amp; (userFamilyForm.controls['dob'].touched || userFamilyForm.controls['dob'].touched)"&amp;gt;
                {{'userFamily.errors.DOB_PHN_REQUIRED' | translate}}
            &amp;lt;/span&amp;gt;
    &amp;lt;/div&amp;gt;
    &amp;lt;div class="form-group"&amp;gt;
        &amp;lt;label for="email" class="required"&amp;gt;
            {{'userFamily.labels.EMAIL' | translate}}
        &amp;lt;/label&amp;gt;
        &amp;lt;input type="email" class="form-control" formControlName="email" id="email"&amp;gt;
        &amp;lt;span class="text-danger" *ngIf="userFamilyForm.controls['email']?.errors?.checkRequired &amp;amp;&amp;amp; userFamilyForm.controls['email'].touched"&amp;gt;{{'userFamily.errors.EMAIL_ERROR_VALID' | translate}}&amp;lt;/span&amp;gt;
        &amp;lt;span class="text-danger" *ngIf="!userFamilyForm.controls['email']?.errors?.checkRequired &amp;amp;&amp;amp; userFamilyForm.controls['email']?.errors?.checkEmail  &amp;amp;&amp;amp; (userFamilyForm.controls['email'].dirty || userFamilyForm.controls['email'].touched)"&amp;gt;{{'userFamily.errors.EMAIL_ERROR' | translate}}&amp;lt;/span&amp;gt;
    &amp;lt;/div&amp;gt;
&lt;/code&gt;&lt;/pre&gt;</t>
  </si>
  <si>
    <t>2018-03-05 10:43:51.357000+00:00</t>
  </si>
  <si>
    <t>2018-03-05 11:24:33.553000+00:00</t>
  </si>
  <si>
    <t>javascript|typescript|angular5</t>
  </si>
  <si>
    <t>Java benchmarking tool</t>
  </si>
  <si>
    <t>&lt;p&gt;I have written a small java application for which I need to obtain performance metrics such as memory usage, running time etc., Is there any simple to use performance measurement tool available? &lt;/p&gt;</t>
  </si>
  <si>
    <t>2008-11-03 23:34:23.113000+00:00</t>
  </si>
  <si>
    <t>2008-11-04 02:36:15.040000+00:00</t>
  </si>
  <si>
    <t>bluegene</t>
  </si>
  <si>
    <t>java|performance|benchmarking</t>
  </si>
  <si>
    <t>PHP form that shows secret page when user submits name &amp; email</t>
  </si>
  <si>
    <t>&lt;p&gt;I'm basically trying to create a form that collects a users name, email and company, mails that information to me, and then opens up a secret page to them. I think I'm on the right track, hoping you guys can help me out. &lt;/p&gt;
&lt;p&gt;&lt;strong&gt;Form:&lt;/strong&gt;&lt;/p&gt;
&lt;pre&gt;&lt;code&gt;&amp;lt;form id="form1" action="submit.php" method="post"&amp;gt;
            &amp;lt;label for="name-id" &amp;gt;Full Name&amp;lt;/label&amp;gt;
            &amp;lt;input id="name-id" name="name-id" type="text"/&amp;gt;
            &amp;lt;label for="email-id" &amp;gt;Email&amp;lt;/label&amp;gt;
            &amp;lt;input id="email-id" name="email-id" type="text"/&amp;gt;
            &amp;lt;label for="company-id" &amp;gt;Company Name&amp;lt;/label&amp;gt;
            &amp;lt;input id="company-id" name="company-id" type="text"/&amp;gt;
            &amp;lt;input type="submit"/&amp;gt;
&amp;lt;/form&amp;gt;
&lt;/code&gt;&lt;/pre&gt;
&lt;p&gt;&lt;strong&gt;PHP:&lt;/strong&gt;&lt;/p&gt;
&lt;pre&gt;&lt;code&gt;&amp;lt;?php
$name = $_POST["name-id"];
$email = $_POST["email-id"];
$company = $_POST["company-id"];
if($name != null &amp;amp;&amp;amp; $company != null &amp;amp;&amp;amp; filter_var($email, FILTER_VALIDATE_EMAIL){
    echo "all forms filled";
    mail("me@me.com", "subject - success", "body - someone passed"); 
    include ("secretpage.php");
    exit();
} else {
    include ("homepage.php");
} ?&amp;gt;
&lt;/code&gt;&lt;/pre&gt;</t>
  </si>
  <si>
    <t>2013-08-02 00:29:29.180000+00:00</t>
  </si>
  <si>
    <t>2013-08-08 16:23:56.890000+00:00</t>
  </si>
  <si>
    <t>2013-08-02 00:59:49.157000+00:00</t>
  </si>
  <si>
    <t>Multiple Stacked Bar Charts with ggplot()</t>
  </si>
  <si>
    <t>&lt;p&gt;I'm a newbie to R and I'm stuck on creating the following bar plot in ggplot2:&lt;/p&gt;
&lt;p&gt;&lt;a href="https://i.stack.imgur.com/Uxzt3.png" rel="nofollow noreferrer"&gt;&lt;img src="https://i.stack.imgur.com/Uxzt3.png" alt="Bar Plot Screenshot"&gt;&lt;/a&gt;&lt;/p&gt;
&lt;p&gt;Here is the code I have so far:&lt;/p&gt;
&lt;pre&gt;&lt;code&gt;#Read in data
parameter_results&amp;lt;- readRDS("param_results_2014.RDS")
#list of parameter names
parameters &amp;lt;- sort(readRDS("parameters.RDS"))
bar_plot &amp;lt;- function(parameter) {
  parameter_df &amp;lt;- parameter_results %&amp;gt;%
    select(results = parameter) %&amp;gt;%  #keep only column for the parameter you want to plot
    filter(results != "Not Applicable") %&amp;gt;% 
    count(results) %&amp;gt;%    
    mutate(prop = prop.table(n), perc = paste0(round(prop * 100),"%"))
  color_code &amp;lt;- c("Attaining" = "#99FF99","Non Attaining" =  "#FF9999", "Insufficient Information" =  "#FFFF99")
  values &amp;lt;- vector(mode = "numeric", length = nrow(parameter_df))
  labs &amp;lt;- vector(mode = "character", length = nrow(parameter_df))
  colors &amp;lt;- vector(mode = "character", length = nrow(parameter_df))
  for (i in seq_along(1:nrow(parameter_df))) {
    values[[i]] &amp;lt;- parameter_df$prop[[i]] * 100
    labs[[i]] &amp;lt;- parameter_df$perc[i]
    colors[[i]] &amp;lt;- color_code[[parameter_df$results[[i]]]]
  }
  stacked_bar&amp;lt;-ggplot(parameter_df,aes(x=parameter,y=n,fill = fct_inorder(results)))+
    geom_bar(stat = "identity", width = 0.5,color="black") +
    blank_theme + theme(legend.title=element_blank()) +
    ggtitle("Figure ES-2: Statewide Designated Use Assessment Results, 2014") + 
    xlab("Designated Uses")+
    ylab("Number of Assessment Units")+
    theme(plot.title = element_text(hjust = 0.5,vjust=10))   +
    scale_fill_manual(values = c("Attaining" = "#99FF99","Non Attaining" = "#FF9999","Insufficient Information" = "#FFFF99"))      
}
bar_plot()
bar_ALG &amp;lt;-bar_plot('ALG')
&lt;/code&gt;&lt;/pre&gt;
&lt;p&gt;My dataset looks like the following:&lt;/p&gt;
&lt;pre&gt;&lt;code&gt; A tibble: 958 x 89
   WMA   Waterbody  Name      `Biological (Caus~ `Biological Trout~ DO     `DO Trout` Temperature  `Temperature Tr~ pH    
   &amp;lt;chr&amp;gt; &amp;lt;chr&amp;gt;      &amp;lt;chr&amp;gt;     &amp;lt;chr&amp;gt;              &amp;lt;chr&amp;gt;              &amp;lt;chr&amp;gt;  &amp;lt;chr&amp;gt;      &amp;lt;chr&amp;gt;        &amp;lt;chr&amp;gt;            &amp;lt;chr&amp;gt; 
 1 15    020403020~ Absecon ~ Attaining          Not Applicable     Attai~ Not Appli~ Attaining    Not Applicable   Attai~
 2 15    020403020~ Absecon ~ Insufficient Info~ Not Applicable     Non A~ Not Appli~ Attaining    Not Applicable   Insuf~
 3 15    020403020~ Absecon ~ Attaining          Not Applicable     Insuf~ Not Appli~ Insufficien~ Not Applicable   Non A~
 4 15    020403020~ Absecon ~ Attaining          Not Applicable     Attai~ Not Appli~ Attaining    Not Applicable   Attai~
 5 14    020403011~ Albertso~ Non Attaining      Not Applicable     Attai~ Not Appli~ Attaining    Not Applicable   Non A~
 6 11    020401052~ Alexauke~ Attaining          Attaining          Insuf~ Attaining  Insufficien~ Non Attaining    Non A~
 7 11    020401052~ Alexauke~ Attaining          Attaining          Insuf~ Attaining  Insufficien~ Non Attaining    Non A~
 8 17    020402060~ Alloway ~ Non Attaining      Not Applicable     Attai~ Not Appli~ Attaining    Not Applicable   Attai~
 9 17    020402060~ Alloway ~ Insufficient Info~ Not Applicable     Attai~ Not Appli~ Attaining    Not Applicable   Insuf~
10 17    020402060~ Alloway ~ Insufficient Info~ Not Applicable     Insuf~ Not Appli~ Insufficien~ Not Applicable   Insuf~
&lt;/code&gt;&lt;/pre&gt;
&lt;p&gt;parameter_df:&lt;/p&gt;
&lt;pre&gt;&lt;code&gt;parameter_df
## # A tibble: 2 x 4
##                    results     n      prop  perc
##                      &amp;lt;chr&amp;gt; &amp;lt;int&amp;gt;     &amp;lt;dbl&amp;gt; &amp;lt;chr&amp;gt;
## 1                Attaining   454 0.5443645   54%
## 2 Insufficient Information   380 0.4556355   46%
&lt;/code&gt;&lt;/pre&gt;
&lt;p&gt;Each parameter has its own column��� and each row of the data table contains the assessment values for a given location for each parameter. 
My question is what do I need to do to the dataset or the function in order to have each parameter plotted like the graph above?&lt;/p&gt;
&lt;p&gt;This is the plot I'm getting:
&lt;img src="https://i.stack.imgur.com/cd1BL.png" alt="enter image description here"&gt;&lt;/p&gt;</t>
  </si>
  <si>
    <t>2018-04-12 16:31:03.993000+00:00</t>
  </si>
  <si>
    <t>2018-04-13 18:48:44.680000+00:00</t>
  </si>
  <si>
    <t>r|ggplot2|bar-chart</t>
  </si>
  <si>
    <t>Using .ajaxSubmit from the jquery.form.js library</t>
  </si>
  <si>
    <t>&lt;p&gt;I'm having trouble getting the .ajaxSubmit to fire. I'm using the jquery form plugin by Malsup, and have used it many times before without any issues. Here is my current code:&lt;/p&gt;
&lt;pre&gt;&lt;code&gt;&amp;lt;head&amp;gt;
&amp;lt;script type="text/javascript" src="javascript/jquery.form.js" &amp;gt;&amp;lt;/script&amp;gt; 
&amp;lt;script type="text/javascript" src="http://code.jquery.com/jquery-latest.min.js"&amp;gt;    &amp;lt;/script&amp;gt;
&amp;lt;/head&amp;gt;
&amp;lt;body&amp;gt;
&amp;lt;form id="massemail" action="massmail.php"&amp;gt;
&amp;lt;label for="subject"&amp;gt;Subject:&amp;lt;/input&amp;gt;&amp;lt;input type="text" name="subject" class="subject"&amp;gt;    &amp;lt;br&amp;gt;&amp;lt;br&amp;gt;&amp;lt;br&amp;gt;
&amp;lt;label for="message"&amp;gt;Message:&amp;lt;/input&amp;gt;&amp;lt;textarea name="message" class="message"&amp;gt;&amp;lt;/textarea&amp;gt;&amp;lt;br&amp;gt;
&amp;lt;input type="button" id="submitbutton" value="Send Email"&amp;gt;
&amp;lt;/form&amp;gt;
&amp;lt;/body&amp;gt;
&lt;/code&gt;&lt;/pre&gt;
&lt;p&gt;and the jQuery:&lt;/p&gt;
&lt;pre&gt;&lt;code&gt;$(document).ready(function() { 
   $( "#submitbutton" ).click(function() {
      $("#massemail").delay(500).ajaxSubmit({url: 'massmail.php', type: 'post'})
   });
});
&lt;/code&gt;&lt;/pre&gt;
&lt;p&gt;Not sure why I can get .ajaxSubmit to fire in another file, with this same code, just a different URL file ({url: 'submitinfo.php',). Here is my massmail.php file:&lt;/p&gt;
&lt;pre&gt;&lt;code&gt;&amp;lt;?php
$subject = $_REQUEST['subject'];
$message = $_REQUEST['message'];
// Connect to server and select database.
mysql_connect("$host", "$username", "$password")or die("cannot connect");
mysql_select_db("$db_name")or die("cannot select DB");
$headers = 'From: info@email.com' . "\r\n" .
'Reply-To: info@email.com' . "\r\n" .
'X-Mailer: PHP/' . phpversion();
$query = sprintf("SELECT email FROM user_info");
$result = mysql_query($query);
$count = 1;
while ($row = mysql_fetch_assoc($result)) {
    $email = $row['email'];
    mail($email, $subject, $message, $headers);
    if ($count % 5 == 0) {
      sleep(5); 
    }
    $count++;
}
?&amp;gt;
&lt;/code&gt;&lt;/pre&gt;
&lt;p&gt;All of my paths are correct, so I'm not sure why I can't get this to work. Does anyone see any mistakes anywhere?&lt;/p&gt;</t>
  </si>
  <si>
    <t>2013-08-17 22:18:50.250000+00:00</t>
  </si>
  <si>
    <t>2013-08-17 22:22:22.920000+00:00</t>
  </si>
  <si>
    <t>jquery|ajax|forms|jquery-plugins</t>
  </si>
  <si>
    <t>how to edit the info.plist in visual studio?</t>
  </si>
  <si>
    <t>&lt;p&gt;I need to add keys to the info plist but there is no way to open the file for editing. The xamarin docs state that there should be 3 tabs , one of them being source, which let me manually add keys. Where is that tab?&lt;/p&gt;</t>
  </si>
  <si>
    <t>2016-08-17 17:10:43.510000+00:00</t>
  </si>
  <si>
    <t>2018-07-06 18:49:24.477000+00:00</t>
  </si>
  <si>
    <t>xamarin|xamarin.ios</t>
  </si>
  <si>
    <t>Avoiding object creation with SQL Alchemy</t>
  </si>
  <si>
    <t>&lt;p&gt;Short question: How do I avoid object creation when fetching from an SQL Alchemy-backed object?&lt;/p&gt;
&lt;p&gt;Situation:
SQL Alchemy: I have an ORM object (declarative base) Objects backed by a table with columns uid, name, etc. Now I would like to create a separate table ObjectProps which uses uid as a foreign, primary key , and then an additional Text field. Additionally, it is setup as a relationship such that ObjectProps has a relationship called props with ObjectProps (uselist=False, backref="object").&lt;/p&gt;
&lt;p&gt;Long question: How can I retrieve ObjectProps's Text attribute/column via props &lt;em&gt;without&lt;/em&gt; generating the ObjectProps ORM object? I would ideally like to avoid the object creation overhead since ideally I just want to retrieve the column's value without creating an entire ObjectProps.&lt;/p&gt;
&lt;p&gt;Presumably the solution will require mixing the ORM Layer with the SQL Layer. Any help appreciated.&lt;/p&gt;</t>
  </si>
  <si>
    <t>2014-08-28 14:30:02.910000+00:00</t>
  </si>
  <si>
    <t>2014-09-02 08:50:29.973000+00:00</t>
  </si>
  <si>
    <t>sqlalchemy</t>
  </si>
  <si>
    <t>jquery autocomplete extraparams not working</t>
  </si>
  <si>
    <t>&lt;p&gt;&lt;strong&gt;Js&lt;/strong&gt;&lt;/p&gt;
&lt;pre&gt;&lt;code&gt;$('input.completeme').each(function() {
    $(this).autocomplete({
            source: function(request, response) {
                $.ajax({ url: '&amp;lt;?=base_url()?&amp;gt;patients/autocomplete',
                data: { 'term': this.term},
                extraParams: { format: this.element.attr('name') },
                dataType: "json",
                type: "POST",
                success: function(data){
                    response(data);
                }
            });
        },
        minLength: 2
});
});
&lt;/code&gt;&lt;/pre&gt;
&lt;p&gt;HTML&lt;/p&gt;
&lt;pre&gt;&lt;code&gt;&amp;lt;input type="text" name="patient_name" value="Patient name" class=completeme /&amp;gt;
&amp;lt;input type="text" name="patient_id" value="ID" class=completeme /&amp;gt;
&lt;/code&gt;&lt;/pre&gt;
&lt;p&gt;It doesnt matter how hard i try it still send only "term" var to post page, and it doesnt send the extaparameter (i want to send the input name also to the php)&lt;/p&gt;
&lt;hr&gt;
&lt;p&gt;&lt;strong&gt;What i want&lt;/strong&gt;&lt;/p&gt;
&lt;p&gt;Autocomplete send 2 vars to my php file $term='the autocomplete search ' and $name="input name so my php can know what exact field its completing"&lt;/p&gt;
&lt;p&gt;&lt;strong&gt;What happens&lt;/strong&gt;&lt;/p&gt;
&lt;p&gt;page run normal firebug show no error but when i check POST header it only send Term var&lt;/p&gt;
&lt;p&gt;any help plz ??&lt;/p&gt;</t>
  </si>
  <si>
    <t>2012-12-07 12:51:49.527000+00:00</t>
  </si>
  <si>
    <t>2012-12-07 13:03:35.307000+00:00</t>
  </si>
  <si>
    <t>php|jquery|ajax|jquery-autocomplete</t>
  </si>
  <si>
    <t>Have achartengine draw on top of the axis</t>
  </si>
  <si>
    <t>&lt;p&gt;As of right now if I have a line chart value that is straight horizontal or vertical and happens to be the exact value as one of the grid lines, then it becomes really tough to see.  Is there any way to change the Z order of how things are drawn such that everything draws over the grid lines?&lt;/p&gt;</t>
  </si>
  <si>
    <t>2012-06-28 21:27:20.150000+00:00</t>
  </si>
  <si>
    <t>2012-06-29 08:30:59.663000+00:00</t>
  </si>
  <si>
    <t>android|achartengine</t>
  </si>
  <si>
    <t>How can I get the correct facebook page id from a page-tab application using facebook php sdk v4?</t>
  </si>
  <si>
    <t>&lt;p&gt;I want to write a Facebook-tab application that can be modified to the page that will add it. So I am trying to find a way to access the parent page id from my Facebook tab.&lt;/p&gt;
&lt;p&gt;Does anyone know a way to do that using Facebook PHP sdk v4?&lt;/p&gt;
&lt;p&gt;Thanks!&lt;/p&gt;</t>
  </si>
  <si>
    <t>2014-06-24 21:13:59.403000+00:00</t>
  </si>
  <si>
    <t>2014-06-24 21:47:52.620000+00:00</t>
  </si>
  <si>
    <t>2014-06-24 21:38:30.967000+00:00</t>
  </si>
  <si>
    <t>user3412963</t>
  </si>
  <si>
    <t>php|facebook|facebook-graph-api|facebook-php-sdk</t>
  </si>
  <si>
    <t>Versioning with WebAPI .Net Core does not work as expected</t>
  </si>
  <si>
    <t>&lt;p&gt;I am trying to introduce URL versioning into my .Net Core WebAPI application. I am also using Swagger web tools for ease of use for users. &lt;/p&gt;
&lt;p&gt;Now, while trying to introduce versioning into my application, I referenced the docs here: &lt;a href="https://github.com/Microsoft/aspnet-api-versioning/wiki/New-Services-Quick-Start#aspnet-core" rel="nofollow noreferrer"&gt;https://github.com/Microsoft/aspnet-api-versioning/wiki/New-Services-Quick-Start#aspnet-core&lt;/a&gt;&lt;/p&gt;
&lt;p&gt;Now, I made following code changes into my code:&lt;/p&gt;
&lt;p&gt;Startup.cs/ConfigureServices I added code below:&lt;/p&gt;
&lt;pre&gt;&lt;code&gt;services.AddApiVersioning(options =&amp;gt; {
                    options.AssumeDefaultVersionWhenUnspecified = true;
                });
&lt;/code&gt;&lt;/pre&gt;
&lt;p&gt;Now, my controller annotations before any kind of versioning was added, looked like below:&lt;/p&gt;
&lt;pre&gt;&lt;code&gt;    [Produces("application/json")]
    [Route("api/controllerName")]
&lt;/code&gt;&lt;/pre&gt;
&lt;p&gt;and  produces a URL which looks like something below:&lt;/p&gt;
&lt;p&gt;&lt;code&gt;http://localhost:12003/swagger/#!/Workspace/GetAll&lt;/code&gt;&lt;/p&gt;
&lt;p&gt;Now, I added annotations below to enable api versioning:&lt;/p&gt;
&lt;p&gt;&lt;code&gt;. [ApiVersion("1.0")] 
    [Produces("application/json")]
    [Route("api/v{version:apiVersion}/workspace")]&lt;/code&gt;&lt;/p&gt;
&lt;p&gt;and now when I click on the same method listed in my swagger UI&lt;/p&gt;
&lt;p&gt;the url looks like below:&lt;/p&gt;
&lt;p&gt;&lt;code&gt;http://localhost:12003/swagger/#!/controllername/ApiV_versionGetAll&lt;/code&gt;&lt;/p&gt;
&lt;p&gt;While what I was expecting was something like:&lt;/p&gt;
&lt;p&gt;&lt;code&gt;http://localhost:12003/swagger/#!/controllername/V1.0/GetAll&lt;/code&gt;&lt;/p&gt;
&lt;p&gt;Also on my swagger it is now asking me explicitly about entering version number. So I think my question boils down to two major points:&lt;/p&gt;
&lt;ul&gt;
&lt;li&gt;How I can I fix my URL? and what am I doing wrong?&lt;/li&gt;
&lt;li&gt;Why is swagger now asking me to enter version number in API UI when I have explicitly stated that the version is going to be 1.0 in the annotation of the controller?&lt;/li&gt;
&lt;/ul&gt;</t>
  </si>
  <si>
    <t>2018-10-16 18:14:15.467000+00:00</t>
  </si>
  <si>
    <t>2018-10-25 20:54:49.403000+00:00</t>
  </si>
  <si>
    <t>asp.net-core|swagger|asp.net-core-webapi|restful-url|api-versioning</t>
  </si>
  <si>
    <t>How to code a .CSS extract for this table using Scrapy</t>
  </si>
  <si>
    <t>&lt;p&gt;I am using Python.org version 2.7 64 bit on Windows Vista 64 bit. I am using Scrapy to build a recursive webscraper. The following is a for loop that works for extracting data from the table on the page linked below it:&lt;/p&gt;
&lt;pre&gt;&lt;code&gt;rows = sel.xpath('//table[@id="player-fixture"]//tbody//tr')
        for row in rows:
            print 'date:', "".join( row.css('.date::text').extract() ).strip()
            print 'result:', "".join( row.css('.result a::text').extract() ).strip()
            print 'team_home:', "".join( row.css('.team.home a::text').extract() ).strip()
            print 'team_away:', "".join( row.css('.team.away a::text').extract() ).strip()
            print 'info:', "".join( row.css('.info::text').extract() ).strip(), "".join( row.css('.info::attr(title)').extract() ).strip()
            print 'rating:', "".join( row.css('.rating::text').extract() ).strip()
            print 'incidents:', ", ".join( row.css('.incidents-icon::attr(title)').extract() ).strip()
            print '-'*40
&lt;/code&gt;&lt;/pre&gt;
&lt;p&gt;&lt;a href="http://www.whoscored.com/Players/3859/Fixtures/Wayne-Rooney" rel="nofollow"&gt;http://www.whoscored.com/Players/3859/Fixtures/Wayne-Rooney&lt;/a&gt;&lt;/p&gt;
&lt;p&gt;I am now trying to parse data from a different format of table on another part of the site, but I am struggling to work out how to code the .CSS for it. The table can be found here:&lt;/p&gt;
&lt;p&gt;&lt;a href="http://www.whoscored.com/Teams/705/Show/Israel-Maccabi-Haifa" rel="nofollow"&gt;http://www.whoscored.com/Teams/705/Archive/Israel-Maccabi-Haifa&lt;/a&gt;&lt;/p&gt;
&lt;p&gt;The HTML for the first tab of this table is as follows:&lt;/p&gt;
&lt;pre&gt;&lt;code&gt;&amp;lt;table id="team-squad-stats-summary-grid" class="grid with-centered-columns hover"&amp;gt;
            &amp;lt;thead&amp;gt;
                &amp;lt;tr&amp;gt;
                    &amp;lt;th class="sortable rank" data-property="Rank" data-default-sort-dir="asc" title="Rank"&amp;gt;R&amp;lt;/th&amp;gt;
                    &amp;lt;th class="sortable rgn" data-property="PlayerRegionCode" data-default-sort-dir="asc" title="Country"&amp;gt;&amp;lt;/th&amp;gt;
                    &amp;lt;th class="sortable pn" data-property="PlayerName" data-default-sort-dir="asc" title="Player Name"&amp;gt;Name&amp;lt;/th&amp;gt;
                    &amp;lt;th class="sortable pos" data-property="RealPosition" data-default-sort-dir="asc" title="Position"&amp;gt;Pos&amp;lt;/th&amp;gt;
                    &amp;lt;th class="sortable age" data-property="Age" data-default-sort-dir="asc" title="Age"&amp;gt;Age&amp;lt;/th&amp;gt;
                    &amp;lt;th class="sortable hg" data-property="Height" title="Height"&amp;gt;cm&amp;lt;/th&amp;gt;
                    &amp;lt;th class="sortable wg" data-property="Weight" title="Weight"&amp;gt;kg&amp;lt;/th&amp;gt;
                    &amp;lt;th class="sortable ap" data-property="GameStarted"  title="First Eleven (Substitute)"&amp;gt;Apps&amp;lt;/th&amp;gt;
                    &amp;lt;th class="sortable g" data-property="Goals" title="Goals"&amp;gt;Goal&amp;lt;/th&amp;gt;
                    &amp;lt;th class="in-squad-detailed-view  sortable a" data-property="Assists" title="Assists"&amp;gt;A&amp;lt;/th&amp;gt;
                    &amp;lt;th class="sortable y" data-property="Yellow" title="Yellow Cards"&amp;gt;Yel&amp;lt;/th&amp;gt;
                    &amp;lt;th class="sortable r" data-property="Red" title="Red Cards"&amp;gt;Red&amp;lt;/th&amp;gt;
                    &amp;lt;th class="in-squad-detailed-view sortable spg" data-property="TotalShots" title="Shots per Game"&amp;gt;SpG&amp;lt;/th&amp;gt;
                    &amp;lt;th class="in-squad-detailed-view sortable ps" data-property="PassSuccess" title="Pass success percentage"&amp;gt;PS%&amp;lt;/th&amp;gt;
                    &amp;lt;th class="in-squad-detailed-view sortable aw" data-property="AerialWon" title="Aerial duels won per game"&amp;gt;AW&amp;lt;/th&amp;gt;
                    &amp;lt;th class="in-squad-detailed-view sortable mom" data-property="ManOfTheMatch" title="Man of the Match"&amp;gt;MoM&amp;lt;/th&amp;gt;
                    &amp;lt;th class="in-squad-detailed-view sortable rating" data-property="Rating" title="Average Rating"&amp;gt;Rt&amp;lt;/th&amp;gt;    
                &amp;lt;/tr&amp;gt;
            &amp;lt;/thead&amp;gt;
            &amp;lt;tbody id="team-squad-stats-summary-content"&amp;gt;&amp;lt;/tbody&amp;gt;
            &amp;lt;tfoot&amp;gt;
                &amp;lt;tr&amp;gt;
                    &amp;lt;td colspan="99" class="info"&amp;gt;*Players shaded are players who are not currently active in team. (Loaned, sold, etc..)&amp;lt;/td&amp;gt;
                &amp;lt;/tr&amp;gt;
            &amp;lt;/tfoot&amp;gt;
        &amp;lt;/table&amp;gt;
        &amp;lt;/div&amp;gt;
&lt;/code&gt;&lt;/pre&gt;
&lt;p&gt;I'm not sure of which elements of the HTML I should be using here or the syntax within .CSS. I have tried the following, but it has not worked:&lt;/p&gt;
&lt;pre&gt;&lt;code&gt;for row in rows3:      
        rank = "".join( row.css('.rank::text').extract() ).strip() + ','
        playerregioncode = "".join( row.css('.playerregioncode a::text').extract() ).strip() + ','
        playername = "".join( row.css('.name::text').extract() ).strip() + ','
        realposition = "".join( row.css('.realposition::text').extract() ).strip() + ','
        age = "".join( row.css('.age:text').extract() ).strip() + ','
        height = "".join( row.css('.height::text').extract() ).strip() + ','
&lt;/code&gt;&lt;/pre&gt;
&lt;p&gt;Can anyone assist?&lt;/p&gt;
&lt;p&gt;Thanks&lt;/p&gt;</t>
  </si>
  <si>
    <t>2014-07-29 22:21:02.290000+00:00</t>
  </si>
  <si>
    <t>2014-08-01 07:59:30.427000+00:00</t>
  </si>
  <si>
    <t>2014-08-01 07:33:43.433000+00:00</t>
  </si>
  <si>
    <t>python|scrapy</t>
  </si>
  <si>
    <t>How can i replace the image name and add date time and arandom number as image name using php</t>
  </si>
  <si>
    <t>&lt;p&gt;I am having trouble in managing images in a gallery. For example if abc.jpg is already exist. If i try to upload an image having the same name (abc.jpg) the previous image is replaced with new one . So i was thinking about renaming the image with a random number as image name (i.e current date+Time+Random Number). Here is my code &lt;/p&gt;
&lt;p&gt;&lt;div class="snippet" data-lang="js" data-hide="false"&gt;_x000D_
&lt;div class="snippet-code"&gt;_x000D_
&lt;pre class="snippet-code-html lang-html prettyprint-override"&gt;&lt;code&gt;&amp;lt;?php_x000D_
session_start();_x000D_
_x000D_
include("includes/connect.php");_x000D_
$name= $_SESSION['email'];_x000D_
if (!isset($_FILES['image']['tmp_name'])) {_x000D_
 echo "";_x000D_
}else{_x000D_
 $file=$_FILES['image']['tmp_name'];_x000D_
 $image= addslashes(file_get_contents($_FILES['image']['tmp_name']));_x000D_
 $image_name= addslashes($_FILES['image']['name']);_x000D_
   _x000D_
 move_uploaded_file($_FILES["image"]["tmp_name"],"photos/" . $_FILES["image"]["name"]);_x000D_
   _x000D_
 $location="photos/" . $_FILES["image"]["name"];_x000D_
   _x000D_
 $pname=$_POST['p_name'];_x000D_
 $email= $_SESSION['email'];_x000D_
 $category=$_POST['category'];_x000D_
 $dimention=$_POST['dimention'];_x000D_
 $desc=$_POST['description'];_x000D_
 $price=$_POST['price'];_x000D_
 $status=$_POST['status'];_x000D_
 $dop=$_POST['dou'];_x000D_
 $save=mysql_query("insert into paintings (location,p_name,email,category,dimention,description,price,status,dou,varify) values ('$location','$pname','$email','$category','$dimention','$desc','$price','$status','$dop','0')")or die(mysql_error());_x000D_
 $result= mysql_query ("select p_id from paintings ORDER BY p_id DESC LIMIT 1");_x000D_
  _x000D_
 $row=mysql_fetch_array($result);_x000D_
 $pid=$row['p_id'];_x000D_
 $save1=mysql_query("insert into upload (email,p_id,u_date) values ('$name','$pid',now())")or die(mysql_error());_x000D_
 header('Location: user_profile.php');    _x000D_
}&lt;/code&gt;&lt;/pre&gt;_x000D_
&lt;/div&gt;_x000D_
&lt;/div&gt;_x000D_
&lt;/p&gt;</t>
  </si>
  <si>
    <t>2015-12-17 20:24:21.877000+00:00</t>
  </si>
  <si>
    <t>2015-12-17 20:46:53.560000+00:00</t>
  </si>
  <si>
    <t>2015-12-17 20:33:47.750000+00:00</t>
  </si>
  <si>
    <t>Synchronized keyword in Thread.sleep implementation</t>
  </si>
  <si>
    <t>&lt;p&gt;In Thread.sleep(millis,nanos) implementation, which i took my Android Codebase, the function is defined somewhat like this&lt;/p&gt;
&lt;pre&gt;&lt;code&gt;public static void sleep(long millis, int nanos) throws InterruptedException {
    long start = System.nanoTime();
    long duration = (millis * NANOS_PER_MILLI) + nanos;
        Object lock = currentThread().lock;
        synchronized (lock) {
            while (true) {
                  ///implementation
            }
        }
    }
&lt;/code&gt;&lt;/pre&gt;
&lt;p&gt;&lt;code&gt;currentThread()&lt;/code&gt; returns the caller thread and &lt;code&gt;lock&lt;/code&gt; is an object(new Object()) in &lt;code&gt;Thread&lt;/code&gt; class.&lt;/p&gt;
&lt;ol&gt;
&lt;li&gt;&lt;p&gt;Here suppose one thread is currently executing and i call &lt;code&gt;sleep()&lt;/code&gt; again from second thread, then wont it change the variables &lt;code&gt;start&lt;/code&gt; and &lt;code&gt;duration&lt;/code&gt;, which is still in use by the first thread? Shouldnt the whole function be &lt;code&gt;synchronized&lt;/code&gt; to prevent this?&lt;/p&gt;&lt;/li&gt;
&lt;li&gt;&lt;p&gt;What sense does it make to choose &lt;code&gt;lock&lt;/code&gt; as a sync object? Anyway, a single instance of a &lt;code&gt;Thread&lt;/code&gt; wont be able to call &lt;code&gt;sleep()&lt;/code&gt; multiple times simultaneously?&lt;/p&gt;&lt;/li&gt;
&lt;/ol&gt;</t>
  </si>
  <si>
    <t>2015-05-10 11:50:36.383000+00:00</t>
  </si>
  <si>
    <t>java|android|multithreading</t>
  </si>
  <si>
    <t>Angular 5 redirects home in case of http post error</t>
  </si>
  <si>
    <t>&lt;p&gt;I have a simple service that performs a post http request:&lt;/p&gt;
&lt;pre&gt;&lt;code&gt;@Injectable() export class AuthService {
    ......
    ......
    attemptAuth(user: string, password: string): Observable&amp;lt;any&amp;gt; {
        const credentials = { user:user, password:password };
        return this.http.post(this.authUrl, credentials)
            .catch(this.errorHandler);
    }
    ......
    ......
    errorHandler(error: HttpErrorResponse) {
        return Observable.throw(error);
    }
}
&lt;/code&gt;&lt;/pre&gt;
&lt;p&gt;the attemptAuthFunction is called by a component in the way below:&lt;/p&gt;
&lt;pre&gt;&lt;code&gt;this.authService.attemptAuth(user, password).subscribe(
  data =&amp;gt; {
    ........
  },
  error =&amp;gt; {
    ........
  }
);
&lt;/code&gt;&lt;/pre&gt;
&lt;p&gt;Everything is fine except when i submit a wrong user/password: in case of error there is an automatic redirection to the web app home page instead of remaining in the current page and executing the code inside the error =&gt; .. section.&lt;/p&gt;
&lt;p&gt;Any idea? Thanks in advance&lt;/p&gt;</t>
  </si>
  <si>
    <t>2018-09-04 14:14:51.053000+00:00</t>
  </si>
  <si>
    <t>2018-09-04 14:48:24.860000+00:00</t>
  </si>
  <si>
    <t>2018-09-04 14:24:57.807000+00:00</t>
  </si>
  <si>
    <t>angular|angular-routing</t>
  </si>
  <si>
    <t>Fonts and other styles are different in local and gihub pages live version of Jekyll</t>
  </si>
  <si>
    <t>&lt;p&gt;I see changes in the look and feel of local and live version (hosted on Github). &lt;/p&gt;
&lt;p&gt;&lt;strong&gt;Below is the local version..&lt;/strong&gt;
&lt;a href="https://i.stack.imgur.com/rtT0o.png" rel="nofollow noreferrer"&gt;&lt;img src="https://i.stack.imgur.com/rtT0o.png" alt="Here is the local version"&gt;&lt;/a&gt;&lt;/p&gt;
&lt;p&gt;&lt;strong&gt;and here is the live version&lt;/strong&gt;
&lt;a href="https://i.stack.imgur.com/xdzQ7.png" rel="nofollow noreferrer"&gt;&lt;img src="https://i.stack.imgur.com/xdzQ7.png" alt="Here is the live version"&gt;&lt;/a&gt;&lt;/p&gt;
&lt;p&gt;&lt;strong&gt;The font-style, etc. seems to be different in these versions?&lt;/strong&gt; &lt;/p&gt;
&lt;p&gt;Below are my css codes.&lt;/p&gt;
&lt;pre&gt;&lt;code&gt;# _sass/_layout.scss
#banner {
    /* @include retina-background-image($img-banner); */
    /* background-color: #8e8387;*/
    outline: none;
    // display: block;
    // width: $banner-width;
    // height: $banner-height;
    margin: 35px 0 auto 35px;
    position: relative; 
    /* To ensure the bottom border is positioned correctly */
    h1 {
        // Font is included from Google Fonts automatically unless a custom banner is used
        // See _config.yml for details
        font-family: $banner-font-family;
        font-size: 24px;
        font-weight: 400;
        text-align: center;
        letter-spacing: 0.03em;
        color: #fefefe;
        position: absolute;
        bottom: 20px;
        width: 100%;
    }
    &amp;amp;::after {
        // display: block;
        // position: absolute;
        // top: $banner-height;
        // left: $banner-border-offset;
        // content: "";
        // background: #443E40;
        // height: $banner-border-width;
         width: $banner-width - ($banner-border-offset* 2);
    }
    @include min-breakpoint($image-splitting-breakpoint) {
        // margin-bottom: $banner-margin;
    }
}
#footer {
    margin-top: 50px;
    text-align: center;
    margin-bottom: 50px;
    /* &amp;amp;::after {
        @include retina-background-image($img-dude);
        display: block;
        content: "";
        width: 65px;
        height: 158px;
        margin: 20px auto 50px;
    } */
    a {
        // Overwrite default link color
        color: #222;
        &amp;amp;:hover {
            // ... but allow the hover color to work as normal
            color: $hover-color;
        }
    }
    p {
        margin: 0 0 9px;
        line-height: 1.3;
        font-size: 19px;
        max-width: 75%;
        margin-left: auto;
        margin-right: auto;
        @include min-breakpoint($image-splitting-breakpoint) {
            font-size: 18px;
            line-height: 1;
        }
    }
}
section[role="main"] {
    width: 90%;
    margin: 0 auto;
    @include min-breakpoint($desktop-breakpoint) {
        width: $layout-width;
    }
}
&lt;/code&gt;&lt;/pre&gt;
&lt;p&gt;And then,&lt;/p&gt;
&lt;pre&gt;&lt;code&gt;# css/screen.scss
---
# Only the main Sass file needs front matter (the dashes are enough)
---
@charset "utf-8";
// Typography
$base-font-family: "adobe-caslon-pro", "Adobe Caslon Pro", serif;
$caption-font-family: "ltc-bodoni-175", "Libre Baskerville", serif;
$banner-font-family: "Sanchez", serif;
$title-font-family: "Libre Baskerville", serif;
$base-font-size:   18px;
$base-font-weight: 400;
$base-line-height: 1;
// Colours
$text-color:       #222;
$caption-text-color: #444;
$border-color: #979797;
$background-color: #fefefe;
$content-width:    750px;
$hover-color: #443E40;
$legal-color: #818181;
// Layout
$layout-width: 750px;
// Breakpoints
$desktop-breakpoint: $layout-width / 0.9;
$image-splitting-breakpoint: 510px;
// Banner
 $banner-width: 182px;
 $banner-height: 503px;
 $banner-margin: 50px;
 $banner-border-width: 3px;
 $banner-border-offset: 2px;
// Images
// Note that extensions are omitted for use in retina-background-image mixin
$img-separator: '{{ site.baseurl }}/img/separator';
$img-banner: '{{ site.baseurl }}/img/banner';
$img-dude: '{{ site.baseurl }}/img/dude';
$img-location: '{{ site.baseurl }}/img/icon-location';
// Import partials from `sass_dir` (defaults to `_sass`)
@import
        "mixins",
        "vendors",
        "base",
        "layout",
        "modules"
;
&lt;/code&gt;&lt;/pre&gt;
&lt;p&gt;And the html code is below&lt;/p&gt;
&lt;pre&gt;&lt;code&gt;---
layout: page
title: "Our journey"
date: 2018-04-09 
categories: 
location: 
---
Alice and Bob are about to start a wonderful journey with their cat.
We will start their journey on
&amp;lt;div style="text-align:center;"&amp;gt;
&amp;lt;p class="post-image-caption"&amp;gt;&amp;lt;strong&amp;gt;9th April, 2018&amp;lt;/strong&amp;gt; &amp;lt;br/&amp;gt;&amp;lt;span style="font-size: 90%;"&amp;gt;9.00 AM onwards.&amp;lt;br/&amp;gt;(To be specific: 9.30 AM)&amp;lt;/span&amp;gt;&amp;lt;/p&amp;gt;
&amp;lt;/div&amp;gt;
&amp;lt;div class="post-image post-image--split"&amp;gt;
    &amp;lt;img src="http://placehold.it/365x270/8e8387/ffffff" alt="The first in an example of split-imagery" /&amp;gt;
    &amp;lt;img src="http://placehold.it/365x270/8e8387/ffffff" alt="The second in an example of split-imagery" /&amp;gt;
&amp;lt;/div&amp;gt; 
&amp;lt;p class="post-image-caption"&amp;gt;&amp;lt;strong&amp;gt;This is their cat&amp;lt;/strong&amp;gt;&amp;lt;span style="font-size: 85%;"&amp;gt; (&amp;lt;a style ="color:blue;" href="../img/catpic.png" target="_blank"&amp;gt;Her pic&amp;lt;/a&amp;gt;)&amp;lt;/span&amp;gt; &amp;lt;br&amp;gt;She purrs, &amp;lt;br&amp;gt;She is very cute and calm&amp;lt;br&amp;gt; &amp;lt;/p&amp;gt;
&amp;lt;div class="post-image"&amp;gt;
    &amp;lt;img src="http://placehold.it/750x563/8e8387/ffffff" alt="A full-size image example" /&amp;gt;
    &amp;lt;p class="post-image-caption"&amp;gt;Here we demonstrate a caption. This'll adapt to any length of text.&amp;lt;/p&amp;gt;
&amp;lt;/div&amp;gt;
&lt;/code&gt;&lt;/pre&gt;
&lt;p&gt;Seems like css itself has other problems as stated &lt;a href="https://stackoverflow.com/questions/48992156/why-is-the-site-focus-is-in-the-middle-of-the-page-rather-than-the-beginning"&gt;here&lt;/a&gt; - where on page load it focuses to the middle of the page rather than the beginning of the page. Most likely, this is not related to the different views of the fonts. However, I thought of linking it here for reference. &lt;/p&gt;</t>
  </si>
  <si>
    <t>2018-02-26 18:14:34.947000+00:00</t>
  </si>
  <si>
    <t>2018-02-26 20:07:50.277000+00:00</t>
  </si>
  <si>
    <t>html|css|fonts|github-pages|webfonts</t>
  </si>
  <si>
    <t>Undefined symbols for architecture error</t>
  </si>
  <si>
    <t>&lt;p&gt;I am using Core Data to show data in a table view, but I constantly encounter this problem :&lt;/p&gt;
&lt;blockquote&gt;
  &lt;p&gt;Undefined symbols for architecture i386:&lt;br&gt;
  "_OBJC_CLASS_$_NSEntityDescription", referenced from:
        objc-class-ref in singleAppDelegate.o
        objc-class-ref in singleViewController.o   "_OBJC_CLASS_$_NSFetchRequest", referenced from:
        objc-class-ref in singleViewController.o   "_OBJC_CLASS_$_NSFetchedResultsController", referenced from:
        objc-class-ref in singleViewController.o   "_OBJC_METACLASS_$_NSManagedObject", referenced from:
        _OBJC_METACLASS_$_Data in Data.o   "_OBJC_CLASS_$_NSManagedObject", referenced from:
        _OBJC_CLASS_$_Data in Data.o&lt;/p&gt;
&lt;/blockquote&gt;
&lt;p&gt;here is my singleViewController.m&lt;/p&gt;
&lt;pre&gt;&lt;code&gt;#import "Data.h"
#import "singleViewController.h"
@interface singleViewController ()
@end
@implementation singleViewController
@synthesize managedObjectContext;
@synthesize fetchedResultsController = _fetchedResultsController;
- (id)initWithStyle:(UITableViewStyle)style
{
    self = [super initWithStyle:style];
    if (self) {
        // Custom initialization
    }
    return self;
}
- (void)viewDidLoad
{
    [super viewDidLoad];
    NSError *error;
    if (![[self fetchedResultsController] performFetch:&amp;amp;error]) {
        // Update to handle the error appropriately.
        NSLog(@"Unresolved error %@, %@", error, [error userInfo]);
        exit(-1);  // Fail
    }
    self.title = @"Core Data";
}
- (void)viewDidUnload
{
    [super viewDidUnload];
    self.fetchedResultsController = nil;
}
- (BOOL)shouldAutorotateToInterfaceOrientation:(UIInterfaceOrientation)interfaceOrientation
{
    return (interfaceOrientation == UIInterfaceOrientationPortrait);
}
#pragma mark - Table view data source
- (NSInteger)numberOfSectionsInTableView:(UITableView *)tableView
{
    // Return the number of sections.
    return 1;
}
- (NSInteger)tableView:(UITableView *)tableView numberOfRowsInSection:(NSInteger)section
{
    // Return the number of rows in the section.
    id  sectionInfo =
    [[_fetchedResultsController sections] objectAtIndex:section];
    return [sectionInfo numberOfObjects];
}
- (void)configureCell:(UITableViewCell *)cell atIndexPath:(NSIndexPath *)indexPath {
    Data *info = [_fetchedResultsController objectAtIndexPath:indexPath];
    cell.textLabel.text = info.title;
    cell.detailTextLabel.text = info.content;
}
- (UITableViewCell *)tableView:(UITableView *)tableView cellForRowAtIndexPath:(NSIndexPath *)indexPath
{
    static NSString *CellIdentifier = @"Cell";
    UITableViewCell *cell = [tableView dequeueReusableCellWithIdentifier:CellIdentifier];
    if (!cell) {
        cell = [[UITableViewCell alloc] initWithStyle:UITableViewCellStyleSubtitle reuseIdentifier:CellIdentifier];
    }
    // Configure the cell...
    [self configureCell:cell atIndexPath:indexPath];
    return cell;
}
#pragma mark - fetchedResultsController
- (NSFetchedResultsController *)fetchedResultsController {
    if (_fetchedResultsController != nil) {
        return _fetchedResultsController;
    }
    NSFetchRequest *fetchRequest = [[NSFetchRequest alloc] init];
    NSEntityDescription *entity = [NSEntityDescription
                                   entityForName:@"Data" inManagedObjectContext:managedObjectContext];
    [fetchRequest setEntity:entity];
    [fetchRequest setFetchBatchSize:20];
    NSFetchedResultsController *theFetchedResultsController =
    [[NSFetchedResultsController alloc] initWithFetchRequest:fetchRequest
                                        managedObjectContext:managedObjectContext sectionNameKeyPath:nil
                                                   cacheName:@"Root"];
    self.fetchedResultsController = theFetchedResultsController;
    _fetchedResultsController.delegate = self;
    return _fetchedResultsController;
}
- (void)controllerWillChangeContent:(NSFetchedResultsController *)controller {
    // The fetch controller is about to start sending change notifications, so prepare the table view for updates.
    [self.tableView beginUpdates];
}
- (void)controller:(NSFetchedResultsController *)controller didChangeObject:(id)anObject atIndexPath:(NSIndexPath *)indexPath forChangeType:(NSFetchedResultsChangeType)type newIndexPath:(NSIndexPath *)newIndexPath {
    UITableView *tableView = self.tableView;
    switch(type) {
        case NSFetchedResultsChangeInsert:
            [tableView insertRowsAtIndexPaths:[NSArray arrayWithObject:newIndexPath] withRowAnimation:UITableViewRowAnimationFade];
            break;
        case NSFetchedResultsChangeDelete:
            [tableView deleteRowsAtIndexPaths:[NSArray arrayWithObject:indexPath] withRowAnimation:UITableViewRowAnimationFade];
            break;
        case NSFetchedResultsChangeUpdate:
            [self configureCell:[tableView cellForRowAtIndexPath:indexPath] atIndexPath:indexPath];
            break;
        case NSFetchedResultsChangeMove:
            [tableView deleteRowsAtIndexPaths:[NSArray
                                               arrayWithObject:indexPath] withRowAnimation:UITableViewRowAnimationFade];
            [tableView insertRowsAtIndexPaths:[NSArray
                                               arrayWithObject:newIndexPath] withRowAnimation:UITableViewRowAnimationFade];
            break;
    }
}
- (void)controller:(NSFetchedResultsController *)controller didChangeSection:(id )sectionInfo atIndex:(NSUInteger)sectionIndex forChangeType:(NSFetchedResultsChangeType)type {
    switch(type) {
        case NSFetchedResultsChangeInsert:
            [self.tableView insertSections:[NSIndexSet indexSetWithIndex:sectionIndex] withRowAnimation:UITableViewRowAnimationFade];
            break;
        case NSFetchedResultsChangeDelete:
            [self.tableView deleteSections:[NSIndexSet indexSetWithIndex:sectionIndex] withRowAnimation:UITableViewRowAnimationFade];
            break;
    }
}
- (void)controllerDidChangeContent:(NSFetchedResultsController *)controller {
    // The fetch controller has sent all current change notifications, so tell the table view to process all updates.
    [self.tableView endUpdates];
}
@end
&lt;/code&gt;&lt;/pre&gt;
&lt;p&gt;and here is my appdelegate.m&lt;/p&gt;
&lt;pre&gt;&lt;code&gt;#import "Data.h"
#import "singleAppDelegate.h"
#import "singleAppDelegate.h"
@implementation singleAppDelegate
@synthesize window = _window;
@synthesize managedObjectContext = __managedObjectContext;
@synthesize managedObjectModel = __managedObjectModel;
@synthesize persistentStoreCoordinator = __persistentStoreCoordinator;
- (BOOL)application:(UIApplication *)application didFinishLaunchingWithOptions:(NSDictionary *)launchOptions
{
    NSManagedObjectContext *context = [self managedObjectContext];
    Data *data = [NSEntityDescription
                                      insertNewObjectForEntityForName:@"Data"
                                      inManagedObjectContext:context];
    data.title = @"title";
    data.content = @"test content";
    NSError *error;
    if (![context save:&amp;amp;error]) {
        NSLog(@"Whoops, couldn't save: %@", [error localizedDescription]);
    }
    return YES;
}
&lt;/code&gt;&lt;/pre&gt;
&lt;p&gt;and here is my data.m&lt;/p&gt;
&lt;pre&gt;&lt;code&gt;@implementation Data
@dynamic title;
@dynamic content;
@end
&lt;/code&gt;&lt;/pre&gt;
&lt;p&gt;Don't know what's wrong.&lt;/p&gt;</t>
  </si>
  <si>
    <t>2012-05-12 11:47:01.250000+00:00</t>
  </si>
  <si>
    <t>2012-05-12 12:57:28.317000+00:00</t>
  </si>
  <si>
    <t>iphone|ios|core-data</t>
  </si>
  <si>
    <t>Declaring booleans Optimization</t>
  </si>
  <si>
    <t>&lt;p&gt;Will the java compiler optimize this:&lt;/p&gt;
&lt;pre&gt;&lt;code&gt;boolean foo1 = getSomeHardToGetBoolean();
boolean foo2 = getSomeEasyToGetBoolean();
if(foo1 &amp;amp;&amp;amp; foo2){
//do stuff
}
&lt;/code&gt;&lt;/pre&gt;
&lt;p&gt;To this:&lt;/p&gt;
&lt;pre&gt;&lt;code&gt;if(getSomeEasyToGetBoolean() &amp;amp;&amp;amp; getSomeHardToGetBoolean()){
//do stuff
}
&lt;/code&gt;&lt;/pre&gt;
&lt;p&gt;Or even this:&lt;/p&gt;
&lt;pre&gt;&lt;code&gt;if(getSomeHardToGetBoolean() &amp;amp;&amp;amp; getSomeEasyToGetBoolean()){
//do stuff
}
&lt;/code&gt;&lt;/pre&gt;
&lt;p&gt;I use the first way as a general practice for readability, but at what cost?&lt;/p&gt;
&lt;p&gt;&lt;em&gt;Side note: Java 8 is assumed. Using JIT. The booleans cannot be determined until runtime. The booleans are completely independent of each other. I probably won't stop using the first way either way, but I'm just curious. Thanks!&lt;/em&gt;&lt;/p&gt;</t>
  </si>
  <si>
    <t>2014-12-18 17:03:49.373000+00:00</t>
  </si>
  <si>
    <t>2017-08-17 21:59:03.550000+00:00</t>
  </si>
  <si>
    <t>2014-12-18 17:46:56.900000+00:00</t>
  </si>
  <si>
    <t>java|compiler-optimization</t>
  </si>
  <si>
    <t>How to send id from view to Controller CodeIgniter via form_open_multipart</t>
  </si>
  <si>
    <t>&lt;p&gt;I am trying to an send id from a view to controller in CodeIgniter.My requirement is to switch the functions based on button id.Here is my HTML code.&lt;/p&gt;
&lt;p&gt;&lt;strong&gt;View HTML&lt;/strong&gt;&lt;/p&gt;
&lt;pre&gt;&lt;code&gt; &amp;lt;?php echo form_open_multipart('upload_control/switch_load','id="bt_addImage"');?&amp;gt;
 &amp;lt;input id= "bt_addImage" type="submit" value="Add Image" /&amp;gt; &amp;lt;br&amp;gt;
 &amp;lt;?php echo form_open_multipart('upload_control/switch_load','id="bt_chooseImage"');?&amp;gt;
 &amp;lt;input type="submit" id="bt_chooseImage" value="Submit"/&amp;gt;&amp;lt;br&amp;gt;
&lt;/code&gt;&lt;/pre&gt;
&lt;p&gt;&lt;strong&gt;&lt;code&gt;Upload_control.php&lt;/code&gt; Code&lt;/strong&gt;&lt;/p&gt;
&lt;pre&gt;&lt;code&gt;public function switch_load($id)
{
    if($id == "bt_addImage")
    {
        do_loadcategories();
    }
    else
    {
        do_upload();
    }
}
public function do_loadcategories()
{
    //code list categories
}
public function do_upload()
{
    //code to upload
}
&lt;/code&gt;&lt;/pre&gt;
&lt;p&gt;is it corrrect?&lt;/p&gt;
&lt;p&gt;or&lt;/p&gt;
&lt;p&gt;have any other way to do this?&lt;/p&gt;
&lt;p&gt;help me to solve the issue.&lt;/p&gt;</t>
  </si>
  <si>
    <t>2015-12-27 13:54:32.640000+00:00</t>
  </si>
  <si>
    <t>2016-06-20 11:57:12.470000+00:00</t>
  </si>
  <si>
    <t>php|html|codeigniter|codeigniter-2|codeigniter-3</t>
  </si>
  <si>
    <t>Is it possible to have "movable"/"draggable" components like JButtons, JTextFields in a JFrame?</t>
  </si>
  <si>
    <t>&lt;p&gt;Basically I plan to place some buttons, textfields, labels, etc. on a JFrame and I would like to make it possible that a user can move the different components around on that JFrame with the mouse.&lt;/p&gt;
&lt;p&gt;I have seen various ways with MouseListeners, subclassed JComponent code, DropSource/DropTarget implementations and so on, but I'm unsure which is the "recommended" way (I don't need to support "drag and drop" between different Frames/Applications which is what most examples seem to do).&lt;/p&gt;</t>
  </si>
  <si>
    <t>2011-02-19 16:56:49.363000+00:00</t>
  </si>
  <si>
    <t>2011-02-19 17:33:52.213000+00:00</t>
  </si>
  <si>
    <t>java|user-interface|swing|drag-and-drop|components</t>
  </si>
  <si>
    <t>Why text in hidden fields while I scrolling is clearing</t>
  </si>
  <si>
    <t>&lt;p&gt;I use UITableView.
If I change text in text field and then scroll down this text field is clearing.
Why text in hidden fields while I scrolling UITableView is clearing?&lt;/p&gt;</t>
  </si>
  <si>
    <t>2012-01-26 05:47:08.117000+00:00</t>
  </si>
  <si>
    <t>2012-01-26 05:51:48.953000+00:00</t>
  </si>
  <si>
    <t>iphone|objective-c|xcode|uitableview</t>
  </si>
  <si>
    <t>Stop the sound of a video without stoping the video</t>
  </si>
  <si>
    <t>&lt;p&gt;I have a video with sounds, and I want to play other sounds on the background. So I want to stop the video music to keep playing just the other music. I have to code for all except to stop the music for the video. Is it possible to build?&lt;/p&gt;</t>
  </si>
  <si>
    <t>2012-07-01 19:07:19.650000+00:00</t>
  </si>
  <si>
    <t>2012-07-01 22:38:48.190000+00:00</t>
  </si>
  <si>
    <t>ios|video</t>
  </si>
  <si>
    <t>Geb select element that contains something</t>
  </si>
  <si>
    <t>&lt;p&gt;How do I select the value of a form select field when it has random numbers in its name?&lt;/p&gt;
&lt;pre&gt;&lt;code&gt;&amp;lt;select name="select_(random numbers)"&amp;gt;
     &amp;lt;option value="1"&amp;gt;&amp;lt;/option&amp;gt;
&amp;lt;/select&amp;gt;
&lt;/code&gt;&lt;/pre&gt;
&lt;p&gt;I have tried: &lt;/p&gt;
&lt;pre&gt;&lt;code&gt;formValidity {$("form").(contains('validity')) = "1 year"}
&lt;/code&gt;&lt;/pre&gt;
&lt;p&gt;which fails. &lt;/p&gt;</t>
  </si>
  <si>
    <t>2014-08-06 08:12:38.840000+00:00</t>
  </si>
  <si>
    <t>2017-04-04 11:54:06.233000+00:00</t>
  </si>
  <si>
    <t>java|testing|groovy|geb</t>
  </si>
  <si>
    <t>Android Google map add custom place</t>
  </si>
  <si>
    <t>&lt;p&gt;Hello I want to add a custom place on google map. I am using map API v2 .. I just want to achieve the functionality like default maps application in android in which user can add any place anywhere on map and can add any description title etc for that place.. I look around for solutions but didn't find it. Any help with be appreciated...&lt;/p&gt;</t>
  </si>
  <si>
    <t>2015-11-20 05:33:15.670000+00:00</t>
  </si>
  <si>
    <t>2015-11-20 05:44:05.107000+00:00</t>
  </si>
  <si>
    <t>android|google-maps</t>
  </si>
  <si>
    <t>Get the top element in jQuery</t>
  </si>
  <si>
    <t>&lt;p&gt;&lt;em&gt;I've built advanced validation plugin which shows the errors in a specific way.&lt;/em&gt;&lt;/p&gt;
&lt;p&gt;However , when a user input is not valid , I &lt;em&gt;scroll&lt;/em&gt; the page to the &lt;strong&gt;first&lt;/strong&gt; element that has failed in validation.&lt;/p&gt;
&lt;p&gt;this is how it &lt;a href="https://i.stack.imgur.com/9HE20.jpg" rel="nofollow noreferrer"&gt;looks&lt;/a&gt; : &lt;/p&gt;
&lt;p&gt;&lt;img src="https://i.stack.imgur.com/9HE20.jpg" alt="enter image description here"&gt;&lt;/p&gt;
&lt;p&gt;So where is the problem ? &lt;/p&gt;
&lt;p&gt;I've bolded the &lt;code&gt;TD's&lt;/code&gt; in black.&lt;/p&gt;
&lt;p&gt;So you can see that &lt;code&gt;Currency textbox&lt;/code&gt; is on the first TD where &lt;code&gt;Owner Name  textbox&lt;/code&gt; is on the second TD&lt;/p&gt;
&lt;p&gt;so &lt;code&gt;Currency textbox&lt;/code&gt; has validated &lt;strong&gt;first&lt;/strong&gt;  , and so , the page scroll to the Currency location and not to the OwnerName text box location . ( as I wish)&lt;/p&gt;
&lt;p&gt;Question : &lt;/p&gt;
&lt;p&gt;How can I find the topmost element ( lets assume that all failed elements has &lt;code&gt;.failed&lt;/code&gt; class - just for simplicity).&lt;/p&gt;</t>
  </si>
  <si>
    <t>2013-04-02 11:57:54.447000+00:00</t>
  </si>
  <si>
    <t>2013-04-02 12:18:17.297000+00:00</t>
  </si>
  <si>
    <t>ps x shows weird command: -f html/index.php</t>
  </si>
  <si>
    <t>&lt;p&gt;Just went to check one of my homepages and was greeted by the message: "CGIWrap Error: Real UID could not be changed!". Went in via SSH and tried "ps x" which showed me tons of processes that that where just "-f " and the path to index.php or some other site. After killing all processes everything went back to normal.&lt;/p&gt;
&lt;p&gt;Anyone know what that is? Google did not help at all.&lt;/p&gt;</t>
  </si>
  <si>
    <t>2013-05-09 16:13:17.820000+00:00</t>
  </si>
  <si>
    <t>2013-05-09 17:42:12.610000+00:00</t>
  </si>
  <si>
    <t>2013-05-09 16:30:39.023000+00:00</t>
  </si>
  <si>
    <t>php|linux|apache</t>
  </si>
  <si>
    <t>NetBeans TomCat Serverlet access though internet</t>
  </si>
  <si>
    <t>&lt;p&gt;I have my tomcat serverlet project running on my local network and I can access it from any device on the network and it is hosted on my main computer.&lt;/p&gt;
&lt;p&gt;In basic steps how do I set it up so I can allow access to the server from any device on the internet?&lt;/p&gt;</t>
  </si>
  <si>
    <t>2016-02-16 18:44:02.153000+00:00</t>
  </si>
  <si>
    <t>2016-02-16 18:54:21.193000+00:00</t>
  </si>
  <si>
    <t>apache|tomcat</t>
  </si>
  <si>
    <t>React - print statement causes page to reload</t>
  </si>
  <si>
    <t>&lt;p&gt;I have several React components, each of them connected to attributes from a database.&lt;/p&gt;
&lt;p&gt;In one of them, I do the following print statement:&lt;/p&gt;
&lt;pre&gt;&lt;code&gt; console.log(JSON.stringify(this.props));
&lt;/code&gt;&lt;/pre&gt;
&lt;p&gt;This stops the execution of the code and causes the entire page to reload.&lt;/p&gt;
&lt;p&gt;I haven't written the code which connects to the database, I only know that it follows a Flux architecture.&lt;/p&gt;
&lt;p&gt;Any ideas about what could cause this issue?&lt;/p&gt;</t>
  </si>
  <si>
    <t>2015-10-16 11:01:45.023000+00:00</t>
  </si>
  <si>
    <t>javascript|reactjs|flux</t>
  </si>
  <si>
    <t>can't retrieve background image CSS</t>
  </si>
  <si>
    <t>&lt;p&gt;I am having problem with CSS retrieving the pictures to display, but it works on my first form which I use CSS, but the thing is when I created the second CSS and apply on different pages, my background images can't be display and I confirmed that my pictures locations are correct.May I know what kind of issues that might be causing this??&lt;/p&gt;
&lt;pre&gt;&lt;code&gt;&amp;lt;head runat="server"&amp;gt;
&amp;lt;link rel="stylesheet" href="studymain.css" type="text/css"&amp;gt;
&amp;lt;title&amp;gt;&amp;lt;/title&amp;gt;
&amp;lt;style type="text/css"&amp;gt;
    .style1
    {
        text-align: center;
    }
    .style2
    {
        font-size: 50pt;
    }
&amp;lt;/style&amp;gt;
&amp;lt;/link&amp;gt;
&lt;/code&gt;&lt;/pre&gt;
&lt;p&gt;&lt;/p&gt;
&lt;p&gt;================================================
below are my studymain.css files&lt;/p&gt;
&lt;pre&gt;&lt;code&gt;body {
    background-repeat:no-repeat;
    background-position: center;
    background-attachment:absolute;
    width:100%;
    font-weight: 700;
    color: #C0C0C0;
    background-color: transparent;
    background-image: url('images/Login.jpg');
}
&lt;/code&gt;&lt;/pre&gt;</t>
  </si>
  <si>
    <t>2013-11-11 07:06:09.023000+00:00</t>
  </si>
  <si>
    <t>2013-11-25 03:11:15.860000+00:00</t>
  </si>
  <si>
    <t>2013-11-11 08:53:56.817000+00:00</t>
  </si>
  <si>
    <t>Airflow 1.9.0 is queuing but not launching tasks</t>
  </si>
  <si>
    <t>&lt;p&gt;Airflow is randomly not running queued tasks some tasks dont even get queued status. I keep seeing below in the scheduler logs&lt;/p&gt;
&lt;pre&gt;&lt;code&gt; [2018-02-28 02:24:58,780] {jobs.py:1077} INFO - No tasks to consider for execution.
&lt;/code&gt;&lt;/pre&gt;
&lt;p&gt;I do see tasks in database that either have no status or queued status but they never get started.&lt;/p&gt;
&lt;p&gt;The airflow setup is running &lt;a href="https://github.com/puckel/docker-airflow" rel="noreferrer"&gt;https://github.com/puckel/docker-airflow&lt;/a&gt; on ECS with Redis. There are 4 scheduler threads and 4 Celery worker tasks. For the tasks that are not running are showing in queued state (grey icon) when hovering over the task icon operator is null and task details says: &lt;/p&gt;
&lt;pre&gt;&lt;code&gt;    All dependencies are met but the task instance is not running. In most cases this just means that the task will probably be scheduled soon unless:- The scheduler is down or under heavy load
&lt;/code&gt;&lt;/pre&gt;
&lt;p&gt;Metrics on scheduler do not show heavy load. The dag is very simple with 2 independent tasks only dependent on last run. There are also tasks in the same dag that are stuck with no status (white icon). &lt;/p&gt;
&lt;p&gt;&lt;em&gt;Interesting thing to notice is when I restart the scheduler tasks change to running state.&lt;/em&gt;&lt;/p&gt;</t>
  </si>
  <si>
    <t>2018-02-28 02:28:51.160000+00:00</t>
  </si>
  <si>
    <t>2018-09-27 08:08:58.257000+00:00</t>
  </si>
  <si>
    <t>2018-03-02 00:11:01.757000+00:00</t>
  </si>
  <si>
    <t>airflow|airflow-scheduler</t>
  </si>
  <si>
    <t>Unable to access outside URL using file() function in PHP</t>
  </si>
  <si>
    <t>&lt;p&gt;I have following code:&lt;/p&gt;
&lt;pre&gt;&lt;code&gt;$url = 'http://' . $host . ':' . $port . $params;
$results = file( $url );
&lt;/code&gt;&lt;/pre&gt;
&lt;p&gt;I am getting following exception:&lt;/p&gt;
&lt;pre&gt;&lt;code&gt;file(http://someurl.com/asd/asd): failed to open stream: HTTP request failed! HTTP/1.0 403 Forbidden
&lt;/code&gt;&lt;/pre&gt;
&lt;p&gt;But I access URL(stored in $url variable) directly in browser, it is working perfectly fine. Why am I getting problem while accessing it from PHP?&lt;/p&gt;</t>
  </si>
  <si>
    <t>2013-07-23 06:49:40.410000+00:00</t>
  </si>
  <si>
    <t>2013-12-29 12:58:32.720000+00:00</t>
  </si>
  <si>
    <t>php|apache|file|url|httpforbiddenhandler</t>
  </si>
  <si>
    <t>How do I figure out which regular expression matches my string?</t>
  </si>
  <si>
    <t>&lt;p&gt;I have 10 regular expressions and 1 one string which may or may not match exactly one of those 10 regular expressions. Does anyone know of a simple way to figure out which regular expression, if any, matches my string? I know that I can simply test each one against the string but I'd like to know if there's a library out there that I can input the regular expressions and the string and it'll tell me if any of my regular expressions match. I need to know which regular expression is matched because the resulting business logic is different for each regular expression.&lt;/p&gt;</t>
  </si>
  <si>
    <t>2011-03-09 16:45:03.690000+00:00</t>
  </si>
  <si>
    <t>2011-03-09 17:21:55.210000+00:00</t>
  </si>
  <si>
    <t>2011-03-09 17:13:52.400000+00:00</t>
  </si>
  <si>
    <t>java|java-ee</t>
  </si>
  <si>
    <t>Mouseenter and mouseleave with animation</t>
  </si>
  <si>
    <t>&lt;p&gt;I make a  simple mouse enter and mouse leave animation. When you mouse enter the div. Than the links div is going open. When you mouse out, the div is going closed. I set a animation with slideUp and slideDown.&lt;/p&gt;
&lt;p&gt;I have a problem with the animation. There are a lot of .comment divs on the page. When I hover over the items quickly. The slide animation is going crazy and you see the animation a lot of times. How can i fix that? Thanks!&lt;/p&gt;
&lt;pre&gt;&lt;code&gt;$("#comments .comment .links").hide();
$("#comments .comment").mouseenter(function() {
    $(".links",this).slideDown(300);
}).mouseleave(function() {
    $(".links",this).slideUp(300);
});
&lt;/code&gt;&lt;/pre&gt;</t>
  </si>
  <si>
    <t>2012-05-09 09:29:59.130000+00:00</t>
  </si>
  <si>
    <t>2012-12-13 11:24:50.670000+00:00</t>
  </si>
  <si>
    <t>javascript|jquery|slidedown|slideup|mouseenter</t>
  </si>
  <si>
    <t>Understanding FP in an enterprise application context (in Scala)</t>
  </si>
  <si>
    <t>&lt;p&gt;Most examples (if not all) that I see are the sort of a function that does some sort of computation and finishes. In that aspect, FP shines. However, I have trouble seeing how to apply it in the context of an enterprise application environment where there's not much of algorithms going on and a lot of data transfer and services.&lt;/p&gt;
&lt;p&gt;So I'd like to ask how to implement the following problem in FP style.&lt;/p&gt;
&lt;p&gt;I want to implement an events bus service. The service has a &lt;code&gt;register&lt;/code&gt; method for registering listeners and &lt;code&gt;publish&lt;/code&gt; for publishing events.&lt;/p&gt;
&lt;p&gt;In an OO setting this is done by creating an EventBus interface with both methods. Then an implementation can use a list to hold listeners that is updated by &lt;code&gt;register&lt;/code&gt; and used in &lt;code&gt;publish&lt;/code&gt;. Of course this means &lt;code&gt;register&lt;/code&gt; has a side effect. Spring can be used to create the class and pass its instance to publishers or subscribers of events. &lt;/p&gt;
&lt;p&gt;How to model this in FP, given that clients of the event bus service are independent (e.g., not all are created in a "test" method)? As far as I can see this negates making register return a new instance of EventBus, since other clients already hold a reference to the old instance (and e.g., publishing to it will only publish to the listeners it knows of)&lt;/p&gt;
&lt;p&gt;I prefer a solution to be in Scala. &lt;/p&gt;</t>
  </si>
  <si>
    <t>2011-03-21 20:01:13.717000+00:00</t>
  </si>
  <si>
    <t>2011-12-27 14:45:36.610000+00:00</t>
  </si>
  <si>
    <t>scala|functional-programming</t>
  </si>
  <si>
    <t>Counting the number of hits to my webpage</t>
  </si>
  <si>
    <t>&lt;p&gt;I have developed a webpage for the internal monitoring of some services of my company. We wish to record the number of hits on the page and display it real time. I have gone through the questions : &lt;/p&gt;
&lt;p&gt;&lt;a href="https://stackoverflow.com/questions/35273358/determine-how-many-times-webpage-has-been-accessed"&gt;Determine how many times webpage has been accessed&lt;/a&gt;&lt;/p&gt;
&lt;p&gt;&lt;a href="https://stackoverflow.com/questions/31610985/how-can-i-count-the-number-of-the-visitors-on-my-website-using-javascript"&gt;How can I count the number of the visitors on my website using JavaScript?&lt;/a&gt;&lt;/p&gt;
&lt;p&gt;But I can't use google analytics and other such tools. I am hoping it can be done in nodejs. The problem is if I do something like this on nodejs server : &lt;/p&gt;
&lt;pre&gt;&lt;code&gt;var express = require('express');
var app = express();
var bodyParser = require('body-parser');
var request = require('request');
var cfenv = require('cfenv');
app.use(express.static(__dirname + "/public"));
app.use(bodyParser.json());
var userCount = 0;
app.post('/counterIncrement', function(req, res){
console.log("I received a request to refresh the counter");
userCount = userCount + 1;
res.json({countNum: userCount});
});
var router1 = require('./public/routes/Route1');
router1(app);
var router2 = require('./public/routes/Route2');
router2(app);
var router3 = require('./public/routes/Route3');
router3(app);
var appEnv = cfenv.getAppEnv();
app.listen(appEnv.port, appEnv.bind, function() {
   console.log("server starting on " + appEnv.url); 
});
&lt;/code&gt;&lt;/pre&gt;
&lt;p&gt;And everytime someone visits our webpage, we send a request from controller to server to increase the counter. Would this not create a race condition when multiple people access the webpage at the same time? Is there some other way possible? &lt;/p&gt;
&lt;p&gt;We had a look at cookies also, but we want to increase the counter even when the same user visits again, and even if thats possible, I am unable to understand how the race condition can be avoided?&lt;/p&gt;</t>
  </si>
  <si>
    <t>2017-06-14 08:36:06.900000+00:00</t>
  </si>
  <si>
    <t>2017-06-14 09:10:41.540000+00:00</t>
  </si>
  <si>
    <t>2017-06-14 08:51:53.307000+00:00</t>
  </si>
  <si>
    <t>javascript|angularjs|node.js</t>
  </si>
  <si>
    <t>Unable to "click" in recent webdriver release on FireFox</t>
  </si>
  <si>
    <t>&lt;p&gt;I am facing intermittent issue in Clicking on a button or a hyperlink on Firefox.
I am using webdriver version 2.27 and FF17.&lt;/p&gt;
&lt;p&gt;The buttons are simple html button - &lt;/p&gt;
&lt;pre&gt;&lt;code&gt;&amp;lt;input class="btn" type="button" title="AddP" onclick="navigateToUrl('/p/tyy/SelectSearch?addTo=006y67&amp;amp;retURL=%2F00999yu2Boy9','MM_LIST','addP');" name="addP" value="Add P"&amp;gt;
&lt;/code&gt;&lt;/pre&gt;
&lt;p&gt;I use locator as : &lt;code&gt;name=addP&lt;/code&gt;&lt;/p&gt;
&lt;p&gt;For hyperlinks I use locator as : &lt;code&gt;link=hyperlinktext&lt;/code&gt;&lt;/p&gt;
&lt;p&gt;The Click will not fail with any exception, it will simply highlight the button or link, but not perform the actual click.&lt;/p&gt;
&lt;p&gt;The frequency of failure is once in 3 times.&lt;/p&gt;
&lt;p&gt;Thanks
Sky&lt;/p&gt;</t>
  </si>
  <si>
    <t>2013-01-15 09:32:25.607000+00:00</t>
  </si>
  <si>
    <t>2013-01-21 07:01:39.847000+00:00</t>
  </si>
  <si>
    <t>2013-01-15 11:10:49.717000+00:00</t>
  </si>
  <si>
    <t>firefox|click|webdriver|intermittent</t>
  </si>
  <si>
    <t>Undefined is not a function this.setState</t>
  </si>
  <si>
    <t>&lt;p&gt;I created a simple login page, which, once the button is pressed, executes this function :&lt;/p&gt;
&lt;pre&gt;&lt;code&gt;login = (email, password, navigate) =&amp;gt; {
  this.setState({ loginButtonPressed: true });
  firebase
    .auth()
    .signInWithEmailAndPassword(email, password)
    .then(function(user) {
      navigate('Profile');
    })
    .catch(function(error) {
      this.setState({ loginButtonPressed: false });
      Alert.alert(error.toString());
    });
};
&lt;/code&gt;&lt;/pre&gt;
&lt;p&gt;Once called, it executes "this.setState({ loginButtonPressed: true })" since the button changes shape (it is marked as pressed). But I get the following error: &lt;strong&gt;Undefined is not a function this.setState&lt;/strong&gt;.&lt;/p&gt;
&lt;p&gt;How can this be fixed? Thanks for your help.&lt;/p&gt;</t>
  </si>
  <si>
    <t>2018-04-13 16:42:49.467000+00:00</t>
  </si>
  <si>
    <t>2018-04-13 21:22:06.410000+00:00</t>
  </si>
  <si>
    <t>2018-04-13 16:47:13.587000+00:00</t>
  </si>
  <si>
    <t>javascript|reactjs|firebase|react-native|firebase-authentication</t>
  </si>
  <si>
    <t>how to write for cassandra database and kafka unit tests?</t>
  </si>
  <si>
    <t>&lt;p&gt;I'm new in node js. I'm writing a microservice which listening kafka messages and save data to cassandra. That's it. How write unit test for my service?&lt;/p&gt;</t>
  </si>
  <si>
    <t>2018-05-25 12:31:55.120000+00:00</t>
  </si>
  <si>
    <t>node.js|cassandra|apache-kafka|microservices</t>
  </si>
  <si>
    <t>Need help finding the complexity of this algorithm</t>
  </si>
  <si>
    <t>&lt;p&gt;Hi I need help finding the complexity of this algorithm.
Could you please answer the complexity line by line not just the final result?&lt;/p&gt;
&lt;p&gt;The algorithm is the following one:&lt;/p&gt;
&lt;pre&gt;&lt;code&gt;int algorithm(int x)
{
    int y = 1;
    while (y &amp;lt;= x-1)
    {
        int z = y*2;
        while (z &amp;lt;= x)
        {
            int w = 1;
            while (w &amp;lt;= z)
            {
                w++;
            }
            z++;
        }
        y++;
    }
}
&lt;/code&gt;&lt;/pre&gt;
&lt;p&gt;Any help would be appreciated!&lt;/p&gt;
&lt;p&gt;Thanks&lt;/p&gt;</t>
  </si>
  <si>
    <t>2014-02-24 03:15:53.547000+00:00</t>
  </si>
  <si>
    <t>2014-03-25 05:02:04.207000+00:00</t>
  </si>
  <si>
    <t>2014-02-24 03:17:07.023000+00:00</t>
  </si>
  <si>
    <t>c|algorithm|complexity-theory|time-complexity|code-complexity</t>
  </si>
  <si>
    <t>Process zip file into Solr</t>
  </si>
  <si>
    <t>&lt;p&gt;I have to process zip file which content multiple zip files and these zip files have xml and image files. I have to index the data into solr, which should gives result as content of XML data.&lt;/p&gt;
&lt;p&gt;I tried default solr-Tika example, which returns only zip file names when I queried on it.
How I will achieve this? is Tika is only the way to handle my requirement? &lt;/p&gt;
&lt;p&gt;Thanks in advance.&lt;/p&gt;</t>
  </si>
  <si>
    <t>2014-01-11 21:04:29.087000+00:00</t>
  </si>
  <si>
    <t>2014-01-12 09:43:11.113000+00:00</t>
  </si>
  <si>
    <t>solr|apache-tika</t>
  </si>
  <si>
    <t>Firebase analytics sampling limits</t>
  </si>
  <si>
    <t>&lt;p&gt;If the data set exceeds a particular value, Google analytics shows sampled results on the dashboard. The limits beyond which data is sampled (&gt;250k sessions, &gt;50k rows, etc.) is given here: &lt;a href="https://support.google.com/analytics/answer/1042498?hl=en&amp;amp;ref_topic=2601030" rel="nofollow"&gt;https://support.google.com/analytics/answer/1042498?hl=en&amp;amp;ref_topic=2601030&lt;/a&gt;&lt;/p&gt;
&lt;p&gt;What about firebase analytics? Does it sample data in the same way for generating reports? Are the sampling limits same as those for google analytics given in the link above?&lt;/p&gt;</t>
  </si>
  <si>
    <t>2016-05-21 07:39:02.607000+00:00</t>
  </si>
  <si>
    <t>2016-06-15 14:58:42.417000+00:00</t>
  </si>
  <si>
    <t>google-analytics|firebase|firebase-analytics</t>
  </si>
  <si>
    <t>PHP - Get bool to echo false when false</t>
  </si>
  <si>
    <t>&lt;p&gt;For some reason, the following code doesn't print out anything:&lt;/p&gt;
&lt;pre&gt;&lt;code&gt;$bool_val = (bool)false;
echo $bool_val;
&lt;/code&gt;&lt;/pre&gt;
&lt;p&gt;But the following code prints out 1:&lt;/p&gt;
&lt;pre&gt;&lt;code&gt;$bool_val = (bool)true;
echo $bool_val;
&lt;/code&gt;&lt;/pre&gt;
&lt;p&gt;Is there a better way to print out 0 or false when $bool_val is false than adding an if statement?&lt;/p&gt;
&lt;p&gt;Edit: changed second statement from false to true&lt;/p&gt;</t>
  </si>
  <si>
    <t>2011-02-09 18:02:25.150000+00:00</t>
  </si>
  <si>
    <t>2017-03-23 13:51:41.667000+00:00</t>
  </si>
  <si>
    <t>2011-02-09 18:15:04.290000+00:00</t>
  </si>
  <si>
    <t>php|boolean</t>
  </si>
  <si>
    <t>nutiteq: Button resp. clickable Views not working in Custom ViewLabel</t>
  </si>
  <si>
    <t>&lt;p&gt;I am able to make a fully customized ViewLabel in Android nutiteq, defining layout design and sizes. However, clickable Views are not working as expected. First I tried to make the whole label clickable by defining the root layout as clickable, but this didn't work. Adding a Button too does not work. How can this problem be solved?&lt;/p&gt;
&lt;pre&gt;&lt;code&gt;MapPos markerLoc = rasterLayer.getProjection().fromWgs84(lng, lat);
Marker marker;
CustomPOILayout layout = new CustomPOILayout(this);
layout.setTitle((poi.title.trim().length() == 0)? "kein Titel" : poi.title);
layout.setDescription((poi.desc.trim().length() == 0)? "keine Beschreibung" : poi.desc);
layout.setDateAndAuthor(COSAHelper.convertTimestamp(poi.resCreated) + "\nvon: " + poi.author);
layout.setImages(poi.byteStrings);
layout.measure(MeasureSpec.makeMeasureSpec(0, MeasureSpec.UNSPECIFIED),
                        MeasureSpec.makeMeasureSpec(0,  MeasureSpec.UNSPECIFIED)); 
layout.layout(0, 0, layout.getMeasuredWidth(), layout.getMeasuredHeight());
Label label = new ViewLabel("", layout, 
                            new Handler(), 
                            LabelStyle.builder()
                                .setAlpha(1.0f)
                                .setBorderRadius(0)
                                .setBorderColor(Color.GRAY)
                                .setBorderWidth(5)
                                .build()
                            );
marker = new Marker(markerLoc, label, markerStyle3, markerLayer);
markerLayer.add(marker);
&lt;/code&gt;&lt;/pre&gt;
&lt;p&gt;the xml layout&lt;/p&gt;
&lt;p&gt;
&lt;/p&gt;
&lt;pre&gt;&lt;code&gt;&amp;lt;TextView 
    android:id="@+id/label_title"
    android:layout_width="wrap_content"
    android:layout_height="wrap_content"
    android:textSize="18sp"
    android:textStyle="bold"
    /&amp;gt;
&amp;lt;View 
    android:layout_width="match_parent"
    android:layout_height="1dip"
    android:background="@color/abc_search_url_text_normal"
    /&amp;gt;
&amp;lt;TextView 
    android:id="@+id/label_date"
    android:layout_width="wrap_content"
    android:layout_height="wrap_content"
    android:textSize="11sp"
    /&amp;gt;
&amp;lt;TextView 
    android:id="@+id/label_description"
    android:layout_width="wrap_content"
    android:layout_height="wrap_content"
    android:textSize="14sp"
    /&amp;gt;
&amp;lt;View 
    android:layout_width="match_parent"
    android:layout_height="1dip"
    android:background="@color/abc_search_url_text_normal"
    /&amp;gt;
&amp;lt;LinearLayout 
    android:id="@+id/label_container1"
    android:layout_width="match_parent"
    android:layout_height="wrap_content"
    android:orientation="horizontal"
    &amp;gt;
    &amp;lt;ImageView 
        android:layout_width="0dip"
        android:layout_weight="1"
        android:layout_height="match_parent"
        android:adjustViewBounds="true"
        android:layout_margin="5dip"
        android:minHeight="25dip"
        /&amp;gt;
    &amp;lt;ImageView 
        android:layout_width="0dip"
        android:layout_weight="1"
        android:layout_height="match_parent"
        android:adjustViewBounds="true"
        android:layout_margin="5dip"
        android:minHeight="25dip"
        /&amp;gt;
&amp;lt;/LinearLayout&amp;gt;
&amp;lt;LinearLayout 
    android:id="@+id/label_container2"
    android:layout_width="match_parent"
    android:layout_height="wrap_content"
    android:orientation="horizontal"
    &amp;gt;
    &amp;lt;ImageView 
        android:layout_width="0dip"
        android:layout_weight="1"
        android:layout_height="match_parent"
        android:adjustViewBounds="true"
        android:layout_margin="5dip"
        android:minHeight="25dip"
        /&amp;gt;
    &amp;lt;ImageView 
        android:layout_width="0dip"
        android:layout_weight="1"
        android:layout_height="match_parent"
        android:adjustViewBounds="true"
        android:layout_margin="5dip"
        android:minHeight="25dip"
        /&amp;gt;
&amp;lt;/LinearLayout&amp;gt;
&amp;lt;TextView 
    android:id="@+id/label_text_images"
    android:layout_width="match_parent"
    android:layout_height="wrap_content"
    android:textStyle="bold"
    /&amp;gt;
&amp;lt;View 
    android:layout_width="match_parent"
    android:layout_height="1dip"
    android:background="@color/abc_search_url_text_normal"
    /&amp;gt;
&amp;lt;Button 
    android:layout_width="wrap_content"
    android:layout_height="wrap_content"
    android:text="zeige Ressource"
    android:gravity="center"
    android:onClick="onClickTest"
    android:layout_gravity="center"
    android:textSize="14sp"/&amp;gt;
&lt;/code&gt;&lt;/pre&gt;
&lt;p&gt;&lt;/p&gt;
&lt;p&gt;&lt;img src="https://i.stack.imgur.com/5O3iP.png" alt="enter image description here"&gt;&lt;/p&gt;</t>
  </si>
  <si>
    <t>2015-02-20 13:04:41.363000+00:00</t>
  </si>
  <si>
    <t>2015-09-18 06:09:26.640000+00:00</t>
  </si>
  <si>
    <t>android|custom-view|nutiteq</t>
  </si>
  <si>
    <t>SOAP- Client : Getting Null Pinter Exception using AXIS 1.4 in Java</t>
  </si>
  <si>
    <t>&lt;p&gt;I am getting nullpointerexception while executing the SOAP Request from SOAP UI but the error is not giving exactly where the error getting.&lt;/p&gt;
&lt;p&gt;Can anyone please help me to get resolve the below error:&lt;/p&gt;
&lt;pre&gt;&lt;code&gt;org.xml.sax.SAXException: null
    at org.apache.axis.encoding.ser.SimpleDeserializer.onEndElement(SimpleDeserializer.java:180) ~[axis-1.4.jar:?]
    at org.apache.axis.encoding.DeserializerImpl.endElement(DeserializerImpl.java:502) ~[axis-1.4.jar:?]
    at org.apache.axis.encoding.DeserializationContext.endElement(DeserializationContext.java:1087) ~[axis-1.4.jar:?]
    at org.apache.axis.message.SAX2EventRecorder.replay(SAX2EventRecorder.java:171) ~[axis-1.4.jar:?]
    at org.apache.axis.message.MessageElement.publishToHandler(MessageElement.java:1141) ~[axis-1.4.jar:?]
    at org.apache.axis.message.RPCElement.deserialize(RPCElement.java:236) ~[axis-1.4.jar:?]
    at org.apache.axis.message.RPCElement.getParams(RPCElement.java:384) ~[axis-1.4.jar:?]
    at org.apache.axis.client.Call.invoke(Call.java:2467) [axis-1.4.jar:?]
    at org.apache.axis.client.Call.invoke(Call.java:2366) [axis-1.4.jar:?]
    at org.apache.axis.client.Call.invoke(Call.java:1812) [axis-1.4.jar:?]
Caused by: java.lang.NullPointerException
    at org.apache.axis.encoding.ser.EnumDeserializer.makeValue(EnumDeserializer.java:53) ~[axis-1.4.jar:?]
    at org.apache.axis.encoding.ser.SimpleDeserializer.onEndElement(SimpleDeserializer.java:172) ~[axis-1.4.jar:?]
    ... 66 more
&lt;/code&gt;&lt;/pre&gt;
&lt;p&gt;Can anyone please help me on this.&lt;/p&gt;</t>
  </si>
  <si>
    <t>2018-07-19 06:57:20.813000+00:00</t>
  </si>
  <si>
    <t>java|spring-boot|axis|soap-client</t>
  </si>
  <si>
    <t>Javascript jQuery json each</t>
  </si>
  <si>
    <t>&lt;p&gt;please help for my Code.&lt;/p&gt;
&lt;p&gt;&lt;div class="snippet" data-lang="js" data-hide="false"&gt;_x000D_
&lt;div class="snippet-code"&gt;_x000D_
&lt;pre class="snippet-code-js lang-js prettyprint-override"&gt;&lt;code&gt;var langeJSON = {_x000D_
    "placeholder":[_x000D_
     { "#iEmail"   :"eMail-Adresse" },_x000D_
     { "#iPasswort": "Passwort" }_x000D_
    ],_x000D_
    "text":[_x000D_
     { "#pLoginText" : "Login..." }_x000D_
    ]_x000D_
}_x000D_
_x000D_
$.each(langeJSON, function(k, v) {_x000D_
     console.info(k + ' x ' + v);_x000D_
     $.each(v, function(k1, v1) {_x000D_
          console.info(k1 + ' - ' + v1);_x000D_
     })_x000D_
});&lt;/code&gt;&lt;/pre&gt;_x000D_
&lt;pre class="snippet-code-html lang-html prettyprint-override"&gt;&lt;code&gt;&amp;lt;script src="https://ajax.googleapis.com/ajax/libs/jquery/1.11.1/jquery.min.js"&amp;gt;&amp;lt;/script&amp;gt;&lt;/code&gt;&lt;/pre&gt;_x000D_
&lt;/div&gt;_x000D_
&lt;/div&gt;_x000D_
&lt;/p&gt;
&lt;p&gt;Should look like this, this is false&lt;/p&gt;
&lt;pre&gt;&lt;code&gt;placeholder x [object Object],[object Object]
0 - [object Object]
1 - [object Object]
text x [object Object]
0 - [object Object]
&lt;/code&gt;&lt;/pre&gt;
&lt;p&gt;but looks like&lt;/p&gt;
&lt;pre&gt;&lt;code&gt;placeholder x [object Object],[object Object]
0 - #iEmail
1 - eMail-Adresse
0 - #iPasswort
1 - Passwort
text x [object Object]
0 - pLoginText
1 - Login...
&lt;/code&gt;&lt;/pre&gt;
&lt;p&gt;Blackout at the moment, please Help&lt;/p&gt;
&lt;p&gt;regards
Volker
Sorry my English is not Good ;o)&lt;/p&gt;</t>
  </si>
  <si>
    <t>2014-11-22 11:57:32.463000+00:00</t>
  </si>
  <si>
    <t>2014-11-22 12:11:02.700000+00:00</t>
  </si>
  <si>
    <t>2014-11-22 12:06:01.550000+00:00</t>
  </si>
  <si>
    <t>javascript|jquery|json|each</t>
  </si>
  <si>
    <t>Django 1.4: How to ignore fields, models in loaddata</t>
  </si>
  <si>
    <t>&lt;p&gt;We have a compressed dumpdata of 15MB upload extracting goes to 100MB.
It has few models &amp;amp; fields that are not used in current tables.&lt;/p&gt;
&lt;p&gt;Specifically, there are few &lt;code&gt;contenttypes&lt;/code&gt; models which can be ignored, and one field &lt;code&gt;field_&lt;/code&gt; that can be ignored in model.&lt;/p&gt;
&lt;p&gt;Django 1.5 users &lt;code&gt;-ignorenonexistent&lt;/code&gt; which safely does the job of ignoring. 
But how to do it efficiently in 1.4?&lt;/p&gt;</t>
  </si>
  <si>
    <t>2014-05-22 03:17:50.337000+00:00</t>
  </si>
  <si>
    <t>2017-04-10 11:35:45.730000+00:00</t>
  </si>
  <si>
    <t>2014-05-22 05:49:38.817000+00:00</t>
  </si>
  <si>
    <t>python|django|django-models|django-fixtures</t>
  </si>
  <si>
    <t>Don't get data to my list from my model (Table)</t>
  </si>
  <si>
    <t>&lt;p&gt;I'm trying to get the data from my database in SQL, I use entity. This is my function in my controller:&lt;/p&gt;
&lt;pre&gt;&lt;code&gt; public JsonResult getProductCategories()
    {
        List&amp;lt;Categories&amp;gt; category = new List&amp;lt;Categories&amp;gt;();
        using (MasterDetailsEntities1 dc = new MasterDetailsEntities1())
        {
            category = dc.Categories.OrderBy(a =&amp;gt; a.CategoryName).ToList(); -- I make a break here and doesn't pass anything and I have data in my table Categories.
        }
        return new JsonResult { Data = category, JsonRequestBehavior = JsonRequestBehavior.AllowGet };
    }
&lt;/code&gt;&lt;/pre&gt;
&lt;p&gt;What I want to do is pass all the data from my model or table Categories to the list but it does pass me anything, i'm new doing this I don't know if I'm doing the right way. &lt;/p&gt;
&lt;p&gt;This is my model:&lt;/p&gt;
&lt;pre&gt;&lt;code&gt; public partial class Categories
{
    [System.Diagnostics.CodeAnalysis.SuppressMessage("Microsoft.Usage", "CA2214:DoNotCallOverridableMethodsInConstructors")]
    public Categories()
    {
        this.Products = new HashSet&amp;lt;Products&amp;gt;();
    }
    public int CategoryID { get; set; }
    public string CategoryName { get; set; }
    [System.Diagnostics.CodeAnalysis.SuppressMessage("Microsoft.Usage", "CA2227:CollectionPropertiesShouldBeReadOnly")]
    public virtual ICollection&amp;lt;Products&amp;gt; Products { get; set; }
}
&lt;/code&gt;&lt;/pre&gt;
&lt;p&gt;}&lt;/p&gt;</t>
  </si>
  <si>
    <t>2016-10-09 16:01:04.780000+00:00</t>
  </si>
  <si>
    <t>2016-10-10 06:12:18.357000+00:00</t>
  </si>
  <si>
    <t>json|asp.net-mvc|asp.net-mvc-4|json.net</t>
  </si>
  <si>
    <t>Curl: can't save cookies in cookiejar</t>
  </si>
  <si>
    <t>&lt;p&gt;I'm trying to login to kiala website. Kiala is a "shipping" compagny and I like to get a new shipping token with php. Since there is no api for doing this I tried with curl. Now I don't have much experience with curl and I can't make curl saving the cookies to the jar. I've tried many things but now I get to the point that I want to rip my hair off. I need these cookies to make further requests.&lt;/p&gt;
&lt;p&gt;I've made a dummy account for testing&lt;/p&gt;
&lt;blockquote&gt;
  &lt;p&gt;&lt;strong&gt;website:&lt;/strong&gt; &lt;a href="http://www.kialaverzendservice.be/" rel="nofollow"&gt;http://www.kialaverzendservice.be/&lt;/a&gt;&lt;/p&gt;
  &lt;p&gt;&lt;strong&gt;login form:&lt;/strong&gt; &lt;a href="http://www.kialaverzendservice.be/login.required.action?os_destination=%2Fsender%2Fstart.action" rel="nofollow"&gt;http://www.kialaverzendservice.be/login.required.action?os_destination=%2Fsender%2Fstart.action&lt;/a&gt;&lt;/p&gt;
  &lt;p&gt;&lt;strong&gt;email:&lt;/strong&gt; kialatest@mailinator.com &lt;/p&gt;
  &lt;p&gt;&lt;strong&gt;pwd:&lt;/strong&gt; test123&lt;/p&gt;
&lt;/blockquote&gt;
&lt;p&gt;I get the following header&lt;/p&gt;
&lt;pre&gt;&lt;code&gt;HTTP/1.1 200 OK Date: Thu, 10 Oct 2013 09:46:37 GMT Server:
Apache-Coyote/1.1 Content-Type: text/html;charset=ISO-8859-15 Vary:
Accept-Encoding Set-Cookie:
berkano-seraph-login=eGV5ZcKEZXhlwoZlwoJkfGJ5Y31jemTCgGJ7YsKGYsKCYnhifmLCgmLChmN6YsKGY3dmwoNiwoZjwoNjeGh+YnhjfWJ5Yn1mwoFmwoFm;
Expires=Fri, 10-Oct-2014 09:46:37 GMT; Path=/ Set-Cookie:
kiala-c2c-language=nl; Expires=Tue, 28-Oct-2081 13:00:44 GMT; Path=/
Transfer-Encoding: chunked
&lt;/code&gt;&lt;/pre&gt;
&lt;p&gt;My simplified php code: I'm able to login but the cookies in the header are not set in my cookiejar-file? btw I'm on localhost (wamp), but I don't think it matters.&lt;/p&gt;
&lt;p&gt;
&lt;pre&gt;&lt;code&gt;loginToKiala();
function loginToKiala(){
            $url = 'http://kialaverzendservice.be/sender/start.action';
            //POST vars
            $fields = array(
                                    'os_username' =&amp;gt; urlencode('kialatest@mailinator.com'),
                                    'os_password' =&amp;gt; urlencode('test123'),
                                    'os_cookie'=&amp;gt;urlencode('true')//remember me
                            );
            //url-ify the data for the POST
            $fields_string='';
            foreach($fields as $key=&amp;gt;$value) { $fields_string .= $key.'='.$value.'&amp;amp;'; }
            rtrim($fields_string, '&amp;amp;');
            $ch=curl_init();
            $cookie_file = './cookies.txt';
            if (! file_exists($cookie_file) || ! is_writable($cookie_file))
            {
                echo 'Cookie file missing or not writable.';
                exit;
            }
            //set the url, number of POST vars, POST data
            curl_setopt($ch,CURLOPT_URL, $url);
            curl_setopt($ch,CURLOPT_POST, count($fields));
            curl_setopt($ch,CURLOPT_POSTFIELDS, $fields_string);
            curl_setopt($ch, CURLOPT_COOKIEJAR, $cookie_file);
            curl_setopt($ch, CURLOPT_COOKIEFILE, $cookie_file);
            //curl_setopt($ch,CURLOPT_AUTOREFERER, true);
            //curl_setopt($ch, CURLOPT_REFERER, 'http://www.kialaverzendservice.be/');//set referer for first request
            //curl_setopt($ch, CURLOPT_USERAGENT, "Mozilla/5.0 (Windows; U; Windows NT 5.1; en-US; rv:1.8.1.1) Gecko/20061204 Firefox/2.0.0.1");
            curl_setopt($ch, CURLOPT_HEADER, 1);
            //curl_setopt($ch, CURLOPT_FOLLOWLOCATION, 1);
            curl_exec ($ch); // execute the curl command
            curl_close ($ch);
            unset($ch);
        }
&lt;/code&gt;&lt;/pre&gt;
&lt;p&gt;any help is appreciated!&lt;/p&gt;</t>
  </si>
  <si>
    <t>2013-10-10 10:03:02.097000+00:00</t>
  </si>
  <si>
    <t>2014-05-12 05:01:37.863000+00:00</t>
  </si>
  <si>
    <t>2013-10-10 10:11:59.913000+00:00</t>
  </si>
  <si>
    <t>php|cookies|curl</t>
  </si>
  <si>
    <t>jQuery if class is x do something, else do something else</t>
  </si>
  <si>
    <t>&lt;p&gt;I want to animate a div &lt;code&gt;if&lt;/code&gt; class is equal to active, else I want &lt;code&gt;tabItem&lt;/code&gt; to be &lt;code&gt;top: 0;&lt;/code&gt; - The problem I have is the else doesn't seem to be firing, and I can't work out why.&lt;/p&gt;
&lt;p&gt;The desired effect is that only one item is active at a time, and only the active has the negative top position.&lt;/p&gt;
&lt;p&gt;For a working example please see: &lt;a href="http://codepen.io/anon/pen/xIovs" rel="nofollow"&gt;http://codepen.io/anon/pen/xIovs&lt;/a&gt;&lt;/p&gt;
&lt;p&gt;&lt;strong&gt;jQuery:&lt;/strong&gt;   &lt;/p&gt;
&lt;pre&gt;&lt;code&gt; var tabItem = $(".tab--hobbit");
        function closeTab(){
            tabItem.removeClass("active");
        }
        tabItem.click(function(event) {
            event.preventDefault();
            closeTab();
            $(this).addClass("active");
            if ($(this).hasClass('active')) {
                $(this).animate({
                    top: -168
                });
            } else {
                $(tabItem).animate({
                    top: 0
                });
            }
        });
&lt;/code&gt;&lt;/pre&gt;</t>
  </si>
  <si>
    <t>2014-03-03 11:38:11.037000+00:00</t>
  </si>
  <si>
    <t>2014-03-03 11:57:40.690000+00:00</t>
  </si>
  <si>
    <t>jquery</t>
  </si>
  <si>
    <t>Splash screen stuck to the screen - intent to the main activity is not starting</t>
  </si>
  <si>
    <t>&lt;p&gt;I was creating a splash screen in android using &lt;code&gt;Thread.sleep()&lt;/code&gt;. (I know the another method - using &lt;code&gt;handler&lt;/code&gt;, but I have to use this method for now.)&lt;/p&gt;
&lt;p&gt;My code is as follows:&lt;/p&gt;
&lt;pre&gt;&lt;code&gt;public class SplashScreen extends Activity { 
   Thread t;
             @Override
                protected void onCreate(Bundle savedInstanceState) {
                    super.onCreate(savedInstanceState);
                    setContentView(R.layout.activity_spash_screen);
            new myclass();
        }
            class myclass implements Runnable{
                myclass()
                {
                t = new Thread();
                t.start();
                }
                public void run()
                {
                    try{
                        Thread.sleep(1000);
                    Intent i = new Intent(getApplicationContext(), MainActivity.class);
                       startActivity(i);
                       finish();
                    }
                    catch(InterruptedException e){
                    System.out.println("thread interrupted");
                    }
                    }
                }
            }
&lt;/code&gt;&lt;/pre&gt;
&lt;p&gt;It does not show any error, but splash screen stuck to the screen. &lt;/p&gt;
&lt;p&gt;After 1s, it did not start another &lt;code&gt;intent&lt;/code&gt;.&lt;/p&gt;
&lt;p&gt;If you know the mistake then please help me.&lt;/p&gt;</t>
  </si>
  <si>
    <t>2014-09-14 04:32:22.363000+00:00</t>
  </si>
  <si>
    <t>2014-09-18 06:21:44.550000+00:00</t>
  </si>
  <si>
    <t>java|android|multithreading|android-intent|splash-screen</t>
  </si>
  <si>
    <t>Generating random numbers giving the same number each time</t>
  </si>
  <si>
    <t>&lt;p&gt;My assignment:&lt;/p&gt;
&lt;blockquote&gt;
  &lt;p&gt;A simple random generator is obtained by the formula &lt;code&gt; = ( ���
   + )%&lt;/code&gt;. New ���random��� numbers are then generated by setting
  &lt;code&gt;&lt;/code&gt; to &lt;code&gt;&lt;/code&gt; and repeating the process. Write a method
  that asks the user to enter a value for , ,  and . Your
  method should return an array of integers that contain the first 25
  ���random��� values generated by this formula.&lt;/p&gt;
&lt;/blockquote&gt;
&lt;p&gt;So far this is what I have, but for some reason my code is not printing the array of random 25 numbers&lt;/p&gt;
&lt;pre&gt;&lt;code&gt;public static void main(String[] args){
        Scanner theInput = new Scanner(System.in);
        System.out.println("Enter a value for r: ");
        int r = theInput.nextInt();
        System.out.println("Enter a value for a: ");
        int a = theInput.nextInt();
        System.out.println("Enter a value for b: ");
        int b = theInput.nextInt();
        System.out.println("Enter a value for m: ");
        int m = theInput.nextInt();
        System.out.println(random(r,a,b,m));
    }
    public static int[] random(int r, int a, int b, int m){
        String num = "";
        int numberArray[] = new int [25];
        for (int i = 0; i &amp;lt; numberArray.length; i++) {
            int answer = (a*r+b)%m;
            numberArray [i] = answer;
        }
        for(int i=0;i&amp;lt;numberArray.length;i++){
            System.out.println(numberArray[i]);
        }
        System.out.println();
        return numberArray; 
    }
&lt;/code&gt;&lt;/pre&gt;
&lt;p&gt;This is what is printing:&lt;/p&gt;
&lt;pre&gt;&lt;code&gt;258
258
258
258
258
258
258
258
258
258
258
258
258
258
258
258
258
258
258
258
258
258
258
258
258
[I@55f96302
&lt;/code&gt;&lt;/pre&gt;
&lt;p&gt;Can someone help me to fix the problem?&lt;/p&gt;</t>
  </si>
  <si>
    <t>2016-09-10 00:55:59.017000+00:00</t>
  </si>
  <si>
    <t>2016-09-10 04:29:48.873000+00:00</t>
  </si>
  <si>
    <t>2016-09-10 01:04:23.870000+00:00</t>
  </si>
  <si>
    <t>branch.io: cannot detect installed app from javascript</t>
  </si>
  <si>
    <t>&lt;p&gt;I'm trying to get a basic journey app banner to work. No deep links (at this stage), just a basic banner when the user goes to our web site that allows him to either get our iOS-app, or launch it if it is already installed. 
Problem is that the banner always displays the "get in app store" option, even when the app is already installed on the device. &lt;/p&gt;
&lt;p&gt;I have looked at &lt;a href="https://stackoverflow.com/questions/41880919/branch-io-javascript-detect-whether-mobile-app-is-installed?rq=1"&gt;Branch.io: javascript detect whether mobile app is installed&lt;/a&gt; and other similar questions without any help. &lt;/p&gt;
&lt;p&gt;I have run the universal links validator and the ulv_script.sh and it shows no issues. &lt;/p&gt;
&lt;p&gt;In the web page I do:&lt;/p&gt;
&lt;pre&gt;&lt;code&gt;branch.init('My_key_live_xxx', null, function(err, data) {
    console.log('init...');
    console.dir(data);
});
&lt;/code&gt;&lt;/pre&gt;
&lt;p&gt;The data property looks like follows when debugging: &lt;/p&gt;
&lt;pre&gt;&lt;code&gt;{data: "", data_parsed: {}, has_app: null, identity: null, referring_identity: null, ���}
&lt;/code&gt;&lt;/pre&gt;
&lt;p&gt;In the AppDelegate in the ios-app I do nothing besides: &lt;/p&gt;
&lt;pre&gt;&lt;code&gt;let branch: Branch = Branch.getInstance()
        branch.initSession(launchOptions: launchOptions, andRegisterDeepLinkHandler: {params, error in
            if error == nil {
                // params are the deep linked params associated with the link that the user clicked -&amp;gt; was re-directed to this app
                // params will be empty if no data found
                // ... insert custom logic here ...
                print("params: %@", params as? [String: AnyObject] ?? {})
            }
        })
&lt;/code&gt;&lt;/pre&gt;
&lt;p&gt;I figured no special code is needed here until I actually want to link to a specific place in the app. Right now I just want the app to open (or actually to just be detected since detection is needed for the open button to show...)&lt;/p&gt;
&lt;p&gt;The semi-functional, always pointing to app-store, version is live in case someone wants to see the issue upfront: &lt;a href="https://www.papereed.com/player" rel="nofollow noreferrer"&gt;https://www.papereed.com/player&lt;/a&gt;&lt;/p&gt;
&lt;p&gt;I guess I miss something really fundamental regarding branch.io and hopefully someone can help.
Thanks! &lt;/p&gt;</t>
  </si>
  <si>
    <t>2017-09-21 12:12:11.897000+00:00</t>
  </si>
  <si>
    <t>2017-09-21 15:33:08.560000+00:00</t>
  </si>
  <si>
    <t>javascript|ios|iphone|branch.io</t>
  </si>
  <si>
    <t>VB.NET SqlException Was Unhandled</t>
  </si>
  <si>
    <t>&lt;p&gt;I am trying some SQL code but I get an error when I try this code.&lt;/p&gt;
&lt;pre&gt;&lt;code&gt;    Main.database.ExecuteCommand("UPDATE Contacts SET first_name='" + c.first_name + _
                              "', middle='" + c.middle + _
                              "', last_name='" + c.last_name + _
                              "', age='" + c.age + _
                              "', mobile_phone='" + c.mobile_phone + _
                              "', home_phone='" + c.home_phone + _
                              "', work_phone='" + c.work_phone + _
                              "', home_street='" + c.home_street + _
                              "', home_city='" + c.home_city + _
                              "', home_state='" + c.home_state + _
                              "', home_zip='" + c.home_zip + _
                              "', work_street='" + c.work_street + _
                              "', work_city='" + c.work_city + _
                              "', work_state='" + c.work_state + _
                              "', work_zip='" + c.work_zip + _
                              "', home_www='" + c.home_www + _
                              "', work_www='" + c.work_www + _
                              "', home_email='" + c.home_email + _
                              "', work_email='" + c.work_email + _
                              "' WHERE first_name='" + c.first_name + _
                              "' AND last_name='" + c.last_name + "'")
&lt;/code&gt;&lt;/pre&gt;
&lt;p&gt;I get the following error&lt;/p&gt;
&lt;blockquote&gt;
  &lt;p&gt;Sql Exception was unhandled&lt;/p&gt;
  &lt;p&gt;The data types text and varchar are incompatible in the equal to operator.&lt;/p&gt;
&lt;/blockquote&gt;
&lt;hr&gt;
&lt;p&gt;I tried the code revision using parameters&lt;/p&gt;
&lt;pre&gt;&lt;code&gt;            Using conn As New SqlConnection(), _
            myCommand As New SqlCommand("UPDATE Contacts SET" + _
                                        "first_name=@first_name" + _
                                        "AND middle=@middle" + _
                                        "AND last_name=@last_name" + _
                                        "AND age=@age" + _
                                        "AND mobile_phone=@mobile_phone" + _
                                        "AND home_phone=@home_phone" + _
                                        "AND work_phone=@work_phone" + _
                                        "AND home_street=@home_street" + _
                                        "AND home_city=@home_city" + _
                                        "AND home_state=@home_state" + _
                                        "AND home_zip=@home_zip" + _
                                        "AND work_street=@work_street" + _
                                        "AND work_city=@work_city" + _
                                        "AND work_state=@work_state" + _
                                        "AND work_zip=@work_zip" + _
                                        "AND home_www=@home_www" + _
                                        "AND work_www=@work_www" + _
                                        "AND home_email=@home_email" + _
                                        "AND work_email=@work_email" + _
                                        "WHERE first_name=@first_name" + _
                                        "AND last_name=@last_name", conn)
            myCommand.Parameters.Add(New SqlParameter("@first_name", c.first_name))
            myCommand.Parameters.Add(New SqlParameter("@middle", c.middle))
            myCommand.Parameters.Add(New SqlParameter("@last_name", c.last_name))
            myCommand.Parameters.Add(New SqlParameter("@age", c.age))
            myCommand.Parameters.Add(New SqlParameter("@mobile_phone", c.mobile_phone))
            myCommand.Parameters.Add(New SqlParameter("@home_phone", c.home_phone))
            myCommand.Parameters.Add(New SqlParameter("@work_phone", c.work_phone))
            myCommand.Parameters.Add(New SqlParameter("@home_street", c.home_street))
            myCommand.Parameters.Add(New SqlParameter("@home_city", c.home_city))
            myCommand.Parameters.Add(New SqlParameter("@home_state", c.home_state))
            myCommand.Parameters.Add(New SqlParameter("@home_zip", c.home_zip))
            myCommand.Parameters.Add(New SqlParameter("@work_street", c.work_street))
            myCommand.Parameters.Add(New SqlParameter("@work_city", c.work_city))
            myCommand.Parameters.Add(New SqlParameter("@work_state", c.work_state))
            myCommand.Parameters.Add(New SqlParameter("@work_zip", c.work_zip))
            myCommand.Parameters.Add(New SqlParameter("@home_www", c.home_www))
            myCommand.Parameters.Add(New SqlParameter("@work_www", c.work_www))
            myCommand.Parameters.Add(New SqlParameter("@home_email", c.home_email))
            myCommand.Parameters.Add(New SqlParameter("@work_email", c.work_email))
            conn.Open()
            myCommand.ExecuteNonQuery()
            conn.Close()
        End Using
&lt;/code&gt;&lt;/pre&gt;
&lt;p&gt;But I am still having a problem initializing the connection with this error&lt;/p&gt;
&lt;blockquote&gt;
  &lt;p&gt;The ConnectionString property has not been initialized.&lt;/p&gt;
&lt;/blockquote&gt;</t>
  </si>
  <si>
    <t>2010-05-07 20:35:56.057000+00:00</t>
  </si>
  <si>
    <t>2014-01-24 17:49:46.327000+00:00</t>
  </si>
  <si>
    <t>sql|vb.net|exception|sqlexception</t>
  </si>
  <si>
    <t>WPF DataGrid can't be refreshed after cell edit</t>
  </si>
  <si>
    <t>&lt;p&gt;I searched several times about datagrid refresh problem. But can't get any idea about it. My problem is as below.  Bascially it can work.
&lt;strong&gt;But if user sort columns and then edit cell, datagrid can't bind.&lt;/strong&gt;  VS would list error "{"Once AddNew or EditItem not allow ���Sorting������"}."&lt;/p&gt;
&lt;p&gt;But it's friendly for user to be allowed to sort datagrid columns. Please help me to address this problem.Thanks!&lt;/p&gt;
&lt;pre&gt;&lt;code&gt;private void DataGrid1_CellEditEnding(object sender, DataGridCellEditEndingEventArgs e)
    {
           string sql="update table1 set field1='"+cell_value+''
            BindGR();
        }
   private void BindGR()
    {
        //Bind DataGrid
        if (dt != null)
        {
            DataGrid1.ItemsSource = dt.DefaultView;
        }
    }
&lt;/code&gt;&lt;/pre&gt;</t>
  </si>
  <si>
    <t>2016-05-01 02:00:47.247000+00:00</t>
  </si>
  <si>
    <t>2018-11-15 05:09:57.757000+00:00</t>
  </si>
  <si>
    <t>2016-05-01 07:37:21.580000+00:00</t>
  </si>
  <si>
    <t>c#|wpf|data-binding</t>
  </si>
  <si>
    <t>separation() returns huge angle</t>
  </si>
  <si>
    <t>&lt;p&gt;I am writing a program which goes through FITS files with photometry and looks for stars given in a .dat file.
One of the steps is computing distances between two given stars using ephem.separation()&lt;/p&gt;
&lt;p&gt;It works well. However, from time to time separation returns angles like 1389660529:33:00.8&lt;/p&gt;
&lt;pre&gt;&lt;code&gt;import ephem
import math
star = ['21:45:15.00', '65:49:24.0']
first_coo = ['21:45:15.00', '65:49:24.0']
check = ephem.FixedBody()
check._ra = ephem.hours(star[0])
check._dec = ephem.degrees(star[1])
check.compute()
# star is a list with coordinates, strings in form %s:%s:%s
first = ephem.FixedBody()
first._ra = ephem.hours(first_coo[0])
first._dec = ephem.degrees(first_coo[1])
first.compute()
sep = math.degrees(float(ephem.separation(check,first)))
print sep
&lt;/code&gt;&lt;/pre&gt;
&lt;p&gt;It occurs randomly. Have anybody encountered such behaviour?&lt;/p&gt;
&lt;p&gt;I search for 18 stars in 212 files, which makes 3816 cycles. Might have something to do with it?&lt;/p&gt;</t>
  </si>
  <si>
    <t>2013-11-23 20:03:57.820000+00:00</t>
  </si>
  <si>
    <t>2013-12-21 14:11:16.247000+00:00</t>
  </si>
  <si>
    <t>2013-11-24 09:36:19.387000+00:00</t>
  </si>
  <si>
    <t>pyephem</t>
  </si>
  <si>
    <t>Fieldbook Codelet - Not returning all matching records</t>
  </si>
  <si>
    <t>&lt;p&gt;I am creating a codelet in fieldbook for a slackbot. It is meant to return all records that match the date requested in slack. Right now it is setup to only return the first record, but I need all of them. I am fairly new to this, I apologize if this is a basic question, but any help would be great. Below is what I have so far.&lt;/p&gt;
&lt;pre&gt;&lt;code&gt;var _ = require('underscore');
var s = require('underscore.string');
exports.endpoint = exports.endpoint = function (request, response) {
   var jobDate = request.body.text;
   // Get the date from Job Notes
   var date = `${(jobDate)}`;
   // Find all records with the given date
   var query = {date: date};
   return client.list('job_notes', query).then(function (records) {
       // This is only pulling the first record 
&lt;/code&gt;&lt;/pre&gt;
&lt;p&gt;I need all the records that match the date given, this is where I believe I need a for loop.&lt;/p&gt;
&lt;pre&gt;&lt;code&gt;       var record = records[0];
       if (!record) return `No data found for ${jobDate}`; // Did not match any record
       var employee = record.employee[0];
       var job = record.job[0];
       var attributes = [
         {title: 'Date', value:date, short: true},
         {title: 'Time', value:record.time, short: true},
         {title: 'Employees', value:employee, short: true},
         {title: 'Job', value:job, short: true},
         {title: 'Note', value:record.note, short: true},
       ];
       return {
         attachments: [{
           fallback: record.name,
           title: record.name,
           fields: attributes,
       }]
     }
   })
 }
&lt;/code&gt;&lt;/pre&gt;</t>
  </si>
  <si>
    <t>2017-07-18 16:07:21.890000+00:00</t>
  </si>
  <si>
    <t>2017-07-18 17:27:37.070000+00:00</t>
  </si>
  <si>
    <t>javascript|json|node.js|for-loop</t>
  </si>
  <si>
    <t>How to get title from WKInterfaceButton</t>
  </si>
  <si>
    <t>&lt;p&gt;To get title there is function:  &lt;/p&gt;
&lt;pre&gt;&lt;code&gt;setTitle
&lt;/code&gt;&lt;/pre&gt;
&lt;p&gt;But how to get title of WKInterfaceButton as string ?&lt;/p&gt;
&lt;p&gt;I did not found anything in &lt;a href="https://developer.apple.com/library/prerelease/ios/documentation/WatchKit/Reference/WKInterfaceButton_class/index.html"&gt;https://developer.apple.com/library/prerelease/ios/documentation/WatchKit/Reference/WKInterfaceButton_class/index.html&lt;/a&gt;&lt;/p&gt;</t>
  </si>
  <si>
    <t>2014-11-29 18:39:44.803000+00:00</t>
  </si>
  <si>
    <t>2014-11-30 07:46:57.830000+00:00</t>
  </si>
  <si>
    <t>swift|watchkit</t>
  </si>
  <si>
    <t>TFS Multi-configuration with different set of variables</t>
  </si>
  <si>
    <t>&lt;p&gt;I need to deploy the same project and the same version on different environments. Each environment requires its own values for the given variables, e.g. ENV1 requires var1a, var1b, var1c and ENV2 requires var2a, var2b and var2c. You cannot have a combination var1a and var2b. That means that I need to run exactly the same build but with different set of variables.&lt;/p&gt;
&lt;p&gt;There are about 20 variables and 50 environments so changing them manually 1000 times per version is not exactly an option.&lt;br/&gt;
I can create a different build definition for each set of variables' values and end up with 50 definitions, but that seems a little bit redundant. Not to mention in case I want to remove a step, I will need to update 50 definitions.&lt;/p&gt;
&lt;p&gt;Can I somehow link a variable group to a build configuration and make the build definition switch the values automatically?&lt;/p&gt;</t>
  </si>
  <si>
    <t>2018-01-22 12:46:37.960000+00:00</t>
  </si>
  <si>
    <t>2018-01-22 13:40:51.777000+00:00</t>
  </si>
  <si>
    <t>tfs|multi-configuration</t>
  </si>
  <si>
    <t>loop deleting the last character</t>
  </si>
  <si>
    <t>&lt;p&gt;In VBA I am trying to loop through a range and delete the last character of the text of every cell. &lt;/p&gt;
&lt;p&gt;I understand the code to delete the last character of text in a cell is as follows:
    myString = Left(myString, Len(myString) - 1)&lt;/p&gt;
&lt;p&gt;However I am trying to get this to work in a for loop and i just get error message object required. Its probably something obvious I am missing.&lt;/p&gt;
&lt;p&gt;Here is my code with the For Loop:&lt;/p&gt;
&lt;pre&gt;&lt;code&gt;Dim rngh As Range, cellh As Range
Dim myString As String
Set rngh = Range("H1:H500")
For Each cellh In rngh
    myString = cellh.Text
    myString = Left(myString, Len(myString) - 1)
Next cellh
&lt;/code&gt;&lt;/pre&gt;
&lt;p&gt;Thanks.&lt;/p&gt;</t>
  </si>
  <si>
    <t>2014-09-16 11:17:52.747000+00:00</t>
  </si>
  <si>
    <t>2014-09-16 11:40:11.580000+00:00</t>
  </si>
  <si>
    <t>2014-09-16 11:24:22.083000+00:00</t>
  </si>
  <si>
    <t>excel|vba|loops|excel-vba|for-loop</t>
  </si>
  <si>
    <t>Gmail API - Massive Requests</t>
  </si>
  <si>
    <t>&lt;p&gt;I have a platform that get user's email and search for an attachment bringing it to platform and show to the users. But the users need to send it to a specific email and we search in this email the files of their emails. But now I want to make it "better" to them. Working automatically...&lt;/p&gt;
&lt;p&gt;I have a database with many clients and now I want to provide a smart solution to them by: &lt;/p&gt;
&lt;ul&gt;
&lt;li&gt;&lt;p&gt;Get the files from their emails automatically and put all of them on the platform. (they will make an authentication using their email provider account(gmail))&lt;/p&gt;&lt;/li&gt;
&lt;li&gt;&lt;p&gt;So it will be a lot of requests. Because I need search on their emails the exactly email that contains the file of the platform need.&lt;/p&gt;&lt;/li&gt;
&lt;li&gt;&lt;p&gt;When the user "requests" an update, I will search only in the news emails, based on the last update date. &lt;/p&gt;&lt;/li&gt;
&lt;/ul&gt;
&lt;p&gt;So to summarize:&lt;/p&gt;
&lt;ul&gt;
&lt;li&gt;&lt;p&gt;Use gmail authentication to get authorization to search for "specific files(.csv) in user's emails."&lt;/p&gt;&lt;/li&gt;
&lt;li&gt;&lt;p&gt;Make a millions of requests(one request for each user to search this file on their emails) by day to Gmail API.&lt;/p&gt;&lt;/li&gt;
&lt;li&gt;&lt;p&gt;Save those data on my server and after provide those data to the users in Android device.&lt;/p&gt;&lt;/li&gt;
&lt;/ul&gt;
&lt;p&gt;I want to implement that, but I don't know if I need to register or make something before(such as special register on Google) to create this solution. &lt;/p&gt;</t>
  </si>
  <si>
    <t>2017-05-26 21:00:22.593000+00:00</t>
  </si>
  <si>
    <t>2017-05-26 21:52:20.607000+00:00</t>
  </si>
  <si>
    <t>2017-05-26 21:18:05.567000+00:00</t>
  </si>
  <si>
    <t>php|laravel|gmail-api|gmail-imap</t>
  </si>
  <si>
    <t>Node js and LESS installation on Centos 7 for Symfony 2 application</t>
  </si>
  <si>
    <t>&lt;p&gt;I deal with an error with the installation of nodejs and less on a Centos 7 server.&lt;/p&gt;
&lt;p&gt;My aim is to install a Symfony2 application on a new server (Centos 7). My application use less files, including for Twitter Bootstrap.&lt;/p&gt;
&lt;p&gt;For Symfony2, I declare the following :&lt;/p&gt;
&lt;pre&gt;&lt;code&gt;    assetic:
    filters:
        cssrewrite: ~
        less:
            node: "/usr/local/bin/node"
            node_paths: ["/usr/local/lib/node_modules"]
            apply_to: "\.less$"
&lt;/code&gt;&lt;/pre&gt;
&lt;p&gt;I followed this tutorial for the installation of node/npm and after less : &lt;a href="https://www.digitalocean.com/community/tutorials/how-to-install-node-js-on-a-centos-7-server" rel="nofollow"&gt;https://www.digitalocean.com/community/tutorials/how-to-install-node-js-on-a-centos-7-server&lt;/a&gt;.&lt;/p&gt;
&lt;p&gt;Everything seems to bve alright, the command node -v works like npm -v. I launch this command for less :&lt;/p&gt;
&lt;pre&gt;&lt;code&gt;sudo npm install less -g
&lt;/code&gt;&lt;/pre&gt;
&lt;p&gt;I test a simple compilation of a style.less file in command line like :&lt;/p&gt;
&lt;pre&gt;&lt;code&gt;$ lessc style.less style.css
&lt;/code&gt;&lt;/pre&gt;
&lt;p&gt;No problem.&lt;/p&gt;
&lt;p&gt;BUT when I run the Symfony2 command :&lt;/p&gt;
&lt;pre&gt;&lt;code&gt;php app/console assetic:dump --env=prod
&lt;/code&gt;&lt;/pre&gt;
&lt;p&gt;I have the error bellow :&lt;/p&gt;
&lt;pre&gt;&lt;code&gt;[Assetic\Exception\FilterException]
&lt;/code&gt;&lt;/pre&gt;
&lt;p&gt;An error occurred while running:&lt;/p&gt;
&lt;pre&gt;&lt;code&gt;'/usr/local/bin/node' '/tmp/assetic_lessKtMIZV'
  Error Output:
  module.js:338
      throw err;
        ^
&lt;/code&gt;&lt;/pre&gt;
&lt;blockquote&gt;
  &lt;p&gt;Error: Cannot find module 'less'
        at Function.Module._resolveFilename (module.js:336:15)
        at Function.Module._load (module.js:278:25)
        at Module.require (module.js:365:17)
        at require (module.js:384:17)
        at Object. (/tmp/assetic_lessKtMIZV:1:74)
        at Module._compile (module.js:460:26)
        at Object.Module._extensions..js (module.js:478:10)
        at Module.load (module.js:355:32)
        at Function.Module._load (module.js:310:12)
        at Function.Module.runMain (module.js:501:10)&lt;/p&gt;
&lt;/blockquote&gt;
&lt;p&gt;Node is well in &lt;code&gt;/usr/local/bin/node&lt;/code&gt;&lt;/p&gt;
&lt;p&gt;Node modules are well in : &lt;code&gt;/usr/local/lib/node_modules&lt;/code&gt;&lt;/p&gt;
&lt;p&gt;Any idea ? Thanks&lt;/p&gt;</t>
  </si>
  <si>
    <t>2015-04-22 15:04:59.120000+00:00</t>
  </si>
  <si>
    <t>2015-04-24 05:34:23.173000+00:00</t>
  </si>
  <si>
    <t>2015-04-22 15:36:05.777000+00:00</t>
  </si>
  <si>
    <t>node.js|symfony|less</t>
  </si>
  <si>
    <t>Python threading with queue: how to avoid to use join?</t>
  </si>
  <si>
    <t>&lt;p&gt;I have a scenario with 2 threads:&lt;/p&gt;
&lt;ol&gt;
&lt;li&gt;&lt;p&gt;a thread waiting for messages from a socket (embedded in a C library - blocking call is "Barra.ricevi") then putting an element on a queue&lt;/p&gt;&lt;/li&gt;
&lt;li&gt;&lt;p&gt;a thread waiting to get element from the queue and do something&lt;/p&gt;&lt;/li&gt;
&lt;/ol&gt;
&lt;p&gt;Sample code&lt;/p&gt;
&lt;pre&gt;&lt;code&gt;import Barra
import Queue    
import threading
posQu = Queue.Queue(maxsize=0)
def threadCAN():
    while True:
        canMsg = Barra.ricevi("can0")
        if canMsg[0] == 'ERR':
            print (canMsg)
        else:
            print ("Enqueued message"), canMsg
            posQu.put(canMsg)
thCan = threading.Thread(target = threadCAN)
thCan.daemon = True
thCan.start()
while True:
    posMsg = posQu.get()
    print ("Messagge from the queue"), posMsg
&lt;/code&gt;&lt;/pre&gt;
&lt;p&gt;The result is that every time a new message is coming from the socket a new element is added to the queue, BUT the main thread that should get items from the queue is never woke up.&lt;/p&gt;
&lt;p&gt;The output is as follow:&lt;/p&gt;
&lt;blockquote&gt;
  &lt;p&gt;Enqueued message&lt;/p&gt;
  &lt;p&gt;Enqueued message&lt;/p&gt;
  &lt;p&gt;Enqueued message&lt;/p&gt;
  &lt;p&gt;Enqueued message&lt;/p&gt;
&lt;/blockquote&gt;
&lt;p&gt;I expected to have:&lt;/p&gt;
&lt;blockquote&gt;
  &lt;p&gt;Enqueued message&lt;/p&gt;
  &lt;p&gt;Messagge from the queue&lt;/p&gt;
  &lt;p&gt;Enqueued message&lt;/p&gt;
  &lt;p&gt;Messagge from the queue&lt;/p&gt;
&lt;/blockquote&gt;
&lt;p&gt;The only way to solve this issue seams to add the line:&lt;/p&gt;
&lt;pre&gt;&lt;code&gt;posQu.join()
&lt;/code&gt;&lt;/pre&gt;
&lt;p&gt;at the end of the thread waiting for messages from the socket, and the line:&lt;/p&gt;
&lt;pre&gt;&lt;code&gt;posQu.task_done()
&lt;/code&gt;&lt;/pre&gt;
&lt;p&gt;at the end of the main thread.&lt;/p&gt;
&lt;p&gt;In this case, after that a new message has been received from the socket, the thread is blocking waiting for the main thread to process the enqueued item.&lt;/p&gt;
&lt;p&gt;Unfortunately this isn't the desired behavior since I would like a thread always ready to get messages from a socket and not waiting for a job to be compleated from another thread.&lt;/p&gt;
&lt;p&gt;What I am doing wrong ?
Thanks&lt;/p&gt;
&lt;p&gt;Andrew
  (Italy)&lt;/p&gt;</t>
  </si>
  <si>
    <t>2014-12-11 08:54:51.427000+00:00</t>
  </si>
  <si>
    <t>2014-12-11 10:20:30.010000+00:00</t>
  </si>
  <si>
    <t>python|linux|multithreading|queue|can</t>
  </si>
  <si>
    <t>Pythonic way to "flatten" object hierarchy to nested dicts?</t>
  </si>
  <si>
    <t>&lt;p&gt;I need to "flatten" objects into nested dicts of the object's properties. The objects I want to do this with are generally just containers for basic types or other objects which act in a similar way. For example:&lt;/p&gt;
&lt;pre&gt;&lt;code&gt;class foo(object):
    bar = None
    baz = None
class spam(object):
    eggs = []
x = spam()
y = foo()
y.bar = True
y.baz = u"boz"
x.eggs.append(y)
&lt;/code&gt;&lt;/pre&gt;
&lt;p&gt;What I need to "flatten" this to is:&lt;/p&gt;
&lt;pre&gt;&lt;code&gt;{ 'eggs': [ { 'bar': True, 'baz': u'boz' } ] }
&lt;/code&gt;&lt;/pre&gt;
&lt;p&gt;Is there anything in the stdlib which can do this for me? If not, would I have to test &lt;code&gt;isinstance&lt;/code&gt; against all known base-types to ensure I don't try to convert an object which can't be converted (eg: bool)?&lt;/p&gt;
&lt;p&gt;&lt;strong&gt;Edit:&lt;/strong&gt;&lt;/p&gt;
&lt;p&gt;These are objects are being returned to my code from an external library and therefore I have no control over them. I could use them as-is in my methods, but it would be easier (safer?) to convert them to dicts - especially for unit testing.&lt;/p&gt;</t>
  </si>
  <si>
    <t>2009-09-08 09:41:50.390000+00:00</t>
  </si>
  <si>
    <t>2016-10-26 20:00:33.047000+00:00</t>
  </si>
  <si>
    <t>2009-09-09 08:18:46.943000+00:00</t>
  </si>
  <si>
    <t>How to create a subscript with NSAttributedString</t>
  </si>
  <si>
    <t>&lt;p&gt;I see for NSAttributedString has a specific attribute for superscript, but I can't find one for subscript. What is the general practice for using NSAttributedString to create a subscript character?&lt;/p&gt;
&lt;p&gt;Example: H2O&lt;/p&gt;</t>
  </si>
  <si>
    <t>2010-02-03 19:34:55.587000+00:00</t>
  </si>
  <si>
    <t>2012-11-08 00:10:15.027000+00:00</t>
  </si>
  <si>
    <t>2010-02-03 19:47:00.020000+00:00</t>
  </si>
  <si>
    <t>cocoa|nsattributedstring</t>
  </si>
  <si>
    <t>how to adjust the spacing of grid lines in chartist.js?</t>
  </si>
  <si>
    <t>&lt;p&gt;I am having trouble with &lt;code&gt;chartist.js&lt;/code&gt;.
I want to adjust the spacing between &lt;code&gt;y-axis&lt;/code&gt; gridlines by &lt;code&gt;40px&lt;/code&gt;.(Now 36px)
I tried to find some examples already, but I couldn't.&lt;/p&gt;
&lt;pre&gt;&lt;code&gt;.ct-grids line {
  stroke: #fff;
  opacity: .05;
  stroke-dasharray: none;
}
&lt;/code&gt;&lt;/pre&gt;
&lt;p&gt;This is my current styling for grids.&lt;/p&gt;
&lt;pre&gt;&lt;code&gt;var data = {
  labels: ['JAN 1', 'JAN 18', 'FEB 14', 'MAR 9', 'APR 22', 'May 2'],
  series: [
  [40.8, 46.5, 48.8, 56.9, 68.7, 72.7],
  [12.8, 13.7, 13.9, 14.8, 15.3, 15.6],
  [5.2, 3.8, 4.2, 5, 3.9, 4.3],
  [1.2, 1.8, 1.7, 2.1, 1.8, 1.9]
  ]
};
var options = {
   showPoint: false,
   lineSmooth: false,
   axisX: {
        showGrid: false,
        showLabel: false
    },
    axisY: {
        offset: 0,
        showGrid: true,
        showLabel: false
    }
};
var chart = new Chartist.Line('.ct-chart', data, options);
&lt;/code&gt;&lt;/pre&gt;
&lt;p&gt;Please let me know if you know.
Thanks.&lt;/p&gt;</t>
  </si>
  <si>
    <t>2016-05-25 09:26:19.243000+00:00</t>
  </si>
  <si>
    <t>2017-03-07 16:12:26.450000+00:00</t>
  </si>
  <si>
    <t>2016-08-08 07:21:32.833000+00:00</t>
  </si>
  <si>
    <t>javascript|charts|linechart|chartist.js</t>
  </si>
  <si>
    <t>jQuery plugin callback function parameters</t>
  </si>
  <si>
    <t>&lt;p&gt;I am looking for a better way to access/manage data inside a plugin callback function. 
I want to do the same thing as the jQuery UI.&lt;/p&gt;
&lt;p&gt;UI example:(how I want to do this) &lt;a href="http://api.jqueryui.com/sortable/" rel="nofollow"&gt;http://api.jqueryui.com/sortable/&lt;/a&gt;&lt;/p&gt;
&lt;pre&gt;&lt;code&gt;$( ".selector" ).sortable({
   activate: function( event, ui ) {
     alert(ui.item)
     alert(ui.position)
     alert(ui.offset)
   }
});
&lt;/code&gt;&lt;/pre&gt;
&lt;p&gt;my plugin example(how I now have it):&lt;/p&gt;
&lt;pre&gt;&lt;code&gt;$( ".selector" ).myplugin({
   activate: function( event, item, postion, offset ) {//to much parameters
     alert(item)
     alert(position)
     alert(offset)
   }
});
//inside the plugin
var varItem = '';
var varPosition = '';
var varOffset = '';
if(typeof self.o.activate == 'function'){
    self.o.activate.call(this, varItem, varPosition, varOffset);
}
&lt;/code&gt;&lt;/pre&gt;</t>
  </si>
  <si>
    <t>2013-12-07 00:24:28+00:00</t>
  </si>
  <si>
    <t>2013-12-07 00:30:12.070000+00:00</t>
  </si>
  <si>
    <t>javascript|jquery|function</t>
  </si>
  <si>
    <t>Jenkins/Build workflow: Provide result of one parallel executed job to multiple jobs</t>
  </si>
  <si>
    <t>&lt;p&gt;Try to implement following workflow in Jenkins: A trigger starts the parallel jobs A, B, C and D. As soon as A, B and C finish the job X should start and the same for job Y, it should start after C and D.&lt;/p&gt;
&lt;p&gt;Workflow sketch:&lt;/p&gt;
&lt;pre&gt;&lt;code&gt;          -&amp;gt; A -&amp;gt; 
 Trigger  -&amp;gt; B -&amp;gt; X -&amp;gt; Result 1
          -&amp;gt; C =&amp;gt;
          -&amp;gt; D -&amp;gt; Y -&amp;gt; Result 2
&lt;/code&gt;&lt;/pre&gt;
&lt;p&gt;I started with the &lt;a href="https://wiki.jenkins-ci.org/display/JENKINS/Build+Flow+Plugin" rel="nofollow" title="Jenkins Build Flow Plugin"&gt;Build Flow Plugin&lt;/a&gt; but I have no idea how to design the workflow without starting C twice:&lt;/p&gt;
&lt;pre&gt;&lt;code&gt;parallel (
  { 
     Xpre = parallel ([
        first:  { a = build("TGZ", subjob: "T1") },
        second: { b = build("TGZ", subjob: "T2") },
        third:  { c = build("TGZ", subjob: "T3") }
     ])
     build("TGZ", subjob: "X")
  },
  {
     Ypre = parallel ([
        third2:  { c2 = build("TGZ", subjob: "T3") },
        fourth:  { d = build("TGZ", subjob: "T4") }
     ])
     build("TGZ", subjob: "Y")
  }
)
&lt;/code&gt;&lt;/pre&gt;
&lt;p&gt;Any clue on how to design this workflow without running C twice?&lt;/p&gt;</t>
  </si>
  <si>
    <t>2013-03-06 09:40:25.193000+00:00</t>
  </si>
  <si>
    <t>2015-04-02 12:41:24.327000+00:00</t>
  </si>
  <si>
    <t>jenkins|build|continuous-integration|hudson|jenkins-workflow</t>
  </si>
  <si>
    <t>Return different Object (List or error class) from WCF service</t>
  </si>
  <si>
    <t>&lt;p&gt;I am trying to build a WCF service which has a single method &lt;code&gt;getPersonList&lt;/code&gt; which returns list of person like this&lt;/p&gt;
&lt;pre&gt;&lt;code&gt;[
  {"personId":121, "personName":"John Smith"},
  {"personId":953, "personName":"Maggie Johnson"}
]
&lt;/code&gt;&lt;/pre&gt;
&lt;p&gt;If there is some error, I want to return an error response like this from the same method.&lt;/p&gt;
&lt;pre&gt;&lt;code&gt;{"errorCode":4002,"errorMessage":"invalid request token"}
&lt;/code&gt;&lt;/pre&gt;
&lt;p&gt;Now I have my Service Contract as below:&lt;/p&gt;
&lt;pre&gt;&lt;code&gt;    [ServiceContract()]
    public interface IPersonContract
    {
        [OperationContract()]
        Object GetPersonList(int requestParam);
    }
&lt;/code&gt;&lt;/pre&gt;
&lt;p&gt;and my sample &lt;code&gt;GetPersonList&lt;/code&gt; method&lt;/p&gt;
&lt;pre&gt;&lt;code&gt;Object GetPersonList(int requestParam)
{
  if (requestParam == 1)
  {
    ErrorResponse error = new ErrorResponse();
    error.ErrorCode = 4002;
    error.ErrorMessage = "invalid request token";
    return error;
  }else
  {
    List&amp;lt;Person&amp;gt; returnList = new List&amp;lt;Person&amp;gt;();
    // add Person to returnList
    return returnList;
  }
}
&lt;/code&gt;&lt;/pre&gt;
&lt;p&gt;Person Class&lt;/p&gt;
&lt;pre&gt;&lt;code&gt;[DataContract()]
public class Person
{
    [DataMember(Name = "personName")]
    String PersonName{   get;   set;  }
    [DataMember(Name = "personId")]
    String PersonID {   get;   set;  }
}
&lt;/code&gt;&lt;/pre&gt;
&lt;p&gt;Error Class&lt;/p&gt;
&lt;pre&gt;&lt;code&gt;[DataContract()]
public class ErrorResponse
{
    [DataMember(Name = "errorCode")]
    int ErrorCode{   get;   set;  }
    [DataMember(Name = "errorMessage")]
    String ErrorMessage{   get;   set;  }
}
&lt;/code&gt;&lt;/pre&gt;
&lt;p&gt;I looked up &lt;code&gt;KnownTypes&lt;/code&gt; for DataContract classes but how do I apply that on &lt;code&gt;Object&lt;/code&gt;. &lt;/p&gt;
&lt;p&gt;If I add fields from &lt;code&gt;ErrorReponse&lt;/code&gt; and add &lt;code&gt;List&amp;lt;Person&amp;gt;&lt;/code&gt; in a single class and return that object, I get a response like this in success case which is not what I want.&lt;/p&gt;
&lt;pre&gt;&lt;code&gt;{
"Person":[{"personId":121, "personName":"John Smith"},
      {"personId":953, "personName":"Maggie Johnson"}]
}
&lt;/code&gt;&lt;/pre&gt;</t>
  </si>
  <si>
    <t>2016-04-21 13:33:58.970000+00:00</t>
  </si>
  <si>
    <t>2016-12-27 10:45:54.067000+00:00</t>
  </si>
  <si>
    <t>c#|wcf|datacontract</t>
  </si>
  <si>
    <t>Login form working on xampp but not working on my hosting</t>
  </si>
  <si>
    <t>&lt;blockquote&gt;
  &lt;p&gt;&lt;strong&gt;Possible Duplicate:&lt;/strong&gt;&lt;br&gt;
  &lt;a href="https://stackoverflow.com/questions/2973202/mysql-fetch-array-expects-parameter-1-to-be-resource-boolean-given-in-select"&gt;mysql_fetch_array() expects parameter 1 to be resource, boolean given in select&lt;/a&gt;  &lt;/p&gt;
&lt;/blockquote&gt;
&lt;p&gt;I have a problem with my login form. I made a site and I run that site on xampp localhost. It usually works fine, but when I transferred files to web hosting, my login form showed this error: &lt;/p&gt;
&lt;pre&gt;&lt;code&gt;Warning: mysql_num_rows() expects parameter 1 to be resource, boolean given
... on line 39
&lt;/code&gt;&lt;/pre&gt;
&lt;p&gt;My code in this line is:&lt;/p&gt;
&lt;pre&gt;&lt;code&gt;$login_check = mysql_num_rows($sql);
// If login check number is greater than 0 (meaning they do exist and are activated)
if($login_check &amp;gt; 0){ 
    while($row = mysql_fetch_array($sql)){
&lt;/code&gt;&lt;/pre&gt;
&lt;p&gt;Can someone please help me?&lt;/p&gt;</t>
  </si>
  <si>
    <t>2012-07-05 21:45:07.867000+00:00</t>
  </si>
  <si>
    <t>2012-07-05 21:54:39.200000+00:00</t>
  </si>
  <si>
    <t>2017-05-23 10:34:27.600000+00:00</t>
  </si>
  <si>
    <t>php|html|forms|login</t>
  </si>
  <si>
    <t>Very simple expect script but does not work</t>
  </si>
  <si>
    <t>&lt;p&gt;I've been trying to automatically decrypt encrypted Ansible yaml files. I know you can just set the ansible.cfg with&lt;/p&gt;
&lt;h1&gt;vault_password_file = ~/.vault_pass.txt&lt;/h1&gt;
&lt;p&gt;But well, I was curious. Turns out I'm unable to do a simple task. Here is the dumb script&lt;/p&gt;
&lt;pre&gt;&lt;code&gt;#!/usr/bin/expect
set timeout 9
set file [lindex $argv 0]
spawn ansible-vault decrypt $file
expect "Vault password:"
send "MyAwesomePassword\r"
&lt;/code&gt;&lt;/pre&gt;
&lt;p&gt;Then I  use the script as&lt;/p&gt;
&lt;pre&gt;&lt;code&gt;ansible-vault decrypt vars-mysql-config.yml
&lt;/code&gt;&lt;/pre&gt;
&lt;p&gt;Output is&lt;/p&gt;
&lt;pre&gt;&lt;code&gt;spawn ansible-vault decrypt /Users/ruben/ansible/vars/vars-mysql-config.yml
Vault password: %
&lt;/code&gt;&lt;/pre&gt;
&lt;p&gt;No success. I know this is a stupid question but is so simple and I feel so stuck that I thought I forgot something.&lt;/p&gt;
&lt;p&gt;Any ideas? thanks for reading!&lt;/p&gt;</t>
  </si>
  <si>
    <t>2017-07-04 15:57:08.340000+00:00</t>
  </si>
  <si>
    <t>2018-10-03 17:34:48.163000+00:00</t>
  </si>
  <si>
    <t>expect</t>
  </si>
  <si>
    <t>Read a BLOB in Oracle from Node.js</t>
  </si>
  <si>
    <t>&lt;p&gt;I've connected my web server node.js to Oracle, and I've already select some data from de database.&lt;/p&gt;
&lt;p&gt;There is no problem when I select data types like string or int, but I need to read some BLOBs too (called PARAMETERS in my database).&lt;/p&gt;
&lt;ul&gt;
&lt;li&gt;&lt;p&gt;First problem: The size of the BLOBs stored in the data base is 37000 bytes, but the size max of the buffer is 2000 --&gt;Solution : I've only selected the first 2000 bytes&lt;/p&gt;&lt;/li&gt;
&lt;li&gt;&lt;p&gt;Second problem: The result is an array, but I think that it's empty or I'm not able to read the data inside --&gt; Solution?&lt;/p&gt;&lt;/li&gt;
&lt;/ul&gt;
&lt;p&gt;Does anyone know how to read a BLOB with the node.js-Oracle module?&lt;/p&gt;
&lt;p&gt;Thank you  very much!&lt;/p&gt;
&lt;pre&gt;&lt;code&gt;db.connect({ "hostname": "xxx", "user":"xx", "password": "xx", "database": "xx"},     function(err, connection) {
            if (err) {
                return console.log("CONNECTION ERROR: " + err);
            }
            else{
                console.log('Connected to Oracle ');
                connection.execute('SELECT utl_raw.cast_to_varchar2(dbms_lob.substr(PARAMETERS,2000,1)) FROM records WHERE records.id = 1', [], function (err, rows) {
                        if ( err ) {
                            console.log('error: ' + err);
                        }
                        console.log('Parameters= ' + rows);
                        socket.emit('response:record', {'record': rows});
                 });
                 connection.execute('SELECT records.name FROM records WHERE records.id = 1', [], function (err, rows) {
                        if ( err ) {
                            console.log('error: ' + err);
                        }
                        socket.emit('response:name', {'record': rows});
                        console.log('name= ' + rows);
                 });
               connection.close();
               }
});
&lt;/code&gt;&lt;/pre&gt;
&lt;p&gt;The result is :&lt;/p&gt;
&lt;p&gt;Connected to Oracle&lt;br&gt;
Parameters =  [object object]&lt;br&gt;
name = [{NAME: ARD}]&lt;/p&gt;</t>
  </si>
  <si>
    <t>2013-10-17 12:25:16.737000+00:00</t>
  </si>
  <si>
    <t>2013-10-17 15:38:33.153000+00:00</t>
  </si>
  <si>
    <t>2013-10-17 13:06:39.633000+00:00</t>
  </si>
  <si>
    <t>javascript|oracle|node.js|blob</t>
  </si>
  <si>
    <t>Spring amqp - Is there any example to show how to use "sendAndReceive" method?</t>
  </si>
  <si>
    <t>&lt;p&gt;I have searched all the websites, but I can't find any example which is clear enough to show how to use &lt;code&gt;sendAndReceive&lt;/code&gt; method with Spring boot for rabbit MQ.&lt;/p&gt;
&lt;p&gt;My question is simple: How does the &lt;code&gt;sendAndReceive&lt;/code&gt; work?&lt;/p&gt;
&lt;p&gt;How to achieve that send a message to queue A and wait its response from queue B?
(Another application will handle message from queue A and reply the result to queue B.)&lt;/p&gt;
&lt;p&gt;Can anybody provide a simple example? Thanks a lot!&lt;/p&gt;</t>
  </si>
  <si>
    <t>2016-06-15 13:30:43.983000+00:00</t>
  </si>
  <si>
    <t>2016-06-15 13:37:26.583000+00:00</t>
  </si>
  <si>
    <t>java|spring|spring-amqp|spring-rabbitmq</t>
  </si>
  <si>
    <t>iOS video Orientation</t>
  </si>
  <si>
    <t>&lt;p&gt;iOS6 iPhone project orientation is forced to portrait mode only. I now added a video which plays as it should in portrait mode only. How do I change the orientation of only the video to landscape? Thanks.&lt;/p&gt;</t>
  </si>
  <si>
    <t>2012-12-19 04:40:07.877000+00:00</t>
  </si>
  <si>
    <t>ios|video|orientation|landscape|portrait</t>
  </si>
  <si>
    <t>Track slide views in carousel with google analytics</t>
  </si>
  <si>
    <t>&lt;p&gt;I have a slider/carousel with a number of slides. 
The slides carry information but no links. 
I want to track how many times each slide is viewed.
I'm assuming some sort of event tracking, but I cannot use onClick as the user isn't actually clicking anything unique. The clocks are just 'next' and 'prev'. &lt;/p&gt;
&lt;p&gt;Any ideas??&lt;/p&gt;
&lt;p&gt;Thanks &lt;/p&gt;</t>
  </si>
  <si>
    <t>2014-03-25 21:49:54.973000+00:00</t>
  </si>
  <si>
    <t>2014-03-26 03:19:58.917000+00:00</t>
  </si>
  <si>
    <t>jquery|google-analytics|slider|carousel</t>
  </si>
  <si>
    <t>Insert entry into crontab unless it already exists (as one-liner if possible)</t>
  </si>
  <si>
    <t>&lt;p&gt;What's the preferred method to insert an entry into /etc/crontab unless it exists, preferably using a one-liner?&lt;/p&gt;
&lt;p&gt;Here's my example entry I wish to place into /etc/crontab unless it already exists in there.&lt;/p&gt;
&lt;pre&gt;&lt;code&gt;*/1 *  *  *  * some_user python /mount/share/script.py
&lt;/code&gt;&lt;/pre&gt;
&lt;p&gt;I'm on CentOS 6.6 and so far I have this:&lt;/p&gt;
&lt;pre&gt;&lt;code&gt;if grep "*/1 *  *  *  * some_user python /mount/share/script.py" /etc/crontab; then echo "Entry already in crontab"; else echo "*/1 *  *  *  * some_user python /mount/share/script.py" &amp;gt;&amp;gt; /etc/crontab; fi 
&lt;/code&gt;&lt;/pre&gt;</t>
  </si>
  <si>
    <t>2014-12-01 11:17:03.520000+00:00</t>
  </si>
  <si>
    <t>2018-04-17 19:19:06.753000+00:00</t>
  </si>
  <si>
    <t>2018-04-17 18:54:08.470000+00:00</t>
  </si>
  <si>
    <t>bash|centos6</t>
  </si>
  <si>
    <t>Replace double loops python with apply</t>
  </si>
  <si>
    <t>&lt;p&gt;Does anyone know if it is possible to replace a double loop in python with something faster like the apply function ?
For instance, I have this dataframe : &lt;/p&gt;
&lt;pre&gt;&lt;code&gt;df = pd.DataFrame()
df["col_1"] = ["hello", "salut","hello", "bye", "bye","hi","hello", "hello"]
df["col_2"] = ["dog", "dog", "dog", "cat", "cat", "mouse","dog","cat"]
df["col_3"] = [100,45,100,51,51,32,100,85]
&lt;/code&gt;&lt;/pre&gt;
&lt;p&gt;and this function :&lt;/p&gt;
&lt;p&gt;&lt;code&gt;def f (l1, l2):
    if list(l1) == list(l2) :
        return 1
    else:
        return 0&lt;/code&gt;&lt;/p&gt;
&lt;p&gt;Which returns 1 if 2 lists are identical and 0 otherwise. I would like to apply this function to create a column "similar" like this :&lt;a href="https://i.stack.imgur.com/3dYnp.png" rel="nofollow noreferrer"&gt;&lt;img src="https://i.stack.imgur.com/3dYnp.png" alt="enter image description here"&gt;&lt;/a&gt;&lt;/p&gt;
&lt;p&gt;Which I can easily do with a double loop but I would like to do this faster with less complexity.&lt;/p&gt;
&lt;p&gt;Thank you for your help ! :) &lt;/p&gt;</t>
  </si>
  <si>
    <t>2017-08-10 10:47:47.503000+00:00</t>
  </si>
  <si>
    <t>2017-08-10 11:15:51.913000+00:00</t>
  </si>
  <si>
    <t>python-3.x|for-loop|duplicates|apply</t>
  </si>
  <si>
    <t>Can I specify a person to share with when implementing the Google+ share button?</t>
  </si>
  <si>
    <t>&lt;p&gt;I'd like to implement the Google+ Share button in my site.
&lt;a href="https://developers.google.com/+/plugins/share/" rel="nofollow"&gt;https://developers.google.com/+/plugins/share/&lt;/a&gt;&lt;/p&gt;
&lt;p&gt;It seems to default the share scope to 'Public'.  Is there a way to customize that and set it to a person or a circle?&lt;/p&gt;
&lt;p&gt;In my use case the scope is known ahead of time.  I'd like to save the user the extra step of removing the public scope and typing in the person.&lt;/p&gt;</t>
  </si>
  <si>
    <t>2012-09-07 04:10:55.323000+00:00</t>
  </si>
  <si>
    <t>2012-09-11 20:32:22.343000+00:00</t>
  </si>
  <si>
    <t>google-api|google-plus|google-plus-one</t>
  </si>
  <si>
    <t>Load data in div from external page</t>
  </si>
  <si>
    <t>&lt;p&gt;Info.html&lt;/p&gt;
&lt;pre&gt;&lt;code&gt;var Element = function ( id, w, h, position, rotation ) {
var html = [
  '&amp;lt;div class="wrapper"  width="' + w + '" height="' + h + '"  &amp;gt;',
  '&amp;lt;ul class="stage clearfix"&amp;gt;',
  '&amp;lt;li class="scene" id="' + id + '"&amp;gt;',
  '&amp;lt;div class="movie i1" id="attacker"  &amp;gt;'
  '&amp;lt;div class="poster"&amp;gt;',
  '&amp;lt;/div&amp;gt;',
  '&amp;lt;div class="info" url-data="' + id + '"&amp;gt;',
  '&amp;lt;/div&amp;gt;',
  '&amp;lt;/div&amp;gt;',
  '&amp;lt;/li&amp;gt;',
  '&amp;lt;/ul&amp;gt;',
  '&amp;lt;/div&amp;gt;'
].join('\n');
var div = document.createElement('div');
$(div).html(html);
}
function init() {
var group = new THREE.Group();
var str = {"0":'http://localhost/liberate/threeee/PAGES/Information/content.html'
}
for ( var i = 0; i &amp;lt; totalSpheres; i ++ ) {
  var xp = centerX + Math.sin(startRadians) * circleRadius;
  var zp = centerZ + Math.cos(startRadians) * circleRadius;
  group.add( new Element( str[i], 1000, 1000, new THREE.Vector3(xp, 0, zp), new THREE.Vector3(0, i*incrementAngle * (Math.PI/180.0), 0) ) );
  startRadians += incrementRadians;
  particles.push(group);
}
scene.add(group);
});
&lt;/code&gt;&lt;/pre&gt;
&lt;p&gt;I want to load data dynamically to this div with class info from a file content.html So I tried using url-data attribute but the problem is neither the console shows any error nor it shows the data. I know that I can directly put the data in div but the problem is that the data keeps on changing as the id change.
Here is my content.html from which I am trying to load the data into class div.
Content.html&lt;/p&gt;
&lt;pre&gt;&lt;code&gt;&amp;lt;header&amp;gt;
&amp;lt;h1&amp;gt;It's a Wonderful Life&amp;lt;/h1&amp;gt;
&amp;lt;span class="year"&amp;gt;1946&amp;lt;/span&amp;gt;
&amp;lt;span class="rating"&amp;gt;PG&amp;lt;/span&amp;gt;
&amp;lt;span class="duration"&amp;gt;130 minutes&amp;lt;/span&amp;gt;
&amp;lt;/header&amp;gt;
&amp;lt;p&amp;gt;
In Bedford Falls, New York on Christmas Eve, George Bailey is deeply troubled. Prayers for his well-being from friends and family reach Heaven. 
Clarence Odbody, Angel Second Class, is assigned to visit Earth to save 
George, thereby earning his wings. Franklin and Joseph, the head angels, 
review George's life with Clarence.
&amp;lt;/p&amp;gt;
&lt;/code&gt;&lt;/pre&gt;
&lt;p&gt;I want to put the data in content.html directly into class info.&lt;/p&gt;</t>
  </si>
  <si>
    <t>2017-08-16 11:00:16.047000+00:00</t>
  </si>
  <si>
    <t>2017-08-20 12:57:41.203000+00:00</t>
  </si>
  <si>
    <t>javascript|jquery|dom</t>
  </si>
  <si>
    <t>The process can't access the file, because it is being used by another process</t>
  </si>
  <si>
    <t>&lt;blockquote&gt;
  &lt;p&gt;&lt;strong&gt;Possible Duplicate:&lt;/strong&gt;&lt;br&gt;
  &lt;a href="https://stackoverflow.com/questions/321077/cant-access-file-because-it-is-being-used-by-another-process"&gt;Cant Access File because it is being used by another process&lt;/a&gt;  &lt;/p&gt;
&lt;/blockquote&gt;
&lt;pre&gt;&lt;code&gt;using (StreamWriter _SelectedFile = File.CreateText(CConstant.m_TEMPFILEPATH))
{
    _SelectedFile.WriteLine(CConstant.m_SaveFileDefaultDirectory);
    _SelectedFile.WriteLine(CConstant.Tempfile_ECUSelected);
    _SelectedFile.WriteLine(CConstant.Tempfile_inifile);
    _SelectedFile.WriteLine(CConstant.Tempfile_mapfile);
    _SelectedFile.Flush();
    _SelectedFile.Close();
    _SelectedFile.Dispose();
}
&lt;/code&gt;&lt;/pre&gt;
&lt;p&gt;When running the code, the very first time when i run the code(There is no temp.txt file ) , it throws an exception "The process can't access the file, because it is being used by another process."Please suggest a solution and also what's wrong in writing the code this way?&lt;/p&gt;</t>
  </si>
  <si>
    <t>2011-09-02 08:43:27.483000+00:00</t>
  </si>
  <si>
    <t>2011-09-02 14:33:43.727000+00:00</t>
  </si>
  <si>
    <t>2017-05-23 12:19:03.490000+00:00</t>
  </si>
  <si>
    <t>c#|.net|file-io</t>
  </si>
  <si>
    <t>javax.net.ssl.SSLHandshakeException: javax.net.ssl.SSLProtocolException: SSL handshake aborted</t>
  </si>
  <si>
    <t>&lt;p&gt;I've been searching for a solution for this issue for a while, but i just can't seem to figure it out&lt;/p&gt;
&lt;p&gt;I am trying to use ssl over http connection between an android app and the server, 
I've created a keystore with my self signed certificate&lt;/p&gt;
&lt;p&gt;i have this code :&lt;/p&gt;
&lt;pre&gt;&lt;code&gt;    URL url;
    SSLContext sslContext = null;
    KeyStore keyStore = KeyStore.getInstance("BKS");    
    InputStream input = SportsApplication.getContext().getResources().openRawResource(R.raw.mykeystore);
    keyStore.load(input, "mypass".toCharArray());
    KeyManagerFactory kmf = KeyManagerFactory.getInstance("X509");
    kmf.init(keyStore, "mypass".toCharArray());
    KeyManager[] keyManagers = kmf.getKeyManagers();
    sslContext = SSLContext.getInstance("TLS");
    sslContext.init(keyManagers, null, null);
    HttpsURLConnection connection = null;
    String urlParameters = mJObject.toString();
    try {
        Log.w("client", mUrl);
        Log.v("client", "request: "+urlParameters);
        // Create connection
        mUrl = mUrl.replaceFirst("http", "https");
        url = new URL(mUrl);
        connection = (HttpsURLConnection) url.openConnection();
        try{
            connection.setSSLSocketFactory(sslContext.getSocketFactory());
        }
        catch (Exception e1) {
            e1.printStackTrace();
            int tx =0;
        }
        try{
        connection.setRequestMethod("POST");
        connection.setRequestProperty("Content-type", "application/json");
        connection.setRequestProperty("Accept", "application/json");
        connection.setReadTimeout(dataTimeout);
        connection.setConnectTimeout(com.inmobly.buckeyes.client.Constants.DEFAULT_CONN_TIMEOUT);
        connection.setUseCaches(false);
        connection.setDoInput(true);
        connection.setDoOutput(true);
        }
        catch (Exception e1) {
            e1.printStackTrace();
            int tx =0;
        }
        // Send request
        DataOutputStream wr = null;
        try{
         wr = new DataOutputStream(connection.getOutputStream());
        }
        catch (Exception e1) {
            e1.printStackTrace();
            int tx =0;
        }
&lt;/code&gt;&lt;/pre&gt;
&lt;p&gt;but i keep getting this exception:&lt;/p&gt;
&lt;pre&gt;&lt;code&gt;javax.net.ssl.SSLHandshakeException: javax.net.ssl.SSLProtocolException: SSL handshake aborted: ssl=0x1b1b0e0: Failure in SSL library, usually a protocol errorerror:140770FC:SSL routines:SSL23_GET_SERVER_HELLO:unknown protocol (external/openssl/ssl/s23_clnt.c:683 0x4029bcf5:0x00000000)
&lt;/code&gt;&lt;/pre&gt;
&lt;p&gt;what am i doing wrong ?&lt;/p&gt;</t>
  </si>
  <si>
    <t>2013-09-16 10:32:13.667000+00:00</t>
  </si>
  <si>
    <t>2015-04-29 14:21:39.093000+00:00</t>
  </si>
  <si>
    <t>java|android|ssl|apache2</t>
  </si>
  <si>
    <t>Filter dictionary with arrays as value</t>
  </si>
  <si>
    <t>&lt;p&gt;I have dictionary  &lt;code&gt;[String: [Object]]&lt;/code&gt;. Each object has &lt;code&gt;.name&lt;/code&gt;&lt;/p&gt;
&lt;p&gt;Is it possible to use &lt;code&gt;.filter&lt;/code&gt; on dictionary to return dictionary with only keys that contain filtered value ?&lt;/p&gt;</t>
  </si>
  <si>
    <t>2016-07-18 13:34:57.603000+00:00</t>
  </si>
  <si>
    <t>2016-07-18 14:14:16.990000+00:00</t>
  </si>
  <si>
    <t>swift</t>
  </si>
  <si>
    <t>How to concatenate multiple CString</t>
  </si>
  <si>
    <t>&lt;p&gt;All functions return CString, this is a MFC code and must compile in 32 &amp;amp; 64 bits.&lt;/p&gt;
&lt;p&gt;Currently I'm using&lt;/p&gt;
&lt;blockquote&gt;
&lt;pre&gt;&lt;code&gt;CString sURI = GetURL();
sURI += GetMethod();
sURI += "?";
sURI += GetParameters();
&lt;/code&gt;&lt;/pre&gt;
&lt;/blockquote&gt;
&lt;p&gt;Exists any manner to do the same like: &lt;/p&gt;
&lt;blockquote&gt;
&lt;pre&gt;&lt;code&gt;CString sURI = GetURL() + GetMethod() + "?" + GetParameters();
&lt;/code&gt;&lt;/pre&gt;
&lt;/blockquote&gt;</t>
  </si>
  <si>
    <t>2010-07-01 15:20:26.580000+00:00</t>
  </si>
  <si>
    <t>2016-05-19 09:43:42.563000+00:00</t>
  </si>
  <si>
    <t>2010-07-01 15:23:39.890000+00:00</t>
  </si>
  <si>
    <t>c++|winapi|mfc|cstring</t>
  </si>
  <si>
    <t>In Tensorflow, how do you feed the enqueue op when using QueueRunner?</t>
  </si>
  <si>
    <t>&lt;p&gt;I'm confused about the purpose of &lt;code&gt;QueueRunner&lt;/code&gt; in tensorflow.&lt;/p&gt;
&lt;p&gt;In reading the documentation: &lt;a href="https://www.tensorflow.org/programmers_guide/threading_and_queues" rel="nofollow noreferrer"&gt;https://www.tensorflow.org/programmers_guide/threading_and_queues&lt;/a&gt;&lt;/p&gt;
&lt;p&gt;I am writing my own code to load a sample from my custom database and load it to a queue in tensorflow. I've defined a &lt;code&gt;FIFOQueue&lt;/code&gt; (I handle permuting order) and the appropriate &lt;code&gt;enqueue&lt;/code&gt; op.&lt;/p&gt;
&lt;p&gt;The &lt;code&gt;Coordinator&lt;/code&gt; makes sense, my code uses it to know when to shut down the enqueueing threads. But the purpose of the &lt;code&gt;QueueRunner&lt;/code&gt; confuses me.&lt;/p&gt;
&lt;p&gt;The &lt;code&gt;QueueRunner&lt;/code&gt; runs an &lt;code&gt;enqueue&lt;/code&gt; op repeatedly. But the documentation doesn't talk about how to feed data to that enqueue op. &lt;/p&gt;
&lt;blockquote&gt;
  &lt;p&gt;Obviously an enqueue operation requires that you feed it with
  something. So is &lt;code&gt;QueueRunner&lt;/code&gt; only meant to be used when you're
  loading from tensorflow records (e.g. all enqueue operations are
  themselves ops in the graph)?&lt;/p&gt;
&lt;/blockquote&gt;
&lt;p&gt;If the above statement is correct, then I understand (and wish the documentation was as explicit). In that case &lt;code&gt;QueueRunner&lt;/code&gt; is not for me to use in this case because all enqueue operations are not graph ops. If I'm wrong, please correct me.&lt;/p&gt;</t>
  </si>
  <si>
    <t>2017-03-21 21:40:05.387000+00:00</t>
  </si>
  <si>
    <t>2017-10-14 01:35:18.573000+00:00</t>
  </si>
  <si>
    <t>tensorflow</t>
  </si>
  <si>
    <t>Accessing ConfigurationManager.AppSettings value from Spring.NET xml configuration</t>
  </si>
  <si>
    <t>&lt;p&gt;I have a requirement that requires me to use Spring.net to get a connectionstring that is stored inside the app.config, and then inject the retrieved connectionstring to a instantiated object.&lt;/p&gt;
&lt;p&gt;How can I do this using Spring.net's xml configuration?&lt;/p&gt;
&lt;p&gt;For e.g., instead of my codes doing this:&lt;/p&gt;
&lt;pre class="lang-xml prettyprint-override"&gt;&lt;code&gt;// Spring.net config:
&amp;lt;object name="myService" type="com.acme.MyService, com.acme"&amp;gt;
    &amp;lt;constructor-arg type="System.String" value="myConnectionName"/&amp;gt;
&amp;lt;/object&amp;gt;
// Web.config:
&amp;lt;connectionStrings&amp;gt;
    &amp;lt;add name="myConnectionName" connectionString="DB_connectionstring"/&amp;gt;
&amp;lt;/connectionStrings&amp;gt;
&lt;/code&gt;&lt;/pre&gt;
&lt;pre class="lang-cs prettyprint-override"&gt;&lt;code&gt;// Codes:
public class MyService {
    public MyService(string connectionName) {
        var connectionString = ConfigurationManager.AppSettings[connectionName];
        // use connectionString to create a DB connection, etc
    }
}
&lt;/code&gt;&lt;/pre&gt;
&lt;p&gt;I want it like this:&lt;/p&gt;
&lt;pre class="lang-xml prettyprint-override"&gt;&lt;code&gt; // Spring.net config:
&amp;lt;object name="myService" type="com.acme.MyService, com.acme"&amp;gt;
    &amp;lt;constructor-arg type="System.String" ref="retrievedConnectionString"/&amp;gt;
&amp;lt;/object&amp;gt;    
// How to make a call similar to "ConfigurationManager.AppSettings[connectionName]" and get the connection string from Web.config and put inside "retrievedConnectionString"?
// Web.config:
&amp;lt;connectionStrings&amp;gt;
    &amp;lt;add name="myConnectionName" connectionString="DB_connectionstring"/&amp;gt;
&amp;lt;/connectionStrings&amp;gt;
&lt;/code&gt;&lt;/pre&gt;
&lt;pre class="lang-cs prettyprint-override"&gt;&lt;code&gt;// Codes:
public class MyService {
    public MyService(string connectionString) {
        // use connectionString to create a DB connection, etc
    }
}
&lt;/code&gt;&lt;/pre&gt;
&lt;p&gt;Is it even possible to call &lt;code&gt;ConfigurationManager.AppSettings[..]&lt;/code&gt; from Spring.net xml config?&lt;/p&gt;</t>
  </si>
  <si>
    <t>2011-11-03 07:03:02.150000+00:00</t>
  </si>
  <si>
    <t>2011-11-09 14:33:57.440000+00:00</t>
  </si>
  <si>
    <t>2011-11-03 11:27:20.967000+00:00</t>
  </si>
  <si>
    <t>.net|configuration|connection-string|spring.net|configurationmanager</t>
  </si>
  <si>
    <t>Phonegap how to save permanent data on android</t>
  </si>
  <si>
    <t>&lt;p&gt;I'm looking for a method to save data permanently using &lt;code&gt;PhoneGap&lt;/code&gt;.&lt;/p&gt;
&lt;ol&gt;
&lt;li&gt;&lt;code&gt;LocalStorage&lt;/code&gt;&lt;/li&gt;
&lt;li&gt;File I/O&lt;/li&gt;
&lt;li&gt;?&lt;/li&gt;
&lt;/ol&gt;
&lt;p&gt;I heard &lt;code&gt;LocalStorage&lt;/code&gt; is not 100% permanent, but is somewhere in the alley.&lt;/p&gt;
&lt;p&gt;I wouldn't really like to begin with File I/O, because what I need is to create a database with recipes, and they need to stay.&lt;/p&gt;
&lt;p&gt;"Number 3" is what I'm asking about. Any suggestions?&lt;/p&gt;
&lt;p&gt;Thanks in advance :)&lt;/p&gt;</t>
  </si>
  <si>
    <t>2012-12-07 10:57:51.420000+00:00</t>
  </si>
  <si>
    <t>2018-06-26 11:20:26.490000+00:00</t>
  </si>
  <si>
    <t>2014-08-13 14:57:40.620000+00:00</t>
  </si>
  <si>
    <t>database|cordova|local-storage</t>
  </si>
  <si>
    <t>Extending android Location class and implements parcelable interface</t>
  </si>
  <si>
    <t>&lt;p&gt;I have a Coordinate class that extends the android.location.Location class that implements Parcelable.&lt;/p&gt;
&lt;p&gt;Here is my Coordinate class :&lt;/p&gt;
&lt;pre class="lang-java prettyprint-override"&gt;&lt;code&gt;public class Coordinate extends Location {
public Coordinate() {
    super(Keys.DUMMY_PROVIDER);
}
public Coordinate(Double longitude, Double latitude, Double altitude) {
    super(Keys.DUMMY_PROVIDER);
    this.setLongitude(longitude);
    this.setLatitude(latitude);
    this.setAltitude(altitude);
}
public Coordinate(Double longitude, Double latitude, Double altitude, Float speed, Long time) {
    super(Keys.DUMMY_PROVIDER);
    this.setLongitude(longitude);
    this.setLatitude(latitude);
    this.setAltitude(altitude);
    this.setSpeed(speed);
    this.setTime(time);
}
public Coordinate(String raw) {
    super(Keys.DUMMY_PROVIDER);
    String[] coords;
    coords = raw.split("(?&amp;lt;!\\\\),");
    this.setLongitude(Double.parseDouble(coords[0]));
    this.setLatitude(Double.parseDouble(coords[1]));
    this.setAltitude(coords.length&amp;gt;2? Double.parseDouble(coords[2]) : null);
}
public Coordinate(Location location) {
    super(location);
}
public static final Parcelable.Creator&amp;lt;Coordinate&amp;gt; CREATOR = new Parcelable.Creator&amp;lt;Coordinate&amp;gt;() {
    public Coordinate createFromParcel(Parcel in) {
        return new Coordinate(in);
    }
    public Coordinate[] newArray(int size) {
        return new Coordinate[size];
    }
};
private Coordinate(Parcel in) {
    super(Keys.DUMMY_PROVIDER);
    in.readParcelable(Location.class.getClassLoader());
} 
@Override
public int describeContents() {
    return 0;
}
@Override
public void writeToParcel(Parcel dest, int flags) {
    super.writeToParcel(dest, flags);
}
}
&lt;/code&gt;&lt;/pre&gt;
&lt;p&gt;When I run my code I have this error :
&lt;/p&gt;
&lt;pre&gt;&lt;code&gt;    12-13 15:21:29.595: E/AndroidRuntime(5499): FATAL EXCEPTION: main
    12-13 15:21:29.595: E/AndroidRuntime(5499): java.lang.RuntimeException: Unable to start activity ComponentInfo{com.lavachequiskie.sanbernardo/com.lavachequiskie.sanbernardo.socialnetwork.SocialNetworkActivity}: android.os.BadParcelableException: ClassNotFoundException when unmarshalling: dummy-provider
    12-13 15:21:29.595: E/AndroidRuntime(5499):     at android.app.ActivityThread.performLaunchActivity(ActivityThread.java:2107)
    12-13 15:21:29.595: E/AndroidRuntime(5499):     at android.app.ActivityThread.handleLaunchActivity(ActivityThread.java:2132)
    12-13 15:21:29.595: E/AndroidRuntime(5499):     at android.app.ActivityThread.access$700(ActivityThread.java:140)
    12-13 15:21:29.595: E/AndroidRuntime(5499):     at android.app.ActivityThread$H.handleMessage(ActivityThread.java:1238)
    12-13 15:21:29.595: E/AndroidRuntime(5499):     at android.os.Handler.dispatchMessage(Handler.java:99)
    12-13 15:21:29.595: E/AndroidRuntime(5499):     at android.os.Looper.loop(Looper.java:137)
    12-13 15:21:29.595: E/AndroidRuntime(5499):     at android.app.ActivityThread.main(ActivityThread.java:4918)
    12-13 15:21:29.595: E/AndroidRuntime(5499):     at java.lang.reflect.Method.invokeNative(Native Method)
    12-13 15:21:29.595: E/AndroidRuntime(5499):     at java.lang.reflect.Method.invoke(Method.java:511)
    12-13 15:21:29.595: E/AndroidRuntime(5499):     at com.android.internal.os.ZygoteInit$MethodAndArgsCaller.run(ZygoteInit.java:994)
    12-13 15:21:29.595: E/AndroidRuntime(5499):     at com.android.internal.os.ZygoteInit.main(ZygoteInit.java:761)
    12-13 15:21:29.595: E/AndroidRuntime(5499):     at dalvik.system.NativeStart.main(Native Method)
    12-13 15:21:29.595: E/AndroidRuntime(5499): Caused by: android.os.BadParcelableException: ClassNotFoundException when unmarshalling: dummy-provider
    12-13 15:21:29.595: E/AndroidRuntime(5499):     at android.os.Parcel.readParcelable(Parcel.java:2077)
    12-13 15:21:29.595: E/AndroidRuntime(5499):     at com.lavachequiskie.mykml.Coordinate.&amp;lt;init&amp;gt;(Coordinate.java:79)
    12-13 15:21:29.595: E/AndroidRuntime(5499):     at com.lavachequiskie.mykml.Coordinate.&amp;lt;init&amp;gt;(Coordinate.java:77)
    12-13 15:21:29.595: E/AndroidRuntime(5499):     at com.lavachequiskie.mykml.Coordinate$1.createFromParcel(Coordinate.java:69)
    12-13 15:21:29.595: E/AndroidRuntime(5499):     at com.lavachequiskie.mykml.Coordinate$1.createFromParcel(Coordinate.java:1)
    12-13 15:21:29.595: E/AndroidRuntime(5499):     at android.os.Parcel.readParcelable(Parcel.java:2103)
    12-13 15:21:29.595: E/AndroidRuntime(5499):     at com.lavachequiskie.mykml.SimplifiedPlacemark.&amp;lt;init&amp;gt;(SimplifiedPlacemark.java:21)
    12-13 15:21:29.595: E/AndroidRuntime(5499):     at com.lavachequiskie.mykml.SimplifiedPlacemark.&amp;lt;init&amp;gt;(SimplifiedPlacemark.java:17)
    12-13 15:21:29.595: E/AndroidRuntime(5499):     at com.lavachequiskie.mykml.SimplifiedPlacemark$1.createFromParcel(SimplifiedPlacemark.java:89)
    12-13 15:21:29.595: E/AndroidRuntime(5499):     at com.lavachequiskie.mykml.SimplifiedPlacemark$1.createFromParcel(SimplifiedPlacemark.java:1)
    12-13 15:21:29.595: E/AndroidRuntime(5499):     at android.os.Parcel.readParcelable(Parcel.java:2103)
    12-13 15:21:29.595: E/AndroidRuntime(5499):     at android.os.Parcel.readValue(Parcel.java:1965)
    12-13 15:21:29.595: E/AndroidRuntime(5499):     at android.os.Parcel.readMapInternal(Parcel.java:2226)
    12-13 15:21:29.595: E/AndroidRuntime(5499):     at android.os.Bundle.unparcel(Bundle.java:223)
    12-13 15:21:29.595: E/AndroidRuntime(5499):     at android.os.Bundle.getString(Bundle.java:1055)
    12-13 15:21:29.595: E/AndroidRuntime(5499):     at com.lavachequiskie.sanbernardo.socialnetwork.SocialNetworkActivity.onCreate(SocialNetworkActivity.java:104)
    12-13 15:21:29.595: E/AndroidRuntime(5499):     at android.app.Activity.performCreate(Activity.java:5185)
    12-13 15:21:29.595: E/AndroidRuntime(5499):     at android.app.Instrumentation.callActivityOnCreate(Instrumentation.java:1094)
    12-13 15:21:29.595: E/AndroidRuntime(5499):     at android.app.ActivityThread.performLaunchActivity(ActivityThread.java:2071)
    12-13 15:21:29.595: E/AndroidRuntime(5499):     ... 11 more
&lt;/code&gt;&lt;/pre&gt;
&lt;p&gt;I think my problem come from the constructor &lt;code&gt;private Coordinate(Parcel in)&lt;/code&gt; but there is no super(Parcel in) constructor for Location class. I've found some post on this particular problem (&lt;a href="https://stackoverflow.com/questions/15823952/extending-an-android-parcelable-class/15824531#15824531"&gt;firt&lt;/a&gt;, &lt;a href="https://stackoverflow.com/questions/17725821/how-to-extend-android-class-which-implements-parcelable-interface"&gt;second&lt;/a&gt;) but finally I don't understand if it's possible to do it and how ?&lt;/p&gt;</t>
  </si>
  <si>
    <t>2013-12-13 14:41:27.803000+00:00</t>
  </si>
  <si>
    <t>2017-05-23 11:49:45.223000+00:00</t>
  </si>
  <si>
    <t>android|location|extends|parcelable</t>
  </si>
  <si>
    <t>How to resize modal within modal after click?</t>
  </si>
  <si>
    <t>&lt;p&gt;I created a link within a modal that opens a second modal. I want to resize the second modal that opens but I don't know how. I want the second modal to be almost fullscreen and the first one to stay small. Here is my code: &lt;/p&gt;
&lt;pre&gt;&lt;code&gt;&amp;lt;div class="modal fade" id="aboutModal4" tabindex="-1" role="dialog" aria-labelledby="myModalLabel"&amp;gt;
  &amp;lt;div class="modal-dialog" role="document"&amp;gt;
    &amp;lt;div class="modal-content"&amp;gt;
      &amp;lt;div class="modal-header"&amp;gt;
        &amp;lt;button type="button" class="close" data-dismiss="modal" aria-label="Close"&amp;gt;&amp;lt;span aria-hidden="true"&amp;gt;&amp;amp;times;&amp;lt;/span&amp;gt;&amp;lt;/button&amp;gt;
        &amp;lt;h3 class="modal-title" id="myModalLabel"&amp;gt;Example&amp;lt;/h3&amp;gt;
      &amp;lt;/div&amp;gt;
      &amp;lt;div class="modal-body"&amp;gt;
&amp;lt;button type="button" class="astext" data-toggle="modal" data-target="#myModal6"&amp;gt;Information&amp;lt;/button&amp;gt;&amp;lt;/br&amp;gt;&amp;lt;/br&amp;gt;
&amp;lt;div class="modal fade" id="myModal1" role="dialog"&amp;gt;
&amp;lt;div class="modal-dialog modal-lg"&amp;gt;
  &amp;lt;div class="modal-content"&amp;gt;
    &amp;lt;div class="modal-header"&amp;gt;
      &amp;lt;button type="button" class="close" data-dismiss="modal"&amp;gt;&amp;amp;times;&amp;lt;/button&amp;gt;
      &amp;lt;h4 class="modal-title"&amp;gt;Bissa&amp;lt;/h4&amp;gt;
    &amp;lt;/div&amp;gt;
    &amp;lt;div class="modal-body"&amp;gt;
      &amp;lt;p&amp;gt;Information&amp;lt;/p&amp;gt;
      &amp;lt;/div&amp;gt;
     &amp;lt;/div&amp;gt;
      &amp;lt;div class="modal-footer"&amp;gt;
        &amp;lt;button type="button" class="btn btn-default" data-dismiss="modal"&amp;gt;Close&amp;lt;/button&amp;gt;
      &amp;lt;/div&amp;gt;
    &amp;lt;/div&amp;gt;
  &amp;lt;/div&amp;gt;
&lt;/code&gt;&lt;/pre&gt;</t>
  </si>
  <si>
    <t>2017-04-12 15:37:16.063000+00:00</t>
  </si>
  <si>
    <t>2017-04-13 23:15:13.083000+00:00</t>
  </si>
  <si>
    <t>javascript|twitter-bootstrap|modal-dialog</t>
  </si>
  <si>
    <t>Connecting and playing with Cassandra in Java</t>
  </si>
  <si>
    <t>&lt;p&gt;I have read some tutorials on what Cassandra is and what it can do but my problem is how to interface with Cassandra in java? (A tutorial will be nice :-) )&lt;/p&gt;
&lt;p&gt;If possible, can someone please show me whether I should use Thrift or Hector (which one is better and why)?&lt;/p&gt;
&lt;p&gt;Thanks in advance.&lt;/p&gt;
&lt;p&gt;&lt;strong&gt;PS&lt;/strong&gt; Can I integrate Hibernate with Cassandra?&lt;/p&gt;</t>
  </si>
  <si>
    <t>2010-07-14 13:23:12.330000+00:00</t>
  </si>
  <si>
    <t>2013-09-25 23:14:41.757000+00:00</t>
  </si>
  <si>
    <t>java|cassandra</t>
  </si>
  <si>
    <t>typedef with CRTP doesn't work when inheritance is used</t>
  </si>
  <si>
    <t>&lt;p&gt;Is there any ways to define a type with a same name for classes in inheritance relationship by using CTRP? I tried the following code but got &lt;code&gt;error: member 'ptr_t' found in multiple base classes of different types&lt;/code&gt; from &lt;code&gt;clang++&lt;/code&gt;.&lt;/p&gt;
&lt;pre&gt;&lt;code&gt;#include &amp;lt;iostream&amp;gt;
#include &amp;lt;tr1/memory&amp;gt;
template &amp;lt;typename T&amp;gt; class Pointable {
public:
    // define a type `ptr_t` in the class `T` publicly
    typedef std::tr1::shared_ptr&amp;lt;T&amp;gt; ptr_t;
};
class Parent : public Pointable&amp;lt;Parent&amp;gt; {
public:
    Parent() {
        std::cout &amp;lt;&amp;lt; "Parent created" &amp;lt;&amp;lt; std::endl;
    }
    ~Parent() {
        std::cout &amp;lt;&amp;lt; "Parent deleted" &amp;lt;&amp;lt; std::endl;
    }
};
class Child : public Parent,
              public Pointable&amp;lt;Child&amp;gt; {
public:
    Child() {
        std::cout &amp;lt;&amp;lt; "Child created" &amp;lt;&amp;lt; std::endl;
    }
    ~Child() {
        std::cout &amp;lt;&amp;lt; "Child deleted" &amp;lt;&amp;lt; std::endl;
    }
};
int main(int argc, char** argv)
{
    Child::ptr_t child_ptr(new Child());
    Parent::ptr_t parent_ptr(new Parent());
    return 0;
}
&lt;/code&gt;&lt;/pre&gt;
&lt;p&gt;Of course, the following one is OK (but it's redundant and go against the DRY principle).&lt;/p&gt;
&lt;pre&gt;&lt;code&gt;class Parent {
public:
    typedef std::tr1::shared_ptr&amp;lt;Parent&amp;gt; ptr_t;
    Parent() {
        std::cout &amp;lt;&amp;lt; "Parent created" &amp;lt;&amp;lt; std::endl;
    }
    ~Parent() {
        std::cout &amp;lt;&amp;lt; "Parent deleted" &amp;lt;&amp;lt; std::endl;
    }
};
class Child : public Parent {
public:
    typedef std::tr1::shared_ptr&amp;lt;Child&amp;gt; ptr_t;
    Child() {
        std::cout &amp;lt;&amp;lt; "Child created" &amp;lt;&amp;lt; std::endl;
    }
    ~Child() {
        std::cout &amp;lt;&amp;lt; "Child deleted" &amp;lt;&amp;lt; std::endl;
    }
};
&lt;/code&gt;&lt;/pre&gt;
&lt;p&gt;If there is no ways to achieve this behavior by using CRTP, why that is prohibited?&lt;/p&gt;</t>
  </si>
  <si>
    <t>2012-02-02 15:27:56.140000+00:00</t>
  </si>
  <si>
    <t>2012-02-02 16:43:12.183000+00:00</t>
  </si>
  <si>
    <t>c++|inheritance|crtp</t>
  </si>
  <si>
    <t>Bing Search API supports multiple request?</t>
  </si>
  <si>
    <t>&lt;p&gt;im trying to do an load test on my page that uses Bing seach API for user queries in a search box, i wanna know who many searching users can handle my web, to do that i configure a Jmeter test, but when i run it appears to fail at 90% of searches, ��there is any limitation on this api on multiple users that search at same time?&lt;/p&gt;</t>
  </si>
  <si>
    <t>2015-02-10 16:35:16.300000+00:00</t>
  </si>
  <si>
    <t>2015-02-11 05:30:10.973000+00:00</t>
  </si>
  <si>
    <t>jmeter|search-engine|bing-api</t>
  </si>
  <si>
    <t>Real-time Apps Symfony - What technology to use?</t>
  </si>
  <si>
    <t>&lt;p&gt;I would like to know if someone could explain to me how to build a real-time application with Symfony?&lt;/p&gt;
&lt;p&gt;I have looked at a lot of documentation with my best friend Google, but I have not found quite detailed articles.&lt;/p&gt;
&lt;p&gt;I would like some more PHP-oriented thing and saw that there were technologies like ReactPHP / Ratchet (but I can not find a tutorial clear enough to integrate it into an existing symfony project).&lt;/p&gt;
&lt;p&gt;Do you have any advice on which technologies to use and why? (If you have tutorial links I take!)&lt;/p&gt;
&lt;p&gt;Thank you in advance for your answers !&lt;/p&gt;</t>
  </si>
  <si>
    <t>2017-03-12 17:19:48.103000+00:00</t>
  </si>
  <si>
    <t>2017-03-14 10:25:00.080000+00:00</t>
  </si>
  <si>
    <t>php|symfony|real-time|ratchet|reactphp</t>
  </si>
  <si>
    <t>extra characters (newline/spaces) seen when accessing html element via jquery</t>
  </si>
  <si>
    <t>&lt;p&gt;I am trying to access &lt;code&gt;li&lt;/code&gt; elements within &lt;code&gt;ul&lt;/code&gt; . I am novice jquery user and I believe I am making some mistake because which I am seeing extra characters
( newline/space) when I try to print the value of &lt;code&gt;li&lt;/code&gt; element.&lt;/p&gt;
&lt;p&gt;Can someone please let me know what I am doing wrong here.&lt;/p&gt;
&lt;p&gt;&lt;div class="snippet" data-lang="js" data-hide="false"&gt;_x000D_
&lt;div class="snippet-code"&gt;_x000D_
&lt;pre class="snippet-code-js lang-js prettyprint-override"&gt;&lt;code&gt;$(function () {_x000D_
var a=$('ul.nav').find('li#tab2').text();_x000D_
alert(a + '|next_text|');_x000D_
});&lt;/code&gt;&lt;/pre&gt;_x000D_
&lt;pre class="snippet-code-html lang-html prettyprint-override"&gt;&lt;code&gt;&amp;lt;script src="https://ajax.googleapis.com/ajax/libs/jquery/1.9.0/jquery.min.js"&amp;gt;&amp;lt;/script&amp;gt;_x000D_
&amp;lt;ul class="nav"&amp;gt;_x000D_
        &amp;lt;li id='tab1'&amp;gt;&amp;lt;a href="?call=tab1"&amp;gt;tab1&amp;lt;/a&amp;gt;_x000D_
        &amp;lt;/li&amp;gt;_x000D_
        &amp;lt;li&amp;gt;|&amp;lt;/li&amp;gt;_x000D_
        &amp;lt;li id='tab2'&amp;gt;&amp;lt;a href="?call=tab2"&amp;gt;tab2&amp;lt;/a&amp;gt;_x000D_
        &amp;lt;/li&amp;gt;_x000D_
        &amp;lt;li&amp;gt;|&amp;lt;/li&amp;gt;_x000D_
        &amp;lt;li id='tab3'&amp;gt;&amp;lt;a href="?call=tab3"&amp;gt;tab3&amp;lt;/a&amp;gt;_x000D_
        &amp;lt;/li&amp;gt;_x000D_
        &amp;lt;li&amp;gt;|&amp;lt;/li&amp;gt;_x000D_
        &amp;lt;li id='tab4'&amp;gt;&amp;lt;a href="?call=tab4"&amp;gt;tab4&amp;lt;/a&amp;gt;_x000D_
        &amp;lt;/li&amp;gt;_x000D_
    &amp;lt;/ul&amp;gt;&lt;/code&gt;&lt;/pre&gt;_x000D_
&lt;/div&gt;_x000D_
&lt;/div&gt;_x000D_
&lt;/p&gt;</t>
  </si>
  <si>
    <t>2014-10-23 15:47:02.790000+00:00</t>
  </si>
  <si>
    <t>2014-10-23 16:09:08.920000+00:00</t>
  </si>
  <si>
    <t>jquery|html</t>
  </si>
  <si>
    <t>format a string like a date</t>
  </si>
  <si>
    <t>&lt;p&gt;I'm receiving a "&lt;em&gt;date&lt;/em&gt;" represented by a string in the form &lt;strong&gt;yyyymmdd&lt;/strong&gt; from a database table over which I have no control. (I cannot modify the type/format of the date field)&lt;/p&gt;
&lt;p&gt;I would like to insert the character '&lt;strong&gt;/&lt;/strong&gt;' at the right place. (&lt;em&gt;20150113 = 2015/01/13&lt;/em&gt;)&lt;/p&gt;
&lt;p&gt;As I haven't been able to use &lt;code&gt;new Date('20150113')&lt;/code&gt; I am using a regex to insert the slash like so:&lt;/p&gt;
&lt;pre&gt;&lt;code&gt;string = string.toString().replace(/(^[0-9]{4})/g , "$1\/");
string = string.replace(/(^[0-9\/]{7})/g , "$1\/");
&lt;/code&gt;&lt;/pre&gt;
&lt;p&gt;Is it possible to merge both regexes into one or is there an existing function (angular, javascript) that can understand that date format (&lt;em&gt;20150113&lt;/em&gt;)?&lt;/p&gt;</t>
  </si>
  <si>
    <t>2016-01-13 12:27:09.517000+00:00</t>
  </si>
  <si>
    <t>2016-01-13 12:31:24.503000+00:00</t>
  </si>
  <si>
    <t>javascript|angularjs|date-formatting</t>
  </si>
  <si>
    <t>OpenX on Android won't fetch ads</t>
  </si>
  <si>
    <t>&lt;p&gt;I'm having trouble implementing OpenX in my app. This is how I setup my OXMAdController:&lt;/p&gt;
&lt;pre&gt;&lt;code&gt;protected void onCreate(Bundle savedInstanceState) 
{
    super.onCreate(savedInstanceState);
    //OpenX init (needs to be called before setContentView method)
    OXMManagersResolver.getInstance().prepare(this);
    setContentView(R.layout.category_pager);    
    //Setting OpenX
    try
    {
        mAdController = new OXMAdController(this, "ads.domain.com");
    }
    catch (OXMAndroidSDKVersionNotSupported e) 
    {
        e.printStackTrace();
    }
    mAdController.setAdControllerEventsListener(new OXMAdControllerEventsListener() 
    {
        @Override
        public void adControllerWillLoadAd(OXMAdBaseController arg0) 
        {
            Log.v("test", "adControllerWillLoadAd");
        }
        @Override
        public void adControllerDidLoadAd(OXMAdBaseController arg0) 
        {
            Log.v("test", "adControllerDidLoadAd");
        }
        @Override
        public void adControllerDidFailWithNonCriticalError(OXMAdBaseController arg0, OXMError arg1) 
        {
            Log.v("test", "adControllerDidLoadAd");
        }
        @Override
        public void adControllerDidFailToReceiveAdWithError(OXMAdBaseController arg0, Throwable arg1) 
        {
            Log.v("test", "adControllerDidFailToReceiveAdWithError");
        }
        @Override
        public void adControllerActionUnableToBegin(OXMAdBaseController arg0) 
        {
            Log.v("test", "adControllerActionUnableToBegin");
        }
        @Override
        public boolean adControllerActionShouldBegin(OXMAdBaseController arg0, boolean arg1) 
        {
            Log.v("test", "adControllerActionShouldBegin");
            return true;
        }
        @Override
        public void adControllerActionDidFinish(OXMAdBaseController arg0) 
        {
            Log.v("test", "adControllerActionDidFinish");
        }
    });
    mAdController.initForAdUnitIds(43, 43);
    mAdController.startLoading();
}
&lt;/code&gt;&lt;/pre&gt;
&lt;p&gt;Server returns to callback method &lt;code&gt;adControllerDidFailToReceiveAdWithError&lt;/code&gt; twice. First time error is &lt;code&gt;com.openx.ad.mobile.sdk.errors.OXMServerWrongStatusCode: Server returned 404 status code&lt;/code&gt; and second time error is &lt;code&gt;com.openx.ad.mobile.sdk.errors.OXMServerWrongResponse: Server response parsing error.&lt;/code&gt; &lt;/p&gt;
&lt;p&gt;Does anyone know why this happens? &lt;/p&gt;</t>
  </si>
  <si>
    <t>2012-09-10 16:24:07.197000+00:00</t>
  </si>
  <si>
    <t>2013-08-15 19:20:33.837000+00:00</t>
  </si>
  <si>
    <t>android|mobile|openx</t>
  </si>
  <si>
    <t>Override layoutSubviews to call [super layoutSubviews] and then find and reposition the button's view</t>
  </si>
  <si>
    <t>&lt;p&gt;I'm trying to reposition my &lt;code&gt;UIBarButtonItem&lt;/code&gt; so that it sits with it's edges against the top and right of the UINavigationBar. I found &lt;a href="https://stackoverflow.com/questions/5761183/change-position-of-uibarbuttonitem-in-uinavigationbar"&gt;this accepted answer&lt;/a&gt; on how to do this, but I don't really understand how to code it. &lt;/p&gt;
&lt;p&gt;I've started by creating a new class called &lt;code&gt;CustomNavBar&lt;/code&gt; which inherits from &lt;code&gt;UINavigationBar&lt;/code&gt;. I then placed this method in the implementation:&lt;/p&gt;
&lt;pre&gt;&lt;code&gt;- (void) layoutSubviews
{
}
&lt;/code&gt;&lt;/pre&gt;
&lt;p&gt;What I don't understand is the part in the answer that says  &lt;/p&gt;
&lt;pre&gt;&lt;code&gt;call [super layoutSubviews] and then find and reposition the button's view.
&lt;/code&gt;&lt;/pre&gt;
&lt;p&gt;How do I code this? Even a nudge in the right direction would be helpful. Thanks!&lt;/p&gt;</t>
  </si>
  <si>
    <t>2011-11-10 11:16:41.293000+00:00</t>
  </si>
  <si>
    <t>2011-11-29 15:38:08.640000+00:00</t>
  </si>
  <si>
    <t>2017-05-23 12:31:42.903000+00:00</t>
  </si>
  <si>
    <t>iphone|objective-c|xcode|cocoa-touch|uinavigationbar</t>
  </si>
  <si>
    <t>Android phonegap app is slow</t>
  </si>
  <si>
    <t>&lt;p&gt;I have a html5/phonegap application. It runs slow on galaxy s3 or s4.&lt;/p&gt;
&lt;p&gt;The logcat shows it has some 2-second delay here and there. Below are some examples.&lt;/p&gt;
&lt;pre&gt;&lt;code&gt;05-19 12:30:27.148: D/webkit(14438): euler: isUrlBlocked = false
05-19 12:30:29.390: D/dalvikvm(14438): GC_FOR_ALLOC freed 1641K, 22% free 26652K/33832K, paused 18ms, total 19ms
...
05-19 12:30:30.331: D/webkit(14438): euler: isUrlBlocked = false
05-19 12:30:33.024: V/chromium_net(14438): external/chromium/net/socket/ssl_client_socket_openssl.cc:419: [0519/123033:INFO:ssl_client_socket_openssl.cc(419)] ~SSLClientSocketOpenSSL()
&lt;/code&gt;&lt;/pre&gt;
&lt;p&gt;Any suggestions? Or any way to find out more details?&lt;/p&gt;</t>
  </si>
  <si>
    <t>2014-06-23 15:09:02.547000+00:00</t>
  </si>
  <si>
    <t>2016-04-06 08:40:09.003000+00:00</t>
  </si>
  <si>
    <t>android|html5|cordova</t>
  </si>
  <si>
    <t>mysql query to count customers with certain number of products</t>
  </si>
  <si>
    <t>&lt;p&gt;I have a customer table containing these two fields (actually way more but this is simplified):  customerAcct, product&lt;br&gt;
I need to count the number of customers that have a certain number of each product.  Results would look like this:&lt;/p&gt;
&lt;pre&gt;&lt;code&gt;Accounts  Product  Quantity
   100    ProductA    3
    40    ProductA    2
    20    ProductA    1
    80    ProductB    3
    60    ProductB    2
    30    ProductB    1
&lt;/code&gt;&lt;/pre&gt;
&lt;p&gt;and so on.  So basically it's telling me that 100 customers have 3 of ProductA, 40 customers have 2 of ProductA, and 20 customers have 1 of ProductA.  Then same for ProductB.&lt;br&gt;
Thanks in advance.&lt;/p&gt;</t>
  </si>
  <si>
    <t>2016-02-17 21:54:15.617000+00:00</t>
  </si>
  <si>
    <t>2016-02-17 22:07:46.443000+00:00</t>
  </si>
  <si>
    <t>2016-02-17 21:59:24.347000+00:00</t>
  </si>
  <si>
    <t>mysql|count|nested</t>
  </si>
  <si>
    <t>RadioButton not working as it should</t>
  </si>
  <si>
    <t>&lt;p&gt;Could some take a look at the below and try and explain what I'm missing? I've used the below method before in an application and its worked perfectly. Im sure its something silly I have missed and would love to get someone to look over it...&lt;/p&gt;
&lt;p&gt;I input the air volume and pressure and click on my RadioButton ForwardCBD. This should create a double power, this should then be outputted to the screen but instead it causes the app to crash out.&lt;/p&gt;
&lt;p&gt;Any ideas?&lt;/p&gt;
&lt;pre&gt;&lt;code&gt;EditText AirVolume, Pressure,FCBD,BCBD,BCDD;
TextView Power;
RadioGroup Fans;
RadioButton ForwardCBD, BackwardCBD, BackwardCDD;
@Override
public void onCreate(Bundle savedInstanceState) {
    super.onCreate(savedInstanceState);
    setContentView(R.layout.car);
    AirVolume=(EditText)findViewById(R.id.AirVolume);
    Pressure=(EditText)findViewById(R.id.Pressure);
    Power=(TextView)findViewById(R.id.Power);
    ForwardCBD=(RadioButton)findViewById(R.id.ForwardCBD);
    BackwardCBD=(RadioButton)findViewById(R.id.BackwardCBD);
    BackwardCDD=(RadioButton)findViewById(R.id.BackwardCDD);
    Fans=(RadioGroup)findViewById(R.id.Fans);
    Fans.setOnCheckedChangeListener(this);
}   
public void onCheckedChanged(RadioGroup Fans, int aplication) {
    if (aplication==R.id.ForwardCBD){
        double airVolume = Double.parseDouble(AirVolume.getText().toString());
        double pressure = Double.parseDouble(Pressure.getText().toString());
        double fCBD = Double.parseDouble(FCBD.getText().toString());        
        double power = (airVolume * pressure) / (fCBD /100);
        DecimalFormat df = new DecimalFormat();
        Power.setText(df.format(power)+("W"));
    }
    if (aplication==R.id.BackwardCBD){
        double airVolume = Double.parseDouble(AirVolume.getText().toString());
        double pressure = Double.parseDouble(Pressure.getText().toString());
        double bCBD = Double.parseDouble(BCBD.getText().toString());        
        double power = (airVolume * pressure) / (bCBD /100);
        DecimalFormat df = new DecimalFormat();
        Power.setText(df.format(power)+("W"));
    }
    if (aplication==R.id.BackwardCDD){
        double airVolume = Double.parseDouble(AirVolume.getText().toString());
        double pressure = Double.parseDouble(Pressure.getText().toString());
        double bCDD = Double.parseDouble(BCDD.getText().toString());        
        double power = (airVolume * pressure) / (bCDD /100);
        DecimalFormat df = new DecimalFormat();
        Power.setText(df.format(power)+("W"));
    }
}   
}
&lt;/code&gt;&lt;/pre&gt;
&lt;p&gt;See the LogCat below.&lt;/p&gt;
&lt;p&gt;Not really sure how to present it in a decent format on here so sorry in advance! &lt;/p&gt;
&lt;pre&gt;&lt;code&gt;08-19 12:10:24.576: E/AndroidRuntime(11733): FATAL EXCEPTION: main
08-19 12:10:24.576: E/AndroidRuntime(11733): java.lang.NullPointerException
08-19 12:10:24.576: E/AndroidRuntime(11733):    at com.test.will.CarSystems.onCheckedChanged(CarSystems.java:46)
08-19 12:10:24.576: E/AndroidRuntime(11733):    at android.widget.RadioGroup.setCheckedId(RadioGroup.java:172)
08-19 12:10:24.576: E/AndroidRuntime(11733):    at android.widget.RadioGroup.access$600(RadioGroup.java:52)
08-19 12:10:24.576: E/AndroidRuntime(11733):    at android.widget.RadioGroup$CheckedStateTracker.onCheckedChanged(RadioGroup.java:342)
08-19 12:10:24.576: E/AndroidRuntime(11733):    at android.widget.CompoundButton.setChecked(CompoundButton.java:128)
08-19 12:10:24.576: E/AndroidRuntime(11733):    at android.widget.CompoundButton.toggle(CompoundButton.java:87)
08-19 12:10:24.576: E/AndroidRuntime(11733):    at android.widget.RadioButton.toggle(RadioButton.java:75)
08-19 12:10:24.576: E/AndroidRuntime(11733):    at android.widget.CompoundButton.performClick(CompoundButton.java:99)
08-19 12:10:24.576: E/AndroidRuntime(11733):    at android.view.View$PerformClick.run(View.java:14400)
08-19 12:10:24.576: E/AndroidRuntime(11733):    at android.os.Handler.handleCallback(Handler.java:605)
08-19 12:10:24.576: E/AndroidRuntime(11733):    at android.os.Handler.dispatchMessage(Handler.java:92)
08-19 12:10:24.576: E/AndroidRuntime(11733):    at android.os.Looper.loop(Looper.java:154)
08-19 12:10:24.576: E/AndroidRuntime(11733):    at android.app.ActivityThread.main(ActivityThread.java:4945)
08-19 12:10:24.576: E/AndroidRuntime(11733):    at java.lang.reflect.Method.invokeNative(Native Method)
08-19 12:10:24.576: E/AndroidRuntime(11733):    at java.lang.reflect.Method.invoke(Method.java:511)
08-19 12:10:24.576: E/AndroidRuntime(11733):    at com.android.internal.os.ZygoteInit$MethodAndArgsCaller.run(ZygoteInit.java:784)
08-19 12:10:24.576: E/AndroidRuntime(11733):    at com.android.internal.os.ZygoteInit.main(ZygoteInit.java:551)
08-19 12:10:24.576: E/AndroidRuntime(11733):    at dalvik.system.NativeStart.main(Native Method)
&lt;/code&gt;&lt;/pre&gt;</t>
  </si>
  <si>
    <t>2012-08-19 11:01:41.617000+00:00</t>
  </si>
  <si>
    <t>2012-08-19 11:33:56.023000+00:00</t>
  </si>
  <si>
    <t>java|android</t>
  </si>
  <si>
    <t>Adding a NSButton to a CALayer in OS X Cocoa</t>
  </si>
  <si>
    <t>&lt;p&gt;I have a layer hosting view containing a CAlayer, displaying in this case a nice blue opaque rectangle.    What I want to do is to add a NSButton on top of the layer, so that it sits above and moves with the blue rectangle when it is animated.&lt;/p&gt;
&lt;p&gt;My attempt so far is as follows:&lt;/p&gt;
&lt;p&gt;in @interface&lt;/p&gt;
&lt;pre&gt;&lt;code&gt;IBOutlet NSButton* firstButton;
&lt;/code&gt;&lt;/pre&gt;
&lt;p&gt;in @implementation&lt;/p&gt;
&lt;pre&gt;&lt;code&gt;[layer addSublayer:[firstButton layer]];
firstButton.layer.position=NSMakePoint(0, 80.);
&lt;/code&gt;&lt;/pre&gt;
&lt;p&gt;This successfully moves the location of the button on screen, but it &lt;em&gt;doesn't&lt;/em&gt; move the 'hit target' of the button.&lt;/p&gt;
&lt;p&gt;According to the similar question asked &lt;a href="http://lists.apple.com/archives/cocoa-dev/2008/Nov/msg00898.html" rel="nofollow"&gt;here on Apple Mailing Lists&lt;/a&gt; the solution seems to be to move the NSButton with a setFrameOrigin: on the button.  This doesn't seem to work for me as it changes the position of the displayed button as well as the 'hit target'.  I can't seem to move the hit target independently.  &lt;/p&gt;
&lt;p&gt;Alternatively:  Am I going about this all the wrong way?  Is there a better way of doing this?  &lt;/p&gt;</t>
  </si>
  <si>
    <t>2013-01-23 00:12:58.387000+00:00</t>
  </si>
  <si>
    <t>2013-01-23 02:41:54.430000+00:00</t>
  </si>
  <si>
    <t>2013-01-23 02:27:13.537000+00:00</t>
  </si>
  <si>
    <t>xcode|macos|cocoa|core-animation|calayer</t>
  </si>
  <si>
    <t>JavaFX Java 11 and beyond</t>
  </si>
  <si>
    <t>&lt;p&gt;Many work environments continue to stay on JRE8 -- I'm a little confused on how to proceed with developing for the latest versions of Java.  I compile JavaFX applications with Java SE 8 using NetBeans 9.   Is there a way for me to start distributing via JDK 9, 10, and 11+ but still keep it compatible with all the JRE8 environments? &lt;/p&gt;
&lt;p&gt;Or once I compile via JDK11, will it only be compatible when or if an environment upgrades their runtime? Or can I distribute a completely separate jar that runs without the need for a JRE and start today (even if they stay on JRE 8)?&lt;/p&gt;</t>
  </si>
  <si>
    <t>2018-10-10 13:15:24.860000+00:00</t>
  </si>
  <si>
    <t>2018-10-10 13:29:49.773000+00:00</t>
  </si>
  <si>
    <t>java|javafx</t>
  </si>
  <si>
    <t>"Static" startActivity(Intent) method?</t>
  </si>
  <si>
    <t>&lt;p&gt;I have a Button. Its View.OnClickHandler-implementing class is instantiated about 3 constructors deep from the nearest reference to an android.app.Activity object. When clicked, I want it to open the Location settings panel so the user can enable GPS and/or network-based location by launching the &lt;code&gt;Settings.ACTION_LOCATION_SOURCE_SETTINGS&lt;/code&gt; intent.&lt;/p&gt;
&lt;p&gt;Short of promiscuously passing that parent Activity object from constructor to constructor to constructor so my &lt;code&gt;onClick()&lt;/code&gt; method can see it, is there any way to just reach up into the metaphorical static ether and scream, "Hey, Android... launch &lt;code&gt;Settings.ACTION_LOCATION_SOURCE_SETTINGS&lt;/code&gt;" without having to have an actual live Activity object handy to use for its startActivity method?&lt;/p&gt;</t>
  </si>
  <si>
    <t>2011-04-17 05:34:00.573000+00:00</t>
  </si>
  <si>
    <t>2016-10-23 00:27:12.967000+00:00</t>
  </si>
  <si>
    <t>2016-01-05 20:14:32.420000+00:00</t>
  </si>
  <si>
    <t>android</t>
  </si>
  <si>
    <t>jquery dialog box draggable feature not working</t>
  </si>
  <si>
    <t>&lt;p&gt;I have a javascript file which contains the following jquery code for popup dialog div tag with textarea and a button in it. I want to make this popup draggable, however even after using draggable:true feature and also enabling the draggable feature true using the parent div tag it is not working..... Any suggestion?&lt;/p&gt;
&lt;pre&gt;&lt;code&gt; $(".showDialog").click(__bind(function() {
    var element, dialogId, textareaHtml;
    dialogId = "" + this.namespace + "dialog";
    textareaHtml = "&amp;lt;textarea style=\"width: 564px; height: 242px;\" id=\"textareadialog\" name=\"description_dialog_textarea\"&amp;gt;" + ($("#description").val()) + "&amp;lt;/textarea&amp;gt;&amp;lt;input readonly type=\"text\" class=\"counter\" name=\"counter\" size=\"4\" maxlength=\"4\" value=\"4000\"&amp;gt;;
    $("&amp;lt;div id=\"" + dialogId + "\&amp;gt;").html(textareaHtml).dialog({
      autoOpen: true,
      title: "Description",
      modal: true,
      width: 625,
      height: 360,
      draggable: true,
      buttons: {
        save: __bind(function() {
          var val;
          val = $("#textareadialog").val();
          $("#description").val(val);
          $("#description_fake").html(val);
          $("#description_fake").attr("title", val);
          $('#' + dialogId).dialog("close");
          $('#' + dialogId).remove();
          this.makeDescriptionCluetips();
          return this.update();
        }, this)
      },
      close: function() {
        return $('#' + dialogId).remove();
      }
    });
&lt;/code&gt;&lt;/pre&gt;</t>
  </si>
  <si>
    <t>2016-04-07 05:11:57.510000+00:00</t>
  </si>
  <si>
    <t>2016-04-07 05:25:23.940000+00:00</t>
  </si>
  <si>
    <t>2016-04-07 05:13:12.963000+00:00</t>
  </si>
  <si>
    <t>db2 time based trigger</t>
  </si>
  <si>
    <t>&lt;p&gt;are there any time based triggers in DB2?&lt;/p&gt;</t>
  </si>
  <si>
    <t>2010-01-17 10:34:57.163000+00:00</t>
  </si>
  <si>
    <t>2012-04-27 20:15:59.803000+00:00</t>
  </si>
  <si>
    <t>user242803</t>
  </si>
  <si>
    <t>time|triggers|db2</t>
  </si>
  <si>
    <t>How can I load an IPersistFile from memory?</t>
  </si>
  <si>
    <t>&lt;p&gt;I'm using IPersistFile in C# to load a file, before reading it as an IFilter:&lt;/p&gt;
&lt;pre&gt;&lt;code&gt;IFilter filter = LoadIFilter (fileextension);
IPersistFile persistFile = (filter as IPersistFile);
if (persistFile != null) {
    persistFile.Load (fileName, 0);
    IFILTER_FLAGS flags;
    IFILTER_INIT iflags = IFILTER_INIT.FILTER_OWNED_VALUE_OK;
    if (filter.Init (iflags, 0, IntPtr.Zero, out flags) == IFilterReturnCode.S_OK) {
        return filter; // will be read using GetChunk/GetText
    }
}
&lt;/code&gt;&lt;/pre&gt;
&lt;p&gt;This works fine.&lt;/p&gt;
&lt;p&gt;However, I would like to load the file contents from memory instead of a disk path. Is that possible? The IPersistFile interface does not show any other way than providing a path string, so it seems neither a memory mapped file nor a byte array can be used.&lt;/p&gt;</t>
  </si>
  <si>
    <t>2013-05-28 13:30:59.643000+00:00</t>
  </si>
  <si>
    <t>2013-05-28 14:15:04.310000+00:00</t>
  </si>
  <si>
    <t>com|memory-mapped-files|ifilter|ipersistfile</t>
  </si>
  <si>
    <t>Showing Image From database in html using php</t>
  </si>
  <si>
    <t>&lt;p&gt;I am having trouble displaying an image in my mysql database uploaded as a blob.&lt;/p&gt;
&lt;p&gt;I have tried echoing the image. All other categories are displayed except the image.&lt;/p&gt;
&lt;pre&gt;&lt;code&gt;$query = $handler-&amp;gt;query('SELECT * FROM articles');
$results = $query-&amp;gt;fetchAll(PDO::FETCH_ASSOC);
for ($i=0; $i &amp;lt; count($results); $i++) { 
  echo '&amp;lt;div class="col-md-4 col-xs-12 col-sm-12 height-news"&amp;gt;';
  echo '&amp;lt;p class="news-title"&amp;gt;'.$results[$i]['headline'].'&amp;lt;br&amp;gt;'.'&amp;lt;/p&amp;gt;';
  echo '&amp;lt;img class="news-img" '.'src="'.$results[$i]['logo'].'"&amp;gt;'.'&amp;lt;/img&amp;gt;'.'&amp;lt;br&amp;gt;';
  echo '&amp;lt;p class="news-time"&amp;gt;'.$results[$i]['date'].'&amp;lt;br&amp;gt;'.'&amp;lt;/p&amp;gt;';
  echo '&amp;lt;p class="news-body"&amp;gt;'.$results[$i]['text'].'&amp;lt;br&amp;gt;'.'&amp;lt;/p&amp;gt;'.'&amp;lt;/div&amp;gt;';
}
?&amp;gt;
&lt;/code&gt;&lt;/pre&gt;
&lt;p&gt;Using this code I get this error: &lt;/p&gt;
&lt;blockquote&gt;
  &lt;p&gt;Notice: Undefined variable: result in C:\xampp\htdocs\deeplake6\news.php on line 129&lt;/p&gt;
&lt;/blockquote&gt;</t>
  </si>
  <si>
    <t>2017-08-17 14:43:56.273000+00:00</t>
  </si>
  <si>
    <t>2017-08-18 14:12:13.717000+00:00</t>
  </si>
  <si>
    <t>2017-08-17 15:19:47.363000+00:00</t>
  </si>
  <si>
    <t>php|html|mysql</t>
  </si>
  <si>
    <t>Group nearby dates together</t>
  </si>
  <si>
    <t>&lt;p&gt;I have a list of variable dates that I would like to group together, preferably in javascript.&lt;/p&gt;
&lt;p&gt;ie.&lt;/p&gt;
&lt;pre&gt;&lt;code&gt;2014-08-12
2014-08-10
2014-07-28
2014-07-27
2014-01-27
2013-04-27
2003-02-12
&lt;/code&gt;&lt;/pre&gt;
&lt;p&gt;This list of days can be completely dynamic, but here is an example resultset.  &lt;/p&gt;
&lt;p&gt;Can anyone think of an elegant way to group dates that are considered to be 'near' each other together, which in this case would be:&lt;/p&gt;
&lt;pre&gt;&lt;code&gt;2014-08-12
2014-08-10
2014-07-28
2014-07-27
2014-01-27
2013-04-27
2003-02-12
&lt;/code&gt;&lt;/pre&gt;</t>
  </si>
  <si>
    <t>2014-08-21 14:34:17.347000+00:00</t>
  </si>
  <si>
    <t>2014-08-21 15:51:47.387000+00:00</t>
  </si>
  <si>
    <t>2014-08-21 15:25:19.373000+00:00</t>
  </si>
  <si>
    <t>How can I retrieve the address pointed to by a pointer address?</t>
  </si>
  <si>
    <t>&lt;p&gt;Consider the following:&lt;/p&gt;
&lt;pre&gt;&lt;code&gt;int pointer = 0x0066D378;
&lt;/code&gt;&lt;/pre&gt;
&lt;p&gt;How would I go about retrieving the address pointed to by that pointer address in the memory of another program? Remember, not the address of "pointer" variable, that pointer address belongs to another program, how can I get the address from that in its current context (from the memory of aforementioned program)?&lt;/p&gt;
&lt;p&gt;Cheers !&lt;/p&gt;</t>
  </si>
  <si>
    <t>2013-11-04 09:42:42.520000+00:00</t>
  </si>
  <si>
    <t>2013-11-04 10:38:13.850000+00:00</t>
  </si>
  <si>
    <t>c#|pointers|memory</t>
  </si>
  <si>
    <t>How to access the value attribute div tag from back end using asp.net c#</t>
  </si>
  <si>
    <t>&lt;p&gt;How to access the value attribute of a progress tag from back end using asp.net c#.it is not working properly .i need show users percentage based on 5 star and 4 star in div&lt;/p&gt;
&lt;pre&gt;&lt;code&gt;&amp;lt;div class="stars"&amp;gt;
     &amp;lt;span&amp;gt;5 star&amp;lt;/span&amp;gt;
     &amp;lt;div class="bar"&amp;gt;
     &amp;lt;div class="progress"&amp;gt;&amp;lt;asp:Label ID="5star" Text='&amp;lt;%#Eval("5star") %&amp;gt;'&amp;gt;&amp;lt;/asp:Label&amp;gt;&amp;lt;/div&amp;gt;
     &amp;lt;/div&amp;gt;
        &amp;lt;/a&amp;gt;
        &amp;lt;a&amp;gt;
        &amp;lt;span&amp;gt;4 star&amp;lt;/span&amp;gt;
        &amp;lt;div class="bar"&amp;gt;
        &amp;lt;div class="progress"&amp;gt;&amp;lt;asp:Label ID="4star" Text='&amp;lt;%#Eval("4star") %&amp;gt;'&amp;gt;&amp;lt;/asp:Label&amp;gt;&amp;lt;/div&amp;gt;
        &amp;lt;/div&amp;gt;
        &amp;lt;/a&amp;gt;
        &amp;lt;/div&amp;gt;
&lt;/code&gt;&lt;/pre&gt;
&lt;p&gt;css code:&lt;/p&gt;
&lt;pre&gt;&lt;code&gt;    .bar{
    background-color: #f2f2f2;
    width: 126px;
    display: inline-block;
    border: 1px solid #f2f2f2;
    height: 12px;
    margin-left: 10px;
    position: relative;
    }
    .progress{
         line-height: 16px;
         height: 15px;
         background-color: #eed44b;
         border: 1px solid #eed44b;
         padding-left: 5px;
    }               
&lt;/code&gt;&lt;/pre&gt;</t>
  </si>
  <si>
    <t>2015-03-06 06:59:52.760000+00:00</t>
  </si>
  <si>
    <t>2015-03-06 08:29:58.670000+00:00</t>
  </si>
  <si>
    <t>2015-03-06 07:07:07.917000+00:00</t>
  </si>
  <si>
    <t>c#|sql|asp.net|progress</t>
  </si>
  <si>
    <t>Intellij failed to detect file type</t>
  </si>
  <si>
    <t>&lt;p&gt;I have intellij 13.1.3 Ultimate and have been using it for my PHP projects. All my files.php are nicely hightlighted for php.&lt;/p&gt;
&lt;p&gt;This morning I had to create a new file called "report.php". At first I create it with right click &gt; new &gt; file, but this gave me no hightlighting. So I deleted it and tried again with a right click &gt; new &gt; php file with same result. Now what ever the way I create it, it thinks the file is txt (it seems so) and there is no code highlighting. It's pretty frustrating.&lt;/p&gt;
&lt;p&gt;I have tested the creation of a new file with a different name "reports.php" but this time with right click&gt; new &gt; PHP file, and it came nicely highlighted. i tried to rename the file to "report.php" but it came back to no highlighting!!&lt;/p&gt;
&lt;p&gt;It seems Intellij is stuck with the name report.php being a type text.&lt;/p&gt;
&lt;p&gt;I tried to delete the file, restart the IDEA, recreate it the right way, no luck.
I tried power save mode on, and off. No luck.
I tried File &gt; invalidate cache/restart, ... no luck.&lt;/p&gt;
&lt;p&gt;I'm out of options here...&lt;/p&gt;
&lt;p&gt;Is there a way to FORCE intellij to interpret a file? Is the name "report" a reserved word?!?!?&lt;/p&gt;
&lt;p&gt;How can it be so stupid...&lt;/p&gt;
&lt;p&gt;edit: I also tried the suggestion in : &lt;a href="https://stackoverflow.com/questions/5790402/intellij-how-to-force-editor-to-treat-a-file-as-javascript"&gt;IntelliJ: how to force editor to treat a file as javascript?&lt;/a&gt; but php is not in the list of the Template data language&lt;/p&gt;
&lt;p&gt;Also in settings &gt; file types, I saw two Php file entries. One with no extention, and one properly configured. I deleted the bad one but it reappears after a restart of the IDEA!&lt;/p&gt;</t>
  </si>
  <si>
    <t>2015-04-29 13:15:26.860000+00:00</t>
  </si>
  <si>
    <t>2015-04-29 20:12:09.703000+00:00</t>
  </si>
  <si>
    <t>2017-05-23 10:24:05.957000+00:00</t>
  </si>
  <si>
    <t>remove new arraylist evertime Web-service calls</t>
  </si>
  <si>
    <t>&lt;ul&gt;
&lt;li&gt;&lt;p&gt;I am having 3 arraylist, 1st arraylist contains default value&lt;/p&gt;&lt;/li&gt;
&lt;li&gt;&lt;p&gt;2nd arraylist contains values from web-service&lt;/p&gt;&lt;/li&gt;
&lt;li&gt;&lt;p&gt;I am comparing 2 arraylist values, and getting un-common value from two list and fill 3rd arraylist with un-common list.&lt;/p&gt;&lt;/li&gt;
&lt;li&gt;&lt;p&gt;But my problem is that , everytime web-service is calling, list is filling again and again.&lt;/p&gt;&lt;/li&gt;
&lt;li&gt;&lt;p&gt;code :&lt;/p&gt;
&lt;pre&gt;&lt;code&gt;            arraylist1 = new ArrayList&amp;lt;HashMap&amp;lt;String, String&amp;gt;&amp;gt;();   
            for (int i = 0; i &amp;lt; arrayListNew.size(); i++) {
                idNew = arrayListNew.get(i).get("id");
                if(idNew.contains(arraylist.get(i).get("id")))
                {
                    newAlert = true;
                    return;
                }else {
                    NewList = new HashMap&amp;lt;String, String&amp;gt;();
                    NewList.put("id", idNew);
                    arraylist1.add(NewList);
                    arraylist.addAll(arraylist1);
                    listAdapter = new ListViewAdapter(getApplicationContext(), arraylist);
                    lvTitle.setAdapter(listAdapter);
                    listAdapter.show(i);
                    generateNotification();
                }
                arraylist1.clear();
            }
&lt;/code&gt;&lt;/pre&gt;&lt;/li&gt;
&lt;li&gt;&lt;p&gt;can anyone suggest me where should i clear arraylist i.e. &lt;strong&gt;arraylist1&lt;/strong&gt; everytime or remove previous values&lt;/p&gt;&lt;/li&gt;
&lt;/ul&gt;</t>
  </si>
  <si>
    <t>2016-03-22 09:06:15.833000+00:00</t>
  </si>
  <si>
    <t>2016-03-22 10:01:29.030000+00:00</t>
  </si>
  <si>
    <t>2016-03-22 09:42:07.510000+00:00</t>
  </si>
  <si>
    <t>android|arraylist|clear|removeall</t>
  </si>
  <si>
    <t>How to Enable and Disable Table View cell one by one in objective c</t>
  </si>
  <si>
    <t>&lt;p&gt;I am new to iOS and I am facing a problem regarding enabling and disabling UITableView cells. I want to enable the first cell and disable the other cells. When I click on the first cell, the second cell gets enabled. Can I do this?&lt;/p&gt;
&lt;p&gt;I am using this code:&lt;/p&gt;
&lt;pre&gt;&lt;code&gt;cell.userInteractionEnabled = false; 
&lt;/code&gt;&lt;/pre&gt;
&lt;p&gt;But it disables all the cells in the table view. Can I enable cells one by one? &lt;/p&gt;
&lt;p&gt;I am not tapping the cell, but a button in the cell, which runs this method:&lt;/p&gt;
&lt;pre&gt;&lt;code&gt;- (void)rateView:(RateView *)rateView ratingDidChange:(int)rating
{
    NSLog(@"Rating =%d",rating);
    rateviewintvalue=rating;
    KPINextTableview *cell = rateView.superview.superview;
    // NSLog(@"%@",cell.actuallbl.text);
    NSIndexPath *indexPath = [kpitable indexPathForCell:cell];
    CurrentIndexPath=indexPath.row;
    String2=cell.Kpiidlbl.text;
    self.currentlyEnabledCellIndex = self.currentlyEnabledCellIndex + 1;
    NSLog(@"String 2 =%@",String2);
    NSString *RateString=[NSString stringWithFormat:@"%d",rating];
    ratingcoredata=RateString;
    kpiidcoredata=String2;
    commentString=@"";
    NSManagedObjectContext *managedObjectContext = [self managedObjectContext];
    NSFetchRequest *fetchRequest = [[NSFetchRequest alloc] initWithEntityName:@"Get_KpiPoints_User"];
    self.devices = [[managedObjectContext executeFetchRequest:fetchRequest error:nil] mutableCopy];
    NSManagedObjectContext *context = [self managedObjectContext];
    NSError *error;
    NSFetchRequest *request = [[NSFetchRequest alloc] init];
    [request setEntity:[NSEntityDescription entityForName:@"AuditPost" inManagedObjectContext:context]];
    //  NSError *error = nil;
    NSArray *results = [context executeFetchRequest:request error:&amp;amp;error];
        NSLog(@"Result =%@",results);
    CompareArray=[devices valueForKey:@"kpiid"];
    BOOL contains = [CompareArray containsObject:kpiidcoredata];
    if(contains == NO)
    {
        if (self.device) {
            // Update existing device
            [self.device setValue:ratingcoredata forKey:@"rating"];
            [self.device setValue:kpiidcoredata forKey:@"kpiid"];
            [self.device setValue:commentString forKey:@"kpicomment"];
        } else {
        // Create a new device
        NSManagedObject *newDevice = [NSEntityDescription insertNewObjectForEntityForName:@"Get_KpiPoints_User" inManagedObjectContext:context];
    //  NSLog(@"context",newDevice);
        [newDevice setValue:ratingcoredata forKey:@"rating"];
        [newDevice setValue:kpiidcoredata forKey:@"kpiid"];
        [newDevice setValue:commentString forKey:@"kpicomment"];
        //NSError *error = nil;
        // Save the object to persistent store
            if (![context save:&amp;amp;error]) {
                NSLog(@"Can't Save! %@ %@", error, [error localizedDescription]);
            }
        }
    }
    else
    {
        NSError *error = nil;
        // Save the object to persistent store
        if (![context save:&amp;amp;error]) {
            NSLog(@"Can't Save! %@ %@", error, [error localizedDescription]);
        }
        NSManagedObjectContext *context = [self managedObjectContext];
        NSFetchRequest *request = [[NSFetchRequest alloc] init];
        [request setEntity:[NSEntityDescription entityForName:@"Get_KpiPoints_User" inManagedObjectContext:context]];
        //  NSError *error = nil;
        NSArray *results = [context executeFetchRequest:request error:&amp;amp;error];
        NSManagedObject* favoritsGrabbed = [results objectAtIndex:CurrentIndexPath];
        [favoritsGrabbed setValue:ratingcoredata forKey:@"rating"];
        // Save the object to persistent store
        if (![context save:&amp;amp;error]) {
            NSLog(@"Can't Save! %@ %@", error, [error localizedDescription]);
        }
    }
    if(rating&amp;lt;=3)
    {
        UIAlertView *testAlert = [[UIAlertView alloc] initWithTitle:@"Warning!"
                                                            message:@"Please Enter Reason"
                                                           delegate:self
                                                  cancelButtonTitle:nil
                                                  otherButtonTitles:@"Done", nil];
        textView1 = [UITextView new];
        lbl = [[UILabel alloc] initWithFrame:CGRectMake(10.0, 0.0,90.0, 34.0)];
        [lbl setText:@"Enter Remark"];
        [lbl setFont:[UIFont systemFontOfSize:12]];
        [lbl setBackgroundColor:[UIColor clearColor]];
        [lbl setTextColor:[UIColor lightGrayColor]];
        textView1.delegate = self;
        [textView1 addSubview:lbl];
        [testAlert setValue: textView1 forKey:@"accessoryView"];
        [testAlert show];
    }
    DataModel *model = [arrData objectAtIndex:rateView.tag];
    model.RateViewValue = RateString;
    //example reload table
    dispatch_async(dispatch_get_main_queue(), ^{
        [kpitable reloadData];
    });
}
&lt;/code&gt;&lt;/pre&gt;
&lt;p&gt;Thanks in advance!&lt;/p&gt;</t>
  </si>
  <si>
    <t>2017-01-12 13:04:27.243000+00:00</t>
  </si>
  <si>
    <t>2017-01-12 17:28:18.100000+00:00</t>
  </si>
  <si>
    <t>ios|objective-c|uitableview</t>
  </si>
  <si>
    <t>How to display a BLOB image back as an image without using Content-Type in php</t>
  </si>
  <si>
    <t>&lt;p&gt;I stored an image in a database using a &lt;code&gt;BLOB&lt;/code&gt; type and i want to display the image on a page without using &lt;code&gt;Content-Type:image/jpeg&lt;/code&gt;. I have searched and found this code &lt;code&gt;&amp;lt;img src='data:image/jpeg;&amp;lt;?php echo base64,base64_decode($imageData)?&amp;gt;'&amp;gt;&lt;/code&gt; but it doesn't work it just prints a lot of texts and symbols. I know i can display the image using a separate page but i don't want to do that, So is there any other solution?      &lt;/p&gt;</t>
  </si>
  <si>
    <t>2016-03-18 06:25:23.723000+00:00</t>
  </si>
  <si>
    <t>2016-03-18 06:27:41.143000+00:00</t>
  </si>
  <si>
    <t>php|sql|image|blob</t>
  </si>
  <si>
    <t>List Database Scoped DM Views in SQL Server</t>
  </si>
  <si>
    <t>&lt;p&gt;Server-scoped Dynamic Management View are stored only in the Master database.&lt;/p&gt;
&lt;pre&gt;&lt;code&gt;SELECT name, type, type_desc
FROM sys.system_objects
WHERE name LIKE 'dm%'
ORDER BY name
&lt;/code&gt;&lt;/pre&gt;
&lt;p&gt;How to list Database-Scoped DM Views and where it stored?&lt;/p&gt;
&lt;p&gt;Can you advise?&lt;/p&gt;</t>
  </si>
  <si>
    <t>2018-02-10 14:39:28.943000+00:00</t>
  </si>
  <si>
    <t>2018-02-10 15:55:39.763000+00:00</t>
  </si>
  <si>
    <t>2018-02-10 15:29:09.873000+00:00</t>
  </si>
  <si>
    <t>sql-server|sql-server-2008|sql-server-2012</t>
  </si>
  <si>
    <t>angular.js:14195 Error: [$resource:badmember] Dotted member path "@" is invalid</t>
  </si>
  <si>
    <t>&lt;p&gt;I'm using angular.resource js&lt;/p&gt;
&lt;p&gt;There I'm trying to access get service which has query param triggered from a form search.&lt;/p&gt;
&lt;p&gt;If user search with only "@" in input field, it goes as query param which starts with "@" character then getting above exception&lt;/p&gt;
&lt;p&gt;Thanks in advance.&lt;/p&gt;
&lt;p&gt;Because of below code in angular.resource js&lt;/p&gt;
&lt;pre&gt;&lt;code&gt;// Helper functions and regex to lookup a dotted path on an object
// stopping at undefined/null.  The path must be composed of ASCII
// identifiers (just like $parse)
var MEMBER_NAME_REGEX = /^(\.[a-zA-Z_$@][0-9a-zA-Z_$@]*)+$/;
function isValidDottedPath(path) {
  return (path != null &amp;amp;&amp;amp; path !== '' &amp;amp;&amp;amp; path !== 'hasOwnProperty' &amp;amp;&amp;amp;
      MEMBER_NAME_REGEX.test('.' + path));
}
function lookupDottedPath(obj, path) {
  if (!isValidDottedPath(path)) {
    throw $resourceMinErr('badmember', 'Dotted member path "@{0}" is invalid.', path);
  }
  var keys = path.split('.');
  for (var i = 0, ii = keys.length; i &amp;lt; ii &amp;amp;&amp;amp; angular.isDefined(obj); i++) {
    var key = keys[i];
    obj = (obj !== null) ? obj[key] : undefined;
  }
  return obj;
}
&lt;/code&gt;&lt;/pre&gt;</t>
  </si>
  <si>
    <t>2018-01-18 07:31:58.650000+00:00</t>
  </si>
  <si>
    <t>2018-01-18 09:23:13.370000+00:00</t>
  </si>
  <si>
    <t>2018-01-18 08:57:32.317000+00:00</t>
  </si>
  <si>
    <t>angularjs|angularjs-resource</t>
  </si>
  <si>
    <t>Need help in regex matching</t>
  </si>
  <si>
    <t>&lt;p&gt;It may be very simple, but I am extremely new to regex and have a requirement where I need to do some regex matches in a string and extract the number in it. Below is my code with sample i/p and required o/p.  I tried to construct the &lt;code&gt;Pattern&lt;/code&gt; by referring to &lt;a href="https://www.freeformatter.com/java-regex-tester.html" rel="nofollow noreferrer"&gt;https://www.freeformatter.com/java-regex-tester.html&lt;/a&gt;, but my regex match itself is returning false.&lt;/p&gt;
&lt;pre&gt;&lt;code&gt;Pattern pattern = Pattern.compile(".*/(a-b|c-d|e-f)/([0-9])+(#[0-9]?)");
String str = "foo/bar/Samsung-Galaxy/a-b/1"; // need to extract 1.
String str1 = "foo/bar/Samsung-Galaxy/c-d/1#P2";// need to extract 2.
String str2 = "foo.com/Samsung-Galaxy/9090/c-d/69"; // need to extract 69
System.out.println("result " + pattern.matcher(str).matches());
System.out.println("result " + pattern.matcher(str1).matches());
System.out.println("result " + pattern.matcher(str1).matches());
&lt;/code&gt;&lt;/pre&gt;
&lt;p&gt;All of above SOPs are returning false. I am using java 8, is there is any way by which in a single statement I can match the pattern and then extract the &lt;strong&gt;digit&lt;/strong&gt; from the string.&lt;/p&gt;
&lt;p&gt;I would be great if somebody can point me on how to debug/develop the regex.Please feel free to let me know if something is not clear in my question.&lt;/p&gt;</t>
  </si>
  <si>
    <t>2018-10-23 09:17:05.793000+00:00</t>
  </si>
  <si>
    <t>2018-10-23 09:40:18.960000+00:00</t>
  </si>
  <si>
    <t>java|regex</t>
  </si>
  <si>
    <t>strange ArrayBuffer behavior</t>
  </si>
  <si>
    <t>&lt;p&gt;Can someone please explain to me why the padTo method of ArrayBuffer doesn't work as I would expect it to? In this example, I would expect the array created by toArray to have a length of 10.&lt;/p&gt;
&lt;pre&gt;&lt;code&gt;scala&amp;gt; val b = new scala.collection.mutable.ArrayBuffer[Byte]
b: scala.collection.mutable.ArrayBuffer[Byte] = ArrayBuffer()
scala&amp;gt; b.append(2)
scala&amp;gt; b
res1: scala.collection.mutable.ArrayBuffer[Byte] = ArrayBuffer(2)
scala&amp;gt; b.append(2)
scala&amp;gt; b
res3: scala.collection.mutable.ArrayBuffer[Byte] = ArrayBuffer(2, 2)
scala&amp;gt; b.padTo(10,0)
res4: scala.collection.mutable.ArrayBuffer[AnyVal] = ArrayBuffer(2, 2, 0, 0, 0, 0, 0, 0, 0, 0)
scala&amp;gt; b.toArray
res5: Array[Byte] = Array(2, 2)
&lt;/code&gt;&lt;/pre&gt;</t>
  </si>
  <si>
    <t>2012-01-15 17:58:39.237000+00:00</t>
  </si>
  <si>
    <t>2012-01-15 18:09:10.750000+00:00</t>
  </si>
  <si>
    <t>arrays|scala|collections|mutable|arraybuffer</t>
  </si>
  <si>
    <t>Android Studio Simple TODO List - doesnt worke when i try add a new tasks</t>
  </si>
  <si>
    <t>&lt;p&gt;I exercises have done in a simple list of tasks. Here's the code of my class TODOFragment&lt;/p&gt;
&lt;pre&gt;&lt;code&gt;package pl.edu.ug.aib.studentizerApp.fragment;
import android.annotation.TargetApi;
import android.content.Intent;
import android.os.Build;
import android.os.Bundle;
import android.text.Editable;
import android.text.TextWatcher;
import android.view.LayoutInflater;
import android.view.View;
import android.view.ViewGroup;
import android.widget.ArrayAdapter;
import android.widget.Button;
import android.widget.EditText;
import android.widget.ListView;
import android.widget.TabHost;
import android.widget.TextView;
import android.widget.Toast;
import org.androidannotations.annotations.EFragment;
import java.util.ArrayList;
import java.util.List;
import android.support.v4.app.Fragment;
import pl.edu.ug.aib.studentizerApp.R;
import pl.edu.ug.aib.studentizerApp.todoList.DatabaseHandler;
import pl.edu.ug.aib.studentizerApp.todoList.Task;
@TargetApi(Build.VERSION_CODES.HONEYCOMB)
@EFragment(R.layout.fragment_todo)
public class TODOFragment extends android.support.v4.app.Fragment {
    EditText zadanieTxt, opisTxt, dataTxt, adresTxt;
    List&amp;lt;Task&amp;gt; Tasks = new ArrayList&amp;lt;Task&amp;gt;();
    ListView TaskListView;
    DatabaseHandler dbHandler;
    @Override
    public View onCreateView (LayoutInflater inflater, ViewGroup container, Bundle savedInstanceState){
        return inflater.inflate(R.layout.fragment_todo, container, false);
    }
    @Override
    public void onStart() {
        super.onStart();
        zadanieTxt = (EditText) getView().findViewById(R.id.txtZadanie);
        opisTxt = (EditText) getView().findViewById(R.id.txtOpis);
        dataTxt = (EditText) getView().findViewById(R.id.txtData);
        adresTxt = (EditText) getView().findViewById(R.id.txtAdres);
        TaskListView = (ListView) getView().findViewById(R.id.listView);
        dbHandler = new DatabaseHandler(getActivity().getApplicationContext());
        TabHost tabHost = (TabHost) getView().findViewById(R.id.baner);
        tabHost.setup();
        TabHost.TabSpec tabSpec = tabHost.newTabSpec("Dodaj zadanie");
        tabSpec.setContent(R.id.tabZadanie);
        tabSpec.setIndicator("Dodaj Zadanie");
        tabHost.addTab(tabSpec);
        tabSpec = tabHost.newTabSpec("lista");
        tabSpec.setContent(R.id.tabListaZadan);
        tabSpec.setIndicator("Lista");
        tabHost.addTab(tabSpec);
        final Button addBtn = (Button) getView().findViewById(R.id.btnAdd);
        addBtn.setOnClickListener(new View.OnClickListener() {
            @Override
            public void onClick(View view) {
                Task task = new Task(dbHandler.getTaskCount(), String.valueOf(zadanieTxt.getText()), String.valueOf(opisTxt.getText()), String.valueOf(dataTxt.getText()), String.valueOf(adresTxt.getText()));
                if (!taskExists(task)) {
                    dbHandler.createZadanie(task);
                    Tasks.add(task);
                    Toast.makeText(getActivity().getApplicationContext(), String.valueOf(zadanieTxt.getText()) + " zosta��o dodane do listy zada��!", Toast.LENGTH_SHORT).show();
                    return;
                }
                Toast.makeText(getActivity().getApplicationContext(), String.valueOf(zadanieTxt.getText()) + " Zadanie ju�� istnieje", Toast.LENGTH_SHORT).show();
            }
        });
        zadanieTxt.addTextChangedListener(new TextWatcher() {
            @Override
            public void beforeTextChanged(CharSequence charSequence, int i, int i2, int i3) {
            }
            @Override
            public void onTextChanged(CharSequence charSequence, int i, int i2, int i3) {
                addBtn.setEnabled(String.valueOf(zadanieTxt.getText()).trim().length() &amp;gt; 0);
            }
            @Override
            public void afterTextChanged(Editable editable) {
            }
        });
        if (dbHandler.getTaskCount() != 0)
            Tasks.addAll(dbHandler.getAllTasks());
        populateList();
    }
    private boolean taskExists(Task task) {
        String zadanie = task.getZadanie();
        int taskCount = Tasks.size();
        for (int i = 0; i &amp;lt; taskCount; i++) {
            if (zadanie.compareToIgnoreCase(Tasks.get(i).getZadanie()) == 0)
                return true;
        }
        return false;
    }
    private void populateList() {
        ArrayAdapter&amp;lt;Task&amp;gt; adapter = new TaskListAdapter();
        TaskListView.setAdapter(adapter);
    }
    private class TaskListAdapter extends ArrayAdapter&amp;lt;Task&amp;gt; {
        public TaskListAdapter()
        {
            super (TODOFragment.this.getActivity(), R.layout.listview_item, Tasks);
        }
        @Override
        public View getView(int position, View view, ViewGroup parent) {
            if (view == null)
                view = getActivity().getLayoutInflater().inflate(R.layout.listview_item, parent, false);
            Task currentTask = Tasks.get(position);
            TextView zadanie = (TextView) view.findViewById(R.id.zadanie);
            zadanie.setText(currentTask.getZadanie());
            TextView opis = (TextView) view.findViewById(R.id.opis);
            opis.setText(currentTask.getOpis());
            TextView data = (TextView) view.findViewById(R.id.data);
            data.setText(currentTask.getData());
            TextView adres = (TextView) view.findViewById(R.id.adres);
            adres.setText(currentTask.getAdres());
            return view;
        }
    }
}
&lt;/code&gt;&lt;/pre&gt;
&lt;p&gt;And my DatabaseHandler&lt;/p&gt;
&lt;pre&gt;&lt;code&gt;package pl.edu.ug.aib.studentizerApp.todoList;
import android.content.ContentValues;
import android.content.Context;
import android.database.Cursor;
import android.database.sqlite.SQLiteDatabase;
import android.database.sqlite.SQLiteOpenHelper;
import android.net.Uri;
import java.util.ArrayList;
import java.util.List;
/**
 * Created by Kisiel on 2015-06-02.
 */
public class DatabaseHandler extends SQLiteOpenHelper {
    private static final int DATABASE_VERSION = 1;
    private static final String DATABASE_NAME = "ZadaniaManager",
            TABLE_ZADANIA = "zadania",
            KEY_ID = "id",
            KEY_ZADANIE = "zadanie",
            KEY_OPIS = "opis",
            KEY_DATA = "data",
            KEY_ADRES = "adres";
    public DatabaseHandler(Context context) {
        super(context, DATABASE_NAME, null, DATABASE_VERSION);
    }
    @Override
    public void onCreate(SQLiteDatabase db) {
        db.execSQL("CREATE TABLE " + TABLE_ZADANIA + "(" + KEY_ID + " INTEGER PRIMARY KEY AUTOINCREMENT," + KEY_ZADANIE + " TEXT," + KEY_OPIS + " TEXT," + KEY_DATA + " TEXT," + KEY_ADRES + " TEXT)");
    }
    @Override
    public void onUpgrade(SQLiteDatabase db, int oldVersion, int newVersion) {
        db.execSQL("DROP TABLE IF EXISTS " + TABLE_ZADANIA);
        onCreate(db);
    }
    public void createZadanie(Task task) {
        SQLiteDatabase db = getWritableDatabase();
        ContentValues values = new ContentValues();
        values.put(KEY_ZADANIE, task.getZadanie());
        values.put(KEY_OPIS, task.getOpis());
        values.put(KEY_DATA, task.getData());
        values.put(KEY_ADRES, task.getAdres());
        db.insert(TABLE_ZADANIA, null, values);
        db.close();
    }
    public Task getTask(int id) {
        SQLiteDatabase db = getReadableDatabase();
        Cursor cursor = db.query(TABLE_ZADANIA, new String[] { KEY_ID, KEY_ZADANIE, KEY_OPIS, KEY_DATA, KEY_ADRES }, KEY_ID + "=?", new String[] { String.valueOf(id) }, null, null, null, null );
        if (cursor != null)
            cursor.moveToFirst();
        Task task = new Task(Integer.parseInt(cursor.getString(0)), cursor.getString(1), cursor.getString(2), cursor.getString(3), cursor.getString(4));
        db.close();
        cursor.close();
        return task;
    }
    public void deleteTask(Task task) {
        SQLiteDatabase db = getWritableDatabase();
        db.delete(TABLE_ZADANIA, KEY_ID + "=?", new String[] { String.valueOf(task.getId()) });
        db.close();
    }
    public int getTaskCount() {
        SQLiteDatabase db = getReadableDatabase();
        Cursor cursor = db.rawQuery("SELECT * FROM " + TABLE_ZADANIA, null);
        int count = cursor.getCount();
        db.close();
        cursor.close();
        return count;
    }
    public int updateTask(Task task) {
        SQLiteDatabase db = getWritableDatabase();
        ContentValues values = new ContentValues();
        values.put(KEY_ZADANIE, task.getZadanie());
        values.put(KEY_OPIS, task.getOpis());
        values.put(KEY_DATA, task.getData());
        values.put(KEY_ADRES, task.getAdres());
        int rowsAffected = db.update(TABLE_ZADANIA, values, KEY_ID + "=?", new String[] { String.valueOf(task.getId()) });
        db.close();
        return rowsAffected;
    }
    public List&amp;lt;Task&amp;gt; getAllTasks() {
        List&amp;lt;Task&amp;gt; tasks = new ArrayList&amp;lt;Task&amp;gt;();
        SQLiteDatabase db = getWritableDatabase();
        Cursor cursor = db.rawQuery("SELECT * FROM " + TABLE_ZADANIA, null);
        if (cursor.moveToFirst()) {
            do {
                tasks.add(new Task(Integer.parseInt(cursor.getString(0)), cursor.getString(1), cursor.getString(2), cursor.getString(3), cursor.getString(4)));
            }
            while (cursor.moveToNext());
        }
        cursor.close();
        db.close();
        return tasks;
    }
}
&lt;/code&gt;&lt;/pre&gt;
&lt;p&gt;The problem is when you added a second task. The first has been added successfully, when you try to add another message appears:&lt;/p&gt;
&lt;pre&gt;&lt;code&gt;Toast.makeText(getActivity().getApplicationContext(), String.valueOf(zadanieTxt.getText()) + " Zadanie ju�� istnieje", Toast.LENGTH_SHORT).show();
&lt;/code&gt;&lt;/pre&gt;</t>
  </si>
  <si>
    <t>2015-06-03 16:40:10.907000+00:00</t>
  </si>
  <si>
    <t>java|android|sqlite|validation</t>
  </si>
  <si>
    <t>C Binary/Source Code in an iPhone XCode Project</t>
  </si>
  <si>
    <t>&lt;p&gt;What's the best practice to include existing C Libraries into an iPhone Project? I searched the Internet and actually found some pieces but nothing that explains the exact way to do it.&lt;/p&gt;
&lt;p&gt;I'm trying to include the following &lt;a href="http://community.citrix.com/cdn/xs/sdks" rel="nofollow noreferrer"&gt;Citrix XenServer SDK Library&lt;/a&gt;.&lt;/p&gt;
&lt;p&gt;Any help is appreciated. Thanks!&lt;/p&gt;</t>
  </si>
  <si>
    <t>2010-01-15 11:02:48+00:00</t>
  </si>
  <si>
    <t>2013-12-11 05:38:58.440000+00:00</t>
  </si>
  <si>
    <t>iphone|c|xcode</t>
  </si>
  <si>
    <t>library for binary relations in haskell</t>
  </si>
  <si>
    <t>&lt;p&gt;I searched on google, searched on google with "site:haskell.org", and used hoogle. But I didn't find anything. There was some code that referenced "Data.Relation" in gf, the grammatical framework, but I couldn't find further information.&lt;/p&gt;
&lt;p&gt;Is there a library for binary relations in haskell?&lt;/p&gt;
&lt;p&gt;(I just want to do basic stuff like finding the transitive closure.)&lt;/p&gt;
&lt;p&gt;ps: in agda, it is easy to find relations in the standard lib&lt;/p&gt;
&lt;p&gt;=== EDIT: ===&lt;br&gt;
I only need finite relations.&lt;br&gt;
Just a function to get all related things (mathematical objects). And this also with transitive closure of the relation.&lt;/p&gt;
&lt;p&gt;LATEST UPDATE:&lt;br&gt;
I just found source code for Binary Relations on github:&lt;br&gt;
&lt;a href="https://github.com/fmaste/hgraph/blob/master/src/Data/Collection/Relation/Binary.hs" rel="nofollow"&gt;https://github.com/fmaste/hgraph/blob/master/src/Data/Collection/Relation/Binary.hs&lt;/a&gt;&lt;/p&gt;
&lt;p&gt;&lt;a href="https://github.com/fmaste/hgraph/blob/master/src/Data/Collection/Relation/Binary/Simple.hs" rel="nofollow"&gt;https://github.com/fmaste/hgraph/blob/master/src/Data/Collection/Relation/Binary/Simple.hs&lt;/a&gt;
 &lt;a href="https://github.com/search?langOverride=&amp;amp;language=Haskell&amp;amp;q=relation&amp;amp;repo=&amp;amp;start_value=1&amp;amp;type=Code&amp;amp;x=0&amp;amp;y=0" rel="nofollow"&gt;https://github.com/search?langOverride=&amp;amp;language=Haskell&amp;amp;q=relation&amp;amp;repo=&amp;amp;start_value=1&amp;amp;type=Code&amp;amp;x=0&amp;amp;y=0&lt;/a&gt;&lt;/p&gt;</t>
  </si>
  <si>
    <t>2011-11-09 01:26:50.157000+00:00</t>
  </si>
  <si>
    <t>2014-02-12 17:38:43.770000+00:00</t>
  </si>
  <si>
    <t>2011-11-09 06:50:39.033000+00:00</t>
  </si>
  <si>
    <t>haskell</t>
  </si>
  <si>
    <t>Making select box searchable html</t>
  </si>
  <si>
    <t>&lt;p&gt;I am dynamically adding &lt;code&gt;select&lt;/code&gt; elements in the webpage when a certain action is taken by the user. The problem is that as the select elements are added dynamically, the &lt;code&gt;jquery&lt;/code&gt; is unable to make them searchable as it is applied when the document is loaded. How can I make the dynamically added select boxes searchable?&lt;/p&gt;
&lt;p&gt;&lt;strong&gt;EDIT&lt;/strong&gt;&lt;/p&gt;
&lt;p&gt;I'm using &lt;a href="https://silviomoreto.github.io/bootstrap-select/" rel="nofollow"&gt;select bootstrap&lt;/a&gt; for making the select element searchable.&lt;/p&gt;
&lt;p&gt;What I am doing is making the user select multiple parts of an image using &lt;a href="https://github.com/360Learning/jquery-select-areas" rel="nofollow"&gt;select areas&lt;/a&gt; and whenever an area is selected, I add a select element corresponding to that area. This is done using a custom javascript in the head of the page. However, these select elements are devoid of any styling as the are added dynamically.&lt;/p&gt;
&lt;p&gt;The select bootstrap can make a select element searchable by using &lt;code&gt;data-live-search&lt;/code&gt; -&lt;/p&gt;
&lt;pre&gt;&lt;code&gt;&amp;lt;select data-live-search="true" name="category_name" class="selectpicker" &amp;gt;
&lt;/code&gt;&lt;/pre&gt;</t>
  </si>
  <si>
    <t>2016-06-27 10:27:26.687000+00:00</t>
  </si>
  <si>
    <t>2016-06-27 10:38:41.827000+00:00</t>
  </si>
  <si>
    <t>Update in a document based on $or filter</t>
  </si>
  <si>
    <t>&lt;p&gt;I have collection like&lt;/p&gt;
&lt;pre&gt;&lt;code&gt;{
"_id": ObjectId("565ff61d454231a81753866a"),
"tripMembers" : [ 
        {
            "username" : "akshay.kumar@gmail.com",
            "contact" : null,
            "userId" : "1234999",
            "accept" : 2,
            "_id" : ObjectId("565ff61d454231a817538664")
        }, 
        {
            "username" : "akshay@gmail.co",
            "contact" : null,
            "userId" : "",
            "accept" : 0,
            "_id" : ObjectId("565ff61d454231a817538665")
        }]
}
&lt;/code&gt;&lt;/pre&gt;
&lt;p&gt;and I want to update a key of a object in array.I am using following query but it's not working &lt;/p&gt;
&lt;pre&gt;&lt;code&gt;db.trips.update({
    $or :[
        {"tripMembers.username" : "akshay.kumar@gmail.com"},
       {"tripMembers.contact": "1234999" }]
    },
    {"_id" :ObjectId("565ff61d454231a81753866a")},
    {$set : {"tripMembers.accept" :1}
})
&lt;/code&gt;&lt;/pre&gt;
&lt;p&gt;It's giving me error &lt;strong&gt;&lt;em&gt;The positional operator did not find the match needed from the query. Unexpanded update: tripMembers.$.accept&lt;/em&gt;&lt;/strong&gt;&lt;/p&gt;
&lt;p&gt;If I'm trying same query only one condition in &lt;code&gt;$or&lt;/code&gt; operator its working fine as&lt;/p&gt;
&lt;pre&gt;&lt;code&gt;db.trips.update({
    $or :[
        {"tripMembers.username" : "akshay.kumar@gmail.com"}  
    },
    {"_id" :ObjectId("565ff61d454231a81753866a")},
    {$set : {"tripMembers.accept" :1}
})
&lt;/code&gt;&lt;/pre&gt;
&lt;p&gt;Don't know, where i am wrong.Any help appreciable.&lt;/p&gt;</t>
  </si>
  <si>
    <t>2015-12-03 19:00:21.053000+00:00</t>
  </si>
  <si>
    <t>2015-12-04 06:39:44.040000+00:00</t>
  </si>
  <si>
    <t>node.js|mongodb</t>
  </si>
  <si>
    <t>Retrieve video title and associate id using Youtube API</t>
  </si>
  <si>
    <t>&lt;p&gt;I've been trying to retrieve a list of related video title and associated IDs. The api url is: &lt;a href="https://gdata.youtube.com/feeds/api/videos/FYpunY-gXxU/related?v=2" rel="nofollow"&gt;https://gdata.youtube.com/feeds/api/videos/FYpunY-gXxU/related?v=2&lt;/a&gt;&lt;/p&gt;
&lt;p&gt;My code has been parsing the etag, though it'd be easier to get the "link-&gt;alternate" value instead. This value can be found at the XPath: /feed/entry[1]/link[1]@rel. I've been using DOMDocument to attempt this, so any help would be appreciated. Thanks.&lt;/p&gt;</t>
  </si>
  <si>
    <t>2014-07-11 19:51:33.717000+00:00</t>
  </si>
  <si>
    <t>2014-07-13 10:44:05.320000+00:00</t>
  </si>
  <si>
    <t>php|youtube|youtube-api|domdocument</t>
  </si>
  <si>
    <t>How to register touch in didMoveToView (Swift, SpriteKit)?</t>
  </si>
  <si>
    <t>&lt;p&gt;I have a repeating action in my very first scene which I want to stop as soon as the user touches the screen for the very first time. Is it possible to detect a touch in &lt;code&gt;didMoveToView&lt;/code&gt;? I cannot use &lt;code&gt;touchesBegan&lt;/code&gt; as this is a special case for the very first touch only, and I don't want it repeating for every touch.&lt;/p&gt;
&lt;pre&gt;&lt;code&gt;override func didMoveToView(view: SKView) {
    triangle.position = CGPoint(x: self.frame.width/2, y: self.frame.height/2)
    self.addChild(triangle)
    triangle.runAction(SKAction.repeatActionForever(rotateAction))
    //-&amp;gt;This is where I need to detect a touch
}
&lt;/code&gt;&lt;/pre&gt;</t>
  </si>
  <si>
    <t>2015-11-13 17:39:21.543000+00:00</t>
  </si>
  <si>
    <t>2015-11-13 19:42:52.370000+00:00</t>
  </si>
  <si>
    <t>ios|swift|sprite-kit</t>
  </si>
  <si>
    <t>query select on timestamp field</t>
  </si>
  <si>
    <t>&lt;p&gt;I use h2 database.
I have 3 tables: USER, SCHEDULEWORKER and SECURITYACCESS.&lt;/p&gt;
&lt;p&gt;USER&lt;/p&gt;
&lt;pre&gt;&lt;code&gt;userNumber, firstName, lastName
&lt;/code&gt;&lt;/pre&gt;
&lt;p&gt;SCHEDULEWORKER&lt;/p&gt;
&lt;pre&gt;&lt;code&gt;USERNUMBER, STARTDATE, ENDDATE  
&lt;/code&gt;&lt;/pre&gt;
&lt;p&gt;SECURITYACCESS&lt;/p&gt;
&lt;pre&gt;&lt;code&gt;USERNUMBER, DATEACCESS, DOOR
&lt;/code&gt;&lt;/pre&gt;
&lt;p&gt;&lt;code&gt;STARTDATE, ENDDATE and DATEACCESS&lt;/code&gt; use timestamp &lt;code&gt;datatype&lt;/code&gt;.&lt;/p&gt;
&lt;p&gt;I would like to get know all user who suppose to work  a day and who entered the maindoor after the start date.&lt;/p&gt;
&lt;p&gt;So for this example&lt;/p&gt;
&lt;pre&gt;&lt;code&gt;SCHEDULEWORKER  
USERNUMBER      STARTDATE               ENDDATE  
4141            2012-07-02 07:30:00.0   2012-07-02 16:30:00.0
4123            2012-07-02 07:30:00.0   2012-07-02 16:30:00.0
SECURITYACCESS
USERNUMBER      DATEACCESS      DOOR  
4145    2012-07-02 07:31:56.0   MainDoor
4123    2012-07-02 07:29:56.0   MainDoor
&lt;/code&gt;&lt;/pre&gt;
&lt;p&gt;I would like to have&lt;/p&gt;
&lt;pre&gt;&lt;code&gt;USERNUMBER  STARTDATE              ENDDATE                DATEACCESS        DOOR        late
4141    2012-07-02 07:30:00.0  2012-07-02 16:30:00.0  2012-07-02 07:31:56.0 MainDoor    00:01:56
&lt;/code&gt;&lt;/pre&gt;
&lt;p&gt;Do I need to split my field timestamp to be able to do this query?&lt;/p&gt;</t>
  </si>
  <si>
    <t>2012-11-09 14:05:37.243000+00:00</t>
  </si>
  <si>
    <t>2012-11-09 15:14:10.940000+00:00</t>
  </si>
  <si>
    <t>2012-11-09 14:07:57.543000+00:00</t>
  </si>
  <si>
    <t>sql|h2</t>
  </si>
  <si>
    <t>Delphi create dir under system32</t>
  </si>
  <si>
    <t>&lt;p&gt;i tried to create dir under system32 folder
but no exception shows or errors&lt;/p&gt;
&lt;p&gt;note i run it as administrator &lt;/p&gt;
&lt;pre&gt;&lt;code&gt;//1
  if not TDirectory.Exists('C:\Windows\System32\oobe\info') then
  TDirectory.CreateDirectory('C:\Windows\System32\oobe\info');
//2
  if not DirectoryExists('C:\Windows\System32\oobe\info') then
  CreateDir('C:\Windows\System32\oobe\info');
//3
  try
    ForceDirectories('C:\Windows\System32\oobe\info');
  except
   ShowMessage('cant create it');
  end;
&lt;/code&gt;&lt;/pre&gt;</t>
  </si>
  <si>
    <t>2014-11-11 10:49:35.477000+00:00</t>
  </si>
  <si>
    <t>2014-11-11 10:52:35.830000+00:00</t>
  </si>
  <si>
    <t>delphi|create-directory</t>
  </si>
  <si>
    <t>Table with no DELETE or UPDATE operations needs VACUUM?</t>
  </si>
  <si>
    <t>&lt;p&gt;Documentation says:&lt;/p&gt;
&lt;blockquote&gt;
  &lt;p&gt;VACUUM reclaims storage occupied by dead tuples. In normal PostgreSQL operation, tuples that are deleted or obsoleted by an update are not physically removed from their table; they remain present until a VACUUM is done. &lt;/p&gt;
&lt;/blockquote&gt;
&lt;p&gt;I have table  with ~ 50 000 &lt;code&gt;INSERT&lt;/code&gt; and much more &lt;code&gt;SELECT&lt;/code&gt; operations per day, but there is no &lt;code&gt;DELETE&lt;/code&gt; or &lt;code&gt;UPDATE&lt;/code&gt; operations at all on this table. &lt;/p&gt;
&lt;p&gt;Question is: do I need periodically &lt;code&gt;VACUUM&lt;/code&gt; for this table? or in this particular case, this no makes sense at all?&lt;/p&gt;</t>
  </si>
  <si>
    <t>2018-09-16 17:40:10.207000+00:00</t>
  </si>
  <si>
    <t>2018-09-16 18:16:41.170000+00:00</t>
  </si>
  <si>
    <t>postgresql|postgresql-10</t>
  </si>
  <si>
    <t>Reading documents does not work with new PhoneGap Build</t>
  </si>
  <si>
    <t>&lt;p&gt;can anyone help me with an issue I am having with PhoneGap. I built an app where it used to work fine on build 3.7.0 (default). Code that would read folder contents, etc would work fine. Now I tried compiling on the new default ver of 5.2.0 and this code does not work. Reading folders/files and writing folders/files does not work anymore. So I went to phonegap and uploaded a new version of my project with config.xml pointing to old ver of 3.7.0 and it does not even compile anymore on phonegap build. &lt;/p&gt;
&lt;p&gt;Sample of the code that no longer works on the new PhoneGap Build (but used to work fine on 3.7.0):&lt;/p&gt;
&lt;pre&gt;&lt;code&gt;var docPath;
document.addEventListener("deviceready", onDeviceReady, false);  
function onDeviceReady() {
    window.requestFileSystem(LocalFileSystem.PERSISTENT, 0, onFileSystemSuccess, onFail);
}
function onFileSystemSuccess(fileSystem) {
    docPath = fileSystem.root;
    fileSystem.root.getDirectory("Documents", { create: true, exclusive: true }, getDirSuccess, onFail);
}
function getDirSuccess(dirEntry) {
    alert(JSON.stringify(dirEntry));
    var directoryReader = dirEntry.createReader();
    directoryReader.readEntries(readerSuccess, onFail);
}
function readerSuccess(entries) {
    var i;
    for (i = 0; i &amp;lt; entries.length; i++) {
        alert(entries[i].name);
    }
}
&lt;/code&gt;&lt;/pre&gt;
&lt;p&gt;Parts of my Config.xml file:&lt;/p&gt;
&lt;pre&gt;&lt;code&gt;&amp;lt;access origin="*"/&amp;gt;
&amp;lt;preference name="SplashScreen" value="screen" /&amp;gt;
&amp;lt;preference name="phonegap-version" value="3.7.0" /&amp;gt;
&amp;lt;preference name="android-build-tool" value="ant" /&amp;gt;
&amp;lt;preference name="orientation" value="portrait" /&amp;gt;
&amp;lt;gap:plugin name="org.apache.cordova.battery-status" source="npm"/&amp;gt;
&amp;lt;gap:plugin name="org.apache.cordova.camera" source="npm"/&amp;gt;
&amp;lt;gap:plugin name="org.apache.cordova.media-capture" source="npm"/&amp;gt;
&amp;lt;gap:plugin name="org.apache.cordova.console" source="npm"/&amp;gt;
&amp;lt;gap:plugin name="org.apache.cordova.contacts" source="npm"/&amp;gt;
&amp;lt;gap:plugin name="org.apache.cordova.device" source="npm"/&amp;gt;
&amp;lt;gap:plugin name="org.apache.cordova.device-motion" source="npm"/&amp;gt;
&amp;lt;gap:plugin name="org.apache.cordova.device-orientation" source="npm"/&amp;gt;
&amp;lt;gap:plugin name="org.apache.cordova.dialogs" source="npm"/&amp;gt;
&amp;lt;gap:plugin name="org.apache.cordova.file" source="npm"/&amp;gt;
&amp;lt;gap:plugin name="org.apache.cordova.file-transfer" source="npm"/&amp;gt;
&amp;lt;gap:plugin name="org.apache.cordova.geolocation" source="npm"/&amp;gt;
&amp;lt;gap:plugin name="org.apache.cordova.globalization" source="npm"/&amp;gt;
&amp;lt;gap:plugin name="org.apache.cordova.inappbrowser" source="npm"/&amp;gt;
&amp;lt;gap:plugin name="org.apache.cordova.media" source="npm"/&amp;gt;
&amp;lt;gap:plugin name="org.apache.cordova.network-information" source="npm"/&amp;gt;
&amp;lt;gap:plugin name="org.apache.cordova.splashscreen" source="npm"/&amp;gt;
&amp;lt;gap:plugin name="org.apache.cordova.vibration" source="npm"/&amp;gt;
&amp;lt;gap:plugin name="cordova-plugin-flashlight" source="npm" /&amp;gt;
&amp;lt;gap:plugin name="org.apache.cordova.console" source="npm"/&amp;gt;
&amp;lt;gap:plugin name="org.apache.cordova.network-information" source="npm"/&amp;gt;
&amp;lt;gap:plugin name="cordova-plugin-legacy-whitelist" source="npm" /&amp;gt;
&amp;lt;icon src="icon.png"/&amp;gt;
&amp;lt;!-- for iOS --&amp;gt;
&amp;lt;feature name="Flashlight"&amp;gt;
  &amp;lt;param name="ios-package" value="Flashlight" /&amp;gt;
&amp;lt;/feature&amp;gt;
&amp;lt;!-- for Android --&amp;gt;
&amp;lt;feature name="Flashlight"&amp;gt;
  &amp;lt;param name="android-package" value="nl.xservices.plugins.Flashlight" /&amp;gt;
&amp;lt;/feature&amp;gt;
&amp;lt;!-- for WP8 --&amp;gt;
&amp;lt;feature name="Flashlight"&amp;gt;
  &amp;lt;param name="wp-package" value="Flashlight" /&amp;gt;
&amp;lt;/feature&amp;gt;
&amp;lt;/widget&amp;gt;
&lt;/code&gt;&lt;/pre&gt;
&lt;p&gt;Any suggestions?&lt;/p&gt;</t>
  </si>
  <si>
    <t>2015-10-29 14:54:49.987000+00:00</t>
  </si>
  <si>
    <t>2015-11-11 23:27:01.460000+00:00</t>
  </si>
  <si>
    <t>cordova|api|build|documents</t>
  </si>
  <si>
    <t>Bootstrap inline form (input + button) breaks line</t>
  </si>
  <si>
    <t>&lt;p&gt;I've been using Bootstrap for a while. I wouldn't say I'm an &lt;em&gt;expert&lt;/em&gt; but I'm proficient. Nevertheless, this form-inline issue got me head over heels:&lt;/p&gt;
&lt;p&gt;It's a very simple thing what I'm trying, yet here I am, unable to put two elements in line:&lt;/p&gt;
&lt;p&gt;&lt;div class="snippet" data-lang="js" data-hide="false" data-console="false" data-babel="false"&gt;_x000D_
&lt;div class="snippet-code"&gt;_x000D_
&lt;pre class="snippet-code-html lang-html prettyprint-override"&gt;&lt;code&gt;&amp;lt;link href="https://maxcdn.bootstrapcdn.com/bootstrap/3.3.6/css/bootstrap.min.css" rel="stylesheet"/&amp;gt;_x000D_
_x000D_
&amp;lt;div class="container"&amp;gt;_x000D_
&amp;lt;div class="row"&amp;gt;_x000D_
&amp;lt;div class="col-xs-6"&amp;gt;_x000D_
  &amp;lt;form class="form-inline"&amp;gt;_x000D_
    &amp;lt;div class="form-group"&amp;gt;_x000D_
      &amp;lt;label for="modal_add_group_input"&amp;gt;&amp;lt;/label&amp;gt;_x000D_
      &amp;lt;input class="form-control" id="modal_add_group_input" placeholder="Nombre de grupo" type="text"&amp;gt;_x000D_
    &amp;lt;/div&amp;gt;_x000D_
    &amp;lt;button type="submit" class="btn btn-success"&amp;gt;_x000D_
        &amp;lt;span style="color: white;" class="glyphicon glyphicon-plus-sign"&amp;gt;      _x000D_
        &amp;lt;/span&amp;gt; Crear Grupo&amp;lt;/button&amp;gt;_x000D_
    &amp;lt;/form&amp;gt;_x000D_
&amp;lt;/div&amp;gt;_x000D_
&amp;lt;/div&amp;gt;_x000D_
&amp;lt;/div&amp;gt;&lt;/code&gt;&lt;/pre&gt;_x000D_
&lt;/div&gt;_x000D_
&lt;/div&gt;_x000D_
&lt;/p&gt;
&lt;p&gt;Not trying anything fancy here. I went back to basics and even the provided example doesn't work:&lt;/p&gt;
&lt;p&gt;&lt;div class="snippet" data-lang="js" data-hide="false" data-console="false" data-babel="false"&gt;_x000D_
&lt;div class="snippet-code"&gt;_x000D_
&lt;pre class="snippet-code-html lang-html prettyprint-override"&gt;&lt;code&gt;&amp;lt;link href="https://maxcdn.bootstrapcdn.com/bootstrap/3.3.6/css/bootstrap.min.css" rel="stylesheet"/&amp;gt;_x000D_
&amp;lt;form class="form-inline"&amp;gt;_x000D_
  &amp;lt;div class="form-group"&amp;gt;_x000D_
    &amp;lt;label class="sr-only" for="exampleInputAmount"&amp;gt;Amount (in dollars)&amp;lt;/label&amp;gt;_x000D_
    &amp;lt;div class="input-group"&amp;gt;_x000D_
      &amp;lt;div class="input-group-addon"&amp;gt;$&amp;lt;/div&amp;gt;_x000D_
      &amp;lt;input type="text" class="form-control" id="exampleInputAmount" placeholder="Amount"&amp;gt;_x000D_
      &amp;lt;div class="input-group-addon"&amp;gt;.00&amp;lt;/div&amp;gt;_x000D_
    &amp;lt;/div&amp;gt;_x000D_
  &amp;lt;/div&amp;gt;_x000D_
  &amp;lt;button type="submit" class="btn btn-primary"&amp;gt;Transfer cash&amp;lt;/button&amp;gt;_x000D_
&amp;lt;/form&amp;gt;&lt;/code&gt;&lt;/pre&gt;_x000D_
&lt;/div&gt;_x000D_
&lt;/div&gt;_x000D_
&lt;/p&gt;
&lt;p&gt;...any suggestions? What am I doing wrong? ��_��&lt;/p&gt;
&lt;p&gt;PS: Not a duplicate of &lt;a href="https://stackoverflow.com/questions/23208855/bootstrap-inline-forms-submit-button-not-in-the-same-line"&gt;Bootstrap inline form&amp;#39;s submit button not in the same line&lt;/a&gt; . Tried that. Didn't work.&lt;/p&gt;</t>
  </si>
  <si>
    <t>2016-01-14 10:03:47.887000+00:00</t>
  </si>
  <si>
    <t>2016-01-15 11:40:44.593000+00:00</t>
  </si>
  <si>
    <t>2017-05-23 11:52:05.103000+00:00</t>
  </si>
  <si>
    <t>Java's Mahout equivalent in Python</t>
  </si>
  <si>
    <t>&lt;p&gt;&lt;strong&gt;&lt;a href="http://mahout.apache.org/" rel="nofollow"&gt;Java based Mahout's&lt;/a&gt;&lt;/strong&gt; goal is to build scalable machine learning libraries. Are there any equivalent libraries in Python ?&lt;/p&gt;</t>
  </si>
  <si>
    <t>2011-01-27 17:03:16.153000+00:00</t>
  </si>
  <si>
    <t>2015-01-10 14:46:23.433000+00:00</t>
  </si>
  <si>
    <t>java|python|scalability|machine-learning|mahout</t>
  </si>
  <si>
    <t>Check if any formatting have been given in a Page</t>
  </si>
  <si>
    <t>&lt;p&gt;While searching text in a document &lt;/p&gt;
&lt;pre&gt;&lt;code&gt;window.find(t) 
&lt;/code&gt;&lt;/pre&gt;
&lt;p&gt;Will highlight the text in document. But how can I highlight all the text in a web page. That means how can I highlight all the text in web page as giving complete design mode text as input to the window.find()  &lt;/p&gt;
&lt;p&gt;The original intention behind this is using the trick provided by Tim Down in &lt;a href="https://stackoverflow.com/questions/9445518/how-to-check-whether-a-text-is-having-bold-in-a-web-page/9445554#comment11946894_9445554"&gt;this&lt;/a&gt; page I want to check whether any formatting have been given in the document.&lt;br&gt;
Please let me know if you need any other input to be more helpful.&lt;/p&gt;</t>
  </si>
  <si>
    <t>2012-02-25 17:52:03.997000+00:00</t>
  </si>
  <si>
    <t>2012-04-02 11:56:06.657000+00:00</t>
  </si>
  <si>
    <t>2017-05-23 11:48:01.557000+00:00</t>
  </si>
  <si>
    <t>ShellExecute isn't opening an HTML file</t>
  </si>
  <si>
    <t>&lt;pre&gt;&lt;code&gt;ShellExecute(NULL, TEXT("open"), TEXT("report\index.html"), NULL, NULL, SW_SHOWNORMAL);
&lt;/code&gt;&lt;/pre&gt;
&lt;p&gt;Above is my line of code and I, for some reason, cannot get the file to open. Below are all the lines I have tried. &lt;/p&gt;
&lt;pre&gt;&lt;code&gt;ShellExecute(NULL, TEXT("open"), TEXT("report/index.html"), NULL, NULL, SW_SHOWNORMAL);
ShellExecute(NULL, L"open", L"report\index.html", NULL, NULL, SW_SHOWNORMAL);
ShellExecute(NULL, _T("open"), _T("report\index.html"), NULL, NULL, SW_SHOWNORMAL);
&lt;/code&gt;&lt;/pre&gt;
&lt;p&gt;Below is list of what I have included.&lt;/p&gt;
&lt;pre&gt;&lt;code&gt;// Windows Header Files:
#include &amp;lt;windows.h&amp;gt;
// C RunTime Header Files
#include &amp;lt;stdlib.h&amp;gt;
#include &amp;lt;malloc.h&amp;gt;
#include &amp;lt;memory.h&amp;gt;
#include &amp;lt;tchar.h&amp;gt;
#include &amp;lt;Shellapi.h&amp;gt;
&lt;/code&gt;&lt;/pre&gt;
&lt;p&gt;My file structure is structured out like this:&lt;/p&gt;
&lt;pre&gt;&lt;code&gt;Downloads/test/program.exe
Downloads/test/report/index.html
&lt;/code&gt;&lt;/pre&gt;
&lt;p&gt;This is the first time writing this code and I'm really not sure when to tell when I need to differentiate between "/" and "\". I believe I need to be using TEXT() because when I go to my VS2010 project, Properties &gt; Character Set it says: Use Unicode Character Set. Or at least I believe I have to use TEXT(), I am really not sure.&lt;/p&gt;
&lt;p&gt;Also do I need to provide the full path of the file instead of making the assumption it's traveling from where my exe is located? If so is there a quick and easy function call to get the full directory path? Is it just an include file I am missing?&lt;/p&gt;</t>
  </si>
  <si>
    <t>2014-01-03 22:19:19.863000+00:00</t>
  </si>
  <si>
    <t>2014-01-03 22:22:20.810000+00:00</t>
  </si>
  <si>
    <t>c++|visual-studio-2010|winapi|shellexecute</t>
  </si>
  <si>
    <t>Does anyone see what is causing a segmentation fault in this BST code?</t>
  </si>
  <si>
    <t>&lt;pre&gt;&lt;code&gt;#include &amp;lt;iostream&amp;gt;
using namespace std;
#define YES 1
#define NO 0
class tree
{
    private:
    public:
        struct leaf
        {
            int data;
            leaf *l;
            leaf *r;
        };
        struct leaf *p;
        tree();
        ~tree();
        void destruct(leaf *q);
        tree(tree&amp;amp; a);
        void findparent(int n,int &amp;amp;found,leaf* &amp;amp;parent);
        void findfordel(int n,int &amp;amp;found,leaf *&amp;amp;parent,leaf* &amp;amp;x);
        void add(int n);
        void transverse();
        void in(leaf *q);
        void pre(leaf *q);
        void post(leaf *q);
        void del(int n);
        leaf*  createBST(int *preOrder, int* inOrder, int len);
};
tree::tree()
{
    p=NULL;
}
tree::~tree()
{
    destruct(p);
}
void tree::destruct(leaf *q)
{
    if(q!=NULL)
    {
        destruct(q-&amp;gt;l);
        del(q-&amp;gt;data);
        destruct(q-&amp;gt;r);
    }
}
void tree::findparent(int n,int &amp;amp;found,leaf *&amp;amp;parent)
{
    leaf *q;
    found=NO;
    parent=NULL;
    if(p==NULL)
        return;
    q=p;
    while(q!=NULL)
    {
        if(q-&amp;gt;data==n)
        {
            found=YES;
            return;
        }
        if(q-&amp;gt;data&amp;gt;n)
        {
            parent=q;
            q=q-&amp;gt;l;
        }
        else
        {
            parent=q;
            q=q-&amp;gt;r;
        }
    }
}
void tree::add(int n)
{
    int found;
    leaf *t,*parent;
    findparent(n,found,parent);
    if(found==YES)
        cout&amp;lt;&amp;lt;"\nSuch a Node Exists";
    else
    {
        t=new leaf;
        t-&amp;gt;data=n;
        t-&amp;gt;l=NULL;
        t-&amp;gt;r=NULL;
        if(parent==NULL)
            p=t;
        else
            parent-&amp;gt;data &amp;gt; n ? parent-&amp;gt;l=t : parent-&amp;gt;r=t;
    }
}
void tree::transverse()
{
    int c;
    cout&amp;lt;&amp;lt;"\n1.InOrder\n2.Preorder\n3.Postorder\nChoice: ";
    cin&amp;gt;&amp;gt;c;
    switch(c)
    {
        case 1:
            in(p);
            break;
        case 2:
            pre(p);
            break;
        case 3:
            post(p);
            break;
    }
}
void tree::in(leaf *q)
{
    if(q!=NULL)
    {
        in(q-&amp;gt;l);
        cout&amp;lt;&amp;lt;"\t"&amp;lt;&amp;lt;q-&amp;gt;data&amp;lt;&amp;lt;endl;
        in(q-&amp;gt;r);
    }
}
void tree::pre(leaf *q)
{
    if(q!=NULL)
    {
        cout&amp;lt;&amp;lt;"\t"&amp;lt;&amp;lt;q-&amp;gt;data&amp;lt;&amp;lt;endl;
        pre(q-&amp;gt;l);
        pre(q-&amp;gt;r);
    }
}
void tree::post(leaf *q)
{
    if(q!=NULL)
    {
        post(q-&amp;gt;l);
        post(q-&amp;gt;r);
        cout&amp;lt;&amp;lt;"\t"&amp;lt;&amp;lt;q-&amp;gt;data&amp;lt;&amp;lt;endl;
    }
}
void tree::findfordel(int n,int &amp;amp;found,leaf *&amp;amp;parent,leaf *&amp;amp;x)
{
    leaf *q;
    found=0;
    parent=NULL;
    if(p==NULL)
        return;
    q=p;
    while(q!=NULL)
    {
        if(q-&amp;gt;data==n)
        {
            found=1;
            x=q;
            return;
        }
        if(q-&amp;gt;data&amp;gt;n)
        {
            parent=q;
            q=q-&amp;gt;l;
        }
        else
        {
            parent=q;
            q=q-&amp;gt;r;
        }
    }
}
void tree::del(int num)
{
    leaf *parent,*x,*xsucc;
    int found;
    // If EMPTY TREE
    if(p==NULL)
    {
        cout&amp;lt;&amp;lt;"\nTree is Empty";
        return;
    }
    parent=x=NULL;
    findfordel(num,found,parent,x);
    if(found==0)
    {
        cout&amp;lt;&amp;lt;"\nNode to be deleted NOT FOUND";
        return;
    }
    // If the node to be deleted has 2 leaves
    if(x-&amp;gt;l != NULL &amp;amp;&amp;amp; x-&amp;gt;r != NULL)
    {
        parent=x;
        xsucc=x-&amp;gt;r;
        while(xsucc-&amp;gt;l != NULL)
        {
            parent=xsucc;
            xsucc=xsucc-&amp;gt;l;
        }
        x-&amp;gt;data=xsucc-&amp;gt;data;
        x=xsucc;
    }
    // if the node to be deleted has no child
    if(x-&amp;gt;l == NULL &amp;amp;&amp;amp; x-&amp;gt;r == NULL)
    {
        if(parent-&amp;gt;r == x)
            parent-&amp;gt;r=NULL;
        else
            parent-&amp;gt;l=NULL;
        delete x;
        return;
    }
    // if node has only right leaf
    if(x-&amp;gt;l == NULL &amp;amp;&amp;amp; x-&amp;gt;r != NULL )
    {
        if(parent-&amp;gt;l == x)
            parent-&amp;gt;l=x-&amp;gt;r;
        else
            parent-&amp;gt;r=x-&amp;gt;r;
        delete x;
        return;
    }
    // if node to be deleted has only left child
    if(x-&amp;gt;l != NULL &amp;amp;&amp;amp; x-&amp;gt;r == NULL)
    {
        if(parent-&amp;gt;l == x)
            parent-&amp;gt;l=x-&amp;gt;l;
        else
            parent-&amp;gt;r=x-&amp;gt;l;
        delete x;
        return;
    }
}
tree::leaf* tree::createBST(int *preOrder, int* inOrder, int len)
{
    int i;
    tree::leaf *bst = new tree::leaf;
//  tree bst;
    if(len &amp;lt; 0)
        bst = NULL;
        return bst;
    bst-&amp;gt;data = *preOrder;
    for(i = 0; i &amp;lt; len; i++)
        if(*(inOrder + i) == *preOrder)
        break;
    bst-&amp;gt;l = createBST(preOrder + 1, inOrder, i);
    bst-&amp;gt;r = createBST(preOrder + i +1, inOrder + i + 1, len-i-1);
    return bst;
}
int main()
{
/*  tree t;
    int data[]={32,16,34,1,87,13,7,18,14,19,23,24,41,5,53};
    for (int iter=0; iter&amp;lt;15; iter++)
    {
        t.add(data[iter]);
    }
    t.transverse();
    t.del(16);
    t.transverse();
    t.del(41);
    t.tranverse();
*/  
    tree bst;
    int pre_data[] = {20,8,4,12,10,14,22};
    int in_data[] = {4,8,10,12,14,20,22};
    bst.p = bst.createBST(pre_data, in_data, 7);
    bst.transverse();
    return 0;
}
&lt;/code&gt;&lt;/pre&gt;
&lt;p&gt;***************Edited:***************************&lt;/p&gt;
&lt;p&gt;Compile free error. But I got segmentation fault after run.&lt;/p&gt;
&lt;p&gt;Run it under gcc.&lt;/p&gt;</t>
  </si>
  <si>
    <t>2011-03-20 21:48:33.220000+00:00</t>
  </si>
  <si>
    <t>2015-05-08 22:58:35.667000+00:00</t>
  </si>
  <si>
    <t>c++|tree|binary-search-tree</t>
  </si>
  <si>
    <t>Highcharts: how to highlight yAxis value?</t>
  </si>
  <si>
    <t>&lt;p&gt;I am trying to give highcharts yAxis values a simple highlight to at certain points. I have a value range that goes to 1 to 50, but I need to highlight 1, 30 and 50.&lt;/p&gt;
&lt;p&gt;Is there a way to do that? (green)&lt;/p&gt;
&lt;p&gt;my chart is bar right now but it could be column, I don`t mind&lt;/p&gt;
&lt;p&gt;&lt;a href="https://i.stack.imgur.com/4UT1b.png" rel="nofollow"&gt;&lt;img src="https://i.stack.imgur.com/4UT1b.png" alt="enter image description here"&gt;&lt;/a&gt;&lt;/p&gt;
&lt;p&gt;&lt;div class="snippet" data-lang="js" data-hide="false" data-console="true" data-babel="false"&gt;_x000D_
&lt;div class="snippet-code"&gt;_x000D_
&lt;pre class="snippet-code-js lang-js prettyprint-override"&gt;&lt;code&gt;      var cidades = ["S��o Paulo", "Rio de Janeiro", "Belo Horizonte", "Curitiba", "Salvador", "Fortaleza", "Florian��polis"] _x000D_
      var valoresCidades = [45, 35, 25, 15, 10, 5, 2];_x000D_
       _x000D_
          $('#chartCidades').highcharts({_x000D_
              chart: {_x000D_
                  type: 'bar'_x000D_
              },_x000D_
              title: {_x000D_
                  text: 'Pedidos por regi��o'_x000D_
              },_x000D_
              xAxis: {_x000D_
                  categories: cidades_x000D_
              },_x000D_
              yAxis: {_x000D_
                  min: 0,_x000D_
                  max: 50,_x000D_
                  title: {_x000D_
                      text: 'N��mero de pedidos'_x000D_
                  },_x000D_
     plotLines: [{_x000D_
      value: 50,_x000D_
      color: 'green',_x000D_
      dashStyle: 'shortdash',_x000D_
      width: 2,_x000D_
     }, {_x000D_
      value: 30,_x000D_
      color: 'grey',_x000D_
      dashStyle: 'shortdash',_x000D_
      width: 2,_x000D_
     }],_x000D_
                  stackLabels: {_x000D_
                      enabled: true,_x000D_
                      style: {_x000D_
                          fontSize: '10',_x000D_
                          fontWeight: 'lighter',_x000D_
                          color: (Highcharts.theme &amp;amp;&amp;amp; Highcharts.theme.textColor) || 'gray'_x000D_
                      }_x000D_
                  }_x000D_
              },_x000D_
              legend: {_x000D_
                  align: 'left',_x000D_
                  x: -30,_x000D_
                  verticalAlign: 'top',_x000D_
                  y: 25,_x000D_
                  floating: true,_x000D_
                  backgroundColor: (Highcharts.theme &amp;amp;&amp;amp; Highcharts.theme.background2) || 'white',_x000D_
                  borderColor: '#CCC',_x000D_
                  borderWidth: 1,_x000D_
                  shadow: false_x000D_
              },_x000D_
              tooltip: {_x000D_
                  headerFormat: '&amp;lt;b&amp;gt;{point.x}&amp;lt;/b&amp;gt;&amp;lt;br/&amp;gt;',_x000D_
                  pointFormat: '{series.name}: {point.y:,.0f}&amp;lt;br/&amp;gt;'_x000D_
              },_x000D_
              legend: {_x000D_
                  y: 30,_x000D_
                  verticalAlign: "top",_x000D_
                  align: "center",_x000D_
              },_x000D_
              plotOptions: {_x000D_
                  column: {_x000D_
                      dataLabels: {_x000D_
                          enabled: false,_x000D_
                          color: (Highcharts.theme &amp;amp;&amp;amp; Highcharts.theme.dataLabelsColor) || 'white',_x000D_
                          style: {_x000D_
                              fontSize: '9',_x000D_
                              textShadow: '0 0 1px black'_x000D_
                          }_x000D_
                      }_x000D_
                  }_x000D_
              },_x000D_
              colors: [_x000D_
                  '#FF5722',_x000D_
                  '#607D8B'_x000D_
              ],_x000D_
              series: [{_x000D_
                  name: 'Pedidos',_x000D_
                  data: valoresCidades_x000D_
              }]_x000D_
          });&lt;/code&gt;&lt;/pre&gt;_x000D_
&lt;pre class="snippet-code-html lang-html prettyprint-override"&gt;&lt;code&gt;&amp;lt;script src="https://ajax.googleapis.com/ajax/libs/jquery/2.1.1/jquery.min.js"&amp;gt;&amp;lt;/script&amp;gt;_x000D_
   &amp;lt;script src="https://code.highcharts.com/highcharts.js"&amp;gt;&amp;lt;/script&amp;gt;_x000D_
   &amp;lt;script src="http://code.highcharts.com/highcharts-more.js"&amp;gt;&amp;lt;/script&amp;gt;_x000D_
   &amp;lt;script src="http://code.highcharts.com/maps/modules/map.js"&amp;gt;&amp;lt;/script&amp;gt; _x000D_
   &amp;lt;script src="https://code.highcharts.com/modules/exporting.js"&amp;gt;&amp;lt;/script&amp;gt;_x000D_
&amp;lt;div id="chartCidades"&amp;gt;&amp;lt;/div&amp;gt;&lt;/code&gt;&lt;/pre&gt;_x000D_
&lt;/div&gt;_x000D_
&lt;/div&gt;_x000D_
&lt;/p&gt;</t>
  </si>
  <si>
    <t>2016-10-21 16:24:23.400000+00:00</t>
  </si>
  <si>
    <t>2016-10-21 20:37:12.437000+00:00</t>
  </si>
  <si>
    <t>2016-10-21 19:57:56.223000+00:00</t>
  </si>
  <si>
    <t>javascript|html|css|charts|highcharts</t>
  </si>
  <si>
    <t>unable to export MaterialModule from shared.module.ts on Build time</t>
  </si>
  <si>
    <t>&lt;p&gt;It's working on &lt;strong&gt;&lt;code&gt;ng serve&lt;/code&gt;&lt;/strong&gt; but giving  error as follow &lt;/p&gt;
&lt;blockquote&gt;
&lt;pre&gt;&lt;code&gt;ERROR in Unexpected value 'MaterialModule in E:/Code/employee-web/node_modules/@angular/material/typings/index.d.ts'
&lt;/code&gt;&lt;/pre&gt;
  &lt;p&gt;impor
      ted by the module 'SharedModule in E:/Code/employee-web/src/app/shared/shared.module.ts'. Please add a
  @NgModule annotatio
      n.
      ERROR in ./src/main.ts
      Module not found: Error: Can't resolve './$$_gendir/app/app.module.ngfactory' in 'E:\Code\employee-web\src'
      resolve './$$_gendir/app/app.module.ngfactory' in 'E:\Code\employee-web\src'
        using description file: E:\Code\employee-web\package.json (relative path: ./src)
          Field 'browser' doesn't contain a valid alias configuration
        after using description file: E:\Code\employee-web\package.json (relative path: ./src)
          using description file: E:\Code\employee-web\package.json (relative path: ./src/$$_gendir/app/app.module.ngfactory)
            no extension
              Field 'browser' doesn't contain a valid alias configuration
              E:\Code\employee-web\src\$$_gendir\app\app.module.ngfactory doesn't
  exist
            .ts
              Field 'browser' doesn't contain a valid alias configuration
              E:\Code\employee-web\src\$$_gendir\app\app.module.ngfactory.ts doesn't
  exist
            .js
              Field 'browser' doesn't contain a valid alias configuration
              E:\Code\employee-web\src\$$_gendir\app\app.module.ngfactory.js doesn't
  exist
            as directory
              E:\Code\employee-web\src\$$_gendir\app\app.module.ngfactory doesn't
  exist
      [E:\Code\employee-web\src\$$_gendir\app\app.module.ngfactory]
      [E:\Code\employee-web\src\$$_gendir\app\app.module.ngfactory.ts]
      [E:\Code\employee-web\src\$$_gendir\app\app.module.ngfactory.js]
      [E:\Code\employee-web\src\$$_gendir\app\app.module.ngfactory]
       @ ./src/main.ts 3:0-74
       @ multi ./src/main.ts&lt;/p&gt;
&lt;/blockquote&gt;
&lt;p&gt;Can anyone look into this?&lt;/p&gt;
&lt;p&gt;here is sharedModule&lt;/p&gt;
&lt;pre&gt;&lt;code&gt;&amp;gt; @NgModule({
&amp;gt; 
&amp;gt;   declarations: [],   providers: [
&amp;gt;        ],   imports: [
&amp;gt;     HttpModule,
&amp;gt;     MaterialModule,
&amp;gt;        ],   exports: [
&amp;gt;     CommonModule,
&amp;gt;         //matrial MOdule
&amp;gt;     // MdTooltipModule,
&amp;gt;     // MdTabsModule,
&amp;gt;     // MdSlideToggleModule,
&amp;gt;     // MdIconModule,
&amp;gt;     // MdDialogModule,
&amp;gt;     // MdButtonModule,
&amp;gt;     // MdListModule,
&amp;gt;     // MdCardModule,
&amp;gt;     // MdToolbarModule,
&amp;gt;     // MdProgressSpinnerModule,
&amp;gt;     // MdProgressBarModule,
&amp;gt;     MaterialModule,
&amp;gt; 
&amp;gt; 
&amp;gt;       ] }) export class SharedModule { }
&lt;/code&gt;&lt;/pre&gt;</t>
  </si>
  <si>
    <t>2017-09-01 05:12:44.027000+00:00</t>
  </si>
  <si>
    <t>2017-09-25 04:19:05.917000+00:00</t>
  </si>
  <si>
    <t>2017-09-01 07:35:48.510000+00:00</t>
  </si>
  <si>
    <t>angular|typescript|angular-material2|angular2-modules</t>
  </si>
  <si>
    <t>DDE - Can not add interfaces for Java Class design element</t>
  </si>
  <si>
    <t>&lt;p&gt;I would like to add some interfaces to a Java CLass design element. But when I start typing in the Implement Interfaces Selection dialog the "Searching indicator" stays at 0%. How can I fix this?&lt;/p&gt;</t>
  </si>
  <si>
    <t>2014-04-09 13:31:51.730000+00:00</t>
  </si>
  <si>
    <t>xpages</t>
  </si>
  <si>
    <t>replace redirect after registration with json output</t>
  </si>
  <si>
    <t>&lt;p&gt;in laravel 5 I use the default registration method to create users for an api. The default behaviour after a successful registration is a redirect to "/home". &lt;/p&gt;
&lt;pre class="lang-html prettyprint-override"&gt;&lt;code&gt;curl --data @formdata -k https://foo.bar.com/auth/register
&amp;lt;!DOCTYPE html&amp;gt;
&amp;lt;html&amp;gt;
    &amp;lt;head&amp;gt;
        &amp;lt;meta charset="UTF-8" /&amp;gt;
        &amp;lt;meta http-equiv="refresh" content="1;url=https://foo.bar.com/home"
 /&amp;gt;
        &amp;lt;title&amp;gt;Redirecting to https://foo.bar.com/home&amp;lt;/title&amp;gt;
    &amp;lt;/head&amp;gt;
    &amp;lt;body&amp;gt;
        Redirecting to &amp;lt;a href="https://foo.bar.com/home"&amp;gt;https://foo.bar.com/home&amp;lt;/a&amp;gt;.
    &amp;lt;/body&amp;gt;
&amp;lt;/html&amp;gt;
&lt;/code&gt;&lt;/pre&gt;
&lt;p&gt;Instead of the redirect I want to return JSON information, e.g. &lt;/p&gt;
&lt;pre&gt;&lt;code&gt;{ "Message" : "Success" }
&lt;/code&gt;&lt;/pre&gt;
&lt;p&gt;Currently I do not know where I have to configure that. I tried to return that in the Register method. But that did not change the behaviour.&lt;/p&gt;
&lt;h3&gt;app/Services/Registrar.php&lt;/h3&gt;
&lt;pre class="lang-php prettyprint-override"&gt;&lt;code&gt;class Registrar implements RegistrarContract {
    // ...
    /**
     * Create a new user instance after a valid registration.
     *
     * @param  array  $data
     * @return User
     */
    public function create(array $data)
    {
        return User::create([
            'name' =&amp;gt; $data['name'],
            'email' =&amp;gt; $data['email'],
            // ... 
        ]);
        return ["Message" =&amp;gt; "Success];
    }
}
&lt;/code&gt;&lt;/pre&gt;
&lt;p&gt;Furthermore I found a lot of information to change the redirection path, but not how to change the return output. &lt;/p&gt;
&lt;p&gt;&lt;strong&gt;How can I return json information after a successfull registration, instead of the redirection?&lt;/strong&gt;&lt;/p&gt;</t>
  </si>
  <si>
    <t>2015-05-19 17:00:15.077000+00:00</t>
  </si>
  <si>
    <t>2015-06-22 16:53:36.283000+00:00</t>
  </si>
  <si>
    <t>php|json|authentication|laravel|laravel-5</t>
  </si>
  <si>
    <t>get rid of "dividing by zero" warning in sessions</t>
  </si>
  <si>
    <t>&lt;p&gt;This is a game of guessing number, I want the page to keep track of the wins, losses and totals and the %of winning by using sessions. I want to reset everything when I click "reset", but when I click reset everything equals to zero and there will be a warning saying "dividing by zero". How do I rearrange this php for it to only do the %calculation when the game is played but not when it's being reset? &lt;/p&gt;
&lt;pre&gt;&lt;code&gt;&amp;lt;?php 
// initialize wins and losses
if ($_SESSION['wins'] == "") { 
    $_SESSION['wins'] = 0;
}
if ($_SESSION['losses'] == "") { 
    $_SESSION['losses'] = 0;
}
echo "&amp;lt;h1&amp;gt;PHP SESSIONS&amp;lt;/h1&amp;gt;";
if ($_GET['reset'] == "yes") {
    $_SESSION['wins'] = 0;
    $_SESSION['losses'] = 0;
    $_SESSION['total'] = 0;
    echo "&amp;lt;p&amp;gt;The game has been reset.&amp;lt;/p&amp;gt;";
} else {
    $randNum = rand(1,5);
    echo "&amp;lt;p&amp;gt;The random number is &amp;lt;b&amp;gt;" . $randNum . "&amp;lt;/b&amp;gt;&amp;lt;/p&amp;gt;";
    if ($randNum == 3) {
        echo "&amp;lt;p&amp;gt;The number equalled 3. YOU WIN!&amp;lt;/p&amp;gt;";
        $_SESSION['wins']  = $_SESSION['wins']  + 1;
    } else {
        echo "&amp;lt;p&amp;gt;The number did NOT equal 3. YOU LOSE!&amp;lt;/p&amp;gt;";
        $_SESSION['losses']  = $_SESSION['losses']  + 1;
    }
    $_SESSION['total']  = $_SESSION['total']  + 1;
}
$_SESSION ['percentage'] = (($_SESSION['wins']) / ($_SESSION['total'])) * 100 ;
echo "&amp;lt;p&amp;gt;WINS: " . $_SESSION['wins'] . " |  LOSSES: " . $_SESSION['losses'] . "|  TOTAL: " . $_SESSION['total'] . "&amp;lt;/p&amp;gt;";
echo "&amp;lt;p&amp;gt;Percentage of Winning:     ". $_SESSION ['percentage'] . " % &amp;lt;/p&amp;gt;"
?&amp;gt;
&amp;lt;a href="playing-with-sessions.php" class="button"&amp;gt; ROLL AGAIN :) &amp;lt;/a&amp;gt; 
&amp;lt;a href="playing-with-sessions.php?reset=yes" class="button"&amp;gt; RESET :) &amp;lt;/a&amp;gt; 
&lt;/code&gt;&lt;/pre&gt;</t>
  </si>
  <si>
    <t>2016-04-13 15:41:54.533000+00:00</t>
  </si>
  <si>
    <t>2016-04-13 15:57:33.967000+00:00</t>
  </si>
  <si>
    <t>2016-04-13 15:54:09.480000+00:00</t>
  </si>
  <si>
    <t>php|session</t>
  </si>
  <si>
    <t>problem with oracle sqlplus with whitespace in the path of the @ command</t>
  </si>
  <si>
    <t>&lt;p&gt;I'm running Oracle 11g on Linux and I'm trying to run a script which will create my database.  This script runs fine on windows, but when I test it on Linux, I get the following error:&lt;/p&gt;
&lt;pre&gt;&lt;code&gt;SP2-0556: Invalid File Name
&lt;/code&gt;&lt;/pre&gt;
&lt;p&gt;The problem may be that the path to the file name has a space in it.  I'm going to simplify the problem down to one of the many commands I run in the file to make it simple.  The sample command I'm trying to run looks like this:&lt;/p&gt;
&lt;pre&gt;&lt;code&gt;sqlplus [uname]/[pw] @'../database/My Schema/create_sequence.sql'
&lt;/code&gt;&lt;/pre&gt;
&lt;p&gt;the create_sequence.sql file has two simple create sequence commands that run fine by themselves.  I strongly suspect it is due to the white space because when I change the directory name from My Schema to MySchema and alter the above sqlplus command accordingly, the script runs fine.&lt;/p&gt;
&lt;p&gt;Like I said, this script works in windows with the spaces, but not in Linux.  I suspect spaces may not be supported, but I was wondering if anyone knew any different or it there is a work-around?&lt;/p&gt;
&lt;p&gt;side note: running a command like: &lt;/p&gt;
&lt;pre&gt;&lt;code&gt;more ../database/My\ Schema/create_sequence.sql
&lt;/code&gt;&lt;/pre&gt;
&lt;p&gt;or &lt;/p&gt;
&lt;pre&gt;&lt;code&gt;more "../database/My Schema/create_sequence.sql" 
&lt;/code&gt;&lt;/pre&gt;
&lt;p&gt;prints the contents of the file to the console as you would expect. So, I think this is sqlplus (and linux) specific.&lt;/p&gt;</t>
  </si>
  <si>
    <t>2009-07-28 19:48:58.357000+00:00</t>
  </si>
  <si>
    <t>2017-07-24 10:36:24.137000+00:00</t>
  </si>
  <si>
    <t>2009-07-28 20:38:15.917000+00:00</t>
  </si>
  <si>
    <t>oracle|whitespace|sqlplus</t>
  </si>
  <si>
    <t>Syntax highlighting for Python chunks does not work</t>
  </si>
  <si>
    <t>&lt;p&gt;I'm trying to create notebooks in which I present the same algorithm written in R and Python. I can easily integrate the R and Python code in a Rmd file and then create a HTML output using the 'Knit HTML' button in RStudio. However the Python code is always displayed without syntax highlighting (not like in the example at &lt;a href="https://github.com/yihui/knitr-examples/blob/master/023-engine-python.md" rel="noreferrer"&gt;https://github.com/yihui/knitr-examples/blob/master/023-engine-python.md&lt;/a&gt;). I have Andre Simon's highlight software installed and functioning on my computer (MacBook Pro Retina, MacOS X 10.9). &lt;/p&gt;
&lt;p&gt;Currently, I have the following libraries installed in R: markdown 0.6.4, knitr 1.5.15, highr 0.3.1. &lt;/p&gt;
&lt;p&gt;Any idea what could be the problem? Thanks for your help!. &lt;/p&gt;</t>
  </si>
  <si>
    <t>2014-01-05 04:56:56.717000+00:00</t>
  </si>
  <si>
    <t>2014-01-05 06:08:20.430000+00:00</t>
  </si>
  <si>
    <t>r|syntax-highlighting|knitr|rstudio|r-markdown</t>
  </si>
  <si>
    <t>Add two IP Addresses to an SPF Record?</t>
  </si>
  <si>
    <t>&lt;p&gt;Hope someone can help...&lt;/p&gt;
&lt;p&gt;I have two websites, on two different Droplets (with different IP addresses) hosted on Digital Ocean.&lt;/p&gt;
&lt;p&gt;Both websites use the &lt;strong&gt;same domain&lt;/strong&gt;, the first website is &lt;code&gt;mysite.com&lt;/code&gt; and second website is &lt;code&gt;example.mysite.com&lt;/code&gt;&lt;/p&gt;
&lt;p&gt;I need to edit my &lt;code&gt;SPF&lt;/code&gt; record so it can allow both IP Addresses to to use the domain &lt;code&gt;mysite.com&lt;/code&gt;&lt;/p&gt;
&lt;p&gt;When I use the correct IP Address the SPF record below works (for one of the websites).&lt;/p&gt;
&lt;p&gt;&lt;code&gt;v=spf1 ip4:167.XX.XXX.40 include:spf.protection.outlook.com -all&lt;/code&gt;&lt;/p&gt;
&lt;p&gt;Let's say one droplet IP address is: &lt;code&gt;167.XX.XXX.40&lt;/code&gt; and the other IP address is &lt;code&gt;167.XX.XXX.247&lt;/code&gt;&lt;/p&gt;
&lt;p&gt;How would I add both to the same SPF record?&lt;/p&gt;</t>
  </si>
  <si>
    <t>2018-03-28 20:57:49.797000+00:00</t>
  </si>
  <si>
    <t>2018-03-28 21:04:44.323000+00:00</t>
  </si>
  <si>
    <t>dns|ip-address|spf</t>
  </si>
  <si>
    <t>phpunit says I have double definitions of class</t>
  </si>
  <si>
    <t>&lt;p&gt;I have several tests files, one file that others will inherit from.&lt;/p&gt;
&lt;p&gt;this is the parent file:&lt;/p&gt;
&lt;pre&gt;&lt;code&gt;&amp;lt;?php
namespace Initial\Reports\Tests;
use Illuminate\Database\Eloquent\Model;
use Initial\Reports\DataFetcher;
const DONT_CARE = true;
class ReportTest extends \TestCase {
}
&lt;/code&gt;&lt;/pre&gt;
&lt;p&gt;and all other tests inherit from the above file&lt;/p&gt;
&lt;p&gt;they all sit on same folder.&lt;/p&gt;
&lt;p&gt;and when I run&lt;/p&gt;
&lt;pre&gt;&lt;code&gt;phpunit path/to/folder/
&lt;/code&gt;&lt;/pre&gt;
&lt;p&gt;I get&lt;/p&gt;
&lt;pre&gt;&lt;code&gt;PHP Fatal error:  Cannot redeclare class Initial\Reports\Tests\ReportTest in /Users/tzookb/Sites/lps.core/app/initial/Reports/tests/ReportTest.php
&lt;/code&gt;&lt;/pre&gt;</t>
  </si>
  <si>
    <t>2015-01-04 12:39:50.230000+00:00</t>
  </si>
  <si>
    <t>2015-01-06 07:05:20.240000+00:00</t>
  </si>
  <si>
    <t>php|phpunit</t>
  </si>
  <si>
    <t>Combination of MATCH AGAINST AND REGEXP</t>
  </si>
  <si>
    <t>&lt;pre&gt;&lt;code&gt;SELECT *,
       MATCH (name,
              tag) AGAINST ('keyword1 keyword2') AS accurat
FROM table_company
WHERE (name REGEXP 'keyword1 | keyword2'
       OR tag REGEXP 'keyword1 | keyword2')
  AND apg_status=1
ORDER BY accurat DESC
&lt;/code&gt;&lt;/pre&gt;
&lt;p&gt;upper is my search query. anyone can tell me is this a good practice? because i want to search by word and sort by accuracy of the result.&lt;/p&gt;</t>
  </si>
  <si>
    <t>2015-11-09 08:25:10.217000+00:00</t>
  </si>
  <si>
    <t>2015-11-30 19:35:10.140000+00:00</t>
  </si>
  <si>
    <t>2015-11-09 08:33:08.230000+00:00</t>
  </si>
  <si>
    <t>mysql|regex</t>
  </si>
  <si>
    <t>Stripe: can I copy production data to test?</t>
  </si>
  <si>
    <t>&lt;p&gt;I'm working on a script that uses the Strip REST api with the PHP SDK. I was hoping to be able to replicate the production data in the test environment. Is this possible?&lt;/p&gt;
&lt;p&gt;Thanks,&lt;/p&gt;
&lt;p&gt;Andrew&lt;/p&gt;</t>
  </si>
  <si>
    <t>2016-11-08 19:38:14.843000+00:00</t>
  </si>
  <si>
    <t>2018-07-17 08:48:11.637000+00:00</t>
  </si>
  <si>
    <t>testing|stripe-payments</t>
  </si>
  <si>
    <t>Caps Lock as Tmux prefix key</t>
  </si>
  <si>
    <t>&lt;p&gt;I am playing with Tmux and VIM and  I would use Caps Lock key as a prefix.&lt;/p&gt;
&lt;p&gt;Which TOKEN I have to specify in the "set" configuration directive to enable Caps Lock as prefix?&lt;/p&gt;
&lt;p&gt;For example, &lt;code&gt;set -g prefix TOKEN&lt;/code&gt;&lt;/p&gt;</t>
  </si>
  <si>
    <t>2015-03-14 18:33:36.677000+00:00</t>
  </si>
  <si>
    <t>2015-10-30 13:34:27.627000+00:00</t>
  </si>
  <si>
    <t>2015-06-30 07:48:39.813000+00:00</t>
  </si>
  <si>
    <t>vim|tmux</t>
  </si>
  <si>
    <t>Retrieving a file from iPhone device</t>
  </si>
  <si>
    <t>&lt;p&gt;I'm making a game and writing save files into the document directory on the iPhone.&lt;/p&gt;
&lt;p&gt;Is there a way for me to retrieve these files from the actual device? I know I can find the ones saved from the simulator.&lt;/p&gt;</t>
  </si>
  <si>
    <t>2010-04-19 15:27:42.513000+00:00</t>
  </si>
  <si>
    <t>2010-04-19 16:15:52.107000+00:00</t>
  </si>
  <si>
    <t>iphone</t>
  </si>
  <si>
    <t>How to delete nodes from a xml document (Dom4J)</t>
  </si>
  <si>
    <t>&lt;p&gt;Here is my code &lt;/p&gt;
&lt;pre&gt;&lt;code&gt;public Document getNewFeedDocument(Document doc)  {
        Element root = doc.getRootElement();
        List&amp;lt;Node&amp;gt; nodes = doc.selectNodes("Message");
        for(int i=0; i&amp;lt;nodes.size(); i++) {
            String message_ID = ((Element)nodes.get(i)).selectSingleNode("MessageID").getText();
            if(Integer.parseInt(message_ID)%2==0) {
                nodes.get(i).detach();
            }
        }
        try {
            SAXReader reader = new SAXReader();
            return reader.read(new StringReader(root.asXML()));
        } catch(Exception e) {
            return null;
        }
    }
&lt;/code&gt;&lt;/pre&gt;
&lt;p&gt;But this returns the same document, How can I get modified document.&lt;/p&gt;</t>
  </si>
  <si>
    <t>2014-07-09 06:12:20.657000+00:00</t>
  </si>
  <si>
    <t>2015-11-09 15:02:30.750000+00:00</t>
  </si>
  <si>
    <t>java|dom4j</t>
  </si>
  <si>
    <t>Webpack string replace loader not working</t>
  </si>
  <si>
    <t>&lt;p&gt;I'm bundling my project with webpack. In order to manipulate some of the files I've to replace specific values in a certain node-module. To achieve that I'm using the string-replace-loader. I added the following code to my webpack config without success.&lt;/p&gt;
&lt;pre&gt;&lt;code&gt;  {
    test: /\.js$/,
    loader: 'string-replace',
    query: {
      search: '[MouseEvent]',
      replace: '[]'
    }
  }
&lt;/code&gt;&lt;/pre&gt;
&lt;p&gt;In the bundeld file the string is not replaced. The files are within the folder node_modules/ng2-bootstrap. so may i have to specify this as well? &lt;/p&gt;</t>
  </si>
  <si>
    <t>2016-09-30 12:29:41.367000+00:00</t>
  </si>
  <si>
    <t>2016-09-30 14:47:37.233000+00:00</t>
  </si>
  <si>
    <t>2016-09-30 13:36:27.583000+00:00</t>
  </si>
  <si>
    <t>javascript|node.js|webpack</t>
  </si>
  <si>
    <t>Application built on an open source IDE is also open source</t>
  </si>
  <si>
    <t>&lt;p&gt;&lt;strong&gt;OPen Source&lt;/strong&gt;
I know open source software is that whose source code we can download it and edit it etc.
But my question is that if i built an application on open source IDE then that application is also open source 
e.g
I Developed a web application suppose &lt;strong&gt;"stack"&lt;/strong&gt; on asp.netcore mvc then the stack is open source or not.&lt;/p&gt;</t>
  </si>
  <si>
    <t>2017-04-06 07:49:34.167000+00:00</t>
  </si>
  <si>
    <t>2017-04-06 08:20:54.320000+00:00</t>
  </si>
  <si>
    <t>web-applications|asp.net-core-mvc|open-source</t>
  </si>
  <si>
    <t>Glassfish LDAP logging is filling up log files</t>
  </si>
  <si>
    <t>&lt;p&gt;We are running Glassfish 3.1.2.2 integrated to an Active Directory server via LDAP.  The LDAP authentication works just fine, but we continually see the logs filling up with messages like this:&lt;/p&gt;
&lt;pre&gt;&lt;code&gt;[#|2014-02-21T20:45:48.765+0000|SEVERE|glassfish3.1.2|javax.enterprise.system.std.com.sun.enterprise.server.logging|_ThreadID=40;_ThreadName=Thread-2;|com.sun.jndi.ldap.pool.Connections@7e60743d.release(): notify; size: 1|#]
[#|2014-02-21T20:45:49.311+0000|SEVERE|glassfish3.1.2|javax.enterprise.system.std.com.sun.enterprise.server.logging|_ThreadID=39;_ThreadName=Thread-2;|LdapPoolManager: using authmech: simple|#]
[#|2014-02-21T20:45:49.311+0000|SEVERE|glassfish3.1.2|javax.enterprise.system.std.com.sun.enterprise.server.logging|_ThreadID=39;_ThreadName=Thread-2;|com.sun.jndi.ldap.pool.Pool@11e21097 {x.x.x.x:389:::null:glassfish=com.sun.jndi.ldap.pool.ConnectionsRef@44f43371}.get(): x.x.x.x:389:::null:glassfish|#]
[#|2014-02-21T20:45:49.311+0000|SEVERE|glassfish3.1.2|javax.enterprise.system.std.com.sun.enterprise.server.logging|_ThreadID=39;_ThreadName=Thread-2;|com.sun.jndi.ldap.pool.Pool@11e21097 {x.x.x.x:389:::null:glassfish=com.sun.jndi.ldap.pool.ConnectionsRef@44f43371}.size: 1|#]
[#|2014-02-21T20:45:49.311+0000|SEVERE|glassfish3.1.2|javax.enterprise.system.std.com.sun.enterprise.server.logging|_ThreadID=39;_ThreadName=Thread-2;|com.sun.jndi.ldap.pool.Pool@11e21097 {x.x.x.x:389:::null:glassfish=com.sun.jndi.ldap.pool.ConnectionsRef@44f43371}.get(): size after: 1|#]
[#|2014-02-21T20:45:49.311+0000|SEVERE|glassfish3.1.2|javax.enterprise.system.std.com.sun.enterprise.server.logging|_ThreadID=39;_ThreadName=Thread-2;|com.sun.jndi.ldap.pool.Connections@7e60743d.get(): before; size: 1|#]
[#|2014-02-21T20:45:49.327+0000|SEVERE|glassfish3.1.2|javax.enterprise.system.std.com.sun.enterprise.server.logging|_ThreadID=39;_ThreadName=Thread-2;|ConnectionDesc.tryUse() com.sun.jndi.ldap.LdapClient@5ec0d168 idle|#]
[#|2014-02-21T20:45:49.327+0000|SEVERE|glassfish3.1.2|javax.enterprise.system.std.com.sun.enterprise.server.logging|_ThreadID=39;_ThreadName=Thread-2;|com.sun.jndi.ldap.pool.Connections@7e60743d.get(): use com.sun.jndi.ldap.LdapClient@5ec0d168; size: 1|#]
[#|2014-02-21T20:45:49.327+0000|SEVERE|glassfish3.1.2|javax.enterprise.system.std.com.sun.enterprise.server.logging|_ThreadID=39;_ThreadName=Thread-2;|Use com.sun.jndi.ldap.LdapClient@5ec0d168|#]
[#|2014-02-21T20:45:49.327+0000|SEVERE|glassfish3.1.2|javax.enterprise.system.std.com.sun.enterprise.server.logging|_ThreadID=39;_ThreadName=Thread-2;|com.sun.jndi.ldap.pool.Connections@7e60743d.get(): after; size: 1|#]
[#|2014-02-21T20:45:49.342+0000|SEVERE|glassfish3.1.2|javax.enterprise.system.std.com.sun.enterprise.server.logging|_ThreadID=39;_ThreadName=Thread-2;|com.sun.jndi.ldap.pool.Connections@7e60743d.release(): com.sun.jndi.ldap.LdapClient@5ec0d168; size: 1|#]
[#|2014-02-21T20:45:49.342+0000|SEVERE|glassfish3.1.2|javax.enterprise.system.std.com.sun.enterprise.server.logging|_ThreadID=39;_ThreadName=Thread-2;|com.sun.jndi.ldap.pool.Connections@7e60743d.release(): release com.sun.jndi.ldap.LdapClient@5ec0d168; size: 1|#]
[#|2014-02-21T20:45:49.342+0000|SEVERE|glassfish3.1.2|javax.enterprise.system.std.com.sun.enterprise.server.logging|_ThreadID=39;_ThreadName=Thread-2;|Release com.sun.jndi.ldap.LdapClient@5ec0d168|#]
&lt;/code&gt;&lt;/pre&gt;
&lt;p&gt;This is just a sample; logging like this repeats endlessly, to the point where the vast majority of our log files consist of these statements.  The odd thing is that these are logged at the SEVERE level, and yet the messages look informational to me.  None of them sound like true errors.&lt;/p&gt;
&lt;p&gt;My first thought was to configure javax.enterprise.system.std.com.sun.enterprise.server.logging to only log at the fatal level.  This did get rid of the log messages above, but unfortunately it turns off all sorts of other useful logging within Glassfish as well, so it isn't really an option.&lt;/p&gt;
&lt;p&gt;Any ideas what the log messages above mean, and how to turn them off?  Thanks.&lt;/p&gt;</t>
  </si>
  <si>
    <t>2014-02-21 21:01:16.533000+00:00</t>
  </si>
  <si>
    <t>2014-02-22 16:52:48.803000+00:00</t>
  </si>
  <si>
    <t>logging|glassfish|ldap|glassfish-3|java.util.logging</t>
  </si>
  <si>
    <t>Cocoa NSTextField not editable, and disappears with setSelectable</t>
  </si>
  <si>
    <t>&lt;p&gt;I have a programmatically created AppKit/Cocoa NSTextField, within a tab in a popup. I'm creating the control with:&lt;/p&gt;
&lt;pre&gt;&lt;code&gt;NSTextField *textField = [[NSTextField alloc] init];
[textField setBezeled:YES];
[textField setDrawsBackground:YES];
[textField setEditable:YES];
[textField setSelectable:NO];
[textField setTranslatesAutoresizingMaskIntoConstraints:NO];
return textField;
&lt;/code&gt;&lt;/pre&gt;
&lt;p&gt;And then inserting it into the parent NSView (in a tab control in a dialog box) with various layout constraints, and it appears in the correct place. However, the text field is not editable or selectable. If I change the instantiation to&lt;/p&gt;
&lt;pre&gt;&lt;code&gt;[textField setSelectable:YES];
&lt;/code&gt;&lt;/pre&gt;
&lt;p&gt;the control shows up in the tree view in the Debug View Hierarchy tool in XCode, with the same constraints that I'd expect, but the view isn't visible on screen, or in the visual display of the Debug View Hierarchy tool.&lt;/p&gt;
&lt;p&gt;And even with &lt;code&gt;[textField setSelectable:NO]&lt;/code&gt;, I cannot edit the text that I've set in the control.&lt;/p&gt;
&lt;p&gt;XCode Version 9.4.1 (9F2000) / macOS High Sierra 10.13.5&lt;/p&gt;</t>
  </si>
  <si>
    <t>2018-07-16 22:40:28.327000+00:00</t>
  </si>
  <si>
    <t>2018-07-17 15:52:38.737000+00:00</t>
  </si>
  <si>
    <t>objective-c|macos|cocoa|appkit</t>
  </si>
  <si>
    <t>How can i pass object within template in directive?</t>
  </si>
  <si>
    <t>&lt;p&gt;place is a object.
 create-itinerary is directive . I open $ubiModal within a template pass create-itinerary directive and try to pass  an object place.But  in directive i got [object object].please help me.&lt;/p&gt;
&lt;pre&gt;&lt;code&gt;$scope.showCreateItinerary = function(place) {
      var tpl = '&amp;lt;div create-itinerary trip-details="\'' + place + '\'"&amp;gt;&amp;lt;/div&amp;gt;';
      $uibModal.open({
        animation: true,
        ariaLabelledBy: 'modal-title',
        ariaDescribedBy: 'modal-body',
        template: tpl,
        controller: 'ModalCtrl',
        size: 'lg',
        backdrop: 'static',
        windowClass: "signup-popup abc"
      });
};
&lt;/code&gt;&lt;/pre&gt;</t>
  </si>
  <si>
    <t>2017-03-02 12:30:47.267000+00:00</t>
  </si>
  <si>
    <t>2017-03-03 08:59:39.180000+00:00</t>
  </si>
  <si>
    <t>2017-03-02 12:55:57.523000+00:00</t>
  </si>
  <si>
    <t>angularjs</t>
  </si>
  <si>
    <t>How do I save delivery report in mysql database, while sending or receiving sms through kannel? My configuration file is given below</t>
  </si>
  <si>
    <t>&lt;p&gt;My configuration file is given below. Do you have any suggestions for fixing the problem?&lt;/p&gt;
&lt;pre&gt;&lt;code&gt;    group = mysql-connection
    id = mydlr
    host = ****
    port = 3306
    username = ****
    password = ****
    database = kannel_db
    max-connections = 1
    group = dlr-db
    id = mydlr
    table = dlr
    field-smsc = smsc
    field-timestamp = ts
    field-destination = destination
    field-source = source
    field-service = service
    field-url = url
    field-mask = mask
    field-status = status
    field-boxc-id = boxc
&lt;/code&gt;&lt;/pre&gt;</t>
  </si>
  <si>
    <t>2018-07-18 05:54:52.667000+00:00</t>
  </si>
  <si>
    <t>2018-07-18 06:22:09.410000+00:00</t>
  </si>
  <si>
    <t>kannel</t>
  </si>
  <si>
    <t>Speed up the data retrieval from Documentum via DQL</t>
  </si>
  <si>
    <t>&lt;p&gt;I am doing a Java project connected to Documentum and I need to retrieve data from object table. The thing is when I retrieve from 1 table I can get the answeres in max 2 seconds for each of the following tables with the following DQLs: &lt;/p&gt;
&lt;pre&gt;&lt;code&gt;SELECT * FROM cosec_general 
&lt;/code&gt;&lt;/pre&gt;
&lt;p&gt;and &lt;/p&gt;
&lt;pre&gt;&lt;code&gt;SELECT * FROM dm_dbo.cosec_general_view 
&lt;/code&gt;&lt;/pre&gt;
&lt;p&gt;however once I want to join those two tables together in retrieve from the result it takes 5 min to do so. 
Is there any way that I can make it faster? 
Here is the DQL that I use to join them I get teh columns that I need:&lt;/p&gt;
&lt;pre&gt;&lt;code&gt;SELECT dm_dbo.cosec_general_view.name, dm_dbo.cosec_general_view.comp_id, 
dm_dbo.cosec_general_view.bg_name, dm_dbo.cosec_general_view.incorporation_date, 
dm_dbo.cosec_general_view.status, dm_dbo.cosec_general_view.country_name, 
cosec_general.acl_domain, cosec_general.acl_name 
FROM dm_dbo.cosec_general_view, cosec_general 
&lt;/code&gt;&lt;/pre&gt;</t>
  </si>
  <si>
    <t>2016-09-13 05:38:59.200000+00:00</t>
  </si>
  <si>
    <t>2016-09-13 14:09:14.823000+00:00</t>
  </si>
  <si>
    <t>2016-09-13 06:34:21.317000+00:00</t>
  </si>
  <si>
    <t>java|dql|documentum|dfc</t>
  </si>
  <si>
    <t>Get Only Tag ChildNodes Not TextNodes</t>
  </si>
  <si>
    <t>&lt;p&gt;I have been programming with JavaScript for a while now but today I just knew that &lt;code&gt;element.childNodes&lt;/code&gt; returns an array of nodes including the text!!!&lt;/p&gt;
&lt;p&gt;I probably have never run with trouble because I used to create the element and append text in paragraphs; but now that I think about it, things could get really messy with text as nodes!&lt;/p&gt;
&lt;p&gt;my question is: how can I get only the child nodes that are tags not text nodes.&lt;/p&gt;
&lt;p&gt;For example: &lt;/p&gt;
&lt;pre&gt;&lt;code&gt;&amp;lt;div id="e"&amp;gt;
   I don't want to include this text right here.
   &amp;lt;p&amp;gt;I want to get this paragraph child&amp;lt;/p&amp;gt;
   I also want to &amp;lt;em&amp;gt;exclude&amp;lt;/em&amp;gt; this text...
   &amp;lt;img src="image.jpg" alt=" " /&amp;gt;
   &amp;lt;a href="google.com"&amp;gt;Google&amp;lt;/a&amp;gt;
   Exclude this text too..
&amp;lt;/div&amp;gt;
&lt;/code&gt;&lt;/pre&gt;
&lt;p&gt;Therefore, I want to get the &lt;code&gt;p&lt;/code&gt;, &lt;code&gt;img&lt;/code&gt;, &lt;code&gt;a&lt;/code&gt; and maybe &lt;code&gt;em&lt;/code&gt; objects only..&lt;/p&gt;</t>
  </si>
  <si>
    <t>2015-10-09 18:28:57.263000+00:00</t>
  </si>
  <si>
    <t>2015-10-09 18:35:03.970000+00:00</t>
  </si>
  <si>
    <t>user4786688</t>
  </si>
  <si>
    <t>AngularJS Directive dynamic class change not taking hold</t>
  </si>
  <si>
    <t>&lt;p&gt;I am using AngularJS and have several menu items in a navbar, and what I want is essentially for the one that is currently selected for the page I am on to appear "highlighted" (have a dark background and white text). It is selected based off of the browser URL link comparison. This navbar "reloads" every time one of the links is clicked. &lt;/p&gt;
&lt;p&gt;I cannot change how I approach this (ie. avoid reloading the navbar) due to requirements of the app I was given to work on. &lt;/p&gt;
&lt;pre&gt;&lt;code&gt;&amp;lt;ul&amp;gt;
     &amp;lt;li&amp;gt;
           &amp;lt;a nav-bar-select ui-sref="page1" &amp;gt;Page 1  &amp;lt;/a&amp;gt;
     &amp;lt;/li&amp;gt;
     &amp;lt;li&amp;gt;
        &amp;lt;a nav-bar-select ui-sref="page2" &amp;gt;Page 2&amp;lt;/a&amp;gt;
     &amp;lt;/li&amp;gt;
     &amp;lt;li&amp;gt;
            &amp;lt;a nav-bar-select  ui-sref="page3"&amp;gt;Page 3&amp;lt;/a&amp;gt;
     &amp;lt;/li&amp;gt;
&amp;lt;/ul&amp;gt;
&lt;/code&gt;&lt;/pre&gt;
&lt;p&gt;My issue is, I am able to dynamically change the &lt;code&gt;className&lt;/code&gt; of a selected element, but the change does not reflect on my screen. &lt;/p&gt;
&lt;p&gt;Here is my HTML view:&lt;/p&gt;
&lt;p&gt;And here is my directive:&lt;/p&gt;
&lt;pre&gt;&lt;code&gt;angular.module('myApp')
    .directive('navBarSelect', function ($location) {
        return {
            restrict: 'A',
            link: function (scope, element, attrs) {
                console.log("Location path is: " + $location.path());
                console.log("Elem attrs.href is: " + attrs.href.substr(2, attrs.href.length));
                //URL load starts with '#!' in the URL, skip it in check
                if (attrs.href.substr(2, attrs.href.length) === $location.path()) {
                    console.log("elem matched here it is before: ");
                    console.log(element);
                    element.className = 'menuItem selectedMenuItem';
                    console.log("elem after: ");
                    console.log(element); // *1
                } else {
                    console.log("Elem did not match");
                    element.className = 'menuItem';
                    console.log(element)
                }
            }
        }
    });
&lt;/code&gt;&lt;/pre&gt;
&lt;p&gt;And here is the simple CSS that I want to take effect:&lt;/p&gt;
&lt;pre&gt;&lt;code&gt;.selectedMenuItem {
    background: #37474F;
    border-top-right-radius: 3px;
    border-top-left-radius: 3px;
    color: rgb(255, 255, 255);
}
&lt;/code&gt;&lt;/pre&gt;
&lt;p&gt;When I run this, all of the elements get verified on each click, and the &lt;code&gt;after&lt;/code&gt; console.log indicates that the &lt;code&gt;className&lt;/code&gt; of the object takes up the change, based on how it got evaluated in the &lt;code&gt;if&lt;/code&gt; statement. I've noticed the &lt;code&gt;console.log&lt;/code&gt; marked with a &lt;code&gt;*1&lt;/code&gt; comment when displaying, doesn't display a raw element, but instead displays on object holding the element. Does this have anything to do with it?
 Any suggestions?&lt;/p&gt;</t>
  </si>
  <si>
    <t>2017-12-14 22:30:36.760000+00:00</t>
  </si>
  <si>
    <t>2017-12-14 22:43:19.933000+00:00</t>
  </si>
  <si>
    <t>2017-12-14 22:42:29.437000+00:00</t>
  </si>
  <si>
    <t>javascript|angularjs</t>
  </si>
  <si>
    <t>C# Console.WriteLine Weird</t>
  </si>
  <si>
    <t>&lt;p&gt;Here is a simple script in C# which outputs two different things. The issue is not about comparing the objects - don't get misguided. This is about using &lt;code&gt;Console.WriteLine&lt;/code&gt; to send an output. &lt;/p&gt;
&lt;pre&gt;&lt;code&gt;var a = "hello";
var b = string.Copy(a);
Console.WriteLine($"a == b: {a == b}");
Console.WriteLine("a == b:" + a == b);
&lt;/code&gt;&lt;/pre&gt;
&lt;p&gt;The first &lt;code&gt;Console.WriteLine&lt;/code&gt; outputs &lt;code&gt;a == b: True&lt;/code&gt; and the second one outputs &lt;code&gt;False&lt;/code&gt; which means ignoring the part in the quotation (&lt;code&gt;"a == b:"&lt;/code&gt;).&lt;/p&gt;
&lt;p&gt;I am using VS 2015 and C# 4.5.2 - tested with 4.6 still the same result.&lt;/p&gt;
&lt;p&gt;Any idea about this behavior highly appreciated. &lt;/p&gt;</t>
  </si>
  <si>
    <t>2018-05-25 14:22:42.100000+00:00</t>
  </si>
  <si>
    <t>2018-05-25 15:25:28.327000+00:00</t>
  </si>
  <si>
    <t>c#|visual-studio</t>
  </si>
  <si>
    <t>C struct's attribute is null when expected to be a reference</t>
  </si>
  <si>
    <t>&lt;pre&gt;&lt;code&gt;typedef struct node {
    char *string;
    struct node* next;  
} node;
typedef struct {
    node *head;  
    node *tail;
    node *curr;
} list;
list llInit(){
    list *linkedList = malloc(sizeof(list));
    linkedList-&amp;gt;head = NULL;
    linkedList-&amp;gt;tail = NULL;
    linkedList-&amp;gt;curr = NULL;
    return *linkedList;
}
int llSize(list *myList){
    if (myList-&amp;gt;head == NULL){
        return 0;
    }
    int size = 1;
    node *instance = myList-&amp;gt;head;
    while(instance-&amp;gt;next != NULL){
        instance = instance-&amp;gt;next;
        size++;
    }
    return size;
}
int llAddToFront(list *myList,char *toStore){
    if (toStore == NULL){
        return 0;
    }
    node *newNode = malloc(sizeof(struct node));
    newNode-&amp;gt;string = toStore;
    newNode-&amp;gt;next = myList-&amp;gt;head;
    myList-&amp;gt;head = newNode;
    if (myList-&amp;gt;tail == NULL){
        myList-&amp;gt;tail = newNode;
    }
    return 1;
}
int llAddToBack(list *myList, char *toStore){
    if (toStore == NULL){
        return 0;
    }
    if (myList-&amp;gt;head == NULL){
        return llAddToFront(myList, toStore);
    }
    node *newNode = malloc(sizeof(struct node));
    newNode-&amp;gt;string = toStore;
    newNode-&amp;gt;next = myList-&amp;gt;tail;
    myList-&amp;gt;tail = newNode;
    return 1;
}
int main() {
    // add one element to front, size should be 1
    list two = llInit();
    llAddToFront(&amp;amp;two, "one");
    if (llSize(&amp;amp;two) != 1){
        printf("Test 2: Fail - size should be %d, was %d.\n", 1, llSize(&amp;amp;two));
    }
    if (one.head == NULL){
        printf("ERROR!!!!");
    }
    if (one.tail.string != "one"){
        printf("Test 2: Fail - unexpected tail string.\n");
    }
}
&lt;/code&gt;&lt;/pre&gt;
&lt;p&gt;This is a linkedlist in C that stores strings.&lt;/p&gt;
&lt;p&gt;For some reason, (in main) my head is null and prints the error message. I believe that I set it correctly in llAddToFront. Also, the if block after that creates a segmentation fault and I don't understand why.&lt;/p&gt;</t>
  </si>
  <si>
    <t>2015-04-07 01:48:02.203000+00:00</t>
  </si>
  <si>
    <t>2015-04-07 11:39:07.317000+00:00</t>
  </si>
  <si>
    <t>c|linked-list|null|segmentation-fault</t>
  </si>
  <si>
    <t>Can debugging symbols be built after-the-fact?</t>
  </si>
  <si>
    <t>&lt;p&gt;We have hundreds of MSVC 9.0 C++ projects. One DLL slipped out into the public without the correct compiler/linker settings to generate symbols, and we are getting mini-dumps back that point to an exception in this DLL. We have the exact source code used to generate this DLL. Can it be compiled to produce symbols that we can use to debug these dumps? If so, how do I tell windbg "please use these symbols for this DLL even though the timestamps will be different"? Thanks.&lt;/p&gt;</t>
  </si>
  <si>
    <t>2010-10-18 15:58:09.683000+00:00</t>
  </si>
  <si>
    <t>2010-10-18 16:45:00.883000+00:00</t>
  </si>
  <si>
    <t>debugging|windbg|symbols</t>
  </si>
  <si>
    <t>Set config file on Rubocop Sublime Linter</t>
  </si>
  <si>
    <t>&lt;p&gt;I'm using Rubocop alongside SublimeLinter and we also included it on our continuous integration server, so there is a rubocop.yml on the root of our project.&lt;/p&gt;
&lt;p&gt;The file in the root is the one the CI uses to validate the code, but it is not as strict as I want it to be in Sublime.&lt;/p&gt;
&lt;p&gt;Is there a way to specify the yml file that I want Rubocop to use in Sublime?&lt;/p&gt;</t>
  </si>
  <si>
    <t>2015-02-18 15:17:31.067000+00:00</t>
  </si>
  <si>
    <t>2015-03-22 00:43:50.793000+00:00</t>
  </si>
  <si>
    <t>sublimetext|sublimetext3|sublimelinter|rubocop</t>
  </si>
  <si>
    <t>Generic Float type in Julia language?</t>
  </si>
  <si>
    <t>&lt;p&gt;My question is simple, is there a generic &lt;code&gt;Float&lt;/code&gt; type in julia? For the case of &lt;code&gt;Integer&lt;/code&gt;s, for example, one can simply write &lt;code&gt;Int&lt;/code&gt; and it will be translated as &lt;code&gt;Int32&lt;/code&gt; in 32-bit systems or &lt;code&gt;Int64&lt;/code&gt; in 64-bit systems. For &lt;code&gt;Float&lt;/code&gt;s though, see the example function below:&lt;/p&gt;
&lt;pre&gt;&lt;code&gt;function bb(n)
    b = Array{Float64}(n) 
    b[1] = 0.9999
    for i = 2:n
        @inbounds b[i] = b[i-1] * 0.9999
    end    
    println(b[n])
end
bb(10^3)
@time bb(10^3)
@time bb(10^8)
&lt;/code&gt;&lt;/pre&gt;
&lt;p&gt;It gives the following timing results along with total memory allocations:&lt;/p&gt;
&lt;pre&gt;&lt;code&gt;0.9048328935585562
0.9048328935585562
  0.000100 seconds (135 allocations: 15.750 KB)
2.4703e-320
  3.230642 seconds (14 allocations: 762.940 MB, 1.51% gc time)
&lt;/code&gt;&lt;/pre&gt;
&lt;p&gt;Now change the first line to &lt;code&gt;b = Array{AbstractFloat}(n)&lt;/code&gt; and see the ridiculously huge timings and memory allocations:&lt;/p&gt;
&lt;pre&gt;&lt;code&gt;0.9048328935585562
0.9048328935585562
  0.003564 seconds (2.13 k allocations: 46.953 KB)
2.4703e-320
  351.068176 seconds (200.00 M allocations: 3.725 GB, 0.74% gc time)
&lt;/code&gt;&lt;/pre&gt;
&lt;p&gt;There is nothing as &lt;code&gt;b = Array{Float}(n)&lt;/code&gt; I can use, the only solution I came up with is this non-elegant notation &lt;code&gt;b = Array{typeof(1.0)}(n)&lt;/code&gt;.&lt;/p&gt;</t>
  </si>
  <si>
    <t>2017-06-23 20:20:54.983000+00:00</t>
  </si>
  <si>
    <t>2017-06-24 23:36:36.527000+00:00</t>
  </si>
  <si>
    <t>2017-06-24 02:54:02.900000+00:00</t>
  </si>
  <si>
    <t>types|julia-lang</t>
  </si>
  <si>
    <t>Legal label names smali</t>
  </si>
  <si>
    <t>&lt;p&gt;What are the legal names for a smali label? &lt;/p&gt;
&lt;p&gt;I know &lt;code&gt;a-z&lt;/code&gt; and &lt;code&gt;_&lt;/code&gt; is legal and &lt;code&gt;\n&lt;/code&gt; isn't obviously, but are there any rules regarding the label names? &lt;/p&gt;
&lt;p&gt;I know the bytecode doesn't use the labels and the dalvik assembler (smali) converts it to position in the file, so it shouldn't really matter, but what would smali accept as a label name?&lt;/p&gt;</t>
  </si>
  <si>
    <t>2013-01-13 15:57:01.247000+00:00</t>
  </si>
  <si>
    <t>2013-01-14 00:32:54.917000+00:00</t>
  </si>
  <si>
    <t>2013-01-13 16:13:06.950000+00:00</t>
  </si>
  <si>
    <t>smali</t>
  </si>
  <si>
    <t>How to use multiprocess in openpyxl object?</t>
  </si>
  <si>
    <t>&lt;p&gt;I need to deal with a excel with many sheet in it, but every sheet have large data.If use openpyxl to load this excel, that will spend a lot of time,so I want to analysis each sheet by multiprocess.&lt;/p&gt;
&lt;p&gt;the brief code like this:&lt;/p&gt;
&lt;pre&gt;&lt;code&gt;import multiprocessing as mp
import openpyxl
def LoadEx():
        wb=openpyxl.load_workbook('example.xlsx')
        sheetnames=wb.get_sheet_names()
        return sheetnames, wb
def job(sheet,wb):
    gs=wb.get_sheet_by_name(sheet)
    for i in range(10):
        if gs.cell(row=i,column=2).value=='Target':
            gs.cell(row=i,column=3).value='OK'
if __name__=='__main__':
    sheetnames,wb=LoadEx()
    pool=mp.Pool()
    for sheetname in sheetnames:
        res=pool.apply_async(job, (sheetname,wb))
    pool.close()
    pool.join()
    wb.save('example_output.xlsx')
&lt;/code&gt;&lt;/pre&gt;
&lt;p&gt;but,the file 'example_output.xlsx' seem not to save the job()'s result,
How should i do to obtain  multiprocess's effect in this case? 
may someone could help me, thinks&lt;/p&gt;</t>
  </si>
  <si>
    <t>2017-04-11 15:39:45.627000+00:00</t>
  </si>
  <si>
    <t>2017-04-14 09:27:44.600000+00:00</t>
  </si>
  <si>
    <t>openpyxl</t>
  </si>
  <si>
    <t>Unable to create DataFrame for RDD</t>
  </si>
  <si>
    <t>&lt;p&gt;I'm trying to create a Dataframe with dynamic schema generation. Here's the code snippet:&lt;/p&gt;
&lt;pre&gt;&lt;code&gt;def mapMetricList(row: Row): Seq[Metric] = ???
val fields = Seq("Field1", "Field2")
case class Metric(name: String, count: Long)
def convertMetricList(df: DataFrame): DataFrame = {
  val outputFields = df.schema.fieldNames.filter(f =&amp;gt; fields.contains(f))
  val rdd = df.rdd.map(row =&amp;gt; {
    val schema = row.schema
    val metrics = mapMetricList(row)
    val s = outputFields.map(name =&amp;gt; row.get(schema.fieldIndex(name)))
    Row.fromSeq(s ++ Seq(metrics))
  })
  val nonMetricsSchema = outputFields.map( f =&amp;gt; df.schema.apply(f))
  val metricField = StructField("total",ArrayType(ScalaReflection.schemaFor[Metric].dataType.asInstanceOf[StructType]),nullable=true)
  val schema = StructType(nonMetricsSchema ++ Seq(metricField))
  schema.printTreeString()
  val dff = spark.createDataFrame(rdd, schema)
  dff
}
&lt;/code&gt;&lt;/pre&gt;
&lt;p&gt;However I keep getting these exceptions during runtime:&lt;/p&gt;
&lt;pre&gt;&lt;code&gt;Caused by: java.lang.RuntimeException: Metric is not a valid external type for schema of struct&amp;lt;name:string,count:bigint&amp;gt;
    at org.apache.spark.sql.catalyst.expressions.GeneratedClass$SpecificUnsafeProjection.evalIfCondExpr3$(Unknown Source)
    at org.apache.spark.sql.catalyst.expressions.GeneratedClass$SpecificUnsafeProjection.evalIfFalseExpr4$(Unknown Source)
    at org.apache.spark.sql.catalyst.expressions.GeneratedClass$SpecificUnsafeProjection.apply(Unknown Source)
    at org.apache.spark.sql.catalyst.encoders.ExpressionEncoder.toRow(ExpressionEncoder.scala:290)
&lt;/code&gt;&lt;/pre&gt;
&lt;p&gt;I'm using Spark 2.1.0&lt;/p&gt;</t>
  </si>
  <si>
    <t>2017-09-05 11:40:38.173000+00:00</t>
  </si>
  <si>
    <t>2017-09-06 09:13:35.950000+00:00</t>
  </si>
  <si>
    <t>2017-09-05 23:58:52.783000+00:00</t>
  </si>
  <si>
    <t>scala|apache-spark|spark-dataframe|rdd</t>
  </si>
  <si>
    <t>Sqlalchemy if table does not exist</t>
  </si>
  <si>
    <t>&lt;p&gt;I wrote a module which is to create an empty database file&lt;/p&gt;
&lt;pre&gt;&lt;code&gt;def create_database():
    engine = create_engine("sqlite:///myexample.db", echo=True)
    metadata = MetaData(engine)
    metadata.create_all()
&lt;/code&gt;&lt;/pre&gt;
&lt;p&gt;But in another function, I want to open &lt;code&gt;myexample.db&lt;/code&gt; database, and create tables to it if it doesn't already have that table. &lt;/p&gt;
&lt;p&gt;EG of the first, subsequent table I would create would be:&lt;/p&gt;
&lt;pre&gt;&lt;code&gt;Table(Variable_TableName, metadata,
       Column('Id', Integer, primary_key=True, nullable=False),
       Column('Date', Date),
       Column('Volume', Float))
&lt;/code&gt;&lt;/pre&gt;
&lt;p&gt;(Since it is initially an empty database, it will have no tables in it, but subsequently, I can add more tables to it. Thats what i'm trying to say.)&lt;/p&gt;
&lt;p&gt;Any suggestions?&lt;/p&gt;</t>
  </si>
  <si>
    <t>2015-10-10 11:01:16.760000+00:00</t>
  </si>
  <si>
    <t>2016-08-26 04:49:27.083000+00:00</t>
  </si>
  <si>
    <t>python|sqlalchemy</t>
  </si>
  <si>
    <t>Draw n ellipses separated by a certain distance</t>
  </si>
  <si>
    <t>&lt;p&gt;I want to accomplish something like in C#:&lt;/p&gt;
&lt;p&gt;&lt;a href="https://i.stack.imgur.com/Z8YpC.png" rel="nofollow noreferrer"&gt;&lt;img src="https://i.stack.imgur.com/Z8YpC.png" alt="enter image description here"&gt;&lt;/a&gt;&lt;/p&gt;
&lt;p&gt;To do so I was thinking on &lt;/p&gt;
&lt;pre&gt;&lt;code&gt;1. get center of canvas
2. draw center ellipse using center
3. taking the center ellipse, do two loops, one to draw ellipses that are above center, and other loop to draw ellipses that are under center
(I assigned same `x` to all and changed `y` to set ellipses positions)
4. Everytime a cicle passed, update size (incrise it) and `Y` multiplying it by size and its indes in loop
&lt;/code&gt;&lt;/pre&gt;
&lt;p&gt;I am using 15 as size of ellipse (width and height), then for each ellipse I increase it 1.4 times the size.&lt;/p&gt;
&lt;p&gt;The code is:        &lt;/p&gt;
&lt;pre&gt;&lt;code&gt;    SolidColorBrush color = new SolidColorBrush(Colors.Red);
    int ellipsesAbove = 5;
    int ellipsesUnder = 5;
    double size = 20;
    double x_center = 50;
    double y_center = 50;
    //------ Create center Ellipse
    Ellipse e = new Ellipse();
    e.Height = size;
    e.Width = size;
    e.StrokeThickness = 1;
    e.Stroke = color;
    e.Fill = color;
    e.Margin = new Thickness(x_center, y_center, 1, 1);
    this.Children.Add(e);
    //----loop to create above ellipses 
    //I SUBSTRACT SIZE IN Y
    for (int i = 2; i &amp;lt;= ellipsesAbove; i++)
    {
        Ellipse ac = new Ellipse();
        ac.Height = size;
        ac.Width = size;
        ac.StrokeThickness = 1;
        ac.Stroke = color;
        ac.Fill = color;
        double x = x_center;
        double y = y_center - (size * i); 
        ac.Margin = new Thickness(x, y, 1, 1);
        this.Children.Add(ac);
        size *= 1.4;
    }
    //reset size
    size = 15;
    //-------loop to create under ellipses
    //I ADD SIZE IN Y
    for (int j = 2; j &amp;lt;= ellipsesUnder; j++)
    {
        Ellipse uc = new Ellipse();
        uc.Height = size;
        uc.Width = size;
        uc.StrokeThickness = 1;
        uc.Stroke = color;
        uc.Fill = color;
        double x = x_center;
        double y = y_center + (size * j); 
        uc.Margin = new Thickness(x, y, 1, 1);
        this.Children.Add(uc);
        size *= 1.4;
    }
&lt;/code&gt;&lt;/pre&gt;
&lt;p&gt;However I am getting unaligned and poorly distanced ellipses
&lt;a href="https://i.stack.imgur.com/Lkc1k.png" rel="nofollow noreferrer"&gt;&lt;img src="https://i.stack.imgur.com/Lkc1k.png" alt="enter image description here"&gt;&lt;/a&gt;&lt;/p&gt;
&lt;p&gt;How to improve code or loops to get correct result?&lt;/p&gt;</t>
  </si>
  <si>
    <t>2015-09-07 19:28:43.960000+00:00</t>
  </si>
  <si>
    <t>2015-09-07 23:56:02.007000+00:00</t>
  </si>
  <si>
    <t>2015-09-07 20:07:28.480000+00:00</t>
  </si>
  <si>
    <t>c#|wpf|shapes</t>
  </si>
  <si>
    <t>Need to batch rename files, adding in zeroes</t>
  </si>
  <si>
    <t>&lt;p&gt;Sorry, not a ton of coding experience here. I know this is a super simple task, I'm just not sure how to implement it.&lt;/p&gt;
&lt;p&gt;I save photo files, and they automatically number. Ex: photo1.jpg, photo2.jpg... photo10.jpg...photo100.jpg&lt;/p&gt;
&lt;p&gt;When I store these on Google Drive, however, it doesn't sort numerically, it sorts alphabetically, so it'll order them photo1,photo10,photo11,photo12...photo2,photo20. As you can see, this is very frustrating. &lt;/p&gt;
&lt;p&gt;What solves this problem, however, is padding the files with zeroes. So photo1-&gt;photo001, photo10-&gt;photo 010. photo100-&gt;photo100 still. I never need a fourth digit though. &lt;/p&gt;
&lt;p&gt;Does anyone have a quick few lines that I could enter into a directory to automatically check the number of digits at the end of a file name, and pad with zeroes until it's three digits?&lt;/p&gt;
&lt;p&gt;Much appreciated!!&lt;/p&gt;</t>
  </si>
  <si>
    <t>2015-01-09 18:17:28.563000+00:00</t>
  </si>
  <si>
    <t>filenames|rename</t>
  </si>
  <si>
    <t>Hide return code from subprocess.call</t>
  </si>
  <si>
    <t>&lt;p&gt;How can I hide the return code after calling a command using subprocess?&lt;/p&gt;
&lt;pre&gt;&lt;code&gt;from netaddr import IPNetwork
import subprocess
for ip in IPNetwork('1.1.1.1/19'):
        print subprocess.call(["host", str(ip)]
&lt;/code&gt;&lt;/pre&gt;
&lt;p&gt;If I then pipe this to a file I get the host + ip but with a return code of 0 after each line.&lt;/p&gt;</t>
  </si>
  <si>
    <t>2014-06-04 19:48:25.397000+00:00</t>
  </si>
  <si>
    <t>2015-07-25 22:33:22.010000+00:00</t>
  </si>
  <si>
    <t>1 link in two paragraphs in html</t>
  </si>
  <si>
    <t>&lt;p&gt;I'd like to have a link on text but the text is in 2 paragraphs (using the html editor) resulting in having 2 href's with the link i've given. Here's the regular code:&lt;/p&gt;
&lt;pre&gt;&lt;code&gt;&amp;lt;p&amp;gt;&amp;lt;a href="google.com"&amp;gt;google&amp;lt;/a&amp;gt;&amp;lt;/p&amp;gt;
&amp;lt;p&amp;gt;&amp;lt;a href="google.com"&amp;gt;dotcom&amp;lt;/a&amp;gt;&amp;lt;/p&amp;gt;
&lt;/code&gt;&lt;/pre&gt;
&lt;p&gt;and this is the result of this code how I don't want it to be:&lt;/p&gt;
&lt;p&gt;&lt;a href="http://google.com" rel="nofollow"&gt;google&lt;/a&gt;&lt;/p&gt;
&lt;p&gt;&lt;a href="http://google.com" rel="nofollow"&gt;dotcom&lt;/a&gt;&lt;/p&gt;
&lt;p&gt;I just  want a single highlight when mousing over/clicking, I tried to manually changing the code with erasing the &amp;lt; /a &gt; or so but since im a newbie when it comes to html nothing good came out...
Sorry for bad english, and thanks in advance for replies.[also why are html editors online so buggy? Like the one in wordpress.. trying to do a table exactly how you want it is so annoying.]&lt;/p&gt;</t>
  </si>
  <si>
    <t>2014-12-16 10:29:46.990000+00:00</t>
  </si>
  <si>
    <t>2014-12-16 11:07:53.263000+00:00</t>
  </si>
  <si>
    <t>html|wordpress|formatting</t>
  </si>
  <si>
    <t>API description with queryparameter per API call in RAML</t>
  </si>
  <si>
    <t>&lt;p&gt;I have to describe an old API with RAML and i'm struggling with the syntax.
Due time issues we have to keep the old API calls.&lt;/p&gt;
&lt;p&gt;I'm trying to describe the following calls:&lt;/p&gt;
&lt;p&gt;&lt;code&gt;
    ?Call=GetData&amp;amp;suuid=1234567
    ?Call=AddNewData&amp;amp;dataid=12345suuid=1234567
    ?Call=DeleteData&amp;amp;dataid=12345suuid=1234567
&lt;/code&gt;&lt;/p&gt;
&lt;p&gt;Is that possible with RAML?&lt;/p&gt;
&lt;p&gt;Thnx in advance!&lt;/p&gt;</t>
  </si>
  <si>
    <t>2016-02-10 10:13:59.793000+00:00</t>
  </si>
  <si>
    <t>2016-02-11 00:11:53.423000+00:00</t>
  </si>
  <si>
    <t>api|raml</t>
  </si>
  <si>
    <t>How do I correctly use the mod operator in MIPS?</t>
  </si>
  <si>
    <t>&lt;p&gt;In MIPS, I am confused on how to get the mod to work. Below is the code I have come up with thus far. I may have more errors besides the mod, but I feel those errors are a result of the mod misunderstanding. All I'm trying to do is to get the working code (python) here:&lt;/p&gt;
&lt;pre&gt;&lt;code&gt;i = 1
k = 0
while i &amp;lt; 9:
if i % 2 != 0:
    k = k + i
i += 1
print(k)
&lt;/code&gt;&lt;/pre&gt;
&lt;p&gt;to be correctly translated into MIPS. This is my first shot at assembly, so there may be more than mod errors that are tripping me up in the code below:&lt;/p&gt;
&lt;pre&gt;&lt;code&gt;# Takes the odd integers from 1 to 9, adds them,
#  and spits out the result.
# main/driver starts here
    .globl main
main:
#data segment
.data
Li:     .byte 0x01  # i = 1
Lj:     .byte 0x09  # j = 9
Lk:     .byte 0x00  # k = 0
Ltwo:   .byte 0x02  # 2 for mod usage
# text segment
.text
lb $t0, Li      # temp reg for i
lb $t1, Lj      # j
lb $t2, Lk      # k
lb $t3, Ltwo        # 2
L1:  beq $t0, $t1, L2   # while i &amp;lt; 9, compute
     div $t0, $t3       # i mod 2
     mfhi $t6        # temp for the mod
     beq $t6, 0, Lmod   # if mod == 0, jump over to L1
     add $t2, $t2, $t0  # k = k + i
Lmod:    add $t0, $t0, 1        # i++
     j L1           # repeat the while loop
L2: li $v0, 1       # system call code to print integer
lb $a0, Lk      # address of int to print
syscall
li $v0, 10
syscall
&lt;/code&gt;&lt;/pre&gt;</t>
  </si>
  <si>
    <t>2014-02-11 07:06:23.187000+00:00</t>
  </si>
  <si>
    <t>2014-02-15 07:28:41.267000+00:00</t>
  </si>
  <si>
    <t>python|assembly|mips|modulo</t>
  </si>
  <si>
    <t>SSL connection reuse with Android HttpClient</t>
  </si>
  <si>
    <t>&lt;p&gt;I'm developing a secure web service between my self-implemented java web proxy (that forwards requests to the actual web service) and an android application.&lt;/p&gt;
&lt;p&gt;Doing so with standard (insecure) http connections works perfectly well. Now I want to use a secure (SSL) connection between the proxy and the android client.&lt;/p&gt;
&lt;p&gt;This works as long as I instantiate a new HttpClient for each request, which is beside wasting resources extremely slow as I'm is doing a two way handshake for each request.&lt;/p&gt;
&lt;p&gt;So I'm trying to reuse the HttpClient for each request which results for secure connections in the following exception&lt;/p&gt;
&lt;blockquote&gt;
  &lt;p&gt;java.lang.IllegalStateException: Connection already open.
      at org.apache.http.impl.conn.AbstractPoolEntry.open(AbstractPoolEntry.java:150)
  at org.apache.http.impl.conn.AbstractPooledConnAdapter.open(AbstractPooledConnAdapter.java:119)
  at org.apache.http.impl.client.DefaultRequestDirector.execute(DefaultRequestDirector.java:360)
  at org.apache.http.impl.client.AbstractHttpClient.execute(AbstractHttpClient.java:555)
  at org.apache.http.impl.client.AbstractHttpClient.execute(AbstractHttpClient.java:487)
  at org.apache.http.impl.client.AbstractHttpClient.execute(AbstractHttpClient.java:465)&lt;/p&gt;
&lt;/blockquote&gt;
&lt;p&gt;When I change my proxy and the client to no-ssl communication it works without any problems.
Does anybody know what I'm doing wrong? Thanks a lot for your help!&lt;/p&gt;
&lt;p&gt;By the way the server code is totally similar except using SSLServerSocket with loaded certificates instead of using ServerSocket.&lt;/p&gt;
&lt;p&gt;Client parameter setup&lt;/p&gt;
&lt;pre&gt;&lt;code&gt;// Set basic data
    HttpParams params = new BasicHttpParams();
    HttpProtocolParams.setVersion(params, HttpVersion.HTTP_1_1);
    HttpProtocolParams.setContentCharset(params, "UTF-8");
    HttpProtocolParams.setUseExpectContinue(params, true);
    HttpProtocolParams.setUserAgent(params, "Android app/1.0.0");
    // Make pool
    ConnPerRoute connPerRoute = new ConnPerRouteBean(12);
    ConnManagerParams.setMaxConnectionsPerRoute(params, connPerRoute);
    ConnManagerParams.setMaxTotalConnections(params, 20);
    // Set timeout
    HttpConnectionParams.setStaleCheckingEnabled(params, false);
    HttpConnectionParams.setConnectionTimeout(params, connectionTimeoutMillis);
    HttpConnectionParams.setSoTimeout(params, socketTimeoutMillis);
    HttpConnectionParams.setSocketBufferSize(params, 8192);
    // Some client params
    HttpClientParams.setRedirecting(params, false);
&lt;/code&gt;&lt;/pre&gt;
&lt;p&gt;Http client creation&lt;/p&gt;
&lt;pre&gt;&lt;code&gt;// load truststore certificate
            InputStream clientTruststoreIs = context.getResources().openRawResource(R.raw.server);
            KeyStore trustStore = KeyStore.getInstance("BKS");
            trustStore.load(clientTruststoreIs, "server".toCharArray());
            // initialize trust manager factory with the read truststore
            TrustManagerFactory trustManagerFactory = TrustManagerFactory.getInstance(TrustManagerFactory.getDefaultAlgorithm());
            trustManagerFactory.init(trustStore);
            // setup client certificate
            // load client certificate
            InputStream keyStoreStream = context.getResources().openRawResource(R.raw.client);
            KeyStore keyStore = KeyStore.getInstance("BKS");
            keyStore.load(keyStoreStream, "client".toCharArray());
            // initialize key manager factory with the read client
            // certificate
            KeyManagerFactory keyManagerFactory = KeyManagerFactory.getInstance(KeyManagerFactory.getDefaultAlgorithm());
            keyManagerFactory.init(keyStore, "client".toCharArray());
            // initialize SSLSocketFactory to use the certificates
            SSLSocketFactory socketFactory = new SSLSocketFactory(SSLSocketFactory.TLS, keyStore, "client", trustStore, null, null);
            // Register http/s shemas!
            SchemeRegistry schReg = new SchemeRegistry();
            schReg.register(new Scheme("https", socketFactory, port));
            ClientConnectionManager conMgr = new ThreadSafeClientConnManager(params, schReg);
            httpClient = new DefaultHttpClient(conMgr, params);
&lt;/code&gt;&lt;/pre&gt;
&lt;p&gt;Client request execution&lt;/p&gt;
&lt;pre&gt;&lt;code&gt;HttpResponse response = httpClient.execute(request);
        HttpEntity entity = response.getEntity();
        in = entity.getContent();
        String result = convertStreamToString(in);
        in.close();
&lt;/code&gt;&lt;/pre&gt;</t>
  </si>
  <si>
    <t>2012-09-21 12:24:32.510000+00:00</t>
  </si>
  <si>
    <t>2012-11-19 08:05:31.823000+00:00</t>
  </si>
  <si>
    <t>android|ssl|httpclient</t>
  </si>
  <si>
    <t>Back button behavior with tabs and ActivityGroup</t>
  </si>
  <si>
    <t>&lt;p&gt;I have an Activity (&lt;code&gt;Main&lt;/code&gt;) which shows tabs like this:&lt;/p&gt;
&lt;pre&gt;&lt;code&gt;private void initTabs(){
    mTabHost = getTabHost(); // The activity TabHost
    Intent intent;
    intent = new Intent().setClass(this, MyGroup.class);
    setupTab(intent, "tab");
}
private void setupTab(Intent intent, final String tag) {
    View tabview = createTabView(mTabHost.getContext(), tag);
    TabSpec setContent = mTabHost.newTabSpec(tag).setIndicator(tabview).setContent(intent);
    mTabHost.addTab(setContent);
}
private static View createTabView(final Context context, final String text) {
    View view = LayoutInflater.from(context).inflate(R.layout.tabs_bg, null);
    ((TextView) view.findViewById(R.id.tabsText)).setText(text);
    return view;
}
&lt;/code&gt;&lt;/pre&gt;
&lt;p&gt;The &lt;code&gt;MyGroup&lt;/code&gt; class is an ActivityGroup, which does the following:&lt;/p&gt;
&lt;pre&gt;&lt;code&gt;@Override
protected void onCreate(Bundle savedInstanceState) {
    super.onCreate(savedInstanceState);
    View view = getLocalActivityManager().startActivity("activityA", new Intent(this, ActivityA.class).addFlags(Intent.FLAG_ACTIVITY_CLEAR_TOP)).getDecorView();
    this.setContentView(view);
            state = A;
}
public void openB() {
    Intent i = new Intent(this, ActivityB.class);
    View view = getLocalActivityManager().startActivity("activityB", i.addFlags(Intent.FLAG_ACTIVITY_CLEAR_TOP)).getDecorView();
    this.setContentView(view);
            state = B;
}
&lt;/code&gt;&lt;/pre&gt;
&lt;p&gt;So &lt;code&gt;Main&lt;/code&gt; has a tab with a &lt;code&gt;MyGroup&lt;/code&gt;. The &lt;code&gt;MyGroup&lt;/code&gt; starts with &lt;code&gt;ActivityA&lt;/code&gt; and then goes to &lt;code&gt;ActivityB&lt;/code&gt;. When I press the back button in &lt;code&gt;ActivityB&lt;/code&gt;, I want to go back to &lt;code&gt;ActivityA&lt;/code&gt;, and on back press in &lt;code&gt;ActivityA&lt;/code&gt; I want to close the app.&lt;/p&gt;
&lt;p&gt;This is how I've done that. In &lt;code&gt;ActivityB&lt;/code&gt;:&lt;/p&gt;
&lt;pre&gt;&lt;code&gt;@Override
public boolean onKeyDown(int keyCode, KeyEvent event) {
    System.out.println("ActivityB PRESSED");
    if (keyCode == KeyEvent.KEYCODE_BACK) {
        MyGroup mg = (MyGroup) getParent();
        return mg.onKeyDown(keyCode, event);
    }
    return super.onKeyDown(keyCode, event);
}
&lt;/code&gt;&lt;/pre&gt;
&lt;p&gt;In &lt;code&gt;ActivityA&lt;/code&gt; the same:&lt;/p&gt;
&lt;pre&gt;&lt;code&gt;@Override
    public boolean onKeyDown(int keyCode, KeyEvent event) {
        System.out.println("ActivityA PRESSED");
        if (keyCode == KeyEvent.KEYCODE_BACK) {
            MyGroup mg = (MyGroup) getParent();
            return mg.onKeyDown(keyCode, event);
        }
        return super.onKeyDown(keyCode, event);
    }
&lt;/code&gt;&lt;/pre&gt;
&lt;p&gt;Now, in &lt;code&gt;MyGroup&lt;/code&gt;:&lt;/p&gt;
&lt;pre&gt;&lt;code&gt;@Override
    public boolean onKeyDown(int keyCode, KeyEvent event) {
        if (keyCode == KeyEvent.KEYCODE_BACK) {
            System.out.println("MG PRESSED");   
                if (state == A)
                return false;
            else if (state == B) {
            setContentView(getLocalActivityManager().startActivity("activityA", new Intent(this, ActivityA.class).addFlags(Intent.FLAG_ACTIVITY_CLEAR_TOP)).getDecorView());
                state = A;
                return true;
        }
        return false;
        }
        return super.onKeyDown(keyCode, event);
    }
&lt;/code&gt;&lt;/pre&gt;
&lt;p&gt;Finally, in &lt;code&gt;Main&lt;/code&gt;, just a system.out:&lt;/p&gt;
&lt;pre&gt;&lt;code&gt;@Override
public boolean onKeyDown(int keyCode, KeyEvent event) {
    System.out.println("MAIN PRESSED");
    return super.onKeyDown(keyCode, event);
}
&lt;/code&gt;&lt;/pre&gt;
&lt;p&gt;Now this is my current behavior, which I don't want:&lt;/p&gt;
&lt;ul&gt;
&lt;li&gt;When app started, I'm in ActivityA. Backbutton -&gt; app closes. OK.&lt;/li&gt;
&lt;li&gt;When app started, ActivityA -&gt; ActivityB -&gt; Back button -&gt; ActivityA. OK.&lt;/li&gt;
&lt;li&gt;When app started, ActivityA -&gt; ActivityB -&gt; Back -&gt; ActivityA -&gt;
ActivityB -&gt; Back -&gt; app closes. NOT OK!&lt;/li&gt;
&lt;/ul&gt;
&lt;p&gt;Apparently, the second time ActivityB is shown, the back button is being handled by &lt;code&gt;Main&lt;/code&gt;, instead of &lt;code&gt;ActivityB&lt;/code&gt; or &lt;code&gt;MyGroup&lt;/code&gt;.&lt;/p&gt;
&lt;p&gt;How can I fix this?&lt;/p&gt;
&lt;p&gt;&lt;strong&gt;EDIT&lt;/strong&gt;&lt;/p&gt;
&lt;p&gt;I've added an ActivityC. It seems like behaviour in the first two activities is normal, and from the third on, the &lt;code&gt;Main&lt;/code&gt; activity handles the button press.&lt;/p&gt;
&lt;p&gt;So A -&gt; B -&gt; A is handled by A -&gt; B -&gt; Main&lt;/p&gt;
&lt;p&gt;and A -&gt; B -&gt; C is handled by A -&gt; B -&gt; Main.&lt;/p&gt;</t>
  </si>
  <si>
    <t>2011-08-24 11:22:05.320000+00:00</t>
  </si>
  <si>
    <t>2011-08-24 14:22:56.513000+00:00</t>
  </si>
  <si>
    <t>2011-08-24 14:15:40.680000+00:00</t>
  </si>
  <si>
    <t>android|android-tabhost|back|activitygroup</t>
  </si>
  <si>
    <t>SAPUI5 table formatting</t>
  </si>
  <si>
    <t>&lt;p&gt;I am quite new in CSS and SAPUI5. Although making good progress, I am having a hard time applying style options to SAPUI5 tables. My action is aiming on formating a specific table having id tbl1. In index.html, I gave custom css style definition like:&lt;/p&gt;
&lt;pre&gt;&lt;code&gt;#tbl1{
    font-size: 200%;
    font-weight: bold;
}
#tbl1 tr{
    font-size: 150%;
    background: green;
}
&lt;/code&gt;&lt;/pre&gt;
&lt;p&gt;That changed table header font size and background of cells but not the font size within the cells...
What's the best way to do so?&lt;/p&gt;
&lt;p&gt;To give u an outlook on what I eventually want to achive:
Besides changing font size of rows and headers &lt;/p&gt;
&lt;ul&gt;
&lt;li&gt;&lt;p&gt;every second row should be colored what is already working using&lt;/p&gt;
&lt;pre&gt;&lt;code&gt;#tbl1 tr:nth-child(even) {
    background-color: #DCDCDC;
}
&lt;/code&gt;&lt;/pre&gt;&lt;/li&gt;
&lt;li&gt;&lt;p&gt;dedicated cells should be colored depending on their values&lt;/p&gt;&lt;/li&gt;
&lt;/ul&gt;</t>
  </si>
  <si>
    <t>2015-02-26 09:33:00.093000+00:00</t>
  </si>
  <si>
    <t>2015-02-27 10:42:36.280000+00:00</t>
  </si>
  <si>
    <t>2015-02-26 09:40:31.910000+00:00</t>
  </si>
  <si>
    <t>css|sapui5</t>
  </si>
  <si>
    <t>htaccess rewrite problem</t>
  </si>
  <si>
    <t>&lt;pre&gt;&lt;code&gt;RewriteRule ^a/([a-zA-Z0-9_-]+)/([a-zA-Z0-9_-]+)/([0-9]+)$
    /var/www/vhosts/mydomin.com/httpdocs/search.php?searchtext=$1&amp;amp;locationtext=$2&amp;amp;page=$3
    [QSA]
&lt;/code&gt;&lt;/pre&gt;
&lt;p&gt;I want to pass &lt;a href="http://www.mydomain.com/searchtext=jobs&amp;amp;locationtext=A.G.sBosRoad&amp;amp;page=1" rel="nofollow noreferrer"&gt;http://www.mydomain.com/searchtext=jobs&amp;amp;locationtext=A.G.sBosRoad&amp;amp;page=1&lt;/a&gt;, 
but I'm getting an error. I'm guessing this error is due to the &lt;code&gt;.&lt;/code&gt; characters. What modification is needed in htaccess to allow read &lt;code&gt;.&lt;/code&gt; characters?&lt;/p&gt;</t>
  </si>
  <si>
    <t>2010-07-13 22:13:10.160000+00:00</t>
  </si>
  <si>
    <t>2012-11-17 02:22:53.910000+00:00</t>
  </si>
  <si>
    <t>2010-07-13 22:21:30.790000+00:00</t>
  </si>
  <si>
    <t>.htaccess</t>
  </si>
  <si>
    <t>Understanding the basics of copy on write</t>
  </si>
  <si>
    <t>&lt;p&gt;With regard to this line:&lt;/p&gt;
&lt;p&gt;The &lt;code&gt;s[9]&lt;/code&gt; that goes through &lt;code&gt;void setChar(size_t index, char c)&lt;/code&gt;, but what is &lt;code&gt;*this&lt;/code&gt; (inside the if, in the line: ``)?&lt;/p&gt;
&lt;p&gt;Is it &lt;code&gt;s1&lt;/code&gt; or &lt;code&gt;nullptr&lt;/code&gt;? Then what is &lt;code&gt;_str&lt;/code&gt; (in the same line: &lt;code&gt;*this = _str;&lt;/code&gt;), is it &lt;code&gt;s1&lt;/code&gt;?&lt;/p&gt;
&lt;pre&gt;&lt;code&gt;class MyString {
    size_t _size = 0;
    char* _str = nullptr;
    int* _pRefCount = nullptr;
        }
        operator char() const {
            return ((const MyString&amp;amp;)_s)[_index];
        }
    }; 
    void detach() {
        if(_pRefCount &amp;amp;&amp;amp; --*_pRefCount == 0) {
            delete []_str;
            delete _pRefCount;
        }
    }
    void attach(const MyString&amp;amp; str) {
        _size = str._size;
        _str = str._str;
        _pRefCount = str._pRefCount;
        ++*_pRefCount;
&lt;/code&gt;&lt;/pre&gt;</t>
  </si>
  <si>
    <t>2017-09-24 13:27:55.317000+00:00</t>
  </si>
  <si>
    <t>2017-09-24 14:22:40.073000+00:00</t>
  </si>
  <si>
    <t>c++|proxy|copy</t>
  </si>
  <si>
    <t>open onedrive folder or folder within folder in onedrive ios app using another ios application</t>
  </si>
  <si>
    <t>&lt;p&gt;We are developing one mobile application in xamarin and trying to open a onedrive application folder from our application.
we are opening one drive application from our application using: &lt;/p&gt;
&lt;pre&gt;&lt;code&gt;"ms-onedrive://sites"
&lt;/code&gt;&lt;/pre&gt;
&lt;p&gt;but we can't open a folder or folder in folder .&lt;/p&gt;
&lt;p&gt;We have already tried different methods listed below,&lt;/p&gt;
&lt;pre&gt;&lt;code&gt;ms-onedrive://folder/foldername
ms-onedrive://sites/folder/foldername
&lt;/code&gt;&lt;/pre&gt;</t>
  </si>
  <si>
    <t>2018-10-11 14:13:17+00:00</t>
  </si>
  <si>
    <t>2018-10-11 14:29:53.727000+00:00</t>
  </si>
  <si>
    <t>ios|windows|xamarin|onedrive</t>
  </si>
  <si>
    <t>Cannot assign to nullable double variable</t>
  </si>
  <si>
    <t>&lt;p&gt;I have used DocX library to create a .docx document from text in my TextBoxs. 
I have a problem that I can't assign size of nullable variable to other variable (only can assign to value)&lt;/p&gt;
&lt;pre&gt;&lt;code&gt;var infoFormatting = new Formatting();
infoFormatting.Size = txt_Info.Font.Size //txt_Info is a TextBox
&lt;/code&gt;&lt;/pre&gt;
&lt;p&gt;How can I solve this problem? Thanks.&lt;/p&gt;</t>
  </si>
  <si>
    <t>2015-05-24 12:08:49.853000+00:00</t>
  </si>
  <si>
    <t>2015-05-24 12:15:34.227000+00:00</t>
  </si>
  <si>
    <t>c#|nullable|novacode-docx</t>
  </si>
  <si>
    <t>Using GetLine with ifstream - no instance of "getline" matches the argument list</t>
  </si>
  <si>
    <t>&lt;p&gt;I am trying to figure this problem out, for some reason I keep getting this:&lt;/p&gt;
&lt;blockquote&gt;
  &lt;p&gt;no instance of "getline" matches the argument list.&lt;/p&gt;
&lt;/blockquote&gt;
&lt;p&gt;I have looked up this problem and a lot of times its because people use ofstream, or they don't use the ifstream object (if I said that right) has the first attribute to getline. I am quite lost.&lt;/p&gt;
&lt;pre&gt;&lt;code&gt;        #include &amp;lt;string&amp;gt;
        std::wifstream myfile;
        myfile.open("LaunchLocations.txt");
        getline(myfile, gameLaunchtest.directory);
&lt;/code&gt;&lt;/pre&gt;
&lt;hr&gt;
&lt;pre&gt;&lt;code&gt;struct gameLaunch
{
    wchar_t directory[MAX_PATH];
    wchar_t AppName[MAX_PATH];
    wchar_t ComboBoxName[MAX_PATH];
}gameLaunchtest;
&lt;/code&gt;&lt;/pre&gt;</t>
  </si>
  <si>
    <t>2015-10-15 02:31:23.857000+00:00</t>
  </si>
  <si>
    <t>2015-10-15 02:48:38.493000+00:00</t>
  </si>
  <si>
    <t>2015-10-15 02:40:16.223000+00:00</t>
  </si>
  <si>
    <t>c++|wifstream</t>
  </si>
  <si>
    <t>Assigning dynamic values to a lookup field</t>
  </si>
  <si>
    <t>&lt;p&gt;I am creating a dialog that, depending on the user's input, asks different questions. Once it has all the details, I create a new record (case) and fill it with a new case form with the user's details. &lt;/p&gt;
&lt;p&gt;I am mainly doing this to avoid unnecessary form fields. For example, if a customer calls for general support, we don't want to ask them about which store they purchased item from, as the customer might just want to know what time we close. However, if a customer calls complaining about a product they bought, then we want to capture details of product, store purchased from, fault type etc...&lt;/p&gt;
&lt;p&gt;The issue occurs when I am trying to assign some of the dynamic values to fields in a new case form. The fields that lookup types are not allowing me to assign values dynamically. I don't want to create new fields, as that will change all the relationships and dependencies.&lt;/p&gt;
&lt;p&gt;&lt;strong&gt;Is there any solution to assigning these values to a lookup dynamically?&lt;/strong&gt;&lt;/p&gt;</t>
  </si>
  <si>
    <t>2013-02-20 17:19:01.770000+00:00</t>
  </si>
  <si>
    <t>2013-08-29 07:22:23.380000+00:00</t>
  </si>
  <si>
    <t>forms|dynamic|case|crm|lookup</t>
  </si>
  <si>
    <t>multi-classification using Xgboost Scikit API</t>
  </si>
  <si>
    <t>&lt;p&gt;I am confused with how and where to set &lt;code&gt;num_class&lt;/code&gt; parameter for multi-classification using Xgboost Scikit API. 
On the scikit website, there is no such parameter in docs.&lt;/p&gt;
&lt;pre&gt;&lt;code&gt;xgboost.XGBClassifier(max_depth=3, learning_rate=0.1, n_estimators=100,
    silent=True, objective='binary:logistic', nthread=-1, gamma=0,
    min_child_weight=1, max_delta_step=0, subsample=1, colsample_bytree=1,
    colsample_bylevel=1, reg_alpha=0, reg_lambda=1, scale_pos_weight=1,
    base_score=0.5, seed=0, missing=None)
&lt;/code&gt;&lt;/pre&gt;</t>
  </si>
  <si>
    <t>2017-03-11 03:28:01.143000+00:00</t>
  </si>
  <si>
    <t>2017-03-13 17:38:51.370000+00:00</t>
  </si>
  <si>
    <t>2017-03-11 12:30:44.560000+00:00</t>
  </si>
  <si>
    <t>machine-learning|xgboost</t>
  </si>
  <si>
    <t>Unix tr command to convert lower case to upper AND upper to lower case</t>
  </si>
  <si>
    <t>&lt;p&gt;So I was searching around and using the command tr you can convert from lower case to upper case and vice versa. But is there a way to do this both at once?&lt;/p&gt;
&lt;p&gt;So:&lt;/p&gt;
&lt;p&gt;$ tr '[:upper:]' '[:lower:]' or  $ tr A-Z a-z&lt;/p&gt;
&lt;p&gt;will turn:
"Hello World ABC"
to 
"hello world abc"&lt;/p&gt;
&lt;p&gt;but I want it to do:
"hELLO wORLD abc"&lt;/p&gt;
&lt;p&gt;Please help! =)&lt;/p&gt;</t>
  </si>
  <si>
    <t>2014-04-20 05:25:11.940000+00:00</t>
  </si>
  <si>
    <t>2017-03-29 16:27:14.467000+00:00</t>
  </si>
  <si>
    <t>unix|pipeline|tr</t>
  </si>
  <si>
    <t>Load Multiple Image in single Row with Universal Image Loader</t>
  </si>
  <si>
    <t>&lt;p&gt;I am Using UIL to load images with ListView
there is Two Images in Every Row And UIL Only Loads One Image And Other one not shows&lt;/p&gt;
&lt;pre&gt;&lt;code&gt;        LTH.dLog(TAG, "User Name : " + getItem(position).getAgentName() + " " + getItem(position).getAgentFamily());
        LTH.dLog(TAG, "User Avatar : " + getItem(position).getAgentAvatar());
        LTH.dLog(TAG, "Insurance Avatar : " + getItem(position).getAgentInsuranceAvatar());
        LTH.dLog(TAG, "****************************************");
        imageLoaderInsurance = ImageLoader.getInstance();
        optionsInsurance = new DisplayImageOptions.Builder()
                // .displayer(new RoundedBitmapDisplayer((int) 27.5f))
                .showImageOnLoading(R.drawable.thumb_list)
                .showImageForEmptyUri(R.drawable.thumb_list)
                .showImageOnFail(R.drawable.thumb_list)
                .cacheInMemory(true)
                .cacheOnDisc(true)
                .considerExifParams(true)
                .postProcessor(new BitmapProcessor() {
                    @Override
                    public Bitmap process(Bitmap bitmap) {
                        return null;
                    }
                })
                .imageScaleType(ImageScaleType.NONE)
                .bitmapConfig(Bitmap.Config.ARGB_8888)
                .build();
        imageLoaderInsurance.init(ImageLoaderConfiguration.createDefault(App.getContext()));
        imageLoaderInsurance.displayImage(getItem(position).getAgentInsuranceAvatar(), img_insurance_avatar, optionsInsurance);
        imageLoader = ImageLoader.getInstance();
        options = new DisplayImageOptions.Builder()
                .displayer(new RoundedBitmapDisplayer(App.getContext().getResources().getDimensionPixelSize(R.dimen.global_radius)))
                .showImageOnLoading(R.drawable.profile_user)
                .showImageForEmptyUri(R.drawable.profile_user)
                .showImageOnFail(R.drawable.profile_user)
                .cacheInMemory(true)
                .cacheOnDisc(true)
                .considerExifParams(true)
                .imageScaleType(ImageScaleType.NONE)
                .bitmapConfig(Bitmap.Config.RGB_565)
                .build();
        imageLoader.init(ImageLoaderConfiguration.createDefault(App.getContext()));
        imageLoader.displayImage(getItem(position).getAgentAvatar(), img_agent_avatar, options);
&lt;/code&gt;&lt;/pre&gt;
&lt;p&gt;Image's Links works well, and i have no idea why images not loading&lt;/p&gt;
&lt;p&gt;&lt;code&gt;User Avatar&lt;/code&gt; Load has Done, But &lt;code&gt;Insurance Avatar&lt;/code&gt; Not Shows andallways is empty (&lt;code&gt;R.drawable.thumb_list&lt;/code&gt; Not Shows even)&lt;/p&gt;
&lt;p&gt;How i can fix it&lt;/p&gt;</t>
  </si>
  <si>
    <t>2016-02-03 09:58:34.677000+00:00</t>
  </si>
  <si>
    <t>2018-03-06 16:08:48.553000+00:00</t>
  </si>
  <si>
    <t>android|universal-image-loader</t>
  </si>
  <si>
    <t>Progress bar for file upload using JQuery</t>
  </si>
  <si>
    <t>&lt;p&gt;I want to implement a progress bar for file upload. I searched a lot and found many of them to be complex. I needed to do a class assignment only and so require to implement the progress bar using jQuery UI. I'm not able to get how to implement this and how to find the file upload status percentage. I see lot of similar questions in SO but they all use some kind of packages  which we need to use directly, but I've to use only jQuery or jQuery UI but not ready made packages.&lt;/p&gt;
&lt;p&gt;Any pointers will be helpful.&lt;/p&gt;</t>
  </si>
  <si>
    <t>2013-05-04 22:43:16.353000+00:00</t>
  </si>
  <si>
    <t>2013-05-05 05:37:33.267000+00:00</t>
  </si>
  <si>
    <t>jquery|progress-bar</t>
  </si>
  <si>
    <t>reading variable value declared in script.sh in Makefile</t>
  </si>
  <si>
    <t>&lt;p&gt;I run makefile to generate an image file for a target device. After I burn the image into the target device during one of the operation funtion1.sh calls script.sh where my VAR is declared.&lt;/p&gt;
&lt;p&gt;I want during running Makefile to generate the target image access script.sh knowing the path, read the value of VAR and use it in Makefile.&lt;/p&gt;
&lt;p&gt;example:&lt;/p&gt;
&lt;p&gt;script.sh:&lt;/p&gt;
&lt;p&gt;...&lt;/p&gt;
&lt;p&gt;VAR=some_value&lt;/p&gt;
&lt;p&gt;...&lt;/p&gt;
&lt;p&gt;=====Now what script do I need for Makefile ???===============&lt;/p&gt;
&lt;p&gt;-I tried this method but it did not work--------------------------&lt;/p&gt;
&lt;p&gt;Makefile:&lt;/p&gt;
&lt;p&gt;&lt;code&gt;PLAT_SCRIPT := /path/to/script.sh&lt;/code&gt;&lt;/p&gt;
&lt;p&gt;&lt;code&gt;PLAT_VAR := VAR&lt;/code&gt;&lt;/p&gt;
&lt;p&gt;&lt;code&gt;PLAT_SCRIPT_TEXT := $(shell grep ${PLAT_VAR} ${PLAT_SCRIPT}) VAR := $(filter-out ${PLAT_VAR}, $(strip $(subst =, , $(subst ",, $(strip ${PLAT_SCRIPT_TEXT})))))&lt;/code&gt;&lt;/p&gt;
&lt;p&gt;&lt;code&gt;all:&lt;/code&gt;&lt;/p&gt;
&lt;pre&gt;&lt;code&gt;  @echo VAR=$(VAR)
&lt;/code&gt;&lt;/pre&gt;
&lt;p&gt;It did not work for some reason. Maybe I should replace line 4 with:&lt;/p&gt;
&lt;p&gt;&lt;code&gt;VAR := $(shell echo $(PLAT_SCRIPT_TEXT)|cut -d, -f1|awk -F'=' '{print $2 }' )&lt;/code&gt;&lt;/p&gt;
&lt;p&gt;&lt;code&gt;all:&lt;/code&gt;&lt;/p&gt;
&lt;pre&gt;&lt;code&gt; @echo VAR=$(VAR)
&lt;/code&gt;&lt;/pre&gt;</t>
  </si>
  <si>
    <t>2013-04-30 14:40:44.220000+00:00</t>
  </si>
  <si>
    <t>2013-05-01 20:43:55.993000+00:00</t>
  </si>
  <si>
    <t>bash|shell|makefile|global-variables</t>
  </si>
  <si>
    <t>Issue with document.getElementById for iOS6</t>
  </si>
  <si>
    <t>&lt;p&gt;I have developed a Mobile App using Jquery Mobile.
I am facing issue with this App that on Back click the HTML of page is not rendering.
First time page is loading properly. But when I am visiting that page back button click then its not loading properly means html is not rendering on this page.
In my app all pages having Back button by which i can go back tot he previous page using history.back(); function.&lt;/p&gt;
&lt;p&gt;Html of Page: &lt;/p&gt;
&lt;pre&gt;&lt;code&gt;&amp;lt;!DOCTYPE html&amp;gt;
&amp;lt;html&amp;gt;
   &amp;lt;head&amp;gt;
      &amp;lt;title&amp;gt;Register&amp;lt;/title&amp;gt;
      &amp;lt;meta http-equiv="Content-type" content="text/html; charset=utf-8"&amp;gt;
      &amp;lt;script type="text/javascript" charset="utf-8" src="_appMobi/appmobi.js"&amp;gt;&amp;lt;/script&amp;gt;
      &amp;lt;script type="text/javascript" src="jquery.mobile-1.3.1/jquery-1.9.1.min.js"&amp;gt;&amp;lt;/script&amp;gt;
        &amp;lt;script type="text/javascript"&amp;gt;
            function onDeviceReady() {
                try {
                    AppMobi.device.setRotateOrientation("portrait");
                    var elem = document.getElementById("register_submit");
                    elem.innerHTML = '&amp;lt;input type="button" id="btn" name="btn_submit" onclick="SubmitRegistrationForm()" value="Submit" class="inputTypeSubmit" /&amp;gt;'; //Error is here Error: Undefined
                }
                catch (e) {
                    alert(e.message);
                }
            }
            function goback() {
                    history.back();
            }
          document.addEventListener("appMobi.device.ready", onDeviceReady, false);
      &amp;lt;/script&amp;gt;
   &amp;lt;/head&amp;gt;
   &amp;lt;body&amp;gt;  &amp;lt;a id="hrfBack" class="backClassbutton" rel="external" onClick="goback();" href="#"&amp;gt;
       &amp;lt;div id="register_submit"&amp;gt;
        &amp;lt;/div&amp;gt;
        &amp;lt;a href="#" rel="external" title="Login"&amp;gt;Login&amp;lt;/a&amp;gt;
   &amp;lt;/body&amp;gt;
&amp;lt;/html&amp;gt;
&lt;/code&gt;&lt;/pre&gt;
&lt;p&gt;I am getting error while using elem.innerHTML ="some html"&lt;/p&gt;
&lt;p&gt;So why this error coming? Or How to fix it?&lt;/p&gt;
&lt;p&gt;Thanks
Dalvir&lt;/p&gt;</t>
  </si>
  <si>
    <t>2013-10-14 12:50:28.777000+00:00</t>
  </si>
  <si>
    <t>2013-11-14 11:34:13.897000+00:00</t>
  </si>
  <si>
    <t>jquery-mobile|appmobi</t>
  </si>
  <si>
    <t>How do you convert a string to type integer and type double from user inputs?</t>
  </si>
  <si>
    <t>&lt;pre&gt;&lt;code&gt;/**
 * MadLib.java  
 *
 * @author: Jackie Hirsch
 * Assignment: Madlib
 * 
 * Brief Program Description: This program has will read a madlib with 
the inputs that the user gives the computer. 
 * 
 *
 */
import javax.swing.JOptionPane; //import of JOptionPane
public class MadLib
{
    public static void main (String[] args)
    {
        String cheeseType; //Cheese Character
        String interjection; //interjection
        String treeType; //tree type
        String wholeNumberFriends; // number for number of friends on 
        //line 27
        String numberMiles; //number of miles
        int wholeNumberFriendsConverted; // number for number of 
        //friends on line 27 converted
        double numberMilesConverted; //number of miles
        //ask user for variable string cheese type
        cheeseType = JOptionPane.showInputDialog ("Enter a type of 
        cheese");
        //ask user for varaible string interjection
        interjection = JOptionPane.showInputDialog ("Enter an 
        interjection");
        //ask user for variable string tree type
        treeType = JOptionPane.showInputDialog ("Enter a type of 
        tree");
        //ask user for variable integer number for number of friends
        wholeNumberFriends = JOptionPane.showInputDialog ("Enter a 
        whole number");
        //ask user for variable double number for number of miles
        numberMiles = JOptionPane.showInputDialog ("Enter a decimal or 
        whole number");
        //string converted
        wholeNumberFriends = Integer.parseInt 
        (wholeNumberFriendsConverted);
        numberMiles = Integer.parseInt (numberMilesConverted);
        //Madlib reading printed
        JOptionPane.showMessageDialog (null, "There once was a " + 
        cheeseType + "and this " + cheeseType  + "was super exciting. " 
        +
        "Because " + cheeseType + "was so exciting he would shout, " + 
        interjection + ". " +
        "His " + wholeNumberFriendsConverted + "friends, the " + 
        treeType + ", would sing home and the whole"  +
        "neighborhood hated them. One neighboor walked outside and 
        said, " +
        "''You annoying hooligans are crazy!!!''. They were so confused 
        that" +
        "they ran away to Neverland which was " + numberMilesConverted 
        + "miles so they never" +
        "had to grow up. Then they ran into captain hook and then Peter 
        Pan saved them.");
        System.exit (0); //ends the program
    }
}
&lt;/code&gt;&lt;/pre&gt;
&lt;p&gt;**Hello. I just started learning how to code Java this week in my high school computer science class. I'm trying to convert a string to a double and an integer. The two variables I'm trying to convert are wholeNumberFriends (integer) and numberMiles (double). I have created a new variable for each of them so they can easily convert to a double and an integer. The error I keep getting for this conversion is, incompatible types: double cannot be converted to java.lang.String . Thank you. **&lt;/p&gt;</t>
  </si>
  <si>
    <t>2018-09-10 02:17:14.683000+00:00</t>
  </si>
  <si>
    <t>2018-09-10 02:42:32.017000+00:00</t>
  </si>
  <si>
    <t>java|bluej</t>
  </si>
  <si>
    <t>How to search for items in a 2D ArrayList used in Android?</t>
  </si>
  <si>
    <t>&lt;p&gt;I have populated my Listview as follows:&lt;/p&gt;
&lt;pre&gt;&lt;code&gt;Hashmap item = new HashMap&amp;lt;String,String&amp;gt;();
 ArrayList list=new ArrayList&amp;lt;HashMap&amp;lt;String,String&amp;gt;&amp;gt;();
   SimpleAdapter adapter=new SimpleAdapter(this, list,
            R.layout.simplelist,
            new String[] { "line1","line2" },
            new int[] {R.id.text1, R.id.text2});
    ListView.setAdapter(adapter);
    item.putLine("line1",item1);
    item.putLine("line2",item2);
    list.add(item);
&lt;/code&gt;&lt;/pre&gt;
&lt;p&gt;How can I search for an item that I added in a 2D ArrayList?
And how can I update the item after finding its position? (Eg: I want to update item2)&lt;/p&gt;</t>
  </si>
  <si>
    <t>2018-07-12 13:08:23.267000+00:00</t>
  </si>
  <si>
    <t>android|listview|search|arraylist</t>
  </si>
  <si>
    <t>How to make an external requirement internal</t>
  </si>
  <si>
    <t>&lt;p&gt;I'm using version 8.0.858 of Enterprise Architect and I am hoping someone knows how to make an external requirement internal again. &lt;/p&gt;
&lt;p&gt;I have searched thru the EA user guide, and this tells me how to make an internal requirement external, but is silent on how to reverse the process.&lt;/p&gt;
&lt;p&gt;I have hundreds of requirements linked to Use Cases where the requirement is marked as external, but they shouldn't be as they each only relate to one Use Case. &lt;/p&gt;
&lt;p&gt;Here's an example of what I'm talking about
&lt;img src="https://i.stack.imgur.com/eSp0P.jpg" alt="enter image description here"&gt;&lt;/p&gt;
&lt;p&gt;This makes it difficult to get an overview of what the Use Case requires because when you click on an external requirement, the description does not show up in the textbox, and you have to double-click it to open in a separate window.&lt;/p&gt;
&lt;p&gt;My only thought is to hack the database in Access, but I'd rather not if there is any UI functionality. That said, if you have know how to edit the database directly to achieve my goal, then that would be a valid solution too.&lt;/p&gt;</t>
  </si>
  <si>
    <t>2013-05-09 01:35:32.820000+00:00</t>
  </si>
  <si>
    <t>2013-05-25 11:32:34.720000+00:00</t>
  </si>
  <si>
    <t>enterprise-architect</t>
  </si>
  <si>
    <t>Pymongo-spark: BsonSerializationException about decoding a BSON string</t>
  </si>
  <si>
    <t>&lt;p&gt;I'm running some PySpark code through an IPython notebook that loads and processes three Mongo collections as RDDs, then merges them (with unionAll and dropDuplicates), converts the merged RDD to a DataFrame and writes the result to a CSV.&lt;/p&gt;
&lt;p&gt;The Spark job is failing, apparently because Pymongo-spark is unable to load just a few documents. &lt;strong&gt;How would I ignore any bad documents, or add a try/except block to ignore this exception, and what does the exception mean?&lt;/strong&gt; Loading RDDs with &lt;code&gt;sc.mongoRDD(database_uri)&lt;/code&gt; doesn't allow me to insert any error handling logic.&lt;/p&gt;
&lt;p&gt;I ran into this exception on a few tasks:&lt;/p&gt;
&lt;pre&gt;&lt;code&gt;org.bson.BsonSerializationException: While decoding a BSON string found a size that is not a positive number: 0
at org.bson.io.ByteBufferBsonInput.readString(ByteBufferBsonInput.java:107)
at org.bson.BsonBinaryReader.doReadString(BsonBinaryReader.java:223)
at org.bson.AbstractBsonReader.readString(AbstractBsonReader.java:430)
at org.bson.codecs.StringCodec.decode(StringCodec.java:39)
at org.bson.codecs.StringCodec.decode(StringCodec.java:28)
at com.mongodb.DBObjectCodec.readValue(DBObjectCodec.java:306)
at com.mongodb.DBObjectCodec.readDocument(DBObjectCodec.java:345)
at com.mongodb.DBObjectCodec.readValue(DBObjectCodec.java:286)
at com.mongodb.DBObjectCodec.readArray(DBObjectCodec.java:333)
at com.mongodb.DBObjectCodec.readValue(DBObjectCodec.java:289)
at com.mongodb.DBObjectCodec.readDocument(DBObjectCodec.java:345)
at com.mongodb.DBObjectCodec.readValue(DBObjectCodec.java:286)
at com.mongodb.DBObjectCodec.readDocument(DBObjectCodec.java:345)
at com.mongodb.DBObjectCodec.decode(DBObjectCodec.java:136)
at com.mongodb.DBObjectCodec.decode(DBObjectCodec.java:61)
at com.mongodb.CompoundDBObjectCodec.decode(CompoundDBObjectCodec.java:43)
at com.mongodb.CompoundDBObjectCodec.decode(CompoundDBObjectCodec.java:27)
at com.mongodb.connection.ReplyMessage.&amp;lt;init&amp;gt;(ReplyMessage.java:57)
at com.mongodb.connection.QueryProtocol.execute(QueryProtocol.java:305)
at com.mongodb.connection.QueryProtocol.execute(QueryProtocol.java:54)
at com.mongodb.connection.DefaultServer$DefaultServerProtocolExecutor.execute(DefaultServer.java:159)
at com.mongodb.connection.DefaultServerConnection.executeProtocol(DefaultServerConnection.java:286)
at com.mongodb.connection.DefaultServerConnection.query(DefaultServerConnection.java:209)
at com.mongodb.operation.FindOperation$1.call(FindOperation.java:493)
at com.mongodb.operation.FindOperation$1.call(FindOperation.java:480)
at com.mongodb.operation.OperationHelper.withConnectionSource(OperationHelper.java:239)
at com.mongodb.operation.OperationHelper.withConnection(OperationHelper.java:212)
at com.mongodb.operation.FindOperation.execute(FindOperation.java:480)
at com.mongodb.operation.FindOperation.execute(FindOperation.java:77)
at com.mongodb.Mongo.execute(Mongo.java:772)
at com.mongodb.Mongo$2.execute(Mongo.java:759)
at com.mongodb.DBCursor.initializeCursor(DBCursor.java:851)
at com.mongodb.DBCursor.hasNext(DBCursor.java:152)
at com.mongodb.hadoop.input.MongoRecordReader.nextKeyValue(MongoRecordReader.java:78)
at org.apache.spark.rdd.NewHadoopRDD$$anon$1.hasNext(NewHadoopRDD.scala:143)
at org.apache.spark.InterruptibleIterator.hasNext(InterruptibleIterator.scala:39)
at scala.collection.Iterator$$anon$11.hasNext(Iterator.scala:327)
at scala.collection.Iterator$$anon$11.hasNext(Iterator.scala:327)
at org.apache.spark.api.python.SerDeUtil$AutoBatchedPickler.hasNext(SerDeUtil.scala:116)
at scala.collection.Iterator$class.foreach(Iterator.scala:727)
at org.apache.spark.api.python.SerDeUtil$AutoBatchedPickler.foreach(SerDeUtil.scala:111)
at org.apache.spark.api.python.PythonRDD$.writeIteratorToStream(PythonRDD.scala:420)
at org.apache.spark.api.python.PythonRDD$WriterThread$$anonfun$run$3.apply(PythonRDD.scala:249)
at org.apache.spark.util.Utils$.logUncaughtExceptions(Utils.scala:1699)
at org.apache.spark.api.python.PythonRDD$WriterThread.run(PythonRDD.scala:208)
&lt;/code&gt;&lt;/pre&gt;
&lt;p&gt;For reference, I'm running Spark 1.5.1 on four workers with the following submit arguments:&lt;/p&gt;
&lt;pre&gt;&lt;code&gt;export PYSPARK_SUBMIT_ARGS="--master spark://&amp;lt;IP_ADDRESS&amp;gt;:7077 --executor-memory 18g --driver-memory 4g --num-executors 4 --executor-cores 6 --conf spark.cores.max=24 --conf spark.driver.maxResultSize=4g --conf spark.eventLog.enabled=true --conf spark.eventLog.dir=/home/tao/eventLogging --jars /usr/local/spark/lib/mongo-hadoop-spark-1.5.0.jar --driver-class-path /usr/local/spark/lib/mongo-hadoop-spark-1.5.0.jar --packages com.stratio.datasource:spark-mongodb_2.10:0.11.0 --packages com.databricks:spark-csv_2.10:1.4.0 pyspark-shell"
&lt;/code&gt;&lt;/pre&gt;
&lt;p&gt;I launched an IPython notebook with &lt;code&gt;ipython notebook --profile=pyspark&lt;/code&gt; to run the following code (simplified):&lt;/p&gt;
&lt;pre&gt;&lt;code&gt;hdfs_path = 'hdfs://&amp;lt;IP address&amp;gt;/path/to/training_data_folder'
rdd1 = sc.mongoRDD(database_uri1)\
         .map(select_certain_fields1)\
         .filter(lambda doc: len(doc.keys()))\
         .map(add_a_field)\
         .map(doc_to_tuple)\
         .filter(len)
rdd2 = sc.mongoRDD(database_uri2)\
         .map(select_certain_fields2)\
         .filter(lambda doc: len(doc.keys()))\
         .map(add_a_field)\
         .map(doc_to_tuple)\
         .filter(len)
rdd3 = sc.mongoRDD(database_uri3)\
         .map(select_certain_fields3)\
         .filter(lambda doc: len(doc.keys()))\
         .map(add_a_field)\
         .map(doc_to_tuple)\
         .filter(len)
df1 = sqlContext.createDataFrame(rdd1, schema)
df2 = sqlContext.createDataFrame(rdd2, schema)
df3 = sqlContext.createDataFrame(rdd3, schema)
df_all = df2.unionAll(df3).unionAll(df1)\
                   .dropDuplicates(['caseId', 'timestamp'])
df_all.write.format('com.databricks.spark.csv') \
    .save(hdfs_path + '/all_notes_1.csv')
&lt;/code&gt;&lt;/pre&gt;
&lt;p&gt;Thanks!&lt;/p&gt;</t>
  </si>
  <si>
    <t>2016-06-26 06:51:59.577000+00:00</t>
  </si>
  <si>
    <t>2016-06-26 20:00:35.987000+00:00</t>
  </si>
  <si>
    <t>2016-06-26 16:20:21.700000+00:00</t>
  </si>
  <si>
    <t>mongodb|apache-spark|pyspark|pymongo|bson</t>
  </si>
  <si>
    <t>Adding Server Client Event on my &lt;input&gt; tag ASP.NET</t>
  </si>
  <si>
    <t>&lt;p&gt;I need to trigger an event handler on my server side through this input tag&lt;/p&gt;
&lt;pre&gt;&lt;code&gt;&amp;lt;div id="ck-button"&amp;gt;
       &amp;lt;label&amp;gt;
          &amp;lt;input type="checkbox" runat="server" value="1" onserverchange="input_click" /&amp;gt;&amp;lt;span&amp;gt;red&amp;lt;/span&amp;gt;
       &amp;lt;/label&amp;gt;
    &amp;lt;/div&amp;gt;
&lt;/code&gt;&lt;/pre&gt;
&lt;p&gt;and i tried following code to capture event, but it is not firing &lt;code&gt;input_click&lt;/code&gt;.&lt;/p&gt;
&lt;pre&gt;&lt;code&gt; protected void input_click(object sender, EventArgs e)
{
    ScriptManager.RegisterStartupScript(this, GetType(), "alert", "alert('You have clicked the button!');", true);
}
&lt;/code&gt;&lt;/pre&gt;
&lt;p&gt;Thanks i really need help in this one.&lt;/p&gt;</t>
  </si>
  <si>
    <t>2014-10-25 08:39:27.957000+00:00</t>
  </si>
  <si>
    <t>2018-05-03 18:46:14.153000+00:00</t>
  </si>
  <si>
    <t>2014-10-25 09:27:46.103000+00:00</t>
  </si>
  <si>
    <t>asp.net|event-handling|server-side</t>
  </si>
  <si>
    <t>Magento: Regenerating the categories' URLs Programatically</t>
  </si>
  <si>
    <t>&lt;p&gt;I had created some categories programatically. It seems like some of the category's URLs could not be created in URL rewrite table, although each category already contains a URL key.&lt;/p&gt;
&lt;p&gt;I tried to update the category but still URL rewrite manager missing some categories.&lt;/p&gt;
&lt;p&gt;Is it possible to regenerate the URLs of all the categories ? &lt;/p&gt;
&lt;p&gt;I can't delete the categories since lots of products have already been added and attached to those categories.&lt;/p&gt;
&lt;p&gt;Thanks&lt;/p&gt;</t>
  </si>
  <si>
    <t>2013-08-03 20:25:12.577000+00:00</t>
  </si>
  <si>
    <t>2013-08-05 10:06:01.947000+00:00</t>
  </si>
  <si>
    <t>php|magento|magento-1.7</t>
  </si>
  <si>
    <t>Smarty Arithmetic Operations</t>
  </si>
  <si>
    <t>&lt;p&gt;I have a for loop and want to display on the smarty page with some arithmetic manipulations&lt;/p&gt;
&lt;pre&gt;&lt;code&gt;&amp;lt;tr&amp;gt;
    &amp;lt;td&amp;gt;{$_available_stockDataList[mcrList].main_category}&amp;lt;/td&amp;gt;
    &amp;lt;td&amp;gt;{$_available_stockDataList[mcrList].category}&amp;lt;/td&amp;gt;
    &amp;lt;td&amp;gt;{$_available_stockDataList[mcrList].name}&amp;lt;/td&amp;gt;
    &amp;lt;td&amp;gt;{$_available_stockDataList[mcrList].stock-$_available_stockDataList[mcrList].deliver}&amp;lt;/td&amp;gt;
    &amp;lt;td&amp;gt;{$_available_stockDataList[mcrList].price}&amp;lt;/td&amp;gt;
    &amp;lt;td&amp;gt;{math equation="( x * z )" x=$_available_stockDataList[mcrList].stock-$_available_stockDataList[mcrList].deliver  z=$_available_stockDataList[mcrList].price}&amp;lt;/td&amp;gt;
&amp;lt;/tr&amp;gt;
&lt;/code&gt;&lt;/pre&gt;
&lt;p&gt;for last cell I used smarty math tag.
When $_available_stockDataList[mcrList].price is zero it is getting error.parameter z is empty&lt;/p&gt;
&lt;p&gt;How can I fix this?&lt;/p&gt;</t>
  </si>
  <si>
    <t>2013-08-18 10:09:54.773000+00:00</t>
  </si>
  <si>
    <t>2013-10-06 13:51:00.183000+00:00</t>
  </si>
  <si>
    <t>2013-08-18 10:17:37.123000+00:00</t>
  </si>
  <si>
    <t>html|smarty</t>
  </si>
  <si>
    <t>Prototype inheritance</t>
  </si>
  <si>
    <t>&lt;p&gt;I have done a simple prototype inheritance in java script, here I am passing two parameters title and pays (true or false) if i pass true i am getting "Angular Yes" result but if pass a pays value false i am getting "NaN no" result instead of "HTMl no" i want to print HTMl no&lt;/p&gt;
&lt;pre&gt;&lt;code&gt;//Base Class creation
        var job = function () {
            this.pays = true
        }
        job.prototype.print = function () {
            console.log(this.pays ? 'yse' : 'no')
        }
        //Sub Class creation
        var techjob = function (title, pays) {
            job.call(this);
            this.title = title;
            this.pays = pays;
        }
        techjob.prototype = Object.create(job.prototype);
        techjob.prototype.constructor = techjob;
        job.prototype.print = function () {
            console.log(this.pays ? this.title + " " + 'yes' : + this.title + " " + 'no')
        }
        var subject1 = new techjob("Angular", true);
        var subject2 = new techjob("HTMl", false);
        console.log(subject1.print())
        console.log(subject2.print())
        Result
        Angular yes
        NaN no
&lt;/code&gt;&lt;/pre&gt;</t>
  </si>
  <si>
    <t>2016-06-16 12:15:55.710000+00:00</t>
  </si>
  <si>
    <t>2016-06-16 12:21:47.063000+00:00</t>
  </si>
  <si>
    <t>javascript|oop</t>
  </si>
  <si>
    <t>Android TCP connection best practice</t>
  </si>
  <si>
    <t>&lt;p&gt;I am working on an Android application that requires a TCP connection to a TCP server(Written in Node.js)&lt;/p&gt;
&lt;p&gt;My Android TCP client is working an can send messages back and forth.&lt;/p&gt;
&lt;p&gt;My spesific questions is: &lt;/p&gt;
&lt;ol&gt;
&lt;li&gt;What is the best way to handle a TCP connection to a server in Android ?&lt;/li&gt;
&lt;li&gt;How to maintain the connection(close the connection properly on onDestroy() etc) ?&lt;/li&gt;
&lt;li&gt;Is there any bether way then using an AsyncTask(Except a normal Thread class, which is not allowed in Android 4.0)&lt;/li&gt;
&lt;/ol&gt;
&lt;p&gt;I have my socket connection in an AsyncTask like this:&lt;/p&gt;
&lt;pre&gt;&lt;code&gt;@Override
protected Void doInBackground(Void... params) {
        try {
            Log.d("TCP_MESSAGE", "Connecting...");
                socket = new Socket(MY_LOCAL_IP, 8080);
                dataOutput = new DataOutputStream(socket.getOutputStream());
                inputstream = new InputStreamReader(socket.getInputStream());
                input = new BufferedReader(inputstream);
            while (!canceled) {
                String message = input.readLine();
                handleMessage(message);
            }
        } catch (Exception e) {
            e.printStackTrace();
        }
    }
    return null;
}
&lt;/code&gt;&lt;/pre&gt;
&lt;p&gt;The reason i have the connection in an AsyncTask is because i am using android 4.0 and are not allowed to have network code in a regular Thread.&lt;/p&gt;</t>
  </si>
  <si>
    <t>2012-10-19 13:15:55.763000+00:00</t>
  </si>
  <si>
    <t>2012-11-19 11:42:44.773000+00:00</t>
  </si>
  <si>
    <t>android|tcp|tcpclient</t>
  </si>
  <si>
    <t>get result of table 1 based on table 2</t>
  </si>
  <si>
    <t>&lt;p&gt;my query is this : &lt;/p&gt;
&lt;pre&gt;&lt;code&gt;SELECT
    id, 
    IF(allotment_type = 'Agent', COUNT(allotment_type), 0) AS total 
FROM vip_allotment 
WHERE
    (SELECT 
        date_from,
        date_to 
     FROM date_total 
     WHERE
        date_from &amp;gt;= '$date_1' 
        AND date_to &amp;lt;= '$date_2' ) 
&lt;/code&gt;&lt;/pre&gt;
&lt;p&gt;I have a table named &lt;code&gt;vip_allotment&lt;/code&gt; and I want the result to be based on date on another table named &lt;code&gt;date_total&lt;/code&gt; , I want to make sure the &lt;code&gt;date_from is &amp;gt;= $variable and date_to &amp;lt;= $variable2&lt;/code&gt; .&lt;/p&gt;
&lt;p&gt;The main problem is that I can't get result of a &lt;code&gt;table1&lt;/code&gt; based on &lt;code&gt;table2&lt;/code&gt; .&lt;/p&gt;
&lt;p&gt;NEW EDIT:&lt;/p&gt;
&lt;p&gt;vip_allotment fiels is:&lt;/p&gt;
&lt;pre&gt;&lt;code&gt;id
general_setting_id
ddate
timex
hotel_id
cr_by
emp_id
update_emp_id
notes
date_from
date_to
allotment_type
&lt;/code&gt;&lt;/pre&gt;
&lt;p&gt;date_total table :&lt;/p&gt;
&lt;pre&gt;&lt;code&gt;id
date_from
date_to
&lt;/code&gt;&lt;/pre&gt;</t>
  </si>
  <si>
    <t>2017-10-16 13:43:26.683000+00:00</t>
  </si>
  <si>
    <t>2017-10-16 15:41:57.677000+00:00</t>
  </si>
  <si>
    <t>2017-10-16 14:01:01.793000+00:00</t>
  </si>
  <si>
    <t>mysql|sql</t>
  </si>
  <si>
    <t>prepareForSegue called before UIButton Action event</t>
  </si>
  <si>
    <t>&lt;p&gt;Following is my code for button action event.&lt;/p&gt;
&lt;pre&gt;&lt;code&gt;-(IBAction)reportRepair{
    if(![Common hasReportRepairURL]){
        NSArray *forms = [[self delegate] getFormsForSection:@"REPORTREPAIR"];
        if(forms.count == 0){
            [self performSegueWithIdentifier:@"ReportRepairView" sender:self];
        }else if(forms.count == 1)
            [self getFormByFormID:[[forms objectAtIndex:0] intValue]];
        else
            [self performSegueWithIdentifier:@"FormsView" sender:self];
    }
}
&lt;/code&gt;&lt;/pre&gt;
&lt;p&gt;and prepareForSegue is as below:&lt;/p&gt;
&lt;pre&gt;&lt;code&gt;- (void) prepareForSegue:(UIStoryboardSegue *)segue sender:(id)sender
{
    if([[segue identifier] isEqualToString: @"RepairDetailView"]){
        RepairDetailViewController *dest = (RepairDetailViewController *) [segue destinationViewController];
        dest.job = self.selectedJob;
        dest.tenancy = self.tenancy;
    }else if([[segue identifier] isEqualToString: @"ReportRepairView"]){
        ReportRepairViewController *dest = (ReportRepairViewController *) [segue destinationViewController];
        dest.tenancy = self.tenancy;
    }else if([[segue identifier] isEqualToString: @"FormsView"]){
        FormsSearchViewController *dest = (FormsSearchViewController *) [segue destinationViewController];
        dest.allowedForms = [[self delegate] getFormsForSection:@"REPORTREPAIR"];
        dest.tenancy = self.tenancy;
        dest.formSectionType = @"REPORTREPAIR";
    }else if([[segue identifier] isEqualToString: @"FormView"]){
        FormViewController *dest = (FormViewController *) [segue destinationViewController];
        dest.form = self.form;
        dest.tenancy = self.tenancy;
        dest.formSectionType = @"REPORTREPAIR";
    }
    else if([[segue identifier] isEqualToString: @"RepairsWebView"]){
        WebViewController *dest = (WebViewController *) [segue destinationViewController];
        dest.siteURL = [Common getReportRepairURL:self.tenancy];
        dest.screenTitle = AGLocalizedString(@"Report a Repair", @"Report a Repair");
    }
}
&lt;/code&gt;&lt;/pre&gt;
&lt;p&gt;when I debug the code it is know to me, that prepareForSegue method is called before Action event. Due to this, For UI point of view, I am facing some abnormal behaviour in my application.&lt;/p&gt;</t>
  </si>
  <si>
    <t>2018-11-28 12:19:53.590000+00:00</t>
  </si>
  <si>
    <t>2018-11-28 12:45:42.170000+00:00</t>
  </si>
  <si>
    <t>ios|objective-c|ibaction</t>
  </si>
  <si>
    <t>Running a code before any operating systems is booted?</t>
  </si>
  <si>
    <t>&lt;p&gt;Is there a way to write a code that may run when System starts while a operating system is not loaded?&lt;/p&gt;
&lt;p&gt;I actually want to copy data of a particular partition, sector by sector, into another partition with the help of that code. &lt;/p&gt;</t>
  </si>
  <si>
    <t>2009-12-21 09:27:55.370000+00:00</t>
  </si>
  <si>
    <t>2009-12-21 16:03:06.203000+00:00</t>
  </si>
  <si>
    <t>Usman</t>
  </si>
  <si>
    <t>windows|linux|operating-system</t>
  </si>
  <si>
    <t>Embed a file into EXE file in VB6</t>
  </si>
  <si>
    <t>&lt;p&gt;I am trying to make a setup program in VB6 that will install all the files that are required for the program.&lt;/p&gt;
&lt;p&gt;I use a CSV file to store data and read it using:&lt;/p&gt;
&lt;pre&gt;&lt;code&gt;file="C:\users\admin\desktop\table.csv"
Open file For Input As fnum
&lt;/code&gt;&lt;/pre&gt;
&lt;p&gt;However the EXE file cannot be executed on another laptop as I get the error "&lt;code&gt;file not found&lt;/code&gt;".&lt;/p&gt;
&lt;p&gt;So: &lt;strong&gt;how to embed this CSV document into the .EXE file so that the program can run on any Windows PC&lt;/strong&gt;?&lt;/p&gt;</t>
  </si>
  <si>
    <t>2012-08-10 06:49:12.317000+00:00</t>
  </si>
  <si>
    <t>2017-05-16 15:48:56.667000+00:00</t>
  </si>
  <si>
    <t>vb6|embed|exe</t>
  </si>
  <si>
    <t>Datagridview Example using Linq to Entities</t>
  </si>
  <si>
    <t>&lt;p&gt;i want to know about insert/update/delete with validation in datagridview using linq to entities.
please if you know about any link about it,post it.&lt;/p&gt;
&lt;p&gt;Thanks in advance.&lt;/p&gt;</t>
  </si>
  <si>
    <t>2012-03-15 04:48:49.183000+00:00</t>
  </si>
  <si>
    <t>2012-03-15 11:35:32.687000+00:00</t>
  </si>
  <si>
    <t>entity-framework|datagridview|linq-to-entities</t>
  </si>
  <si>
    <t>iOS app development (iPad) : Does Swift support self designed GUI and openGL?</t>
  </si>
  <si>
    <t>&lt;p&gt;I am a beginner of iOS app development. I have already finished a program in Windows using Qt with openGL. Now I'm going to develop an iOS version, exactly iPad. However, they are quite different.&lt;/p&gt;
&lt;p&gt;I plan to use Xcode and Swift to develop the iOS version. And I'm wondering whether Swift support self designed GUI, like CSS, and openGL. They are both necessary part of my app. &lt;/p&gt;
&lt;p&gt;If not, is there any powerful GUI design tools for iOS app?&lt;/p&gt;
&lt;p&gt;Thanks.&lt;/p&gt;</t>
  </si>
  <si>
    <t>2015-08-26 07:57:43.460000+00:00</t>
  </si>
  <si>
    <t>2017-04-18 11:38:42.857000+00:00</t>
  </si>
  <si>
    <t>ios|swift|ipad</t>
  </si>
  <si>
    <t>zsh vcs_info per repo configuration</t>
  </si>
  <si>
    <t>&lt;p&gt;Im trying to disable check-for-changes style in specyfic huge repository due to poor performance. Im trying to this:&lt;/p&gt;
&lt;pre&gt;&lt;code&gt;zstyle :vcs_info:git:* check-for-changes true
zstyle :vcs_info:git:*:huge_repo1 check-for-changes false
zstyle :vcs_info:git:*:huge_repo2 check-for-changes false
&lt;/code&gt;&lt;/pre&gt;
&lt;p&gt;but it doesn't work, while this:&lt;/p&gt;
&lt;pre&gt;&lt;code&gt;zstyle :vcs_info:git:*:huge_repo1 formats foo
&lt;/code&gt;&lt;/pre&gt;
&lt;p&gt;replaces format as intended
Is there any way to disable &lt;code&gt;check-for-changes&lt;/code&gt; for specyfic repo properly?&lt;/p&gt;</t>
  </si>
  <si>
    <t>2014-10-29 13:36:36.987000+00:00</t>
  </si>
  <si>
    <t>2015-01-22 20:23:07.430000+00:00</t>
  </si>
  <si>
    <t>git|version-control|zsh</t>
  </si>
  <si>
    <t>remove values in one array from another</t>
  </si>
  <si>
    <t>&lt;p&gt;Anyone know how I can remove values in one array from another, without using ArrayList? I'd think this has been asked before, but I could only find solutions using ArrayList.&lt;/p&gt;
&lt;p&gt;For example&lt;/p&gt;
&lt;pre&gt;&lt;code&gt;int[] set01 = {1, 2, 3, 4, 5, 6};
int[] set02 = {1, 2};
int[] set03;
//function to remove set02 from set01, yielding set03
//set03 = {3, 4, 5, 6}
&lt;/code&gt;&lt;/pre&gt;
&lt;p&gt;an extract from the actual script:&lt;/p&gt;
&lt;pre&gt;&lt;code&gt;//just a placeholder, length of 'ptSet' is variable
//these are point coordinates {x, y} - the actual values don't matter
float[][] ptSet = new float[100][2];
//populate ptSet with 100 points
//'set02' of original question
int[] cchOrdered = {1, 12, 22, 32, 54};
//'set03' of original question
int[] eligiblePts = new int[0];
//compare 'cchPts' with 'ptSet'
for (int j = 0; j &amp;lt; ptSet.length; j++) {
  for (int k = 0; k &amp;lt; cchOrdered.length; k++) {
    //this doesn't work, as the nested loop invalidates any duplicate checks
    if (!(cchOrdered[k] == j)){
      eligiblePts = (int[]) append(eligiblePts, j);
    }
  }
}
&lt;/code&gt;&lt;/pre&gt;
&lt;p&gt;again, sorry if my code is not as clean as it could be... still learning here :S&lt;/p&gt;</t>
  </si>
  <si>
    <t>2018-05-08 03:13:02.500000+00:00</t>
  </si>
  <si>
    <t>2018-05-08 05:47:49.077000+00:00</t>
  </si>
  <si>
    <t>2018-05-08 03:47:01.987000+00:00</t>
  </si>
  <si>
    <t>java|arrays</t>
  </si>
  <si>
    <t>How to work with a git patch file and how to tell git bash I want to use a diff tool?</t>
  </si>
  <si>
    <t>&lt;p&gt;I am at a beginner level using Git.&lt;/p&gt;
&lt;p&gt;I have these two branches:&lt;/p&gt;
&lt;pre&gt;&lt;code&gt;develop
*test
&lt;/code&gt;&lt;/pre&gt;
&lt;p&gt;I am on test now and I want to rebase develop, so I did&lt;/p&gt;
&lt;pre&gt;&lt;code&gt;git rebase develop
&lt;/code&gt;&lt;/pre&gt;
&lt;p&gt;There were some merge conflicts, so git told me that it created a patch file in .git/rebase-apply/patch&lt;/p&gt;
&lt;p&gt;I opened that file and I saw a bunch of conflicts there.
What do I do next?&lt;/p&gt;
&lt;p&gt;How to make git bash open a git diff tool next time it encounters merge conflicts? Which diff tool should I install for windows?&lt;/p&gt;
&lt;p&gt;EDIT:&lt;/p&gt;
&lt;p&gt;So this is a part of the &lt;code&gt;patch&lt;/code&gt; file:&lt;/p&gt;
&lt;pre&gt;&lt;code&gt;diff --git a/app/src/main/java/com/example/android/app/MainActivity.java 
b/app/src/main/java/com/example/android/app/MainActivity.java
index 36c85c8d1f780dd7b0a6dacada717524e95bf7d4..174badb785e6f28b0d9ecd32164a7153b5f2acd5 100755
--- a/app/src/main/java/com/example/android/app/MainActivity.java
+++ b/app/src/main/java/com/example/android/app/MainActivity.java
@@ -393,7 +393,7 @@ public class MainActivity extends BaseActivity
      */
     public void showLoginFragment(boolean setAsActive) {
-        showFragment(LoginFragment_.builder().setAsActive(setAsActive)
+        showFragment(LandingFragment_.builder().setAsActive(setAsActive)
                 , true
                 , "login"
                 , true
&lt;/code&gt;&lt;/pre&gt;
&lt;p&gt;Suppose I want to remove the LoginFragment line and leave the LandingFragment line, I have to delete the entire line(along with the - sign) and then save the file, right?&lt;/p&gt;
&lt;p&gt;EDIT2: Turns out I have kdiff installed. How do I tell Git to use it instead of making me go through a patch file?&lt;/p&gt;</t>
  </si>
  <si>
    <t>2016-03-10 09:21:31.513000+00:00</t>
  </si>
  <si>
    <t>2016-03-10 09:34:53.370000+00:00</t>
  </si>
  <si>
    <t>WhiteLabel Erro Page</t>
  </si>
  <si>
    <t>&lt;p&gt;I'm facing the following problem. My application is not able to identify the attributes of the User object. I get the following error:&lt;/p&gt;
&lt;p&gt;&lt;img src="https://i.stack.imgur.com/uCYyc.png" alt="Error"&gt;&lt;/p&gt;
&lt;p&gt;My login.html&lt;/p&gt;
&lt;p&gt;&lt;div class="snippet" data-lang="js" data-hide="false" data-console="true" data-babel="false"&gt;_x000D_
&lt;div class="snippet-code"&gt;_x000D_
&lt;pre class="snippet-code-html lang-html prettyprint-override"&gt;&lt;code&gt;&amp;lt;!DOCTYPE HTML&amp;gt;_x000D_
&amp;lt;html xmlns="http://www.w3.org/1999/xhtml" xmlns:th="http://www.thymeleaf.org" &amp;gt;_x000D_
  &amp;lt;head&amp;gt;_x000D_
      &amp;lt;title&amp;gt;Gamester&amp;lt;/title&amp;gt;_x000D_
      &amp;lt;meta charset="utf-8" /&amp;gt;_x000D_
      &amp;lt;link rel="stylesheet" th:href="@{css/style.css}" /&amp;gt;_x000D_
      &amp;lt;link rel="stylesheet" href="https://bootswatch.com/yeti/bootstrap.min.css" /&amp;gt;_x000D_
   &amp;lt;link rel="shortcut icon" th:href="@{images/favicon.ico}" type="image/x-icon" /&amp;gt;_x000D_
  &amp;lt;/head&amp;gt;_x000D_
  &amp;lt;body&amp;gt;_x000D_
    &amp;lt;nav class="navbar navbar-default"&amp;gt;_x000D_
      &amp;lt;div class="container-fluid"&amp;gt;_x000D_
        &amp;lt;div class="navbar-header"&amp;gt;_x000D_
            &amp;lt;img alt="Brand" th:src="@{images/logo.png}" /&amp;gt;_x000D_
        &amp;lt;/div&amp;gt;_x000D_
        &amp;lt;span class="navbar-text" style="font-size:22px"&amp;gt;Gamester&amp;lt;/span&amp;gt;_x000D_
      &amp;lt;/div&amp;gt;_x000D_
        &amp;lt;!-- FORMULARIO DE LOGIN --&amp;gt;_x000D_
   &amp;lt;div class="form-login"&amp;gt;_x000D_
          &amp;lt;form th:action="@{/login}" method="POST"&amp;gt;_x000D_
                &amp;lt;input type="text" class="form-control form-control-login" id="inputEmail" name="username" placeholder="Email" /&amp;gt;_x000D_
                &amp;lt;input type="password" class="form-control form-control-login" id="inputPassword" name="password" placeholder="Password" /&amp;gt;_x000D_
                &amp;lt;button class="btn btn-default btn-lg btn-block form-control-login" id="inputEnviarLogin"&amp;gt;Sign in&amp;lt;/button&amp;gt;_x000D_
          &amp;lt;/form&amp;gt;_x000D_
           &amp;lt;div class="alert alert-danger" th:if="${param.error}"&amp;gt;_x000D_
                Usuario ou Senha Incorretos_x000D_
                &amp;lt;strong th:text="${param.error[0]}"&amp;gt;&amp;lt;/strong&amp;gt;_x000D_
            &amp;lt;/div&amp;gt;_x000D_
    &amp;lt;/div&amp;gt;_x000D_
    &amp;lt;/nav&amp;gt;_x000D_
_x000D_
 &amp;lt;div class="gamification"&amp;gt;_x000D_
 _x000D_
 &amp;lt;img th:src="@{images/lateral.jpg}" /&amp;gt;_x000D_
 _x000D_
 &amp;lt;/div&amp;gt;_x000D_
 _x000D_
 _x000D_
 _x000D_
    &amp;lt;!--FORMULARIO DE CADASTRO --&amp;gt;_x000D_
    &amp;lt;div class="login-home"&amp;gt;_x000D_
      &amp;lt;form class="form-horizontal" th:action="@{/usuario}" th:object="${usuario}" method="POST"&amp;gt;_x000D_
              &amp;lt;input type="hidden" th:field="*{idUsuario}" /&amp;gt;_x000D_
          &amp;lt;fieldset&amp;gt;_x000D_
            &amp;lt;legend&amp;gt;Cadastre-se&amp;lt;/legend&amp;gt;_x000D_
            &amp;lt;div class="form-group"&amp;gt;_x000D_
              &amp;lt;div class="col-lg-10"&amp;gt;_x000D_
                &amp;lt;input type="text" class="form-control" th:field="*{nome}" placeholder="Nome" /&amp;gt;_x000D_
              &amp;lt;/div&amp;gt;_x000D_
            &amp;lt;/div&amp;gt;_x000D_
            &amp;lt;div class="form-group"&amp;gt;_x000D_
              &amp;lt;div class="col-lg-10"&amp;gt;_x000D_
                &amp;lt;input type="text" class="form-control" th:field="*{email}" placeholder="Email" /&amp;gt;_x000D_
              &amp;lt;/div&amp;gt;_x000D_
            &amp;lt;/div&amp;gt;_x000D_
            &amp;lt;div class="form-group"&amp;gt;_x000D_
              &amp;lt;div class="col-lg-10"&amp;gt;_x000D_
                &amp;lt;input type="text" class="form-control" placeholder="Reinsira o Email" /&amp;gt;_x000D_
              &amp;lt;/div&amp;gt;_x000D_
            &amp;lt;/div&amp;gt;_x000D_
            _x000D_
            &amp;lt;p&amp;gt;_x000D_
                &amp;lt;button type="submit" class="btn btn-success"&amp;gt;Sign Up&amp;lt;/button&amp;gt;_x000D_
            &amp;lt;/p&amp;gt;_x000D_
            &amp;lt;div class="alert alert-success" th:if="${msg}"&amp;gt;_x000D_
                &amp;lt;strong&amp;gt;Sucesso!&amp;lt;/strong&amp;gt; &amp;lt;span th:text="${msg}"&amp;gt;&amp;lt;/span&amp;gt;_x000D_
            &amp;lt;/div&amp;gt;_x000D_
          &amp;lt;/fieldset&amp;gt;_x000D_
        &amp;lt;/form&amp;gt;_x000D_
    &amp;lt;/div&amp;gt;_x000D_
  &amp;lt;/body&amp;gt;_x000D_
&amp;lt;/html&amp;gt;&lt;/code&gt;&lt;/pre&gt;_x000D_
&lt;/div&gt;_x000D_
&lt;/div&gt;_x000D_
&lt;/p&gt;
&lt;p&gt;My Class Usuario. 
Object to be sent in form&lt;/p&gt;
&lt;pre&gt;&lt;code&gt; @Entity
       @Table(name = "USUARIO")
       public class Usuario implements Serializable {
    private static final long serialVersionUID = 1L;
    // @Max(value=?)  @Min(value=?)//if you know range of your decimal fields consider using these annotations to enforce field validation
    @Id
    @Basic(optional = false)
    @Column(name = "ID_USUARIO")
    @GeneratedValue(strategy = GenerationType.SEQUENCE, generator = "SEQ_USUARIO")
    @SequenceGenerator(name = "SEQ_USUARIO", sequenceName = "SEQ_USUARIO", allocationSize = 1)
    private Long idUsuario;
    @Size(min = 1, max = 255, message = "Maximo 255 caracteres")
    @Basic(optional = false)
    @Column(name = "NOME")
    private String nome;
    @Basic(optional = false)
    @Column(name = "EMAIL")
    private String email;
    @OneToMany(cascade = CascadeType.ALL, mappedBy = "idUsuario")
    private List&amp;lt;Postagem&amp;gt; postagens;
    @OneToMany(cascade = CascadeType.ALL, mappedBy = "idUsuario1")
    private List&amp;lt;Amizade&amp;gt; listaAmizade;
    @OneToMany(cascade = CascadeType.ALL, mappedBy = "idUsuario2")
    private List&amp;lt;Amizade&amp;gt; listaAmizade2;
    public Usuario() {
    }
    public Usuario(Long idUsuario) {
        this.idUsuario = idUsuario;
    }
    public Usuario(Long idUsuario, String nome, String email) {
        this.idUsuario = idUsuario;
        this.nome = nome;
        this.email = email;
    }
    public Long getIdUsuario() {
        return this.idUsuario;
    }
    public void setIdUsuario(Long idUsuario) {
        this.idUsuario = idUsuario;
    }
    public String getNome() {
        return this.nome;
    }
    public void setNome(String nome) {
        this.nome = nome;
    }
    public String getEmail() {
        return email;
    }
    public void setEmail(String email) {
        this.email = email;
    }
    public List&amp;lt;Postagem&amp;gt; getPostagens() {
        return postagens;
    }
    public void setPostagens(List&amp;lt;Postagem&amp;gt; postagens) {
        this.postagens = postagens;
    }
    public List&amp;lt;Amizade&amp;gt; getListaAmizade() {
        return listaAmizade;
    }
    public void setAmizadeList(List&amp;lt;Amizade&amp;gt; listaAmizade2) {
        this.listaAmizade2 = listaAmizade2;
    }
    public List&amp;lt;Amizade&amp;gt; getListaAmizade2(){
        return this.listaAmizade2;
    }
    public void setAmizadeList2(List&amp;lt;Amizade&amp;gt; listaAmizade2) {
        this.listaAmizade2 = listaAmizade2;
    }
    @Override
    public int hashCode() {
        int hash = 0;
        hash += (idUsuario != null ? idUsuario.hashCode() : 0);
        return hash;
    }
    @Override
    public boolean equals(Object object) {
        // TODO: Warning - this method won't work in the case the id fields are not set
        if (!(object instanceof Usuario)) {
            return false;
        }
        Usuario other = (Usuario) object;
        if ((this.idUsuario == null &amp;amp;&amp;amp; other.idUsuario != null) || (this.idUsuario != null &amp;amp;&amp;amp; !this.idUsuario.equals(other.idUsuario))) {
            return false;
        }
        return true;
    }
    @Override
    public String toString() {
        return "br.com.crescer.social.entity.Usuario[ idUsuario=" + idUsuario + " ]";
    }
}
&lt;/code&gt;&lt;/pre&gt;
&lt;p&gt;My Controller, must receive object and write to DB.&lt;/p&gt;
&lt;pre&gt;&lt;code&gt;@Controller
@RequestMapping("/usuario")
public class UsuarioController {
    @Autowired
    UsuarioServico usuarioServico;
    @RequestMapping(method = RequestMethod.POST)
    @ModelAttribute("Usuario")
    public String save(@Valid Usuario usuario, BindingResult bindingResult, RedirectAttributes redirectAttributes) {
        if (!bindingResult.hasErrors()) {
            usuarioServico.save(usuario);
            redirectAttributes.addFlashAttribute("msg", "Registro salvo com sucesso!");
            return "redirect:login";
        }
        return "login";
    }
}
&lt;/code&gt;&lt;/pre&gt;</t>
  </si>
  <si>
    <t>2016-12-11 10:56:31.587000+00:00</t>
  </si>
  <si>
    <t>2016-12-11 11:22:18.377000+00:00</t>
  </si>
  <si>
    <t>java|spring-mvc|thymeleaf</t>
  </si>
  <si>
    <t>How to define values for RegularGridInterpolator</t>
  </si>
  <si>
    <t>&lt;p&gt;I have n equal length arrays whose transpose corresponds to the coordinates in an n dimensional parameter space:&lt;/p&gt;
&lt;pre&gt;&lt;code&gt;x = np.array([800,800,800,800,900,900,900,900,900,1000,1000,1000,1000,1000])
y = np.array([4.5,5.0,4.5,5.0,4.5,5.0,5.5,5.0,5.5,4.5,5.0,5.5,5.0,5.5])
z = np.array([2,2,4,4,2,2,4,4,4,2,2,4,4,4])
&lt;/code&gt;&lt;/pre&gt;
&lt;p&gt;Each coordinate in parameter space also has a value:&lt;/p&gt;
&lt;pre&gt;&lt;code&gt;v = np.array([1,2,3,4,5,6,7,8,9,10,11,12,13,14])
&lt;/code&gt;&lt;/pre&gt;
&lt;p&gt;I want to interpolate between the grid points to get the &lt;code&gt;v&lt;/code&gt; value at given arbitrary &lt;code&gt;xyz&lt;/code&gt; coordinate, e.g. &lt;code&gt;[934,5.1,3.3]&lt;/code&gt;.&lt;/p&gt;
&lt;p&gt;I've been trying to use &lt;code&gt;scipy.RegularGridInterpolator&lt;/code&gt;, which takes &lt;code&gt;(x,y,z)&lt;/code&gt; as the first argument, but I can't figure out how to construct the second argument of the values at each point.&lt;/p&gt;
&lt;p&gt;Any suggestions would be greatly appreciated! Thanks!&lt;/p&gt;</t>
  </si>
  <si>
    <t>2015-08-13 01:40:00.090000+00:00</t>
  </si>
  <si>
    <t>2015-08-13 17:40:36.580000+00:00</t>
  </si>
  <si>
    <t>python|arrays|numpy|scipy|interpolation</t>
  </si>
  <si>
    <t>How can I tag just one Sentry event?</t>
  </si>
  <si>
    <t>&lt;p&gt;I want to report Sentry event with some specified tag, however I do not want to include this tag in future events.&lt;/p&gt;
&lt;p&gt;With the following code, I'm adding a tag and reporting event:&lt;/p&gt;
&lt;pre&gt;&lt;code&gt;Sentry.getContext().addTag("my_tag", "yes");
Sentry.capture("event happened");
&lt;/code&gt;&lt;/pre&gt;
&lt;p&gt;Then, after a while, another event occurs:&lt;/p&gt;
&lt;pre&gt;&lt;code&gt;Sentry.capture("another event happened"); // tag is included, but I don't want it
&lt;/code&gt;&lt;/pre&gt;
&lt;p&gt;I've tried removing tag by &lt;code&gt;Sentry.clearContext()&lt;/code&gt; but it clears all information, including breadcrumbs.&lt;/p&gt;
&lt;p&gt;I've also tried &lt;code&gt;Sentry.getContext().getTags().remove("my_tag");&lt;/code&gt; but, since tags are keept in &lt;code&gt;UnmodifiableMap&lt;/code&gt;, this operation just throws an exception.&lt;/p&gt;</t>
  </si>
  <si>
    <t>2017-08-23 10:10:51.633000+00:00</t>
  </si>
  <si>
    <t>2017-08-25 20:33:01.607000+00:00</t>
  </si>
  <si>
    <t>java|sentry</t>
  </si>
  <si>
    <t>How to change the email language format based on locale?</t>
  </si>
  <si>
    <t>&lt;p&gt;I am having different locales for countries, i am able to translate words for others but how to translate it for mailers?&lt;/p&gt;
&lt;p&gt;application.rb:&lt;/p&gt;
&lt;pre&gt;&lt;code&gt;config.i18n.load_path += Dir[Rails.root.join('config', 'locales', '**', '*.{rb,yml}')]
config.i18n.default_locale = 'en'
config.i18n.available_locales = ['en', 'fr']
&lt;/code&gt;&lt;/pre&gt;
&lt;p&gt;config/locales/mailers/en.yml:&lt;/p&gt;
&lt;pre&gt;&lt;code&gt;en:
  report_mailer:
    report_review:
      subject: 'Proof:'
&lt;/code&gt;&lt;/pre&gt;
&lt;p&gt;config/locales/mailers/fr.yml:&lt;/p&gt;
&lt;pre&gt;&lt;code&gt;fr:
  report_mailer:
    report_review:
      subject: '��PREUVE:'
&lt;/code&gt;&lt;/pre&gt;
&lt;p&gt;In application.rb file, I am mentioning locales as:&lt;/p&gt;
&lt;pre&gt;&lt;code&gt;config.i18n.available_locales = ['en', 'fr']
config.i18n.fallbacks = { 'fr' =&amp;gt; 'en'}
&lt;/code&gt;&lt;/pre&gt;
&lt;p&gt;In case of mail, I could not translate when locale is set to &lt;em&gt;fr&lt;/em&gt;, still it is taking to &lt;em&gt;en&lt;/em&gt;.&lt;/p&gt;
&lt;p&gt;app/mailers/report_mailer.rb:&lt;/p&gt;
&lt;pre&gt;&lt;code&gt;class ReportMailer &amp;lt; ActionMailer::Base
  after_filter :set_delivery_options
  def set_delivery_options
    if @sender and @sender.use_smtp_settings?
      message.delivery_method.settings.merge!(@sender.smtp_settings.to_settings)
    end
  end
end
&lt;/code&gt;&lt;/pre&gt;
&lt;p&gt;app/mailers/report_mailer.rb:&lt;/p&gt;
&lt;pre&gt;&lt;code&gt;class ReportMailer &amp;lt; ClientMailer
  def client_review(review, requestor, reviewer)
    @review       = review
    @sender       = requestor
    @reviewer     = reviewer 
      mail(
        to:      @reviewer.email,
        subject: t('report_mailer.report_review.subject',
        job:     review.job.name
      ) if !@reviewer.email.nil? &amp;amp;&amp;amp; @reviewer.email != ''
  end
end
&lt;/code&gt;&lt;/pre&gt;
&lt;p&gt;One of my senior suggested to add  &lt;em&gt;I18n.default_locale = @sender.account.locale&lt;/em&gt; or something like that set_delivery_options to ReportMailer. But didn't helped me.
So please help.&lt;/p&gt;</t>
  </si>
  <si>
    <t>2015-12-02 17:17:54.633000+00:00</t>
  </si>
  <si>
    <t>2015-12-09 14:58:43.807000+00:00</t>
  </si>
  <si>
    <t>2015-12-06 17:14:41.727000+00:00</t>
  </si>
  <si>
    <t>ruby-on-rails|delayed-job</t>
  </si>
  <si>
    <t>Multiple FileSystemWatchers to monitor same folder</t>
  </si>
  <si>
    <t>&lt;p&gt;I have an existing windows service that uses FileSystemWatcher object to monitor one folder. Now, I would like to create another windows service that uses the FileSystemWatcher object to monitor the same folder. So, can someone please clarify me on below questions ?&lt;/p&gt;
&lt;ol&gt;
&lt;li&gt;Is there a restriction on number of FileSystemWatchers monitoring the same folder ?&lt;/li&gt;
&lt;li&gt;how do we handle the file lock or access issues such as when one FileSystemWatcher is being written to the directory and the other is trying to read the same file ?&lt;/li&gt;
&lt;li&gt;Any other implications on this set-up?&lt;/li&gt;
&lt;/ol&gt;
&lt;p&gt;Regards,
Ram&lt;/p&gt;</t>
  </si>
  <si>
    <t>2016-05-04 11:08:31.857000+00:00</t>
  </si>
  <si>
    <t>2016-05-05 03:57:31.357000+00:00</t>
  </si>
  <si>
    <t>c#|.net|windows-services|filesystemwatcher</t>
  </si>
  <si>
    <t>How to skip deleted records in codeigniter database query</t>
  </si>
  <si>
    <t>&lt;p&gt;In a project, I'm displaying recently viewed/searched shop name for customers to access it quickly. I have deleted few shops directly from the database. While displaying the recently searched shop details, I'm getting this php error message "Trying to get property of non-object". Have pasted the code below. &lt;/p&gt;
&lt;pre&gt;&lt;code&gt;&amp;lt;?php if(user_logged_in()){ ?&amp;gt;
     &amp;lt;?php $recent = $this-&amp;gt;db-&amp;gt;select('user_id,shop_id')
                     -&amp;gt;where('user_id',get_session('userid'))
                     -&amp;gt;distinct('user_id')-&amp;gt;distinct('shop_id')
                     -&amp;gt;get('recent_view')-&amp;gt;result(); ?&amp;gt;
     &amp;lt;?php if(!empty($recent)){ ?&amp;gt;
           &amp;lt;div class="recent shop_list_area" &amp;gt;
                &amp;lt;span class="greypara grey"&amp;gt;Recent search&amp;lt;/span&amp;gt;
                &amp;lt;ul class="list-group"&amp;gt;
                    &amp;lt;?php foreach($recent as $k): ?&amp;gt;
                    &amp;lt;?php $shop = $this-&amp;gt;db-&amp;gt;where('id',$k-&amp;gt;shop_id)
                                  -&amp;gt;get('shop_list')-&amp;gt;row(); ?&amp;gt;
                    &amp;lt;?php $idfe = $this-&amp;gt;db-&amp;gt;where('user_id',$k-&amp;gt;user_id)
                                 -&amp;gt;where('shop_id',$shop-&amp;gt;id)-&amp;gt;get('feedback')-&amp;gt;row(); ?&amp;gt;
                    &amp;lt;?php if(empty($idfe)){ ?&amp;gt;
                    &amp;lt;?php if(!empty($shop)){ ?&amp;gt; 
&lt;/code&gt;&lt;/pre&gt;</t>
  </si>
  <si>
    <t>2018-05-13 10:27:47.703000+00:00</t>
  </si>
  <si>
    <t>2018-05-14 07:51:23.573000+00:00</t>
  </si>
  <si>
    <t>2018-05-13 11:00:47.763000+00:00</t>
  </si>
  <si>
    <t>php|codeigniter</t>
  </si>
  <si>
    <t>Cannot add or update a child row: a foreign key constraint fails</t>
  </si>
  <si>
    <t>&lt;p&gt;I am trying to implement many to many relationship with JPA. I have 3 tables:&lt;/p&gt;
&lt;p&gt;&lt;strong&gt;Korisnik (User)&lt;/strong&gt; with: id, username columns.
&lt;strong&gt;Tim (Team)&lt;/strong&gt; with: d, name, desc columns.
&lt;strong&gt;Korisnik_Tim&lt;/strong&gt;: korisnik_id, tim_id.&lt;/p&gt;
&lt;p&gt;Here are my entity classes:&lt;/p&gt;
&lt;p&gt;&lt;strong&gt;Korisnik class:&lt;/strong&gt;&lt;/p&gt;
&lt;pre&gt;&lt;code&gt;public class Korisnik implements Serializable, AbstractModelObject {
private static final long serialVersionUID = 1L;
@Id
@GeneratedValue(strategy = GenerationType.IDENTITY)
@Basic(optional = false)
@Column(name = "id")
private Integer id;
@Basic(optional = false)
@NotNull
@Lob
@Size(min = 1, max = 65535)
@Column(name = "username")
private String username;
@ManyToMany(mappedBy = "korisnikCollection", cascade = CascadeType.ALL)
private Collection&amp;lt;Tim&amp;gt; timCollection;
// Getters and setters
&lt;/code&gt;&lt;/pre&gt;
&lt;p&gt;Here is &lt;strong&gt;Tim&lt;/strong&gt; class:&lt;/p&gt;
&lt;pre&gt;&lt;code&gt;public class Tim implements Serializable, AbstractModelObject {
private static final long serialVersionUID = 1L;
@Id
@GeneratedValue(strategy = GenerationType.IDENTITY)
@Basic(optional = false)
@Column(name = "id")
private Integer id;
@Basic(optional = false)
@NotNull
@Lob
@Size(min = 1, max = 65535)
@Column(name = "name")
private String name;
@Lob
@Size(max = 65535)
@Column(name = "opis")
private String opis;
  @JoinTable(name = "tim_korisnik", joinColumns = {
    @JoinColumn(name = "korisnik_id", referencedColumnName = "id")}, inverseJoinColumns = {
    @JoinColumn(name = "tim_id", referencedColumnName = "id")})
@ManyToMany(cascade = CascadeType.ALL, fetch = FetchType.EAGER)
 private Collection&amp;lt;Korisnik&amp;gt; korisnikCollection;
&lt;/code&gt;&lt;/pre&gt;
&lt;p&gt;In the front end, I am trying to add team and also add a few users to that team.&lt;/p&gt;
&lt;pre&gt;&lt;code&gt; public void save(){
    tim = new Tim();
    tim.setName(name);
    tim.setOpis(desc);
    tim.setKorisnikCollection(selectUsers);
    databaseBroker.save(tim);
 }
&lt;/code&gt;&lt;/pre&gt;
&lt;p&gt;Here I am trying to save data to db.&lt;/p&gt;
&lt;pre&gt;&lt;code&gt;@Override
public void save(AbstractModelObject amo) {
    try{
        em.merge(amo);
    } catch (Exception e){
        System.err.println(e.getLocalizedMessage());
    }     
}
&lt;/code&gt;&lt;/pre&gt;
&lt;p&gt;Here is expcetion:&lt;/p&gt;
&lt;pre&gt;&lt;code&gt;Internal Exception: com.mysql.jdbc.exceptions.jdbc4.MySQLIntegrityConstraintViolationException: Cannot add or update a child row: a foreign key constraint fails (`nst`.`tim_korisnik`, CONSTRAINT `fk_korisnik` FOREIGN KEY (`korisnik_id`) REFERENCES `korisnik` (`id`) ON UPDATE CASCADE)
Error Code: 1452
Call: INSERT INTO tim_korisnik (tim_id, korisnik_id) VALUES (?, ?)
bind =&amp;gt; [2 parameters bound]
Query: DataModifyQuery(name="korisnikCollection" sql="INSERT INTO tim_korisnik (tim_id, korisnik_id) VALUES (?, ?)")
&lt;/code&gt;&lt;/pre&gt;
&lt;p&gt;&lt;strong&gt;UPDATE&lt;/strong&gt;:
I tried this also, but no effect.&lt;/p&gt;
&lt;pre&gt;&lt;code&gt; public void save(){
    tim = new Tim();
    tim.setName(name);
    tim.setOpis(desc);
    for(int i=0;i&amp;lt;selectUsers.size();i++){
        selectUsers.get(i).setTimCollection(Arrays.asList(tim));
    }
    tim.setKorisnikCollection(usersList);
    databaseBroker.save(tim);
}
&lt;/code&gt;&lt;/pre&gt;</t>
  </si>
  <si>
    <t>2016-05-13 13:30:34.267000+00:00</t>
  </si>
  <si>
    <t>2016-05-13 14:10:17.397000+00:00</t>
  </si>
  <si>
    <t>jpa|foreign-keys|many-to-many|integrity</t>
  </si>
  <si>
    <t>Sed to replace certain number of occurences</t>
  </si>
  <si>
    <t>&lt;p&gt;I have the replace sed script below and it works for the first occurrence of every line but I'm trying to make it work for the first 2 occurrences per line instead of one (/1) or the whole line (/g):&lt;/p&gt;
&lt;pre&gt;&lt;code&gt;sed -r '2,$s/(^ *|, *)([a-z])/\1\U\2/1' 
&lt;/code&gt;&lt;/pre&gt;
&lt;p&gt;Is there any way to do that either by combining sed commands or creating a script?&lt;/p&gt;</t>
  </si>
  <si>
    <t>2015-03-17 14:23:00.687000+00:00</t>
  </si>
  <si>
    <t>2015-03-17 14:48:49.640000+00:00</t>
  </si>
  <si>
    <t>sed</t>
  </si>
  <si>
    <t>Retrieve notification type from userNotificationCenter:didReceiveNotificationResponse:withCompletionHandler:</t>
  </si>
  <si>
    <t>&lt;p&gt;Is there any way to retrieve what type (&lt;code&gt;local&lt;/code&gt; or &lt;code&gt;remote&lt;/code&gt;) notification fired &lt;code&gt;userNotificationCenter:didReceiveNotificationResponse:withCompletionHandler:&lt;/code&gt; ?&lt;/p&gt;
&lt;p&gt;I'm working on some kind of internal analytics module for my apps. In the each app I need to send to our analytics server specific information from notification userInfo and notification type (local or remote).&lt;/p&gt;
&lt;p&gt;To get &lt;code&gt;userInfo&lt;/code&gt; I'm using the following code:&lt;/p&gt;
&lt;pre&gt;&lt;code&gt;- (void)userNotificationCenter:(UNUserNotificationCenter *)center didReceiveNotificationResponse:(UNNotificationResponse *)response withCompletionHandler:(void(^)())completionHandler {
    NSDictionary *userInfo = response.notification.request.content.userInfo;
    //app-specific logic goes here
    }
&lt;/code&gt;&lt;/pre&gt;
&lt;p&gt;Of course when scheduling local notification, I can add specific parameter (to each app) to the &lt;code&gt;userInfo&lt;/code&gt; to retrieve notification type. But might be more &lt;em&gt;clear&lt;/em&gt; way exists to do what I want.&lt;/p&gt;</t>
  </si>
  <si>
    <t>2017-07-14 15:32:17.520000+00:00</t>
  </si>
  <si>
    <t>2017-07-18 10:30:21.293000+00:00</t>
  </si>
  <si>
    <t>ios|objective-c|notifications|unnotificationrequest</t>
  </si>
  <si>
    <t>401 error showing while requesting access token in my twitter application for a website</t>
  </si>
  <si>
    <t>&lt;p&gt;i am developing my first twitter application.i managed to get request_token and i successfully redirected after the twitter login.But my problem is i cant get the access token it showing 401 response.&lt;/p&gt;
&lt;pre&gt;&lt;code&gt;session_start();
require_once('tmhOAuth.php');
$connection = new tmhOAuth(array(
'consumer_key' =&amp;gt; '****',
'consumer_secret' =&amp;gt; '****'
 ));
$connection-&amp;gt;request('POST',$connection-&amp;gt;url('oauth/request_token',""),array('oauth_callback' =&amp;gt;"http://www.123.in/twitter/twitterin.php"));
$result=$connection-&amp;gt;extract_params($connection-&amp;gt;response['response']);
$_SESSION['oauth_token']=$result['oauth_token'];
$_SESSION['oauth_token_secret']=$result['oauth_token_secret'];
$url='https://api.twitter.com/oauth/authenticate?oauth_token='.$result['oauth_token'];
header("Location:". $url);
&lt;/code&gt;&lt;/pre&gt;
&lt;p&gt;this above code worked fine but at the redirect page twitter/twitterin.php&lt;/p&gt;
&lt;pre&gt;&lt;code&gt;session_start();
require_once('tmhOAuth.php');
$connection = new tmhOAuth(array(
'consumer_key' =&amp;gt; '****',
'consumer_secret' =&amp;gt; '****'
 ));
$oauth_token=$_GET['oauth_token'];
$oauth_verifier=$_GET['oauth_verifier'];
 $connection-&amp;gt;config["user_token"]=$_SESSION['oauth_token'];
 $connection-&amp;gt;config["oauth_token_secret"]=$_SESSION['oauth_token_secret'];
$connection-&amp;gt;request("POST", $connection-      &amp;gt;url("oauth/access_token",""),array("oauth_verifier"=&amp;gt;$oauth_verifier));
var_dump($connection-&amp;gt;response);
&lt;/code&gt;&lt;/pre&gt;
&lt;p&gt;I am getting 401 error as response&lt;/p&gt;
&lt;p&gt;///&lt;/p&gt;
&lt;pre&gt;&lt;code&gt;array(7) {
  ["raw"]=&amp;gt;
   string(1030) "HTTP/1.1 401 Unauthorized
Date: Fri, 21 Dec 2012 06:24:19 GMT
Status: 401 Unauthorized
Last-Modified: Fri, 21 Dec 2012 06:24:19 GMT
 Cache-Control: no-cache, no-store, must-revalidate, pre-check=0, post-check=0
X-Transaction: a661a742c22b99be
Content-Type: text/html; charset=utf-8
X-MID: 9a96b4c8e27ef14ac86e72706ccd42c44121b507
X-Frame-Options: SAMEORIGIN
X-Runtime: 0.01811
Pragma: no-cache
Expires: Tue, 31 Mar 1981 05:00:00 GMT
Set-Cookie: k=10.35.51.118.1356071059097811; path=/; expires=Fri, 28-Dec-12 06:24:19        GMT; domain=.twitter.com
Set-Cookie: guest_id=v1%3A13560710591072098; domain=.twitter.com; path=/; expires=Sun,   21-Dec-2014 18:24:19 GMT
Set-Cookie:    _twitter_sess=BAh7CCIKZmxhc2hJQzonQWN0aW9uQ29udHJvbGxlcjo6Rmxhc2g6OkZsYXNo%250ASGFzaHsABjoK     QHVzZWR7ADoHaWQiJThiOGE1OGQ3NTM4NTNlNTFmMmU1OGM3%250ANjliMDkxZjVkOg9jcmVhdGVkX2F0bCsIpD4ivDsB--c080621b27b01e102bd15dd85e14c984242127f8; domain=.twitter.com; path=/; HttpOnly
Vary: Accept-Encoding
Content-Encoding: gzip
Content-Length: 21
&lt;/code&gt;&lt;/pre&gt;
&lt;p&gt;Server: tfe&lt;/p&gt;
&lt;pre&gt;&lt;code&gt; "
   ["headers"]=&amp;gt;
   array(18) {
    ["HTTP/1.1 401 Unauthorized"]=&amp;gt;
    string(0) ""
    ["Date"]=&amp;gt;
    string(29) "Fri, 21 Dec 2012 06:24:19 GMT"
    ["Status"]=&amp;gt;
    string(16) "401 Unauthorized"
    ["Last-Modified"]=&amp;gt;
    string(29) "Fri, 21 Dec 2012 06:24:19 GMT"
    ["Cache-Control"]=&amp;gt;
     string(62) "no-cache, no-store, must-revalidate, pre-check=0, post-check=0"
    ["X-Transaction"]=&amp;gt;
    string(16) "a661a742c22b99be"
    ["Content-Type"]=&amp;gt;
    string(24) "text/html; charset=utf-8"
    ["X-MID"]=&amp;gt;
    string(40) "9a96b4c8e27ef14ac86e72706ccd42c44121b507"
    ["X-Frame-Options"]=&amp;gt;
   string(10) "SAMEORIGIN"
    ["X-Runtime"]=&amp;gt; 
    string(7) "0.01811"
    ["Pragma"]=&amp;gt;
    string(8) "no-cache"
    ["Expires"]=&amp;gt;
   string(29) "Tue, 31 Mar 1981 05:00:00 GMT"
   ["Set-Cookie"]=&amp;gt;
   string(265)   "_twitter_sess=BAh7CCIKZmxhc2hJQzonQWN0aW9uQ29udHJvbGxlcjo6Rmxhc2g6OkZsYXNo%250ASGFzaHsABjo  KQHVzZWR7ADoHaWQiJThiOGE1OGQ3NTM4NTNlNTFmMmU1OGM3%250ANjliMDkxZjVkOg9jcmVhdGVkX2F0bCsIpD4ivDsB--c080621b27b01e102bd15dd85e14c984242127f8; domain=.twitter.com; path=/; HttpOnly"
    ["Vary"]=&amp;gt;
    string(15) "Accept-Encoding"
    ["Content-Encoding"]=&amp;gt;
   string(4) "gzip"
    ["Content-Length"]=&amp;gt;
    string(2) "21"
    ["Server"]=&amp;gt;
    string(3) "tfe"
    [""]=&amp;gt;
    string(0) ""
  }
  ["code"]=&amp;gt;
  int(401)
  ["response"]=&amp;gt;
   string(1) " "
   ["info"]=&amp;gt;
   array(22) {
    ["url"]=&amp;gt;
     string(42) "https://api.twitter.com/oauth/access_token"
     ["content_type"]=&amp;gt;
    string(24) "text/html; charset=utf-8"
    ["http_code"]=&amp;gt;
    int(401)
    ["header_size"]=&amp;gt;
    int(1029)
    ["request_size"]=&amp;gt;
    int(507)
    ["filetime"]=&amp;gt;
    int(-1)
    ["ssl_verify_result"]=&amp;gt;
    int(0)
    ["redirect_count"]=&amp;gt;
    int(0)
    ["total_time"]=&amp;gt;
    float(0.364576)
    ["namelookup_time"]=&amp;gt;
    float(0.002676)
    ["connect_time"]=&amp;gt;
    float(0.079689)
    ["pretransfer_time"]=&amp;gt;
    float(0.255704)
    ["size_upload"]=&amp;gt;
    float(0)
    ["size_download"]=&amp;gt;
    float(21)
    ["speed_download"]=&amp;gt;
    float(57)
    ["speed_upload"]=&amp;gt;
    float(0)
    ["download_content_length"]=&amp;gt;
    float(21)
    ["upload_content_length"]=&amp;gt;
    float(0)
    ["starttransfer_time"]=&amp;gt;
    float(0.364164)
    ["redirect_time"]=&amp;gt;
    float(0)
    ["certinfo"]=&amp;gt;
    array(0) {
    }
    ["request_header"]=&amp;gt;
    string(507) "POST /oauth/access_token HTTP/1.1
User-Agent: tmhOAuth 0.7.2+SSL - //github.com/themattharris/tmhOAuth
Host: api.twitter.com
Accept: */*
Accept-Encoding: deflate, gzip
Authorization: OAuth oauth_consumer_key="*****",
 oauth_nonce="****", oauth_signature="TzcIi0kOwhQ20xRMUQvYYl093B0%3D",         oauth_signature_method="HMAC-SHA1", oauth_timestamp="1356071058",     oauth_verifier="H2gFsotBlUPRBCdLu8ULpaV7fQVmSMGNmIaiWiYPERY", oauth_version="1.0"
Content-Length: 0
&lt;/code&gt;&lt;/pre&gt;
&lt;p&gt;"
      }
      ["error"]=&gt;
      string(0) ""
      ["errno"]=&gt;
      int(0)
    }&lt;/p&gt;
&lt;p&gt;////&lt;/p&gt;
&lt;p&gt;what is the problem here?&lt;/p&gt;</t>
  </si>
  <si>
    <t>2012-12-21 05:23:37.460000+00:00</t>
  </si>
  <si>
    <t>2012-12-21 11:14:53.790000+00:00</t>
  </si>
  <si>
    <t>2012-12-21 06:37:24.197000+00:00</t>
  </si>
  <si>
    <t>php|twitter|http-status-code-401</t>
  </si>
  <si>
    <t>@PreAuthorize and intercept-url priority</t>
  </si>
  <si>
    <t>&lt;p&gt;I have &lt;/p&gt;
&lt;pre&gt;&lt;code&gt;&amp;lt;security:http use-expressions="true"&amp;gt;
    &amp;lt;security:intercept-url pattern="/**/*" access="hasRole('ROLE_USER')"/&amp;gt;
&lt;/code&gt;&lt;/pre&gt;
&lt;p&gt;in the Spring Security context configuration file and&lt;/p&gt;
&lt;pre&gt;&lt;code&gt;@PreAuthorize("permitAll")
@RequestMapping("/public")
public String aMethod() {
    // ...
}
&lt;/code&gt;&lt;/pre&gt;
&lt;p&gt;in a controller.&lt;/p&gt;
&lt;p&gt;What I want is that all the URLs to require authentication except &lt;code&gt;public&lt;/code&gt;. Is this possible?&lt;/p&gt;</t>
  </si>
  <si>
    <t>2015-02-16 20:12:00.380000+00:00</t>
  </si>
  <si>
    <t>2015-02-19 07:21:56.707000+00:00</t>
  </si>
  <si>
    <t>spring-security|spring-annotations</t>
  </si>
  <si>
    <t>How to install node7 on mac os?</t>
  </si>
  <si>
    <t>&lt;p&gt;I am trying to install node 7 above on Mac OS. I used below command:&lt;/p&gt;
&lt;pre&gt;&lt;code&gt;$brew install node
Warning: node-7.9.0 already installed, it's just not linked.
&lt;/code&gt;&lt;/pre&gt;
&lt;p&gt;It says that the node-7.9.0 is already installed. But below command gives  the version of 6.9.1:&lt;/p&gt;
&lt;pre&gt;&lt;code&gt;$ node --version
v6.9.1
&lt;/code&gt;&lt;/pre&gt;
&lt;p&gt;I wander why the version show different for these two commands. How to install the node latest version.&lt;/p&gt;</t>
  </si>
  <si>
    <t>2017-04-19 10:51:40.083000+00:00</t>
  </si>
  <si>
    <t>2017-04-19 11:00:04.070000+00:00</t>
  </si>
  <si>
    <t>PHP mail() ' (single quote) in subject being escaped</t>
  </si>
  <si>
    <t>&lt;p&gt;I am trying to send emails using php &lt;code&gt;mail()&lt;/code&gt; function. My code is below.  &lt;/p&gt;
&lt;pre&gt;&lt;code&gt;$subject = "Let's Connect";
$to = $_POST['to'];
$message = $_POST['message'];
mail( $to, $subject, $message, array('Content-Type: text/html; charset=UTF-8'));  
&lt;/code&gt;&lt;/pre&gt;
&lt;p&gt;The problem is &lt;code&gt;'&lt;/code&gt; in the subject line becomes &lt;code&gt;\'&lt;/code&gt; in email clients such as Gmail and Yahoo. The &lt;code&gt;Let's Connect&lt;/code&gt; becomes &lt;code&gt;Let\'s Connect&lt;/code&gt;. I have tried several solutions here, like  &lt;/p&gt;
&lt;p&gt;&lt;code&gt;$sub = '=?UTF-8?B?'.base64_encode($subject).'?=';&lt;/code&gt;&lt;br&gt;
&lt;code&gt;$decoded_str = html_entity_decode (  $value_to_decode, ENT_QUOTES, 'UTF-8' );&lt;/code&gt;  &lt;/p&gt;
&lt;p&gt;None of them seems to work. What should I do to get it solved?  &lt;/p&gt;
&lt;p&gt;Thaks&lt;/p&gt;</t>
  </si>
  <si>
    <t>2018-10-09 12:10:43.587000+00:00</t>
  </si>
  <si>
    <t>2018-10-09 15:03:56.087000+00:00</t>
  </si>
  <si>
    <t>php|html-email</t>
  </si>
  <si>
    <t>Chat desktop application .net: detect user typing</t>
  </si>
  <si>
    <t>&lt;p&gt;I am developing a chat application, desktop version, in VB.net, and I would like to know if anyone have an idea how to detect that a user in one side started typing and notify the user on the other side. Something similar to Skype.&lt;/p&gt;
&lt;p&gt;Thanks in advance!&lt;/p&gt;</t>
  </si>
  <si>
    <t>2012-08-17 20:20:01.337000+00:00</t>
  </si>
  <si>
    <t>vb.net|chat</t>
  </si>
  <si>
    <t>Rails app deploy users</t>
  </si>
  <si>
    <t>&lt;p&gt;I'm working on deploying my Rails app with Capistrano and the deploy is failing as it &lt;code&gt;cannot create directory&lt;/code&gt;.&lt;/p&gt;
&lt;p&gt;I have two users on my server:- root and deploy.&lt;/p&gt;
&lt;p&gt;Capistrano is using the deploy user.&lt;/p&gt;
&lt;p&gt;I have told Capistrano to deploy the app to /var/rails_apps/&lt;/p&gt;
&lt;p&gt;It's /var/rails_apps/ that it cannot create a directory in.&lt;/p&gt;
&lt;p&gt;What user should own that folder? root or deploy?&lt;/p&gt;
&lt;p&gt;The server has nginx on it so I guess the site will run as www-data which looks to be nginx's user but I'm not sure what other areas should be owned by? Any clarification on this area?&lt;/p&gt;</t>
  </si>
  <si>
    <t>2014-03-05 16:37:47.503000+00:00</t>
  </si>
  <si>
    <t>2014-03-05 17:22:30.133000+00:00</t>
  </si>
  <si>
    <t>ruby-on-rails|deployment|capistrano</t>
  </si>
  <si>
    <t>I am trying to set-up MFA for an AWS user in the organization</t>
  </si>
  <si>
    <t>&lt;pre&gt;&lt;code&gt;       {
  "Version": "2012-10-17",
  "Statement": [
    {
      "Sid": "Stmt1506369084151",
      "Action": [
        "iam:CreateVirtualMFADevice",
        "iam:EnableMFADevice",
        "iam:ListMFADevices",
        "iam:ResyncMFADevice"
      ],
      "Effect": "Allow",
      "Resource": "arn:aws:iam::account_#:user/user_name"
    }
  ]
}
&lt;/code&gt;&lt;/pre&gt;
&lt;p&gt;I have this above policy which should enable users to set-up MFA by themselves. 
However, when I test this policy (by logging in as one of the users, I am not able to perform the desired action)&lt;/p&gt;
&lt;p&gt;What am I missing in the policy snippet?&lt;/p&gt;
&lt;p&gt;PS: The policy is attached to the user I try to log-in as. So this silly mistake is ruled out. &lt;/p&gt;</t>
  </si>
  <si>
    <t>2017-09-25 19:21:06.353000+00:00</t>
  </si>
  <si>
    <t>2017-09-26 15:00:47.407000+00:00</t>
  </si>
  <si>
    <t>2017-09-25 19:55:04.317000+00:00</t>
  </si>
  <si>
    <t>amazon-web-services|amazon-iam|policy</t>
  </si>
  <si>
    <t>Material Design Lite layout has changed after installing Iron:router</t>
  </si>
  <si>
    <t>&lt;p&gt;I created a meteor project and added krazyeom:material-design-lite package. Then I created 2 simple html files, one that contains &lt;/p&gt;
&lt;pre&gt;&lt;code&gt;&amp;lt;head&amp;gt;...&amp;lt;/head&amp;gt;
&lt;/code&gt;&lt;/pre&gt;
&lt;p&gt;and another that contains &lt;/p&gt;
&lt;pre&gt;&lt;code&gt;&amp;lt;body&amp;gt;...&amp;lt;/body&amp;gt;
&lt;/code&gt;&lt;/pre&gt;
&lt;p&gt;My design looks something like this:&lt;/p&gt;
&lt;p&gt;&lt;img src="https://i.stack.imgur.com/0hY4v.png" alt="Layout with full-height menu"&gt;&lt;/p&gt;
&lt;p&gt;After I added the iron:router and only replaced &lt;code&gt;&amp;lt;body&amp;gt;&lt;/code&gt; with &lt;code&gt;&amp;lt;template name="layout"&amp;gt;&lt;/code&gt; and &lt;code&gt;&amp;lt;/body&amp;gt;&lt;/code&gt; with &lt;code&gt;&amp;lt;/template&amp;gt;&lt;/code&gt;. &lt;/p&gt;
&lt;pre&gt;&lt;code&gt;Router.route('/', {name: 'layout'});
&lt;/code&gt;&lt;/pre&gt;
&lt;p&gt;It looks like this:&lt;/p&gt;
&lt;p&gt;&lt;img src="https://i.stack.imgur.com/PF8q0.png" alt="Broken layout with non full-height menu"&gt;&lt;/p&gt;
&lt;p&gt;As you can see the design is now not 100% height; and if I resize to mobile resolution, it doesn't appear the 3 lines icon to show the sidebar.&lt;/p&gt;
&lt;p&gt;What could be the problem ?&lt;/p&gt;</t>
  </si>
  <si>
    <t>2015-07-13 11:49:46.350000+00:00</t>
  </si>
  <si>
    <t>2015-07-13 14:43:40.147000+00:00</t>
  </si>
  <si>
    <t>2015-07-13 12:49:01.260000+00:00</t>
  </si>
  <si>
    <t>meteor|iron-router|material-design-lite</t>
  </si>
  <si>
    <t>Reading from an xml file</t>
  </si>
  <si>
    <t>&lt;p&gt;I have an xml file like this:&lt;/p&gt;
&lt;pre&gt;&lt;code&gt;&amp;lt;?xml version="1.0" encoding="utf-8" ?&amp;gt;
&amp;lt;LogOnUsersInfo&amp;gt;
  &amp;lt;GeneralInformation&amp;gt;
    &amp;lt;NumberOfUsers&amp;gt;2&amp;lt;/NumberOfUsers&amp;gt;
    &amp;lt;LastUser UserName="User1"/&amp;gt;
  &amp;lt;/GeneralInformation&amp;gt;
  &amp;lt;LogOnUserCollection&amp;gt;
    &amp;lt;LogOnUser UserName="User1" Password="password"&amp;gt;
      &amp;lt;Rights&amp;gt;
        &amp;lt;CanCreateProducts value="true"/&amp;gt;
        &amp;lt;CanEditProducts value="true"/&amp;gt;
        &amp;lt;CanDeleteProducts value="true"/&amp;gt;
        &amp;lt;CanCreateLogIns value="true"/&amp;gt;
        &amp;lt;CanDeleteLogIns value="true"/&amp;gt;
        &amp;lt;CanBeDeleted value="true"/&amp;gt;
        &amp;lt;HasDebugRights value="false"/&amp;gt;
      &amp;lt;/Rights&amp;gt;
    &amp;lt;/LogOnUser&amp;gt;  
    &amp;lt;LogOnUser UserName="User2" Password="password"&amp;gt;
      &amp;lt;Rights&amp;gt;
        &amp;lt;CanCreateProducts value="true"/&amp;gt;
        &amp;lt;CanEditProducts value="true"/&amp;gt;
        &amp;lt;CanDeleteProducts value="true"/&amp;gt;
        &amp;lt;CanCreateLogIns value="true"/&amp;gt;
        &amp;lt;CanDeleteLogIns value="true"/&amp;gt;
        &amp;lt;CanBeDeleted value="true"/&amp;gt;
        &amp;lt;HasDebugRights value="false"/&amp;gt;
      &amp;lt;/Rights&amp;gt;
    &amp;lt;/LogOnUser&amp;gt;
  &amp;lt;/LogOnUserCollection&amp;gt;
&amp;lt;/LogOnUsersInfo&amp;gt;
&lt;/code&gt;&lt;/pre&gt;
&lt;p&gt;And I have a class with properties that match the values in said xml file:&lt;/p&gt;
&lt;pre&gt;&lt;code&gt;public class LogOnUser
{
    #region NestedTypes
    public class Rights
    {
        public bool CanCreateProducts { get; set; }
        public bool CanEditProducts { get; set; }
        public bool CanDeleteProducts { get; set; }
        public bool CanCreateLogIns { get; set; }
        public bool CanDeleteLogIns { get; set; }
        public bool CanBeDeleted { get; set; }
        public bool HasDebugRights { get; set; }
    };
    #endregion
    #region Members
    string _UserName;
    string _Password;
    bool _LoggedIn;
    Rights _UserRights;
    #endregion
    #region Construction
    public LogOnUser() { }
    public LogOnUser(string username)
    {
        _UserName = username;
    }
    public LogOnUser(string username, string password, bool cancreateproducts, bool caneditproducts, bool candeleteproducts, bool cancreatelogins, bool candeletelogins)
    {
        _UserName = username;
        _Password = password;
        _UserRights = new Rights();
        _UserRights.CanCreateProducts = cancreateproducts;
        _UserRights.CanEditProducts = caneditproducts;
        _UserRights.CanDeleteProducts = candeleteproducts;
        _UserRights.CanCreateLogIns = cancreatelogins;
        _UserRights.CanDeleteLogIns = candeletelogins;
    }
    #endregion
    #region Properties
    public string Username
    {
        get { return _UserName; }
        set { _UserName = value; }
    }
    public string Password
    {
        get { return _Password; }
        set { _Password = value; }
    }
    public bool LoggedIn
    {
        get { return _LoggedIn; }
        set { _LoggedIn = value; }
    }
    public Rights UserRights
    {
        get { return _UserRights; }
        set { _UserRights = value; }
    }
    #endregion
}
&lt;/code&gt;&lt;/pre&gt;
&lt;p&gt;I've tried using XDocument to read certain values from the xml file into instances of my LogOnUser class, however I've become a little stuck and after trawling through the documentation on MSDN and not finding what I'm looking for I figured it might be quicker and easier to ask a question on here.&lt;/p&gt;
&lt;p&gt;Basically to begin with I've just tried to read the &lt;code&gt;UserName&lt;/code&gt; field from the XML into the &lt;code&gt;UserName&lt;/code&gt; property of a &lt;code&gt;LogOnUser&lt;/code&gt; object. I tried this:&lt;/p&gt;
&lt;pre&gt;&lt;code&gt;var XMLUser = XElement.Load(LogOnUserXMLFilePath);
foreach(XElement e in XMLUser.DescendantsAndSelf())
{
    var user = new Model.LogOnUsers.LogOnUser(e.Name.ToString());
}
&lt;/code&gt;&lt;/pre&gt;
&lt;p&gt;however this sets the &lt;code&gt;UserName&lt;/code&gt; to "LogOnUsersInfo" so obviously I need to go deeper into the xml but I don't know how.&lt;/p&gt;
&lt;p&gt;Can anyone point me in the right direction?&lt;/p&gt;</t>
  </si>
  <si>
    <t>2016-05-09 11:29:54.460000+00:00</t>
  </si>
  <si>
    <t>2016-05-09 11:56:09.200000+00:00</t>
  </si>
  <si>
    <t>c#|xml|linq-to-xml</t>
  </si>
  <si>
    <t>SQL Server Connection</t>
  </si>
  <si>
    <t>&lt;p&gt;We have an Excel file from which it retrieves information from a SQL Server DB.&lt;/p&gt;
&lt;p&gt;Here is a snippet of the code:&lt;/p&gt;
&lt;pre&gt;&lt;code&gt;   Provider=SQLOLEDB.1;Persist Security Info=True;User ID=mjone;Initial  Catalog=pff_db;Data Source=....
&lt;/code&gt;&lt;/pre&gt;
&lt;p&gt;My question is that for mjone, how is he able to get connected to the SQL Server DB? I am looking at the SQL Server Management Studio and do not see any mjone used. &lt;/p&gt;</t>
  </si>
  <si>
    <t>2013-04-12 17:07:53.633000+00:00</t>
  </si>
  <si>
    <t>2013-04-12 17:25:42.010000+00:00</t>
  </si>
  <si>
    <t>sql-server|excel|database-connection</t>
  </si>
  <si>
    <t>Mapping mac address into elasticsearch index using jdbc river</t>
  </si>
  <si>
    <t>&lt;p&gt;We have a type that contains mac address field. the data is brought using &lt;a href="https://github.com/jprante/elasticsearch-river-jdbc" rel="nofollow"&gt;jdbc river&lt;/a&gt;&lt;/p&gt;
&lt;p&gt;The cause is that when we run a term aggregation on the mac_address field the results looks like the field is broke into indexed keys:&lt;/p&gt;
&lt;p&gt;Action:&lt;/p&gt;
&lt;pre&gt;&lt;code&gt;GET index/type/_search?search_type=count
{
    "aggs" : { 
        "uniqe_macs" : { 
            "terms" : {
              "field" : "mac_address" 
            }
        }
    }
}
&lt;/code&gt;&lt;/pre&gt;
&lt;p&gt;Result:&lt;/p&gt;
&lt;pre&gt;&lt;code&gt;  "aggregations": {
     "uniqe_visitors": {
        "buckets": [
           {
              "key": "00",
              "doc_count": 1608759
           },
           {
              "key": "10",
              "doc_count": 674633
           },
           {
              "key": "18",
              "doc_count": 588591
           },
           {
              "key": "f0",
              "doc_count": 544897
           },
           {
              "key": "60",
              "doc_count": 538841
           },
           {
              "key": "40",
              "doc_count": 529085
           },
           {
              "key": "08",
              "doc_count": 523681
           },
           {
              "key": "d0",
              "doc_count": 515774
           },
           {
              "key": "54",
              "doc_count": 514771
           },
           {
              "key": "04",
              "doc_count": 509629
           }
        ]
     }
    }
&lt;/code&gt;&lt;/pre&gt;
&lt;p&gt;What can be done to force elastic to map this field and not to break it into keys?&lt;/p&gt;</t>
  </si>
  <si>
    <t>2014-09-09 12:56:11.863000+00:00</t>
  </si>
  <si>
    <t>2015-01-03 11:50:18.877000+00:00</t>
  </si>
  <si>
    <t>elasticsearch|elasticsearch-jdbc-river</t>
  </si>
  <si>
    <t>Separating source and build ouptut in Eclipse</t>
  </si>
  <si>
    <t>&lt;p&gt;Recently, my work computer was suffering hardware failures so I had the pleasure of migrating data over to a new computer. A project itself is much smaller than the generated output and a significant portion of time was spent moving those generated output.&lt;/p&gt;
&lt;p&gt;Currently:&lt;/p&gt;
&lt;pre&gt;&lt;code&gt;C:\workspace\Project\src\...
C:\workspace\Project\bin\...
&lt;/code&gt;&lt;/pre&gt;
&lt;p&gt;Ideally:&lt;/p&gt;
&lt;pre&gt;&lt;code&gt;C:\workspace\Project\src\...
C:\workspace_output\Project\bin\...
&lt;/code&gt;&lt;/pre&gt;
&lt;p&gt;NOTE: For me the source is linked so they don't actually exist within the project.&lt;/p&gt;
&lt;p&gt;I was able to change one particular project by following the directions &lt;a href="https://stackoverflow.com/questions/3191693/how-do-i-change-a-java-projects-bin-folder-in-eclipse"&gt;here&lt;/a&gt;. However, I have numerous projects and it would be a fairly time-consuming to apply that change to each project (create an "output folder" then point the project to that folder).&lt;/p&gt;
&lt;p&gt;Is there a better way to define this behavior within Eclipse? I couldn't find a &lt;code&gt;${PROJECT_NAME}&lt;/code&gt; system variable that I could use (e.g. something like &lt;a href="http://help.eclipse.org/juno/topic/org.eclipse.platform.doc.user/concepts/concepts-exttools.htm" rel="nofollow noreferrer"&gt;this&lt;/a&gt;). I'm fine if the answer is NO as it appears that I have to manually set this for each project. Maybe the next best thing is to write a script to automatically create folders and modify the &lt;code&gt;.project&lt;/code&gt; and &lt;code&gt;.classpath&lt;/code&gt;.&lt;/p&gt;
&lt;p&gt;An alternative like:&lt;/p&gt;
&lt;ol&gt;
&lt;li&gt;Start Eclipse on new machine, point it to the old workspace&lt;/li&gt;
&lt;li&gt;Clean projects&lt;/li&gt;
&lt;li&gt;Then copy projects onto new machine&lt;/li&gt;
&lt;li&gt;Use Eclipse on new machine.&lt;/li&gt;
&lt;/ol&gt;
&lt;p&gt;where I can cut out the work of "cleaning" the projects because they are already separate.&lt;/p&gt;</t>
  </si>
  <si>
    <t>2014-03-24 18:17:09.913000+00:00</t>
  </si>
  <si>
    <t>2014-03-24 22:13:09.360000+00:00</t>
  </si>
  <si>
    <t>2017-05-23 11:49:22.180000+00:00</t>
  </si>
  <si>
    <t>eclipse|build</t>
  </si>
  <si>
    <t>How this code snippet is working in I2C controller</t>
  </si>
  <si>
    <t>&lt;p&gt;I'm trying to understand the following code snippet from i2c-mpc.c I2C controller.&lt;/p&gt;
&lt;p&gt;&lt;a href="https://github.com/torvalds/linux/blob/master/drivers/i2c/busses/i2c-mpc.c#L440" rel="nofollow"&gt;https://github.com/torvalds/linux/blob/master/drivers/i2c/busses/i2c-mpc.c#L440&lt;/a&gt;&lt;/p&gt;
&lt;pre&gt;&lt;code&gt;static int mpc_write(struct mpc_i2c *i2c, int target,
             const u8 *data, int length, int restart)
{
    int i, result;
    unsigned timeout = i2c-&amp;gt;adap.timeout;
    u32 flags = restart ? CCR_RSTA : 0;
    /* Start as master */
    writeccr(i2c, CCR_MIEN | CCR_MEN | CCR_MSTA | CCR_MTX | flags);
    /* Write target byte */
    writeb((target &amp;lt;&amp;lt; 1), i2c-&amp;gt;base + MPC_I2C_DR);
    result = i2c_wait(i2c, timeout, 1);
    if (result &amp;lt; 0)
        return result;
    for (i = 0; i &amp;lt; length; i++) {
        /* Write data byte */
        writeb(data[i], i2c-&amp;gt;base + MPC_I2C_DR);
        result = i2c_wait(i2c, timeout, 1);
        if (result &amp;lt; 0)
            return result;
    }
    return 0;
}
&lt;/code&gt;&lt;/pre&gt;
&lt;p&gt;Can anyone please point me out what exactly we are doing 440th line &lt;code&gt;writeccr(i2c, CCR_MIEN | CCR_MEN | CCR_MSTA | CCR_MTX | flags);&lt;/code&gt;&lt;/p&gt;
&lt;p&gt;Is it the all four register is getting setup to value 1 and what exactly flag varibales contains?&lt;/p&gt;</t>
  </si>
  <si>
    <t>2014-10-04 13:33:02.643000+00:00</t>
  </si>
  <si>
    <t>2014-10-04 23:41:53.073000+00:00</t>
  </si>
  <si>
    <t>2014-10-04 15:44:00.200000+00:00</t>
  </si>
  <si>
    <t>c|linux|linux-device-driver|i2c</t>
  </si>
  <si>
    <t>Taking away from nearest 10</t>
  </si>
  <si>
    <t>&lt;p&gt;Okay, i have made my code so that a user can input 7 numbers and times them by 1 for the odd index numbers and 3 for the even:&lt;/p&gt;
&lt;pre&gt;&lt;code&gt;num = str(input("Please enter 7 numbers")
length = len(num)
while length &amp;lt; 7 or length ? 7:
    num = input("Only enter 7 numbers")
string = ''
for t in range(1,8):
    if t % 2 == 0:
        string += str(t * 3)
     else:   
         string += str(t) + ' '
 print(string)
&lt;/code&gt;&lt;/pre&gt;
&lt;p&gt;This works fine, but now i need to add all the numbers up and take it away from the highest 10 so for example, all the numbers add up to 53 i need to take that away from 60 which leaves me 7, that will be my eight number, then after i have got that number i print it out, how do i get it to add the numbers up and the take it away from the highest 10 and output the difference of the two into the numbers i already have?&lt;/p&gt;
&lt;p&gt;Thanks 
Brad&lt;/p&gt;</t>
  </si>
  <si>
    <t>2016-03-09 21:41:27.847000+00:00</t>
  </si>
  <si>
    <t>2016-03-09 22:22:07.947000+00:00</t>
  </si>
  <si>
    <t>Replace images by others with javascript</t>
  </si>
  <si>
    <t>&lt;p&gt;How can I replace images by others with javascript please ?&lt;/p&gt;
&lt;p&gt;I've tried but something is wrong&lt;/p&gt;
&lt;p&gt;&lt;div class="snippet" data-lang="js" data-hide="false"&gt;_x000D_
&lt;div class="snippet-code"&gt;_x000D_
&lt;pre class="snippet-code-js lang-js prettyprint-override"&gt;&lt;code&gt; if ($(".grimm")) {_x000D_
   $('.ch')._x000D_
     html(_x000D_
       $('.ch')._x000D_
         html()._x000D_
         replace('http://icons.iconarchive.com/icons/graphicrating/koloria/32/Mail-icon.png',_x000D_
                 'http://icons.iconarchive.com/icons/graphicrating/koloria/32/Mails-icon.png')_x000D_
   );_x000D_
 }&lt;/code&gt;&lt;/pre&gt;_x000D_
&lt;pre class="snippet-code-html lang-html prettyprint-override"&gt;&lt;code&gt;&amp;lt;div class="grimm"&amp;gt;_x000D_
  &amp;lt;div class="ch"&amp;gt;_x000D_
    &amp;lt;img src="http://icons.iconarchive.com/icons/graphicrating/koloria/32/Mail-icon.png" /&amp;gt;_x000D_
  &amp;lt;/div&amp;gt;_x000D_
&amp;lt;/div&amp;gt;&lt;/code&gt;&lt;/pre&gt;_x000D_
&lt;/div&gt;_x000D_
&lt;/div&gt;_x000D_
&lt;/p&gt;</t>
  </si>
  <si>
    <t>2015-02-25 23:15:22.150000+00:00</t>
  </si>
  <si>
    <t>2015-02-25 23:36:07.270000+00:00</t>
  </si>
  <si>
    <t>2015-02-25 23:25:27.380000+00:00</t>
  </si>
  <si>
    <t>javascript|image|replace</t>
  </si>
  <si>
    <t>Create c# soap certificated service in MVC</t>
  </si>
  <si>
    <t>&lt;p&gt;Anyone know an example (host and client using wsdl) in c# (for Visual studio) to create a SOAP service with certificate (.pfx) for a MVC.&lt;/p&gt;
&lt;p&gt;I use IIS selfcertificate to create the host&lt;/p&gt;
&lt;p&gt;Thanks&lt;/p&gt;</t>
  </si>
  <si>
    <t>2018-06-20 10:02:26.150000+00:00</t>
  </si>
  <si>
    <t>2018-06-21 06:17:08.893000+00:00</t>
  </si>
  <si>
    <t>c#|asp.net-mvc|web-services|soap|ssl-certificate</t>
  </si>
  <si>
    <t>Matplotlib - Drawing a smooth circle in a polar plot</t>
  </si>
  <si>
    <t>&lt;p&gt;I really like the polar plot of matplotlib and would love to keep working with it (since my data points are given in polar coordinates anyway and my environment is circular).&lt;/p&gt;
&lt;p&gt;However, in the plot, I would like to add circles of given radii at specific points.&lt;/p&gt;
&lt;p&gt;Usually, I would do:&lt;/p&gt;
&lt;pre&gt;&lt;code&gt; ax = plt.subplot(111)
 ax.scatter(data)
 circle = plt.Circle((0,0), 0.5)
 ax.add_artist(circle)
 plt.show()
&lt;/code&gt;&lt;/pre&gt;
&lt;p&gt;However, in polar coordinates, I cannot use circle, since it assumes rectangular coordinates.&lt;/p&gt;
&lt;p&gt;Ideas I have come up with are: generating an array of points with constant radial coordinate and an angular coordinate in [0, 2PI] or completely switching to rectangular coordinates. Both solutions are not really satisfactory - can one do any better with matplotlib?&lt;/p&gt;
&lt;p&gt;Thanks!&lt;/p&gt;</t>
  </si>
  <si>
    <t>2013-11-07 04:03:26.837000+00:00</t>
  </si>
  <si>
    <t>2013-11-07 05:49:38.013000+00:00</t>
  </si>
  <si>
    <t>python|matplotlib|circle|polar-coordinates</t>
  </si>
  <si>
    <t>Angular 4/6/7 - How to get async variables?</t>
  </si>
  <si>
    <t>&lt;p&gt;I want to create a calculation like: &lt;/p&gt;
&lt;pre&gt;&lt;code&gt;var a: number;
var b: number;
this.httpClient.get&amp;lt;int&amp;gt;(baseUrl+'varA/get/'+id).subscribe( res =&amp;gt; this.a = res);
this.httpClient.get&amp;lt;int&amp;gt;(baseUrl+'varB/get/'+id).subscribe( res =&amp;gt; this.b = res);
var c = a + b ; 
&lt;/code&gt;&lt;/pre&gt;
&lt;p&gt;How to subscribe asynchronously ? Usually I got var b after retriving var a. but I want to do async one (with async and await).... how to do that inside the subscribe() ?&lt;/p&gt;
&lt;p&gt;I am using angular 7.&lt;/p&gt;</t>
  </si>
  <si>
    <t>2018-11-22 05:17:42.803000+00:00</t>
  </si>
  <si>
    <t>2018-11-22 06:38:33.090000+00:00</t>
  </si>
  <si>
    <t>javascript|angular|typescript|async-await</t>
  </si>
  <si>
    <t>regex to restrict last 8 digits not to be repeated</t>
  </si>
  <si>
    <t>&lt;p&gt;I need a regex to restrict repetition of number on a mobile phone not more than 7 times.
Initial digit has to be a &lt;code&gt;0&lt;/code&gt;, second digit can be &lt;code&gt;2&lt;/code&gt;, &lt;code&gt;3&lt;/code&gt;, &lt;code&gt;4&lt;/code&gt;, &lt;code&gt;7&lt;/code&gt; or &lt;code&gt;8&lt;/code&gt;.
The last 8 digits are not to be repeated (They should not be the same number).
I have the following regex which checks for spaces as well and makes sure the rest of the digits are numbers from &lt;code&gt;0-9&lt;/code&gt; only:&lt;/p&gt;
&lt;pre&gt;&lt;code&gt;[\\s]*[0][\\s]*[23478][0-9\\s]*
&lt;/code&gt;&lt;/pre&gt;
&lt;p&gt;I need help to restrict last 8 digits not to be repeated (they should not be same).&lt;/p&gt;
&lt;p&gt;suppose if I enter "0422222222"&lt;/p&gt;
&lt;p&gt;i need to restrict the last 8 digits not being the same.
0 - in the first place
2,3,4,7,8 - in the second place
Places 3 - 10  i.e. last eight digits - not to be the same number.
They can be any numbers between 0-9, they can repeat upto 7 times out of the available 8 places from 3 to 10.
They cannot repeat 8 times. That is not all 8 digits from 3 -10 places should be taken up by a single number. I hope I am clear this time. waiting for your response.&lt;/p&gt;</t>
  </si>
  <si>
    <t>2014-06-23 00:37:39.277000+00:00</t>
  </si>
  <si>
    <t>2014-06-24 02:06:25.277000+00:00</t>
  </si>
  <si>
    <t>2014-06-23 03:54:11.217000+00:00</t>
  </si>
  <si>
    <t>regex</t>
  </si>
  <si>
    <t>Covariance and contravariance, compile time errors</t>
  </si>
  <si>
    <t>&lt;p&gt;I've been reading up on covariance and contravariance - &lt;a href="http://en.wikipedia.org/wiki/Covariance_and_contravariance_%28computer_science%29" rel="nofollow"&gt;Wikipedia&lt;/a&gt; talks about the following: &lt;/p&gt;
&lt;blockquote&gt;
  &lt;p&gt;Suppose you have a class representing a person. A person can see the doctor, so this class might have a method virtual void Person::see(Doctor d). Now suppose you want to make a subclass of the Person class, Child. That is, a Child is a Person. One might then like to make a subclass of Doctor, Pediatrician. If children only visit pediatricians, we would like to enforce that in the type system. However, a naive implementation fails: because a Child is a Person, Child::see(d) must take any Doctor, not just a Pediatrician.&lt;/p&gt;
&lt;/blockquote&gt;
&lt;p&gt;Here is a "naive implementation":&lt;/p&gt;
&lt;pre&gt;&lt;code&gt;public interface IDoctor
{
}
public interface IPerson
{
    void VisitDoctor(IDoctor doctor);
}
public class Adult : IPerson
{
    public void VisitDoctor(IDoctor doctor)
    {
        Console.WriteLine("Adult saw doctor of type: {0}", doctor.GetType().Name);
    }
}
public class Child : IPerson
{
    public void VisitDoctor(IDoctor doctor)
    {
        Console.WriteLine("Child saw doctor of type: {0}", doctor.GetType().Name);
    }
}
public class AdultDoctor : IDoctor
{
}
public class ChildDoctor : IDoctor
{
}
&lt;/code&gt;&lt;/pre&gt;
&lt;p&gt;These tests:&lt;/p&gt;
&lt;pre&gt;&lt;code&gt;[Test]
public void AdultSeesDoctor()
{
    var adult = new Adult();
    adult.VisitDoctor(new AdultDoctor());
    adult.VisitDoctor(new ChildDoctor());  // &amp;lt;-- Would like this to fail
}
[Test]
public void ChildSeesDoctor()
{
    var child = new Child();
    child.VisitDoctor(new AdultDoctor());  // &amp;lt;-- Would like this to fail
    child.VisitDoctor(new ChildDoctor());
}
&lt;/code&gt;&lt;/pre&gt;
&lt;p&gt;Output:&lt;/p&gt;
&lt;blockquote&gt;
  &lt;p&gt;Adult saw doctor of type: AdultDoctor&lt;/p&gt;
  &lt;p&gt;Adult saw doctor of type: ChildDoctor &lt;/p&gt;
  &lt;p&gt;Child saw doctor of type: AdultDoctor &lt;/p&gt;
  &lt;p&gt;Child saw doctor of type: ChildDoctor&lt;/p&gt;
&lt;/blockquote&gt;
&lt;p&gt;Now, I can implement the following, which throws a runtime error if an adult tries to visit a child doctor, or if a child tries to visit an adult doctor (throws a &lt;code&gt;System.InvalidCastException&lt;/code&gt;):&lt;/p&gt;
&lt;pre&gt;&lt;code&gt;public interface IVisitDoctors&amp;lt;T&amp;gt; where T : IDoctor
{
    void VisitDoctor(T doctor);
}
public class Child : IPerson
{
    private readonly ChildDoctorVisitor _cdv = new ChildDoctorVisitor();
    public void VisitDoctor(IDoctor doctor)
    {
        _cdv.VisitDoctor((ChildDoctor)doctor);
    }
}
public class Adult : IPerson
{
    private readonly AdultDoctorVisitor _adv = new AdultDoctorVisitor();
    public void VisitDoctor(IDoctor doctor)
    {
        _adv.VisitDoctor((AdultDoctor)doctor);
    }
}
&lt;/code&gt;&lt;/pre&gt;
&lt;p&gt;Could you force classes of &lt;code&gt;Adult&lt;/code&gt; to only visit doctors of type &lt;code&gt;AdultDoctor&lt;/code&gt;, such that a &lt;em&gt;compile-time&lt;/em&gt; error is thrown if a doctor of type &lt;code&gt;ChildDoctor&lt;/code&gt; is visited (and vice versa for classes of &lt;code&gt;Child&lt;/code&gt;)?&lt;/p&gt;</t>
  </si>
  <si>
    <t>2012-10-07 17:19:49.890000+00:00</t>
  </si>
  <si>
    <t>2012-10-07 18:05:39.370000+00:00</t>
  </si>
  <si>
    <t>c#|covariance|contravariance</t>
  </si>
  <si>
    <t>Haskell Char and unicode surrogates</t>
  </si>
  <si>
    <t>&lt;p&gt;I was playing around with strings and discovered that Haskell (correctly) disallows characters above Unicode code point 0x10ffff (ie one gets something like a sequence out of range error if one attempts to use something above this limit).  Out of curiosity, i played around with the Unicode surrogate halves (0xd800 to 0xdfff) - invalid Unicode codepoints, and discovered that they seem to be permitted.  I am curious as to why this is.  Is it simply because being a bounded item means only defining a maximum and a minimum?&lt;/p&gt;</t>
  </si>
  <si>
    <t>2014-02-03 05:04:41.237000+00:00</t>
  </si>
  <si>
    <t>2014-02-03 06:06:25.767000+00:00</t>
  </si>
  <si>
    <t>haskell|unicode</t>
  </si>
  <si>
    <t>Why expected exception does not catch the expection thrown in the code as success in VSTest?</t>
  </si>
  <si>
    <t>&lt;p&gt;I tried to run the example from the following link
&lt;a href="http://msdn.microsoft.com/en-us/library/microsoft.visualstudio.testtools.unittesting.expectedexceptionattribute.aspx" rel="nofollow"&gt;http://msdn.microsoft.com/en-us/library/microsoft.visualstudio.testtools.unittesting.expectedexceptionattribute.aspx&lt;/a&gt;
expecting the test to pass, but the test is failing with the same error. Is there something I am missing?
Thanks,&lt;/p&gt;</t>
  </si>
  <si>
    <t>2010-09-29 21:59:58.090000+00:00</t>
  </si>
  <si>
    <t>2010-10-01 21:06:31.627000+00:00</t>
  </si>
  <si>
    <t>unit-testing</t>
  </si>
  <si>
    <t>Can some one write assembly code for the c program above that converts into machine code that is less than 100 bytes?</t>
  </si>
  <si>
    <t>&lt;p&gt;I want to overflow the array &lt;code&gt;buffer[100]&lt;/code&gt; and I will be passing python script on bash shell on FreeBSD. I need machine code to pass as a string to overflow that buffer &lt;code&gt;buffer[100]&lt;/code&gt; and make the program print its hostname to &lt;code&gt;stdout&lt;/code&gt;.&lt;/p&gt;
&lt;p&gt;Here is the code in C that I tried and gives the host name on the console. :&lt;/p&gt;
&lt;pre&gt;&lt;code&gt;#include &amp;lt;stdio.h&amp;gt;
int main()
{
   char buff[256];
   gethostname(buff, sizeof(buff));
   printf(""%s", buff);
  return 0;
&lt;/code&gt;&lt;/pre&gt;
&lt;p&gt;}&lt;/p&gt;
&lt;hr&gt;
&lt;p&gt;Here is the code in assembly that I got using gcc but is longer than I need becuase when I look for the machine code of the text section of the c program it is longer than 100 bytes and I need a machine code for the c program above that is less than 100 bytes.&lt;/p&gt;
&lt;hr&gt;
&lt;pre&gt;&lt;code&gt;     .type   main, @function
main:
pushl %ebp; saving the base pointer
    movl %esp, %ebp; Taking a snapshot of the stack pointer
subl $264, %esp; 
addl $-8, %esp
pushl $256
leal -256(%ebp), %eax
pushl %eax
call gethostname
addl $16, %esp
addl $-8, %esp
leal -256(%ebp), %eax
pushl %eax
pushl $.LCO
call printf
addl $16, %esp
xorl %eax, %eax
jmp .L6
.p2align 2, 0x90
.L6:
leave
ret
.Lfe1:
.size   main, .Lfe1-main
.ident "GCC: (GNU) c 2.95.4 20020320 [FreeBSD]"
&lt;/code&gt;&lt;/pre&gt;
&lt;p&gt;A person has already done it on another computer and he has given me the ready made machine code which is 37 bytes and he is passing it in the format below to the buffer using perl script. I tried his code and it works but he doesn't tell me how to do it. &lt;/p&gt;
&lt;p&gt;���\x41\xc1\x30\x58\x6e\x61\x6d\x65\x23\x23\xc3\xbc\xa3\x83\xf4\x69\x36\xw3\xde\x4f\x2f\x5f\x2f\x39\x33\x60\x24\x32\xb4\xab\x21\xc1\x80\x24\xe0\xdb\xd0���&lt;/p&gt;
&lt;p&gt;I know that he did it on a differnt machine so I can not get the same code but since we both are using exactly the same c function so the size of the machine code should be almost the same if not exactly the same. His machine code is 37 bytes which he will pass on shell to overflow the gets() function in a binary file on FreeBSD 2.95 to print the hostname on stdout. I want to do the same thing and I have tried his machine code and it works but he will not tell me how did he get this machine code. So I am concerned actually about the procedure of getting that code. &lt;/p&gt;
&lt;p&gt;OK I tried the methods suggested in the posts here but just for the function gethostname() I got a 130 character of machine code. It did not include the printf() machine code. As I need to print the hostname to console so that should also be included but that will make the machine code longer. I have to fit the code in an array of 100 bytes so the code should be less than 100 bytes. &lt;/p&gt;
&lt;p&gt;&lt;strong&gt;Can some one write assembly code for the c program above that converts into machine code that is less than 100 bytes?&lt;/strong&gt;&lt;/p&gt;</t>
  </si>
  <si>
    <t>2012-05-16 13:58:29.360000+00:00</t>
  </si>
  <si>
    <t>2014-04-03 00:45:37.563000+00:00</t>
  </si>
  <si>
    <t>2012-05-19 10:20:38.937000+00:00</t>
  </si>
  <si>
    <t>c|assembly|dump|machine-code</t>
  </si>
  <si>
    <t>NSMutableSet count = 1, but that object is null?</t>
  </si>
  <si>
    <t>&lt;p&gt;Am using an NSMutableSet that is working great, up until this weird SIGABRT error popped up:&lt;/p&gt;
&lt;blockquote&gt;
  &lt;p&gt;2011-07-05 17:01:00.249 Dama[1497:cd57] &lt;em&gt;*&lt;/em&gt; Terminating app due to uncaught exception 'NSInvalidArgumentException', reason: '-[__NSCFSet removeObject:]: attempt to remove nil'&lt;/p&gt;
&lt;/blockquote&gt;
&lt;p&gt;ok, I can't remove nil, but here is my code:&lt;/p&gt;
&lt;pre&gt;&lt;code&gt;    id item = nil;
if ([theSet count] == 0) { // This equals 1 !!
    item = [[[self getClass] alloc] init];
} else {
    item = [[theSet anyObject] retain]; //this returns nil !!
    [theSet removeObject:item]; // ERROR !!
}
&lt;/code&gt;&lt;/pre&gt;
&lt;p&gt;Using gdb console, I found theSet looks like this:&lt;/p&gt;
&lt;blockquote&gt;
  &lt;p&gt;(gdb) po theSet&lt;/p&gt;
  &lt;p&gt;{(&lt;/p&gt;
&lt;pre&gt;&lt;code&gt; (null)
&lt;/code&gt;&lt;/pre&gt;
  &lt;p&gt;)}&lt;/p&gt;
  &lt;p&gt;(gdb) print (int) [theSet count]&lt;/p&gt;
  &lt;p&gt;$1 = 1&lt;/p&gt;
&lt;/blockquote&gt;
&lt;p&gt;How is this even possible?&lt;/p&gt;
&lt;p&gt;&lt;strike&gt;P.S.: Am running in a multi-threaded environment .. I can't promise that the isn't being accessed by two threads at the same time, but it shouldn't be the case..&lt;/strike&gt;&lt;/p&gt;
&lt;p&gt;&lt;b&gt;EDIT&lt;/b&gt;&lt;/p&gt;
&lt;p&gt;Please, I really want to know how can the NSSet end up with (null), I dont care how it got there .. No matter how dirty my multi-threaded program is, This shouldn't happen, I think. [And I double checked, this set is only accessed by the background worker thread].&lt;/p&gt;
&lt;p&gt;&lt;b&gt;EDIT&lt;/b&gt;&lt;/p&gt;
&lt;blockquote&gt;
  &lt;p&gt;2011-07-05 17:39:55.884 App[1608:c59f] Set count = 2
  Contains: {(&lt;/p&gt;
&lt;pre&gt;&lt;code&gt;&amp;lt; Step: 0xc43f3e0&amp;gt;,
&amp;lt; Step: 0x62f1800&amp;gt; )} 
&lt;/code&gt;&lt;/pre&gt;
  &lt;p&gt;2011-07-05 17:39:55.886
  App[1608:c59f] Set count = 9 Contains: {(&lt;/p&gt;
&lt;/blockquote&gt;
&lt;pre&gt;&lt;code&gt;&amp;gt;     &amp;lt; Step: 0x62eece0&amp;gt;,
&amp;gt;     &amp;lt; Step: 0xc490660&amp;gt;,
&amp;gt;     &amp;lt; Step: 0xcb597d0&amp;gt;,
&amp;gt;     &amp;lt; Step: 0x65a4f60&amp;gt;,
&amp;gt;     &amp;lt; Step: 0xc43f4b0&amp;gt;,
&amp;gt;     &amp;lt; Step: 0xc43f3e0&amp;gt;,
&amp;gt;     &amp;lt; Step: 0x65c8f60&amp;gt;,
&amp;gt;     &amp;lt; Step: 0xc499230&amp;gt;,
&amp;gt;     (null) )} //null appeared?!
&lt;/code&gt;&lt;/pre&gt;
&lt;h1&gt;HINT!!&lt;/h1&gt;
&lt;p&gt;Check out the &lt;code&gt;Step&lt;/code&gt; dealloc method (xD):&lt;/p&gt;
&lt;pre&gt;&lt;code&gt;-(void)dealloc{
    if (![[PoolStep sharedPool] purgeFlag]) {
        [[PoolStep sharedPool] doneWithItem:self]; //put it in the object pool for reuse..
    } else {
        NSLog(@"=== STEP ====&amp;gt; [ %d ]", --_counter);
        [children release];
        [super dealloc];
    }
}
&lt;/code&gt;&lt;/pre&gt;
&lt;h1&gt;Another HINT!!&lt;/h1&gt;
&lt;p&gt;PoolStep is a singleton without @synchronize block in the sharedPool method, since it's accessed by one thread only. (and the performance is needed)&lt;/p&gt;</t>
  </si>
  <si>
    <t>2011-07-05 14:20:54.510000+00:00</t>
  </si>
  <si>
    <t>2011-07-05 15:32:37.457000+00:00</t>
  </si>
  <si>
    <t>objective-c|debugging|null|sigabrt|nsmutableset</t>
  </si>
  <si>
    <t>ArrayList not storing objects</t>
  </si>
  <si>
    <t>&lt;p&gt;Hello I am having trouble printing out items in my ArrayList. I can print it out in my PatronBorrow method but in PatronList and PatronReturn it does not print anything. Can anyone tell me what is wrong with the code? Thank you all very much&lt;/p&gt;
&lt;pre&gt;&lt;code&gt;package proj1;
import java.util.ArrayList;
import java.util.List;
public class Patron {
private int id;
private Book book;
private List&amp;lt;Book&amp;gt; books;
public Patron(int id){
    this.id = id;
    books = new ArrayList&amp;lt;Book&amp;gt;();
}
public int getID(){
    return id;
}
public List&amp;lt;Book&amp;gt; getBooks(){
    return books;
}
public void PatronBorrow(String b){
    book = new Book(b);
    books.add(book);
    System.out.println("Patron " + id + " has borrowed " + book.getTitle());
}
public void PatronReturn(String b){
    for(Book book : books){
        if(book.getTitle().equals(b)){
            books.remove(book);
            System.out.println("Patron " + id + " has borrowed " +     book.getTitle());
        }
    }
}
public void PatronList(){
    for(Book b : books){
        System.out.println("Patron " + id + " has borrowed " + books.size() + " item(s)");
        System.out.println(b);
    }
}
&lt;/code&gt;&lt;/pre&gt;
&lt;p&gt;}&lt;/p&gt;
&lt;pre&gt;&lt;code&gt;package proj1;
import java.io.FileInputStream;
import java.io.FileNotFoundException;
import java.util.Scanner;
public class Project1 {
public static boolean isNumeric(String str){
    for(char c : str.toCharArray()){
        if(Character.isDigit(c)){
            return true;
        }
    }
    return false;
}
public static void main(String[] args){
    String command;
    String line;
    Patron patron;
    int patronID;
    String title;
    String newTitle;
    String infile = args[0];
    if (args.length != 1){
        throw new IllegalArgumentException("Enter in file name");
    }
    try{
        Scanner file = new Scanner(new FileInputStream(infile));
        while(file.hasNext()){
            command = file.next();
            if(isNumeric(command)){
                patronID = Integer.parseInt(command);
                patron = new Patron(patronID);
                command = file.next();
                if(command.equals("borrow")){
                    title = file.nextLine();
                    newTitle = title.substring(2, title.length() - 1);
                    patron.PatronBorrow(newTitle);
                }else if(command.equals("return")){
                    title = file.nextLine();
                    newTitle = title.substring(2, title.length() - 1);
                    patron.PatronReturn(newTitle);
                }else if(command.equals("list")){
                    patron.PatronList();
                }
            }else{
            }
        }
    }catch (FileNotFoundException e) {
        System.out.println("File not found" + e.getMessage());
        System.exit(0);
    }
}
&lt;/code&gt;&lt;/pre&gt;
&lt;p&gt;}&lt;/p&gt;</t>
  </si>
  <si>
    <t>2013-03-02 23:09:25.887000+00:00</t>
  </si>
  <si>
    <t>2013-03-02 23:22:27.820000+00:00</t>
  </si>
  <si>
    <t>2013-03-02 23:15:46.927000+00:00</t>
  </si>
  <si>
    <t>java|arraylist|project</t>
  </si>
  <si>
    <t>Disable keypress when showing confirm box</t>
  </si>
  <si>
    <t>&lt;p&gt;I have a site which uses heavy key events. For certain actions, it also opens a &lt;a href="http://bootboxjs.com/" rel="nofollow"&gt;bootbox confirm box&lt;/a&gt;. The confirm box is shown over a transparent layer so all mouse click actions are not executed unless the user clicks on cancel or ok in the bootbox confirm. However I also want it that all keypress events should be disabled when the confirm box is active.&lt;/p&gt;
&lt;p&gt;Current I have:&lt;/p&gt;
&lt;pre&gt;&lt;code&gt;bootbox.confirm('blah blah'? function(yesPlease){
  if(yesPlease) {
     goAndClimbAVolcano();
  }
});
&lt;/code&gt;&lt;/pre&gt;
&lt;p&gt;I can wrap this confirm under a &lt;code&gt;disableAllKeyPress()&lt;/code&gt; and &lt;code&gt;enableAllKeyPress()&lt;/code&gt; but I was wondering if there is an easier way to achieve this...&lt;/p&gt;
&lt;p&gt;Any pointers are greatly appreciated.&lt;/p&gt;</t>
  </si>
  <si>
    <t>2015-12-04 17:22:30.120000+00:00</t>
  </si>
  <si>
    <t>2015-12-04 18:17:33.043000+00:00</t>
  </si>
  <si>
    <t>javascript|jquery|html|bootbox</t>
  </si>
  <si>
    <t>Do I need to COM enable and register my Library?</t>
  </si>
  <si>
    <t>&lt;p&gt;I have a C# COM Enabled Library which talks to a third-party application.  I am using a Visual Studio Setup Project to register and populate a required registry key. &lt;/p&gt;
&lt;p&gt;Should I be COM registering the Library.dll and/or Library.tlb file?&lt;/p&gt;
&lt;p&gt;Note:
This question was based on the fact I was actually registering both files.  The actual problem was that the third-party program could not find either file based on its error logs.&lt;/p&gt;</t>
  </si>
  <si>
    <t>2011-04-28 19:20:46.147000+00:00</t>
  </si>
  <si>
    <t>2015-03-05 00:43:04.987000+00:00</t>
  </si>
  <si>
    <t>.net|com|windows-installer|c#-2.0</t>
  </si>
  <si>
    <t>C++ template return parameter</t>
  </si>
  <si>
    <t>&lt;p&gt;I want a function that just return template type, but not accept any as parameters.
But my&lt;/p&gt;
&lt;pre&gt;&lt;code&gt;template &amp;lt;typename T&amp;gt;
T getSomeT() {
  T some;
  return some;
}
&lt;/code&gt;&lt;/pre&gt;
&lt;p&gt;did not work, it says "&lt;code&gt;error: no matching function for call to 'getSomeT'&lt;/code&gt;" and "&lt;code&gt;note: candidate template ignored: couldn't infer template argument 'T'&lt;/code&gt;"&lt;/p&gt;
&lt;p&gt;But it work just fine if I add some fake template parameter in it:&lt;/p&gt;
&lt;pre&gt;&lt;code&gt;template &amp;lt;typename T&amp;gt;
T getSomeT(T fake) {
  T some;
  return some;
}
&lt;/code&gt;&lt;/pre&gt;</t>
  </si>
  <si>
    <t>2015-02-08 18:30:01.147000+00:00</t>
  </si>
  <si>
    <t>2015-02-08 19:39:38.917000+00:00</t>
  </si>
  <si>
    <t>c++|templates</t>
  </si>
  <si>
    <t>Merging objects containing same key/value with LoDash</t>
  </si>
  <si>
    <t>&lt;p&gt;After doing some operations with LoDash from an initial array, I end up with the following:&lt;/p&gt;
&lt;pre&gt;&lt;code&gt;[
  {number:3, product:'apple'},
  {number:2, product:'apple'},
  {number:4, product:'pear'}
]
&lt;/code&gt;&lt;/pre&gt;
&lt;p&gt;How could I manipulate it to end up with:&lt;/p&gt;
&lt;pre&gt;&lt;code&gt;[
  {number:5, product:'apple'},
  {number:4, product:'pear'}
]
&lt;/code&gt;&lt;/pre&gt;
&lt;p&gt;This is the original code, just in case:&lt;/p&gt;
&lt;pre&gt;&lt;code&gt;$scope.data = [
  {
    date:'date',
    products: [
      {
        number: 3,
        product: 'Apple'
      },
      {
        number: 4,
        product: 'Pear'
      }
    ]
  },
  {
    date:'date',
    products: [
      {
        number: 2,
        product: 'Apple'
      }
    ]
  }
]
const grouped = _.groupBy($scope.data, function(el){
  return moment(el.date).format('dddd, D [de] MMMM');
});
const result = _.map(grouped, (value, date) =&amp;gt; ({
    date: date,
    products: _.flatMap(value, el =&amp;gt; el.products)
}));
&lt;/code&gt;&lt;/pre&gt;</t>
  </si>
  <si>
    <t>2017-03-05 17:43:12.010000+00:00</t>
  </si>
  <si>
    <t>2017-03-05 19:00:13.933000+00:00</t>
  </si>
  <si>
    <t>angularjs|arrays|lodash</t>
  </si>
  <si>
    <t>How to pull data from JSON structure (document) in Mongo DB</t>
  </si>
  <si>
    <t>&lt;p&gt;I am using Mongo DB and I have the following document:&lt;/p&gt;
&lt;pre&gt;&lt;code&gt;{
        "_id" : ObjectId("5673f753dbafbed2f4b12afc"),
        "user_id" : "5",
        "user_name" : "Aditya",
        "thought" : [
                {
                        "thought_id" : "4",
                        "thought_text" : "aditya here",
                        "th_inserted_at" : "2015-12-17 11:50:35",
                        "comments" : [
                                {
                                        "cmt_from_id" : "4",
                                        "comment_txt" : "stop bala",
                                        "cmt_inserted_at" : "2015-12-17 12:50:35
"
                                }
                        ]
                }
        ],
        "followings" : [
                {
                        "following_id" : "4"
                },
                {
                        "following_id" : "1"
                }
        ],
        "followers" : [
                {
                        "follower_id" : "4"
                },
                {
                        "follower_id" : "2"
                },
                {
                        "follower_id" : "1"
                }
        ],
        "role" : "user",
        "profile_pic" : "somepic",
        "review" : [
                {
                        "review_id" : "2",
                        "review_txt" : "nice play",
                        "play_id" : "1",
                        "rev_inserted_at" : "2015-12-17 18:50:35"
                }
        ]
}
&lt;/code&gt;&lt;/pre&gt;
&lt;p&gt;How do I get the nested document using Codeigniter mongo DB's where clause. For instance, I want to fetch all data within the thoughts section where thought_id =4. 
I am using &lt;a href="https://github.com/bcit-ci/CodeIgniter/wiki/Using-MongoDB-in-Codeigniter" rel="nofollow"&gt;this library&lt;/a&gt;&lt;/p&gt;</t>
  </si>
  <si>
    <t>2015-12-18 12:36:00.193000+00:00</t>
  </si>
  <si>
    <t>2015-12-19 10:32:02.487000+00:00</t>
  </si>
  <si>
    <t>arrays|mongodb|codeigniter</t>
  </si>
  <si>
    <t>Validate a user interface (NSButton) as user type in NSTextField</t>
  </si>
  <si>
    <t>&lt;p&gt;I know how I'd do this with NSTextView, but NSTextField doesn't seem to provide a way to access the &lt;code&gt;NSTextStorage&lt;/code&gt; backing it, so I can't set myself as a delegate and process &lt;code&gt;-textStorageDidProcessEditing:&lt;/code&gt;.&lt;/p&gt;
&lt;p&gt;I have a &lt;code&gt;NSTextField&lt;/code&gt; as part of a sheet.  If that text field is emtpy at any point, the OK button should be disabled until some input is provided.  That's basically all I'm looking to do, and I'm sure there's a really simple way to do this?&lt;/p&gt;
&lt;p&gt;I tried:&lt;/p&gt;
&lt;pre&gt;&lt;code&gt;[[[filenameInput cell] textStorage] setDelegate:self];
&lt;/code&gt;&lt;/pre&gt;
&lt;p&gt;Thinking that &lt;code&gt;NSTextFieldCell&lt;/code&gt; would provide the text storage (mostly since Xcode kindly auto-completed it for me) and then of course, did my validation via the delegate method:&lt;/p&gt;
&lt;pre&gt;&lt;code&gt;-(void)textStorageDidProcessEditing:(NSNotification *)notification {
    BOOL allowSubmit = ([[filenameInput stringValue] length] &amp;gt; 0)
        &amp;amp;&amp;amp; (([relativePathSwitch state] == NSOnState) || ([[localPathInput stringValue] length] &amp;gt; 0));
    [createButton setEnabled:allowSubmit];
}
&lt;/code&gt;&lt;/pre&gt;
&lt;p&gt;This compiles but causes a runtime error as &lt;code&gt;NSTextFieldCell&lt;/code&gt; does not respond to &lt;code&gt;textStorage&lt;/code&gt;.&lt;/p&gt;
&lt;p&gt;What's the standard pattern I should be following here?  This must be one of those "every day" tasks for Cocoa devs, I imagine :)&lt;/p&gt;
&lt;p&gt;&lt;img src="https://i.stack.imgur.com/Aanvt.png" alt="The Sheet"&gt;&lt;/p&gt;</t>
  </si>
  <si>
    <t>2010-12-30 03:01:15.090000+00:00</t>
  </si>
  <si>
    <t>2010-12-30 03:32:54.400000+00:00</t>
  </si>
  <si>
    <t>cocoa|macos|nstextfield</t>
  </si>
  <si>
    <t>Dependency Injection Repository Lifetime</t>
  </si>
  <si>
    <t>&lt;p&gt;I'm not sure the specific implementation is important here but for completeness I'm using Autofac as my dependency injection container for a new application.&lt;/p&gt;
&lt;p&gt;All my repositories depend on a &lt;code&gt;DbContext&lt;/code&gt; (unit of work) which I have used the MVC3 integration library to configure as &lt;code&gt;InstancePerHttpRequest()&lt;/code&gt; so that the unit of work is shared between repositories for each request.&lt;/p&gt;
&lt;p&gt;I've looked at some applications that use Autofac and I have noticed that they're setting the lifetime of their repositories as &lt;code&gt;SingleInstance()&lt;/code&gt; (singleton). Is this correct?&lt;/p&gt;
&lt;p&gt;The reason I ask is that I can understand that we don't really need multiple repository classes but if we're creating a single instance of a repository then that surely means that there is only one reference to a &lt;code&gt;DbContext&lt;/code&gt;. In my repository implementation it accesses the &lt;code&gt;DbContext&lt;/code&gt; as a class member e.g. &lt;code&gt;_dbContext.Set&amp;lt;T&amp;gt;&lt;/code&gt; blah....&lt;/p&gt;
&lt;p&gt;So &lt;code&gt;_dbContext&lt;/code&gt; must have a reference to some object in memory. How is it possible for two separate requests to come along, have a unique &lt;code&gt;DbContext&lt;/code&gt; but share the same repository?&lt;/p&gt;
&lt;p&gt;Have I missed something to do with the way DI works?&lt;/p&gt;</t>
  </si>
  <si>
    <t>2012-03-09 14:52:55.713000+00:00</t>
  </si>
  <si>
    <t>2012-03-14 07:02:30.143000+00:00</t>
  </si>
  <si>
    <t>asp.net-mvc|dependency-injection|inversion-of-control</t>
  </si>
  <si>
    <t>How to create a new Event</t>
  </si>
  <si>
    <t>&lt;p&gt;I would like to create new events (using document.createEvent() or Jquery.Event + copying all important attributes) and send the clone to avoid modifying the original event.&lt;br&gt;
Here is the source code &lt;a href="http://jsfiddle.net/uymYJ/20/" rel="nofollow noreferrer"&gt;http://jsfiddle.net/uymYJ/20/&lt;/a&gt;&lt;/p&gt;
&lt;p&gt;This question is related to this one &lt;a href="https://stackoverflow.com/questions/12041811/how-to-avoid-to-modify-the-event-object-in-this-situation/12050471#comment16095656_12050471"&gt;How to avoid to modify the event object in this situation&lt;/a&gt;&lt;/p&gt;
&lt;p&gt;Any ideas why when I type a key on my keyboard I get for &lt;code&gt;newEvent.keyCode&lt;/code&gt; undefined value?&lt;/p&gt;
&lt;pre&gt;&lt;code&gt;$("#box").keydown(function(event){
    var newEvent = $.Event("keydown");
    console.log(event.keyCode); // 68 
    console.log(newEvent.keyCode); // undefined
});
&lt;/code&gt;&lt;/pre&gt;</t>
  </si>
  <si>
    <t>2012-08-21 12:44:50.097000+00:00</t>
  </si>
  <si>
    <t>2012-08-21 13:01:30.307000+00:00</t>
  </si>
  <si>
    <t>2017-05-23 12:03:58.297000+00:00</t>
  </si>
  <si>
    <t>javascript|jquery|javascript-events</t>
  </si>
  <si>
    <t>It's possible to have a View behind a TableRow</t>
  </si>
  <si>
    <t>&lt;p&gt;It's possible to have a view behind a TableRow in a TableLayout ? What I'm trying to do is at the swipe effect of the TableRow to be able to show another view in the right of it.&lt;/p&gt;</t>
  </si>
  <si>
    <t>2014-12-04 18:15:41.973000+00:00</t>
  </si>
  <si>
    <t>2014-12-05 16:39:19.010000+00:00</t>
  </si>
  <si>
    <t>android-layout</t>
  </si>
  <si>
    <t>Installing Checkstyle-Plugin (7.2.0) for Eclipse Neon fails</t>
  </si>
  <si>
    <t>&lt;p&gt;I tried to install the checkstyle-Plugin for my eclipse bundle &lt;code&gt;Eclipse for Java Developers&lt;/code&gt;, by dragging the provided link from &lt;a href="http://eclipse-cs.sourceforge.net/#!/" rel="nofollow noreferrer"&gt;http://eclipse-cs.sourceforge.net/#!/&lt;/a&gt; onto my Eclipse window.&lt;/p&gt;
&lt;p&gt;Unfortunately this results in the following error:&lt;/p&gt;
&lt;pre&gt;&lt;code&gt;An error occurred while collecting items to be installed
session context was:(profile=epp.package.java, phase=org.eclipse.equinox.internal.p2.engine.phases.Collect, operand=, action=).
No repository found containing: osgi.bundle,net.sf.eclipsecs.branding,7.2.0.201611072237
No repository found containing: osgi.bundle,net.sf.eclipsecs.checkstyle,7.2.0.201611072237
No repository found containing: osgi.bundle,net.sf.eclipsecs.core,7.2.0.201611082201
No repository found containing: osgi.bundle,net.sf.eclipsecs.doc,7.2.0.201611082205
No repository found containing: org.eclipse.update.feature,net.sf.eclipsecs,7.2.0.201611082205
No repository found containing: osgi.bundle,net.sf.eclipsecs.ui,7.2.0.201611072237
&lt;/code&gt;&lt;/pre&gt;
&lt;p&gt;Any idea how I might fix this?&lt;/p&gt;
&lt;p&gt;Installing it using the Marketplace also did not work. It failed with:&lt;/p&gt;
&lt;pre&gt;&lt;code&gt;An error occurred while collecting items to be installed
session context was:(profile=epp.package.java, phase=org.eclipse.equinox.internal.p2.engine.phases.Collect, operand=, action=).
Unable to read repository at https://sourceforge.net/projects/eclipse-cs/files/updatesite/7.2.0/plugins/net.sf.eclipsecs.doc_7.2.0.201611082205.jar.
sun.security.validator.ValidatorException: PKIX path building failed: sun.security.provider.certpath.SunCertPathBuilderException: unable to find valid certification path to requested target
Unable to read repository at https://sourceforge.net/projects/eclipse-cs/files/updatesite/7.2.0/features/net.sf.eclipsecs_7.2.0.201611082205.jar.
sun.security.validator.ValidatorException: PKIX path building failed: sun.security.provider.certpath.SunCertPathBuilderException: unable to find valid certification path to requested target
&lt;/code&gt;&lt;/pre&gt;</t>
  </si>
  <si>
    <t>2016-11-18 16:11:00.107000+00:00</t>
  </si>
  <si>
    <t>2016-11-23 18:55:59.030000+00:00</t>
  </si>
  <si>
    <t>2016-11-18 16:52:02.450000+00:00</t>
  </si>
  <si>
    <t>java|eclipse|plugins</t>
  </si>
  <si>
    <t>iMacro issue posting to minds. com</t>
  </si>
  <si>
    <t>&lt;p&gt;The new social media site minds.com does not seem to have an API for posting, so I have tried to create a macro to do so from a single line text file, thus (iMacros for Firefox [50.1]).  I have tried the x-y method and the conventional methods as well as the "experimental" mode, shown following:&lt;/p&gt;
&lt;pre&gt;&lt;code&gt;VERSION BUILD=9030808 RECORDER=FX
TAB T=1
'SET !ERRORIGNORE YES
SET !DATASOURCE C:\[path-to-file]\[single line of text here].txt
SET !DATASOURCE_COLUMNS 1
SET !LOOP 1
'SET !DATASOURCE_LINE {{!LOOP}}
'SET !DATASOURCE_LINE {{1}}
URL GOTO=https://www.minds.com/newsfeed
EVENT TYPE=CLICK SELECTOR="HTML&amp;gt;BODY&amp;gt;MINDS-APP&amp;gt;MINDS-BODY&amp;gt;MINDS-    NEWSFEED&amp;gt;DIV&amp;gt;DIV&amp;gt;MINDS-NEWSFEED-POSTER&amp;gt;DIV&amp;gt;DIV&amp;gt;FORM&amp;gt;TEXTAREA" BUTTON=0
EVENTS TYPE=KEYPRESS SELECTOR="HTML&amp;gt;BODY&amp;gt;MINDS-APP&amp;gt;MINDS-BODY&amp;gt;MINDS-   NEWSFEED&amp;gt;DIV&amp;gt;DIV&amp;gt;MINDS-NEWSFEED-POSTER&amp;gt;DIV&amp;gt;DIV&amp;gt;FORM&amp;gt;TEXTAREA" CONTENT=Hi!
EVENT TYPE=CLICK SELECTOR="HTML&amp;gt;BODY&amp;gt;MINDS-APP&amp;gt;MINDS-BODY&amp;gt;MINDS-    NEWSFEED&amp;gt;DIV&amp;gt;DIV&amp;gt;MINDS-NEWSFEED-POSTER&amp;gt;DIV&amp;gt;DIV&amp;gt;FORM&amp;gt;DIV&amp;gt;BUTTON" BUTTON=0
&lt;/code&gt;&lt;/pre&gt;
&lt;p&gt;and I tried:&lt;/p&gt;
&lt;pre&gt;&lt;code&gt;VERSION BUILD=9030808 RECORDER=FX
TAB T=1
URL GOTO=https://www.minds.com/newsfeed
SET !TIMEOUT_PAGE 30
TAG POS=1 TYPE=TEXTAREA FORM=NAME:NoFormName ATTR=ID:message CONTENT=Hello!
TAG POS=1 TYPE=BUTTON FORM=NAME:NoFormName ATTR=ID:Post&amp;lt;SP&amp;gt;send
&lt;/code&gt;&lt;/pre&gt;
&lt;p&gt;Neither seems to work, nor does an x-y click (which just highlights the 'Post' button but does not "click" it).&lt;/p&gt;
&lt;p&gt;The salient HTML for the button is:&lt;/p&gt;
&lt;pre&gt;&lt;code&gt;&amp;lt;button class="mdl-button mdl-button--colored" type="submit"&amp;gt;
Post &amp;lt;i class="material-icons"&amp;gt;send&amp;lt;/i&amp;gt;
&amp;lt;/button&amp;gt;
&lt;/code&gt;&lt;/pre&gt;
&lt;p&gt;I'm not sure what I'm missing.  Any suggestions would be greatly appreciated.&lt;/p&gt;
&lt;p&gt;Thanks!&lt;/p&gt;
&lt;p&gt;-Brian Brown, Ph.D.&lt;/p&gt;</t>
  </si>
  <si>
    <t>2017-01-23 01:04:05.523000+00:00</t>
  </si>
  <si>
    <t>2017-01-23 15:38:32.227000+00:00</t>
  </si>
  <si>
    <t>imacros</t>
  </si>
  <si>
    <t>How to nest Handlebars JS?</t>
  </si>
  <si>
    <t>&lt;p&gt;I am getting a frustrating error because of my Handlebars JS templates.&lt;/p&gt;
&lt;pre&gt;&lt;code&gt;Error: Parse error on line 9:
...      {{/each}}    {{/if}}
----------------------^
Expecting 'EOF'
&lt;/code&gt;&lt;/pre&gt;
&lt;p&gt;Handlebars in question:&lt;/p&gt;
&lt;pre&gt;&lt;code&gt;{{if showSingle}}
    {{#with single}}
        {{&amp;gt; postSingle}}
    {{/with}}
{{else}}
   {{#each posts}}
        {{&amp;gt; postItem}}
    {{/each}}
{{/if}}
&lt;/code&gt;&lt;/pre&gt;
&lt;p&gt;Is nesting like this not possible? &lt;/p&gt;
&lt;p&gt;Just to put things in context, this was working fine:&lt;/p&gt;
&lt;pre&gt;&lt;code&gt;{{#each posts}}
    {{&amp;gt; postItem}}
{{/each}}
&lt;/code&gt;&lt;/pre&gt;</t>
  </si>
  <si>
    <t>2012-10-05 22:10:28.487000+00:00</t>
  </si>
  <si>
    <t>2012-10-05 22:21:05.480000+00:00</t>
  </si>
  <si>
    <t>meteor|handlebars.js</t>
  </si>
  <si>
    <t>Deadlock issue with joblib</t>
  </si>
  <si>
    <t>&lt;p&gt;I would like to parallelize converting numpy array to bcolz carray with joblib, but when writing to carray, deadlock occurred.&lt;/p&gt;
&lt;p&gt;The simplified code is here.&lt;/p&gt;
&lt;pre&gt;&lt;code&gt;import cv2
import pandas as pd
import numpy as np
from tqdm import tqdm
import bcolz
from tqdm import tqdm
from pathlib import Path
from joblib import Parallel, delayed
class BcolzConverter():
    """
    Save the output from a iterator without loading all images into memory.
    Does not return anything, instead writes data to disk.
    :it: iterator returns image and label
    :data_dir: The folder name to store the bcolz array representing the features in.
    :labels_dir: The folder name to store the bcolz array representing the labels in.
    """    
    def __init__(self, it, data_dir, labels_dir):
        self.it = it
        self.data_dir = data_dir
        self.labels_dir = labels_dir
    def convert(self):
        for directory in [self.data_dir, self.labels_dir]:
            if not Path(directory).exists():
                Path(directory).mkdir(parents=True)
        d, l = next(self.it)
        data = bcolz.carray(d, rootdir=self.data_dir, mode=self.mode)
        labels = bcolz.carray(l, rootdir=self.labels_dir, mode=self.mode)
        Parallel(n_jobs=-1)(delayed(self._process)(
            element, data, labels) for element in it)
        data.flush()
        labels.flush()
    @staticmethod
    def _process(element, data, labels):
        d, l = element
        data.append(d)
        labels.append(l)
converter = BcolzConverter(it, '../input/bcolz/data', '../input/bcolz/label', num_workers=4)
converter.convert()
&lt;/code&gt;&lt;/pre&gt;
&lt;p&gt;The above program never stops unless user suspending.
The output is here. Program stacks due to waiter.aquire()&lt;/p&gt;
&lt;pre&gt;&lt;code&gt;---------------------------------------------------------------------------
KeyboardInterrupt                         Traceback (most recent call last)
&amp;lt;ipython-input-117-92dbce12edff&amp;gt; in &amp;lt;module&amp;gt;()
      3 it = DataIterator(df, label_onehot=True)
      4 converter = BcolzConverter(it, '../input/bcolz/data', '../input/bcolz/label', num_workers=4)
----&amp;gt; 5 converter.convert()
&amp;lt;ipython-input-115-fba84effdabc&amp;gt; in convert(self)
     66 
     67         Parallel(n_jobs=self.num_workers, verbose=10000)(delayed(self._process)(
---&amp;gt; 68             element, data, labels) for element in it)
     69 
     70         data.flush()
~/.pyenv/versions/anaconda3-5.0.1/envs/py36/lib/python3.6/site-packages/joblib/parallel.py in __call__(self, iterable)
    787                 # consumption.
    788                 self._iterating = False
--&amp;gt; 789             self.retrieve()
    790             # Make sure that we get a last message telling us we are done
    791             elapsed_time = time.time() - self._start_time
~/.pyenv/versions/anaconda3-5.0.1/envs/py36/lib/python3.6/site-packages/joblib/parallel.py in retrieve(self)
    697             try:
    698                 if getattr(self._backend, 'supports_timeout', False):
--&amp;gt; 699                     self._output.extend(job.get(timeout=self.timeout))
    700                 else:
    701                     self._output.extend(job.get())
~/.pyenv/versions/anaconda3-5.0.1/envs/py36/lib/python3.6/multiprocessing/pool.py in get(self, timeout)
    636 
    637     def get(self, timeout=None):
--&amp;gt; 638         self.wait(timeout)
    639         if not self.ready():
    640             raise TimeoutError
~/.pyenv/versions/anaconda3-5.0.1/envs/py36/lib/python3.6/multiprocessing/pool.py in wait(self, timeout)
    633 
    634     def wait(self, timeout=None):
--&amp;gt; 635         self._event.wait(timeout)
    636 
    637     def get(self, timeout=None):
~/.pyenv/versions/anaconda3-5.0.1/envs/py36/lib/python3.6/threading.py in wait(self, timeout)
    549             signaled = self._flag
    550             if not signaled:
--&amp;gt; 551                 signaled = self._cond.wait(timeout)
    552             return signaled
    553 
~/.pyenv/versions/anaconda3-5.0.1/envs/py36/lib/python3.6/threading.py in wait(self, timeout)
    293         try:    # restore state no matter what (e.g., KeyboardInterrupt)
    294             if timeout is None:
--&amp;gt; 295                 waiter.acquire()
    296                 gotit = True
    297             else:
KeyboardInterrupt: 
&lt;/code&gt;&lt;/pre&gt;
&lt;p&gt;It seems it is due to multiple processes trying to write to carray object.
How do I implement this without any deadlock?&lt;/p&gt;</t>
  </si>
  <si>
    <t>2018-02-11 08:09:23.730000+00:00</t>
  </si>
  <si>
    <t>2018-10-31 07:51:38.433000+00:00</t>
  </si>
  <si>
    <t>python|deadlock|joblib|bcolz</t>
  </si>
  <si>
    <t>Telerik Rad window opens once only</t>
  </si>
  <si>
    <t>&lt;p&gt;I have a Rad Grid with a Hyperlink in its itemTemplate, The Hyperlink will open a Radwindow&lt;/p&gt;
&lt;pre&gt;&lt;code&gt;&amp;lt;asp:Content ContentPlaceHolderID="MenuPlaceHolder" runat="server" ID="Menus"&amp;gt;
&amp;lt;telerik:RadCodeBlock ID="RadCodeBlock1" runat="server"&amp;gt;
    &amp;lt;script type="text/javascript"&amp;gt;
        function ShowOnCar(id) {
            window.radopen("OnCar.aspx?SN=" + id, "ShowOnCar");
            return false;
        }
    &amp;lt;/script&amp;gt;
&amp;lt;/telerik:RadCodeBlock&amp;gt;
&amp;lt;telerik:RadAjaxManager ID="RadAjaxManager1" runat="server"&amp;gt;
    &amp;lt;AjaxSettings&amp;gt;
        &amp;lt;telerik:AjaxSetting AjaxControlID="onCarLink"&amp;gt;
            &amp;lt;UpdatedControls&amp;gt;
                &amp;lt;telerik:AjaxUpdatedControl ControlID="RadWindowManager1" /&amp;gt;
            &amp;lt;/UpdatedControls&amp;gt;
        &amp;lt;/telerik:AjaxSetting&amp;gt;
    &amp;lt;/AjaxSettings&amp;gt;
&amp;lt;/telerik:RadAjaxManager&amp;gt;&amp;lt;/asp:Content&amp;gt;
&amp;lt;asp:Content ID="SheetContent" ContentPlaceHolderID="SheetContentPlaceHolder" runat="Server"&amp;gt;
&amp;lt;telerik:RadAjaxPanel ID="RadAjaxPanel1d" runat="server" LoadingPanelID="RadAjaxLoadingPanel1"&amp;gt;
    &amp;lt;telerik:RadGrid ID="dt_lst_SN" runat="server" EnableEmbeddedSkins="false"&amp;gt;
        &amp;lt;MasterTableView AutoGenerateColumns="False"&amp;gt;
            &amp;lt;Columns&amp;gt;
                &amp;lt;telerik:GridTemplateColumn FilterControlAltText="Filter TemplateColumn column" UniqueName="TemplateColumn"&amp;gt;
                    &amp;lt;ItemTemplate&amp;gt;
                        &amp;lt;asp:HyperLink ID="onCarLink" runat="server"&amp;gt;
                            &amp;lt;asp:PlaceHolder runat="server" ID="TempPlaceholder" /&amp;gt;
                        &amp;lt;/asp:HyperLink&amp;gt;
                    &amp;lt;/ItemTemplate&amp;gt;
                &amp;lt;/telerik:GridTemplateColumn&amp;gt;
            &amp;lt;/Columns&amp;gt;
        &amp;lt;/MasterTableView&amp;gt;
    &amp;lt;/telerik:RadGrid&amp;gt;
&amp;lt;/telerik:RadAjaxPanel&amp;gt;
&amp;lt;telerik:RadWindowManager ID="RadWindowManager1" runat="server"&amp;gt;
    &amp;lt;Windows&amp;gt;
        &amp;lt;telerik:RadWindow ID="ShowOnCar" runat="server" Title="Details" Height="400px" Width="650px"
            Left="150px" ReloadOnShow="true" ShowContentDuringLoad="false" Modal="true" /&amp;gt;
    &amp;lt;/Windows&amp;gt;
&amp;lt;/telerik:RadWindowManager&amp;gt;&amp;lt;/asp:Content&amp;gt;
&lt;/code&gt;&lt;/pre&gt;
&lt;p&gt;in code behind, &lt;/p&gt;
&lt;blockquote&gt;
&lt;pre&gt;&lt;code&gt;Protected Sub dt_lst_SN_ItemDataBound(ByVal sender As Object, ByVal e As Telerik.Web.UI.GridItemEventArgs) Handles dt_lst_SN.ItemDataBound
    If TypeOf e.Item Is GridDataItem Then
        Dim onCarLink As HyperLink = DirectCast(e.Item.FindControl("onCarLink"), HyperLink)
        onCarLink.Attributes("href") = "#"
        onCarLink.Attributes("onclick") = [String].Format("return ShowOnCar('{0}');", e.Item.Cells(dt_lst_SN.Columns.FindByUniqueName("SN_ID").OrderIndex).Text)
    End If
End Sub
&lt;/code&gt;&lt;/pre&gt;
&lt;/blockquote&gt;
&lt;p&gt;This code will open the radwindow correctly but just once!
What is missing?&lt;/p&gt;</t>
  </si>
  <si>
    <t>2012-10-04 02:53:55.437000+00:00</t>
  </si>
  <si>
    <t>2012-10-08 12:52:29.507000+00:00</t>
  </si>
  <si>
    <t>asp.net|vb.net|telerik|radgrid|radwindow</t>
  </si>
  <si>
    <t>Why does chrono have its own namespace?</t>
  </si>
  <si>
    <t>&lt;p&gt;Everything else I have seen so far in the C++ standard library is in the &lt;code&gt;std&lt;/code&gt; namespace. If I use things from &lt;code&gt;std::chrono&lt;/code&gt; I usually exceed my 80 character per line limit - that is not a problem, just inconvienent.&lt;/p&gt;
&lt;p&gt;So here my simple question: Why does the chrono header has its own namespace?&lt;/p&gt;</t>
  </si>
  <si>
    <t>2012-11-18 10:43:30.843000+00:00</t>
  </si>
  <si>
    <t>2018-09-15 01:37:45.727000+00:00</t>
  </si>
  <si>
    <t>2012-11-20 06:52:10.337000+00:00</t>
  </si>
  <si>
    <t>c++|c++11|chrono</t>
  </si>
  <si>
    <t>application:didReceiveRemoteNotification:fetchCompletionHandler Not Called</t>
  </si>
  <si>
    <t>&lt;p&gt;It appears the function &lt;code&gt;application:didReceiveRemoteNotification:fetchCompletionHandler&lt;/code&gt; is not called when the app has been forcefully quit. It was my impression that the function would be invoked no matter what state the app was in, but it appears that it is only called if the app is already running in the background. Is there a way to wake up an app in the background if it is not already running using the new iOS 7 remote notification background mode?&lt;/p&gt;</t>
  </si>
  <si>
    <t>2013-09-17 17:29:08.350000+00:00</t>
  </si>
  <si>
    <t>2018-02-07 14:16:40.593000+00:00</t>
  </si>
  <si>
    <t>2017-02-24 23:51:28.817000+00:00</t>
  </si>
  <si>
    <t>ios|objective-c|ios7|apple-push-notifications</t>
  </si>
  <si>
    <t>How to get inner class Reflection</t>
  </si>
  <si>
    <t>&lt;p&gt;I had a class like&lt;/p&gt;
&lt;pre&gt;&lt;code&gt;package example.com
class TContract : Contract {
    interface Commands : CommandData {
        class TIssue(val reference: State) : Commands
    }
}
&lt;/code&gt;&lt;/pre&gt;
&lt;p&gt;How to get the class reflection of TIssue. I tried &lt;code&gt;Class.forName("example.com.TContract.Commands.TIssue")&lt;/code&gt;, but it's not work!&lt;/p&gt;</t>
  </si>
  <si>
    <t>2018-11-07 03:48:39.130000+00:00</t>
  </si>
  <si>
    <t>2018-11-07 04:04:23.987000+00:00</t>
  </si>
  <si>
    <t>java|kotlin</t>
  </si>
  <si>
    <t>jQuery mouseover event triggers multiple times when moving mouse quicker</t>
  </si>
  <si>
    <t>&lt;p&gt;I am using jquery mouseover event to fetch some data using ajax in wordpress, ajax is working fine, but my issue is When we move the mouse over the element faster event triggers multiple actions, ie if i give an alert on mouse over if I move repeatedly over the element I will get multiple alerts, I dont want this, I have tried unbind, but not working properly. here is the &lt;/p&gt;
&lt;pre&gt;&lt;code&gt;&amp;lt;ul class="tab-content"&amp;gt;
&amp;lt;li&amp;gt;&amp;lt;div class="place-holder"&amp;gt;&amp;lt;/div&amp;gt;&amp;lt;/li&amp;gt;
&amp;lt;li&amp;gt;&amp;lt;div class="place-holder"&amp;gt;&amp;lt;/div&amp;gt;&amp;lt;/li&amp;gt;
&amp;lt;li&amp;gt;&amp;lt;div class="place-holder"&amp;gt;&amp;lt;/div&amp;gt;&amp;lt;/li&amp;gt;
&amp;lt;li&amp;gt;&amp;lt;div class="place-holder"&amp;gt;&amp;lt;/div&amp;gt;&amp;lt;/li&amp;gt;
&amp;lt;/ul&amp;gt;
$(document).on('mouseover', '.place-holder' , function(e){
alert ('hallo');
}
&lt;/code&gt;&lt;/pre&gt;</t>
  </si>
  <si>
    <t>2013-09-05 13:49:22.183000+00:00</t>
  </si>
  <si>
    <t>2013-09-06 06:06:45.977000+00:00</t>
  </si>
  <si>
    <t>jquery|ajax|wordpress</t>
  </si>
  <si>
    <t>Ember Model Computed Property Not Working</t>
  </si>
  <si>
    <t>&lt;p&gt;I have a module logging errors on my MEEN stack app. I have a model for my ember route that pulls in data from my express server via mongoose.&lt;/p&gt;
&lt;p&gt;I wanted to alter the date property on my model to format the date differently from how it is stored in the mongo database to save some real estate on the page ie: Tue Sep 19 2017 16:57:17 GMT-0400 (EDT) to 2017-09-19.&lt;/p&gt;
&lt;p&gt;I followed the Ember docs for computer properties on the model but the template is not displaying the computed value.&lt;/p&gt;
&lt;p&gt;model:&lt;/p&gt;
&lt;pre&gt;&lt;code&gt;import DS from 'ember-data';
import Ember from 'Ember';
export default DS.Model.extend({
  error: DS.attr('string'),
  user: DS.attr('string'),
  module: DS.attr('string'),
  date: DS.attr('string'),
  smallDate: Ember.computed('date', function() {
    var dateObj = new Date(this.get('date'));
    return `${dateObj.getFullYear()}-${dateObj.getMonth()}-${dateObj.getDate()}`;
  })
});
&lt;/code&gt;&lt;/pre&gt;
&lt;p&gt;template: &lt;/p&gt;
&lt;pre&gt;&lt;code&gt;&amp;lt;div class="row"&amp;gt;
  &amp;lt;div class="col-md-8 col-md-offset-2 text-center"&amp;gt;
    &amp;lt;h2 class="toolTitle"&amp;gt;Blame Panel&amp;lt;/h2&amp;gt;
  &amp;lt;/div&amp;gt;
&amp;lt;/div&amp;gt;
&amp;lt;div class="col-md-8 col-md-offset-2"&amp;gt;
  &amp;lt;table class="table"&amp;gt;
    &amp;lt;thead&amp;gt;
      &amp;lt;tr&amp;gt;
        &amp;lt;th&amp;gt;#&amp;lt;/th&amp;gt;
        &amp;lt;th&amp;gt;User&amp;lt;/th&amp;gt;
        &amp;lt;th&amp;gt;Error&amp;lt;/th&amp;gt;
        &amp;lt;th&amp;gt;Component&amp;lt;/th&amp;gt;
        &amp;lt;th&amp;gt;Date&amp;lt;/th&amp;gt;
      &amp;lt;/tr&amp;gt;
    &amp;lt;/thead&amp;gt;
    &amp;lt;tbody&amp;gt;
      {{#each model as |blame index|}}
        &amp;lt;tr&amp;gt;
          &amp;lt;th scope="row"&amp;gt;{{index}}&amp;lt;/th&amp;gt;
          &amp;lt;td&amp;gt;{{blame.user}}&amp;lt;/td&amp;gt;
          &amp;lt;td&amp;gt;{{blame.error}}&amp;lt;/td&amp;gt;
          &amp;lt;td&amp;gt;{{blame.module}}&amp;lt;/td&amp;gt;
          &amp;lt;td&amp;gt;{{blame.smallDate}}&amp;lt;/td&amp;gt;
        &amp;lt;/tr&amp;gt;
      {{/each}}
    &amp;lt;/tbody&amp;gt;
  &amp;lt;/table&amp;gt;
&amp;lt;/div&amp;gt;
&lt;/code&gt;&lt;/pre&gt;
&lt;p&gt;If I just use the date property of the model it displays the unformatted date fine.&lt;/p&gt;</t>
  </si>
  <si>
    <t>2017-09-26 17:56:21.760000+00:00</t>
  </si>
  <si>
    <t>2017-09-27 13:32:55.023000+00:00</t>
  </si>
  <si>
    <t>mongodb|ember.js|handlebars.js|ember-data</t>
  </si>
  <si>
    <t>Create column with duplicate data in same table psql</t>
  </si>
  <si>
    <t>&lt;p&gt;Postgres database&lt;/p&gt;
&lt;p&gt;I'm trying to find a faster way to create a new column in a table which is a copy of the tables primary key column, so if I have the following columns in a table named &lt;code&gt;students&lt;/code&gt;:&lt;/p&gt;
&lt;pre&gt;&lt;code&gt;student_id Integer Auto-Increment -- Primary key
name varchar
&lt;/code&gt;&lt;/pre&gt;
&lt;p&gt;Then I would like to create a new column named &lt;code&gt;old_student_id&lt;/code&gt; which has all the same values as &lt;code&gt;student_id&lt;/code&gt;. &lt;/p&gt;
&lt;p&gt;To do this I create the column and the execute the following update statement &lt;/p&gt;
&lt;p&gt;&lt;code&gt;update student set old_student_id=student_id&lt;/code&gt; &lt;/p&gt;
&lt;p&gt;Which works, but on my biggest table it takes over an hour, and I feels like I should be able to use some kind of alternative approach to get that down to a few minutes, I just don't know what. &lt;/p&gt;
&lt;p&gt;So what I want at the end of the day is something that looks like this:&lt;/p&gt;
&lt;pre&gt;&lt;code&gt;+------------+-----+---------------+
| student_id | name| old_student_id|
+------------+-----+---------------+
| 1          | bob | 1             |
+------------+-----+---------------+
| 2          | tod | 2             |
+------------+-----+---------------+
| 3          | joe | 3             |
+------------+-----+---------------+
| 4          | tim | 4             |
+------------+-----+---------------+
&lt;/code&gt;&lt;/pre&gt;
&lt;p&gt;To speed things up a bit before I do the update query, I drop all the FK's and Indices on the table, then reapply them when it finishes. Also I'm on an AWS RDS, so I have setup a param group which has &lt;code&gt;synchronized_commits=false&lt;/code&gt;, turned off backups, and increased working mem a bit for the duration of this update. &lt;/p&gt;
&lt;p&gt;For context this is actually happening to every table in the database, across three databases. The old ids are used as references for several external systems which reference these ids, so I need to keep track of them in order to update those systems as well. I have an 8 hour downtime window, and currently merging the databases takes ~3 hours, and a whole hour of that time is spent creating these ids. &lt;/p&gt;</t>
  </si>
  <si>
    <t>2016-09-22 06:54:26.917000+00:00</t>
  </si>
  <si>
    <t>2016-09-22 07:14:40.920000+00:00</t>
  </si>
  <si>
    <t>JPATH Base with unix</t>
  </si>
  <si>
    <t>&lt;p&gt;Hi I'm wondering if someone can help me here.&lt;/p&gt;
&lt;p&gt;I am trying to implement single signon between a joomla site and a PHP app of mine, the app comes with instructions that the JBASE instructions must be set such as:&lt;/p&gt;
&lt;pre&gt;&lt;code&gt;// change the following line to point to your Joomla 3.1 installation
define('JPATH_BASE', "c:\\xampp\\htdocs\\joomla31\\" );
require_once ( JPATH_BASE .DS.'includes'.DS.'defines.php' );
require_once ( JPATH_BASE .DS.'includes'.DS.'framework.php' );
&lt;/code&gt;&lt;/pre&gt;
&lt;p&gt;As you can see this is for a windows IIS setup and I am using linux, I have tried:&lt;/p&gt;
&lt;pre&gt;&lt;code&gt;define('JPATH_BASE', "\home\sites\jkgsoft.com\public_html\rent360" );
&lt;/code&gt;&lt;/pre&gt;
&lt;p&gt;But then get the following error:&lt;/p&gt;
&lt;pre&gt;&lt;code&gt;Warning: require_once(\home\sites\jkgsoft.com\public_html ent360/includes/defines.php): failed to open stream: No such file or directory in /home/sites/jkgsoft.com/public_html/rent360/portal/include/appsettings.php on line 453 Fatal error: require_once(): Failed opening required '\home\sites\jkgsoft.com\public_html ent360/includes/defines.php' (include_path='.:/usr/share/pear53:/usr/share/php:/usr/share/ZendFramework') in /home/sites/jkgsoft.com/public_html/rent360/portal/include/appsettings.php on line 453
&lt;/code&gt;&lt;/pre&gt;
&lt;p&gt;Does anyone know maybe how to change this JPATH?&lt;/p&gt;</t>
  </si>
  <si>
    <t>2014-11-20 14:51:59.327000+00:00</t>
  </si>
  <si>
    <t>2014-12-01 00:02:36.560000+00:00</t>
  </si>
  <si>
    <t>php|joomla</t>
  </si>
  <si>
    <t>Change data frame from Counter to dict</t>
  </si>
  <si>
    <t>&lt;p&gt;Data frame:&lt;/p&gt;
&lt;pre&gt;&lt;code&gt;pair = collections.defaultdict(collections.Counter)
&lt;/code&gt;&lt;/pre&gt;
&lt;p&gt;e.g.&lt;/p&gt;
&lt;pre&gt;&lt;code&gt;pair = {'doc1':  {'word1':4, 'word2':3}, 
        'doc2':  {'word1':2, 'word3':4},
        'doc3':  {'word2':2, 'word4':1},
         ...}
&lt;/code&gt;&lt;/pre&gt;
&lt;p&gt;I want to keep the data frame but alter the type of this part &lt;code&gt;{'word1':4, 'word2':3}&lt;/code&gt; &lt;code&gt;{'word1':2, 'word3':4}``...&lt;/code&gt; It is now a &lt;code&gt;Counter&lt;/code&gt; and I need a &lt;code&gt;dict&lt;/code&gt;.&lt;/p&gt;
&lt;p&gt;I tried this to get the data from &lt;code&gt;pair&lt;/code&gt;, but I do not know how to create a &lt;code&gt;dict&lt;/code&gt; for each doc:&lt;/p&gt;
&lt;pre&gt;&lt;code&gt;new_pair = collections.defaultdict(collections.Counter)
for doc, tab in testing.form.items():
    for word, freq in tab.items():
        new_pair[doc][word] = freq 
&lt;/code&gt;&lt;/pre&gt;
&lt;p&gt;I do not want to change the output. I just need that &lt;strong&gt;in each doc, the data type is &lt;code&gt;dict&lt;/code&gt;, not &lt;code&gt;Counter&lt;/code&gt;.&lt;/strong&gt;&lt;/p&gt;</t>
  </si>
  <si>
    <t>2012-06-17 04:47:59.463000+00:00</t>
  </si>
  <si>
    <t>2012-06-17 08:57:51.857000+00:00</t>
  </si>
  <si>
    <t>2012-06-17 05:19:02.380000+00:00</t>
  </si>
  <si>
    <t>Infinite run time</t>
  </si>
  <si>
    <t>&lt;p&gt;For the code below in Ubuntu 16.04&lt;/p&gt;
&lt;p&gt;For custom testcase&lt;/p&gt;
&lt;p&gt;4 3&lt;/p&gt;
&lt;p&gt;1 2 3 7&lt;/p&gt;
&lt;p&gt;My runtime is infinite and there is no output. (No output means that 'a' is also not printed on console). However when I comment the function call foo&lt;/p&gt;
&lt;pre&gt;&lt;code&gt;// int temp = foo(ab, 0, n-1);
&lt;/code&gt;&lt;/pre&gt;
&lt;p&gt;I get output&lt;/p&gt;
&lt;p&gt;a##&lt;/p&gt;
&lt;p&gt;What can be the reason of infinite run time and no output that I am missing?&lt;/p&gt;
&lt;pre&gt;&lt;code&gt;#include&amp;lt;bits/stdc++.h&amp;gt;
using namespace std;
int a[1000000];
int foo(int x, int f, int l)
{
    int m = (f+l)/2;
    while(f&amp;lt;=l)
    {
        if(a[m]==x)
            return 1;
        else if(a[m]&amp;lt;x)
            f = m+1;
        else if(a[m]&amp;gt;x)
            l = m-1;
    }
    return 0;
}
int main()
{
    int n, x;
    cin &amp;gt;&amp;gt; n;
    cin &amp;gt;&amp;gt; x;
    int i=0;
    for (i = 0; i &amp;lt; n; i++)
    {
        cin &amp;gt;&amp;gt; a[i];
    }
    cout&amp;lt;&amp;lt;'a';
    sort(a,a+n);
    for(i=0; i&amp;lt;n-1; i++)
    {
        if(a[i]==a[i+1])
        {
            cout &amp;lt;&amp;lt; 0;
            return 0;
        }
    }
    cout&amp;lt;&amp;lt;'#';
    int ab = a[i];
    int temp = foo(ab, 0, n-1);
    cout&amp;lt;&amp;lt;'#';
    return 0;
}
&lt;/code&gt;&lt;/pre&gt;</t>
  </si>
  <si>
    <t>2018-09-04 01:22:24.723000+00:00</t>
  </si>
  <si>
    <t>2018-09-04 02:36:44.270000+00:00</t>
  </si>
  <si>
    <t>How can I access the second element with the same attributes using Watir?</t>
  </si>
  <si>
    <t>&lt;p&gt;I have a page with HTML like this:&lt;/p&gt;
&lt;pre&gt;&lt;code&gt;&amp;lt;a href="1"&amp;gt;reply&amp;lt;/a&amp;gt;
&amp;lt;a href="2"&amp;gt;reply&amp;lt;/a&amp;gt;
&lt;/code&gt;&lt;/pre&gt;
&lt;p&gt;I need to get value of href attribute for the second link.&lt;/p&gt;
&lt;p&gt;I can not use &lt;code&gt;:text&lt;/code&gt;, because it will return &lt;code&gt;href&lt;/code&gt; attribute for the first link.&lt;/p&gt;
&lt;pre&gt;&lt;code&gt;browser.link(:text, "reply").href
=&amp;gt; "{site}1"
&lt;/code&gt;&lt;/pre&gt;
&lt;p&gt;I can use &lt;code&gt;:index&lt;/code&gt;, but if anything on that page changes, it could break.&lt;/p&gt;
&lt;pre&gt;&lt;code&gt;browser.link(:index, 2).href
=&amp;gt; "{site}2"
&lt;/code&gt;&lt;/pre&gt;</t>
  </si>
  <si>
    <t>2009-09-23 10:38:00.220000+00:00</t>
  </si>
  <si>
    <t>2013-01-08 16:30:11.133000+00:00</t>
  </si>
  <si>
    <t>internet-explorer|attributes|watir</t>
  </si>
  <si>
    <t>Google app publish error</t>
  </si>
  <si>
    <t>&lt;p&gt;&lt;a href="https://i.stack.imgur.com/iN1bl.png" rel="nofollow noreferrer"&gt;&lt;img src="https://i.stack.imgur.com/iN1bl.png" alt="Error snapshot"&gt;&lt;/a&gt;&lt;/p&gt;
&lt;p&gt;I was publishing an apk.This apk has previous version in app store. &lt;/p&gt;
&lt;pre&gt;&lt;code&gt;Old version name  = 3.2.6.0, version code = 26
&lt;/code&gt;&lt;/pre&gt;
&lt;p&gt;New version name = 3.2.7, version code = 27.&lt;/p&gt;
&lt;p&gt;Somehow the app is not getting published on playstore. And also there is no errors in form.&lt;/p&gt;</t>
  </si>
  <si>
    <t>2016-03-04 07:44:14.070000+00:00</t>
  </si>
  <si>
    <t>2016-03-04 07:50:10.473000+00:00</t>
  </si>
  <si>
    <t>Insert multiple values with foreign key Postgresql</t>
  </si>
  <si>
    <t>&lt;p&gt;I am having trouble figuring out how to insert multiple values to a table, which checks if another table has the needed values stored. I am currently doing this in a PostgreSQL server, but will be implementing it in PreparedStatements for my java program.&lt;/p&gt;
&lt;p&gt;user_id is a foreign key which references the primary in mock2. I have been trying to check if mock2 has values ('foo1', 'bar1') and ('foo2', 'bar2').&lt;/p&gt;
&lt;p&gt;After this I am trying to insert new values into mock1 which would have a date and integer value and reference the primary key of the row in mock2 to the foreign key in mock1.&lt;/p&gt;
&lt;p&gt;mock1 table looks like this:&lt;/p&gt;
&lt;pre&gt;&lt;code&gt;===============================
| date  |  time    |  user_id |
| date  |  integer |  integer | 
|       |          |          |
&lt;/code&gt;&lt;/pre&gt;
&lt;p&gt;And the table mock2 is:&lt;/p&gt;
&lt;pre&gt;&lt;code&gt;==================================
| Id      |  name   |  program   |
| integer |  text   |  test      |
&lt;/code&gt;&lt;/pre&gt;
&lt;p&gt;Id is a primary key for the table and the name is UNIQUE.&lt;/p&gt;
&lt;p&gt;I've been playing around with this solution &lt;a href="https://dba.stackexchange.com/questions/46410/how-do-i-insert-a-row-which-contains-a-foreign-key"&gt;https://dba.stackexchange.com/questions/46410/how-do-i-insert-a-row-which-contains-a-foreign-key&lt;/a&gt;&lt;/p&gt;
&lt;p&gt;However, I haven't been able to make it work. Could someone please point out what the correct syntax is for this, I would be really appreciative. &lt;/p&gt;
&lt;p&gt;EDIT:&lt;/p&gt;
&lt;p&gt;The create table statements are: &lt;/p&gt;
&lt;pre&gt;&lt;code&gt;CREATE TABLE mock2(
   id SERIAL PRIMARY KEY UNIQUE,
   name text NOT NULL,
    program text NOT NULL UNIQUE
);
&lt;/code&gt;&lt;/pre&gt;
&lt;p&gt;and &lt;/p&gt;
&lt;pre&gt;&lt;code&gt;CREATE TABLE mock1(
   date date,
   time_spent INTEGER,
   user_id integer REFERENCES mock2(Id) NOT NULL);
&lt;/code&gt;&lt;/pre&gt;</t>
  </si>
  <si>
    <t>2018-08-24 10:49:38.163000+00:00</t>
  </si>
  <si>
    <t>2018-08-24 12:08:50.960000+00:00</t>
  </si>
  <si>
    <t>2018-08-24 10:58:12.870000+00:00</t>
  </si>
  <si>
    <t>Small footprint clock synchronization without NTP</t>
  </si>
  <si>
    <t>&lt;p&gt;I'm looking for a simple clock synchronization protocol that would be easy to implement with small footprint and that would work also in the absence of internet connection, so that it could be used e.g. within closed laboratory networks. To be clear, I'm not looking for something that can be used just to order events (like vector clocks), but something that would enable processes on different nodes to synchronize their actions based on local clocks. As far as I understand, this would require a solution that can take clock drift into account. Presence of TCP/IP or similar relatively low-latency stream connections can be assumed.&lt;/p&gt;</t>
  </si>
  <si>
    <t>2011-04-12 23:50:52.247000+00:00</t>
  </si>
  <si>
    <t>2011-05-20 07:24:55.737000+00:00</t>
  </si>
  <si>
    <t>networking|synchronization|ip|distributed|clock</t>
  </si>
  <si>
    <t>Delphi - how do I find out which modal dialog has focus and bring it to the front?</t>
  </si>
  <si>
    <t>&lt;p&gt;I have a Delphi 2006 app which can pop up a modal dialog in response to an error condition.  It seems to get itself into a state where one of these modal dialogs is open, positioned in front of the main form, but neither form is responding to messages.  Clicking on either gives a "bonk".  The app is running fine, the UI is updating the main form, but you can't do anything.  I guess there is most likely another modal dialog under the main form.  Whether it is one of mine or one from Windows I have no idea.&lt;/p&gt;
&lt;p&gt;Other points:&lt;/p&gt;
&lt;ul&gt;
&lt;li&gt;the app responds to keyboard shortcuts OK.  One of these shortuts shuts down the app gracefully and this worked.  I have been unable to reproduce the situation since.&lt;/li&gt;
&lt;li&gt;the app has a tray icon.  This responds to right mouse clicks.  If I minimize the app from here the main form minimizes and leaves the modal dialog displayed, still without focus.  If I restore the main form, things are as they were, with neither window having focus.  Alt-tab has similar results. &lt;/li&gt;
&lt;li&gt;platform is Windows 7&lt;/li&gt;
&lt;li&gt;I call DisableProcessWindowsGhosting before any forms are created&lt;/li&gt;
&lt;li&gt;&lt;p&gt;I open the modal dialogs with&lt;/p&gt;
&lt;pre&gt;&lt;code&gt;ModalDialog.PopupParent := MainForm ;
ModalDialog.ShowModal ;
&lt;/code&gt;&lt;/pre&gt;&lt;/li&gt;
&lt;li&gt;&lt;p&gt;I postpone these error dialogs if other modal dialogs are open:&lt;/p&gt;
&lt;pre&gt;&lt;code&gt;if (Application.ModalLevel = 0) then
    {open modal dialog}
&lt;/code&gt;&lt;/pre&gt;&lt;/li&gt;
&lt;/ul&gt;
&lt;p&gt;My question has two parts:&lt;/p&gt;
&lt;p&gt;Is there a way of programmatically finding out what window has focus?  I could then take some action for this scenario or a last resort I could them provide a shortcut key to bring it to the front or take some evasive action (depending on the dialog) like set the ModalResult to mrCancel.&lt;/p&gt;
&lt;p&gt;How can this situation arise?  Normally when I get a modal dialog behind the main form (I can do that by getting the modal dialog to open, minimizing the app from the tray icon, then restoring the app again - the app main form restores in front of the dialog, with the dialog still retaining focus), I can bring it to the front again by clicking on the tray icon, or close it with the &lt;code&gt;Esc&lt;/code&gt; key but it didn't work in this case.&lt;/p&gt;
&lt;p&gt;&lt;em&gt;&lt;strong&gt;&lt;/em&gt;**UPDATE*&lt;em&gt;*&lt;/em&gt;&lt;/strong&gt;&lt;/p&gt;
&lt;p&gt;Misha's fix worked apart from non-delphi dialogs like TSaveDialog.  I was able to get them to work as well by adding &lt;code&gt;Application.ModalPopupMode := pmAuto ;&lt;/code&gt; just before the call to &lt;code&gt;Execute&lt;/code&gt;.&lt;/p&gt;
&lt;p&gt;By "got it to work" I mean that the save dialog was in front after the following sequence:&lt;/p&gt;
&lt;ul&gt;
&lt;li&gt;open save dialog&lt;/li&gt;
&lt;li&gt;minimize app from tray icon&lt;/li&gt;
&lt;li&gt;restore app from tray icon&lt;/li&gt;
&lt;/ul&gt;
&lt;p&gt;whereas it was behind the main form without the &lt;code&gt;ModalPopupMode := pmAuto&lt;/code&gt;.&lt;/p&gt;
&lt;p&gt;So I'm hoping these changes will help the (as yet unreproduced) problem.  &lt;/p&gt;</t>
  </si>
  <si>
    <t>2012-03-21 19:59:20+00:00</t>
  </si>
  <si>
    <t>2012-10-22 11:59:20.370000+00:00</t>
  </si>
  <si>
    <t>2012-03-22 13:13:32.583000+00:00</t>
  </si>
  <si>
    <t>delphi|delphi-2006</t>
  </si>
  <si>
    <t>Show element when Vimeo embed finishes</t>
  </si>
  <si>
    <t>&lt;p&gt;I'm embedding a Vimeo video on my page dynamically with the following snippet:&lt;/p&gt;
&lt;pre&gt;&lt;code&gt;&amp;lt;iframe id="singlepage"src="http://player.vimeo.com/video/&amp;lt;?php the_field('vimeo_id'); ?&amp;gt;?api=1&amp;amp;player_id=singlepage&amp;amp;color=ffffff" width="1000px" height="532px" frameborder="0" webkitAllowFullScreen mozallowfullscreen allowFullScreen&amp;gt;&amp;lt;/iframe&amp;gt;
&lt;/code&gt;&lt;/pre&gt;
&lt;p&gt;I want to display an element containing related videos, but only when the embedded video finishes. I've hidden the element using &lt;code&gt;display:none&lt;/code&gt;, when the video finishes I want to add a class to show that element.&lt;/p&gt;
&lt;p&gt;Here's what I'm using to play the video when the trigger &lt;code&gt;button&lt;/code&gt; is clicked:&lt;/p&gt;
&lt;pre&gt;&lt;code&gt;function post(e, t) {
    var n = {
        method: e
    };
    if (t) {
        n.value = t
    }
    f[0].contentWindow.postMessage(JSON.stringify(n), url)
}
var f = $("iframe"),
    url = f.attr("src").split("?")[0];
$("#play-video").click(function () {
    post("play")
});
$("button").on("click", function () {
    post($(this).text().toLowerCase())
})
&lt;/code&gt;&lt;/pre&gt;
&lt;p&gt;How could I adapt this to listen for the end of the video and display an element?&lt;/p&gt;
&lt;p&gt;Here's a basic fiddle detailing what I have so far: &lt;a href="http://jsfiddle.net/GxwEX/154/" rel="nofollow"&gt;http://jsfiddle.net/GxwEX/154/&lt;/a&gt;&lt;/p&gt;</t>
  </si>
  <si>
    <t>2013-11-24 14:01:40.390000+00:00</t>
  </si>
  <si>
    <t>2013-11-24 15:53:12.007000+00:00</t>
  </si>
  <si>
    <t>jquery|api|embed|vimeo</t>
  </si>
  <si>
    <t>Hibernate session threadsafe in SLSB?</t>
  </si>
  <si>
    <t>&lt;p&gt;Does managing hibernate Session in a stateless EJB 3.1 (BeanManagedTransaction) makes the session threadsafe in Java EE 6 environment?&lt;/p&gt;
&lt;p&gt;If so, then how to manage concurrent access so that each thread runs parallely.&lt;/p&gt;</t>
  </si>
  <si>
    <t>2012-05-22 15:03:14.677000+00:00</t>
  </si>
  <si>
    <t>2012-05-22 15:48:36.003000+00:00</t>
  </si>
  <si>
    <t>hibernate|concurrency|java-ee-6</t>
  </si>
  <si>
    <t>Get the date from a column as dd.mm.yyyy</t>
  </si>
  <si>
    <t>&lt;p&gt;If I have two tables like this:&lt;/p&gt;
&lt;pre&gt;&lt;code&gt;CREATE TABLE Director
(
   `DirectorNr` INTEGER NOT NULL,
   `First Name` VARCHAR (20),
   `Last Name` VARCHAR (30),
   `Age` INTEGER,
   `Movies` INTEGER,
   PRIMARY KEY(DirectorNr)
 );
CREATE TABLE Movies
(
   `MovieNr` INTEGER NOT NULL,
   `Title` VARCHAR (100),
   `Genre` VARCHAR (30),
   `USK` INTEGER,
   `Director` INTEGER NOT NULL,
   `Length` INTEGER,
   `Release` DATE,
   PRIMARY KEY (MovieNr),
   FOREIGN KEY (Director)
           REFERENCES Director (DirectorNr)
);
INSERT INTO Director 
VALUES (1, 'Peter', 'Jackson', 52, 17);
INSERT INTO Movies 
VALUES (1, 'The Hobbit: An Unexpected Journey', 'Fantasy', 12, 1, 169, '2012/12/12');
&lt;/code&gt;&lt;/pre&gt;
&lt;p&gt;how can i get the the date (Release) in this format: &lt;code&gt;dd.mm.yyyy&lt;/code&gt; with a SELECT query?&lt;/p&gt;
&lt;p&gt;I've tried this &lt;a href="https://stackoverflow.com/a/24292832"&gt;https://stackoverflow.com/a/24292832&lt;/a&gt; but it does not work for me.&lt;/p&gt;
&lt;p&gt;And is it also possible to INSERT the date as &lt;code&gt;dd.mm.yyyy&lt;/code&gt;?&lt;/p&gt;</t>
  </si>
  <si>
    <t>2014-07-06 10:59:26.817000+00:00</t>
  </si>
  <si>
    <t>2014-07-06 11:34:22.663000+00:00</t>
  </si>
  <si>
    <t>2017-05-23 12:29:27.973000+00:00</t>
  </si>
  <si>
    <t>sql|mysqli</t>
  </si>
  <si>
    <t>BASH Scripting: take a filename (with spaces) as argument and use name (no ext) and also full filename as args for scripted command</t>
  </si>
  <si>
    <t>&lt;p&gt;I'm just starting out using args in BASH and am trying to script setting the 'Title' tag on a given &lt;code&gt;.MKV&lt;/code&gt; to match its filename: less the extension. The command...&lt;/p&gt;
&lt;pre&gt;&lt;code&gt;mkvpropedit "Good Life.mkv" --edit info --set "title=Good Life"
&lt;/code&gt;&lt;/pre&gt;
&lt;p&gt;...works without issue and (thanks to another answered StackOverflow question), I can pull in the full filename - with spaces and extension - and reliably split it into the full filename (i.e. "Good Life.mkv") and the filename w/out extension: i.e. "Good Life". The full script (mkvRetitle.sh) is...&lt;/p&gt;
&lt;pre&gt;&lt;code&gt;#!/bin/bash
  echo "Change .MKV title to match its filename"
  eval fileWhole=\${1}
  eval fileTitle=$(echo "\${1%.*}")
#  echo $fileWhole
#  echo $fileTitle
  mkvpropedit fileWhole --edit info --set "title=$fileTitle"
&lt;/code&gt;&lt;/pre&gt;
&lt;p&gt;The actual calling of 'mkvpropedit' in my script, however, errors out. mkvpropedit returns &lt;code&gt;Error: The file 'fileWhole' is not a Matroska file or it could not be found.&lt;/code&gt; I've tried ideas found in
&lt;a href="https://stackoverflow.com/questions/1983048/passing-a-string-with-spaces-as-a-function-argument-in-bash"&gt;Passing a string with spaces as a function argument in bash&lt;/a&gt;&lt;/p&gt;
&lt;p&gt;but have had no luck and can find nothing else that looks likely: from other sites.
        I'd really appreciate the help. Thank you very much.&lt;/p&gt;</t>
  </si>
  <si>
    <t>2017-09-12 20:53:26.580000+00:00</t>
  </si>
  <si>
    <t>2017-09-13 02:16:05.303000+00:00</t>
  </si>
  <si>
    <t>linux|bash|shell</t>
  </si>
  <si>
    <t>I'm trying to get streams in php</t>
  </si>
  <si>
    <t>&lt;p&gt;So I've been on the whole researching techniques for better architecture and run time performance and streams have come up, reading through the documentation and a blog post I am now only dimly aware of using streams. My question is how would you explain streams,streamWrappers, and what's the cleanest O-O implementation ?&lt;/p&gt;
&lt;p&gt;I currently think that I might be able to use a stream function object that could improve the speed of returning application views, and client request handling. but I don't know how. &lt;/p&gt;
&lt;p&gt;anyway... does anyone understand what I'm getting at? I don't think it's neccesisarily trivial.&lt;/p&gt;</t>
  </si>
  <si>
    <t>2012-07-23 21:32:19.183000+00:00</t>
  </si>
  <si>
    <t>2012-07-24 07:14:03.390000+00:00</t>
  </si>
  <si>
    <t>user887222</t>
  </si>
  <si>
    <t>php|oop|nonblocking</t>
  </si>
  <si>
    <t>Minimal requirements for Apache and MySQL for Symfony 2.8</t>
  </si>
  <si>
    <t>&lt;p&gt;Symfony 2.8 &lt;a href="http://symfony.com/doc/2.8/reference/requirements.html#required" rel="nofollow"&gt;requires&lt;/a&gt; PHP version to be &lt;strong&gt;at least 5.3.9&lt;/strong&gt;, however nothing is mentioned regarding &lt;strong&gt;Apache&lt;/strong&gt; and &lt;strong&gt;MySQL&lt;/strong&gt; versions in the documentation. What are the minimal requirements for them?&lt;/p&gt;</t>
  </si>
  <si>
    <t>2016-07-24 09:41:56.477000+00:00</t>
  </si>
  <si>
    <t>2016-07-24 13:05:03.223000+00:00</t>
  </si>
  <si>
    <t>mysql|apache|symfony|requirements|symfony-2.8</t>
  </si>
  <si>
    <t>I cant find drop-down list that enables ssh access on my Bluehost cpanel,</t>
  </si>
  <si>
    <t>&lt;p&gt;I can't find the drop-down list shown in tutorials I found online.
Example:&lt;a href="https://help.vaultpress.com/bluehost-ssh/" rel="nofollow noreferrer"&gt;https://help.vaultpress.com/bluehost-ssh/&lt;/a&gt;&lt;/p&gt;
&lt;p&gt;&lt;a href="https://i.stack.imgur.com/jqoqS.png" rel="nofollow noreferrer"&gt;&lt;img src="https://i.stack.imgur.com/jqoqS.png" alt="step"&gt;&lt;/a&gt;&lt;/p&gt;</t>
  </si>
  <si>
    <t>2017-12-10 16:21:09.137000+00:00</t>
  </si>
  <si>
    <t>2017-12-10 16:31:23.027000+00:00</t>
  </si>
  <si>
    <t>ssh|hosting|bluehost</t>
  </si>
  <si>
    <t>const not enforced in definition of member function</t>
  </si>
  <si>
    <t>&lt;p&gt;I'm wondering why the following code compiles when the definition of the member function does not have the same signature as the declaration (definition is missing const).&lt;/p&gt;
&lt;pre&gt;&lt;code&gt;#include &amp;lt;iostream&amp;gt;
class myClass {
public:
    void myFunc(const int);
};
void myClass::myFunc(int a){
    a += 1;
    std::cout &amp;lt;&amp;lt; a &amp;lt;&amp;lt; "\n";
}
int main()
{
  myClass myObject;
  myObject.myFunc(5);
}
&lt;/code&gt;&lt;/pre&gt;</t>
  </si>
  <si>
    <t>2017-07-20 22:40:00.780000+00:00</t>
  </si>
  <si>
    <t>c++|const</t>
  </si>
  <si>
    <t>Duplicate the same keyword list across all groups</t>
  </si>
  <si>
    <t>&lt;p&gt;I have two csv files and I want to duplicate the same keyword across all groups when their cross reference (file 1) matches a code list (file 2). I know this is possible in R but don't know how. Any help is appreciated.&lt;/p&gt;
&lt;p&gt;File 1&lt;/p&gt;
&lt;pre&gt;&lt;code&gt; Group      Cross Reference
CTY23-A     A11
CTY23-C     A11
CTY23-B     A11
CTY23-D     A11
&lt;/code&gt;&lt;/pre&gt;
&lt;p&gt;File 2&lt;/p&gt;
&lt;pre&gt;&lt;code&gt;Code      keyword
A11       AV440
A11       AV660
A11       AV760
A11       AV240
&lt;/code&gt;&lt;/pre&gt;
&lt;p&gt;output:&lt;/p&gt;
&lt;pre&gt;&lt;code&gt;Group        keyword
CTY23-A      AV440
CTY23-A      AV660
CTY23-A      AV760
CTY23-A      AV240
CTY23-C      AV440
CTY23-C      AV660
CTY23-C      AV760
CTY23-C      AV240
CTY23-B      AV240
CTY23-B      AV440
CTY23-B      AV660
CTY23-B      AV760
CTY23-D      AV240
CTY23-D      AV440
CTY23-D      AV660
CTY23-D      AV760
&lt;/code&gt;&lt;/pre&gt;</t>
  </si>
  <si>
    <t>2018-05-03 22:00:49.300000+00:00</t>
  </si>
  <si>
    <t>2018-05-04 04:00:49.430000+00:00</t>
  </si>
  <si>
    <t>r|csv|merge|left-join</t>
  </si>
  <si>
    <t>How to invoke context sensitive menu on Android?</t>
  </si>
  <si>
    <t>&lt;p&gt;I will develop an app to run on a small Android slate PC. Most of the screen is taken up with a string grid. The original idea was to highlight one or more rows of the grid then click an on-screen button to perform an operation.&lt;/p&gt;
&lt;p&gt;I am running out of space for buttons, so I immediately thought of a right-click context menu.&lt;/p&gt;
&lt;p&gt;BUT, I can't guarantee that the Android device chosen will have "mouse buttons". What if it is fully touch screen, with no mouse-like device?&lt;/p&gt;
&lt;p&gt;Maybe I am worrying about nothing, but I need to get coding now and the hardware won't be chosen - by someone else - for a while yet. So, how woudl I best invoke multiple functionalities on the string grid?&lt;/p&gt;
&lt;p&gt;I can see that I might have to rethink my ideas about GIUs in general to cover things like that and the much smaller screen size, etc Any reading recommendations, whether URLs or book?&lt;/p&gt;</t>
  </si>
  <si>
    <t>2011-04-14 00:37:51.003000+00:00</t>
  </si>
  <si>
    <t>2011-04-14 00:56:33.597000+00:00</t>
  </si>
  <si>
    <t>android|user-interface|android-layout</t>
  </si>
  <si>
    <t>Sencha Touch 2 pie chart not displaying</t>
  </si>
  <si>
    <t>&lt;p&gt;I am attempting to follow &lt;a href="http://docs.sencha.com/touch/2.3.0/#!/api/Ext.chart.series.Pie" rel="nofollow"&gt;this&lt;/a&gt; example for creating a pie chart.&lt;/p&gt;
&lt;p&gt;I added some simple code to create and dock a toolbar to the top of the view but still using the code from the example linked above. Doing this made the chart not display. I just get a blank page.&lt;/p&gt;
&lt;p&gt;My code is pasted below:&lt;/p&gt;
&lt;pre&gt;&lt;code&gt;        Ext.define('RevivalTimes.view.Chart', {
            extend: 'Ext.chart.PolarChart',
            xtype: 'chart',
            requires: [
                'Ext.chart.series.Pie',
                'Ext.chart.interactions.Rotate'
            ],
            config: {
                title: 'Statistics',
                iconCls: 'settings',
                layout: 'fit',
/**************** This toolbar causes the second error - disappearing chart **************/
                items: [{
                    docked: 'top',
                    xtype: 'toolbar',
                    title: 'Statistics Chart',
                    items :[
                        {
                            align : 'left',
                            name : 'nav_btn',
                            iconCls : 'list',
                            iconMask: true,
                            ui : 'plain',
                        },
                        {
                            align : 'right',
                            name : 'user_btn',
                            iconCls : 'user',
                            iconMask: true,
                            ui : 'plain',
                        }
                    ]
                }],
    /**********************************************************************/
                animate: true,
                interactions: ['rotate'],
                colors: ['#115fa6', '#94ae0a', '#a61120', '#ff8809', '#ffd13e'],
                store: {
                  fields: ['name', 'data1', 'data2', 'data3', 'data4', 'data5'],
                  data: [
                      {name: 'metric one',   data1: 10, data2: 12, data3: 14, data4: 8,  data5: 13},
                      {name: 'metric two',   data1: 7,  data2: 8,  data3: 16, data4: 10, data5: 3},
                      {name: 'metric three', data1: 5,  data2: 2,  data3: 14, data4: 12, data5: 7},
                      {name: 'metric four',  data1: 2,  data2: 14, data3: 6,  data4: 1,  data5: 23},
                      {name: 'metric five',  data1: 27, data2: 38, data3: 36, data4: 13, data5: 33}
                  ]
                },
                series: [{
                    type: 'pie',
                    label: {
                        field: 'name',
                        display: 'rotate'
                    },
                    xField: 'data3',
                    donut: 30
                }]
            } //config
        });
&lt;/code&gt;&lt;/pre&gt;
&lt;p&gt;When I visit the chart view, I get the following error:&lt;/p&gt;
&lt;blockquote&gt;
  &lt;p&gt;Uncaught TypeError: Object [object Object] has no method 'renderFrame' &lt;/p&gt;
&lt;/blockquote&gt;
&lt;p&gt;&lt;strong&gt;UPDATE:&lt;/strong&gt;&lt;/p&gt;
&lt;p&gt;I should explain I am not using the default tabbar for navigation. I implemented a slide navigation by following &lt;a href="http://innofied.com/simplest-slide-navigation-with-sencha-touch-2-2/" rel="nofollow"&gt;this&lt;/a&gt; tutorial.&lt;/p&gt;
&lt;p&gt;I am using the following controller code to switch views:&lt;/p&gt;
&lt;pre&gt;&lt;code&gt;    Ext.define('RevivalTimes.controller.Navigation', {
    extend: 'Ext.app.Controller',
    config: {
        refs: {
            main: 'main',
            navigation : 'navigation',
        },
        control: {
            "button[name='nav_btn']": {
                tap: 'toggleNav'
            },
            navigation : {
                itemtap : function(list, index, target, record){
                    this.toggleNav();
                    // console.debug('LIST: ' + list);
                    // console.log('INDEX: ' + index);
                    // console.error('TARGET: ' + target.toSource());
                    // console.warn('RECORD: ' + record);
                    // JSON.stringify(target);
                    switch(index){
                        case 0: 
                            this.getMain().setActiveItem(0);
                            break;
                        case 1: 
                            this.getMain().setActiveItem({xtype:'messagesview'});
                            break;
                        case 2:
                            this.getMain().setActiveItem({xtype:'articleslistview'});
                            break;
                        case 3:
                            this.getMain().setActiveItem({xtype:'categoriesview'});
                            break;
                        case 4:
                            // this.getMain().setActiveItem({xtype:'chart'});
                            this.getMain().setActiveItem({xtype:'chartcontainer'});
                            break;
                        default:
                            break;
                    }
                }
            }
        }
    },
    toggleNav: function(){
        // console.log('responding!');
        var me = this;
        mainEl = me.getMain().element;
        if (mainEl.hasCls('out')) {
            mainEl.removeCls('out').addCls('in'); 
            me.getMain().setMasked(false);
        } else {
            mainEl.removeCls('in').addCls('out');  
            me.getMain().setMasked(true);
        }
    }
});
&lt;/code&gt;&lt;/pre&gt;
&lt;p&gt;When I select the last option on my slide navigation, the view changes successfully but the pie chart fails to load as explained above.&lt;/p&gt;</t>
  </si>
  <si>
    <t>2014-03-23 00:02:10.060000+00:00</t>
  </si>
  <si>
    <t>2016-02-02 12:52:34.537000+00:00</t>
  </si>
  <si>
    <t>sencha-touch-2|pie-chart</t>
  </si>
  <si>
    <t>Match two string patterns at the same time with regex for removal</t>
  </si>
  <si>
    <t>&lt;p&gt;A quick question for string manipulation in Javascript.&lt;/p&gt;
&lt;p&gt;I have some files named with this pattern:&lt;/p&gt;
&lt;pre&gt;&lt;code&gt;content_filename
content_big_filename
&lt;/code&gt;&lt;/pre&gt;
&lt;p&gt;The filename is in a variable, so I cannot take the last 8 chars. 
I need to extract the filename.&lt;/p&gt;
&lt;p&gt;Now I'm using&lt;/p&gt;
&lt;p&gt;&lt;code&gt;string.replace( /\/content_/, '' )&lt;/code&gt; but I need also to support content_big.&lt;/p&gt;
&lt;p&gt;How should I go about this?&lt;/p&gt;</t>
  </si>
  <si>
    <t>2015-04-29 14:55:47.407000+00:00</t>
  </si>
  <si>
    <t>2015-04-29 17:10:29.843000+00:00</t>
  </si>
  <si>
    <t>2015-04-29 15:09:55.577000+00:00</t>
  </si>
  <si>
    <t>How do I make a specific payment gateway to be free shipping on woocommerce</t>
  </si>
  <si>
    <t>&lt;p&gt;For those shipping methods, I would like to have:
 - "Free shipping" only for Cash-on-delivery (COD) payment method (I just renamed it to other label but I am using the COD gateway). 
 - "Flat rate" for other payment gateways &lt;em&gt;(excluding COD payment method of course)&lt;/em&gt;.&lt;/p&gt;
&lt;p&gt;&lt;strong&gt;My question:&lt;/strong&gt; How do I make a specific payment gateway to be free shipping when selected? &lt;/p&gt;
&lt;p&gt;For example like in this screenshot:&lt;/p&gt;
&lt;p&gt;&lt;a href="https://i.stack.imgur.com/vp5PP.png" rel="nofollow noreferrer"&gt;&lt;img src="https://i.stack.imgur.com/vp5PP.png" alt="See Screenshot"&gt;&lt;/a&gt;&lt;/p&gt;
&lt;hr&gt;
&lt;p&gt;Similar unanswered questions: &lt;a href="https://stackoverflow.com/questions/23106558/woocommerce-free-shipping-based-on-payment-gateway-selected"&gt;Woocommerce free shipping based on payment gateway selected&lt;/a&gt;&lt;/p&gt;</t>
  </si>
  <si>
    <t>2017-09-08 17:08:25.310000+00:00</t>
  </si>
  <si>
    <t>2017-09-09 14:14:40.107000+00:00</t>
  </si>
  <si>
    <t>2017-09-09 13:42:43.087000+00:00</t>
  </si>
  <si>
    <t>wordpress|woocommerce|payment-gateway|checkout|shipping</t>
  </si>
  <si>
    <t>Show only columns with values as result of a dynamic sql-query</t>
  </si>
  <si>
    <t>&lt;p&gt;I have an html form to read out data from an sql-database. According to the selected criteria, the results are shown in a dynamically generated table. This works well with the following code. The SELECT query is composed according to the selected criteria.&lt;/p&gt;
&lt;pre&gt;&lt;code&gt;  $sql = "SELECT DISTINCT $selection FROM $tabelle WHERE $whereclause";
  $result = mysqli_query($db, $sql) or die("&amp;lt;b&amp;gt;No result&amp;lt;/b&amp;gt;"); //Running 
     the query and storing it in result
  $numrows = mysqli_num_rows($result);  // gets number of rows in result 
     table
  $numcols = mysqli_num_fields($result);   // gets number of columns in 
     result table
  $field = mysqli_fetch_fields($result); // gets the column names from the 
     result table
  if ($numrows &amp;gt; 0) {
  echo "&amp;lt;table id='myTable' &amp;gt;";
  echo "&amp;lt;thead&amp;gt;";
  echo "&amp;lt;tr&amp;gt;";
  echo "&amp;lt;th&amp;gt;" . 'Nr' . "&amp;lt;/th&amp;gt;";
  for($x=0;$x&amp;lt;$numcols;$x++){
          $key = array_search($field[$x]-&amp;gt;name, $custom_column_arr);
          if($key !== false){
              echo "&amp;lt;th&amp;gt;" . $key . "&amp;lt;/th&amp;gt;";
          }else{
              echo "&amp;lt;th&amp;gt;" . $field[$x]-&amp;gt;name . "&amp;lt;/th&amp;gt;";
          }
      }
  echo "&amp;lt;/tr&amp;gt;&amp;lt;/thead&amp;gt;";
  echo "&amp;lt;tbody&amp;gt;";
  $nr = 1;
  while ($row = mysqli_fetch_array($result)) {
  echo "&amp;lt;tr&amp;gt;";
  echo "&amp;lt;td&amp;gt;" . $nr . "&amp;lt;/td&amp;gt;";
    for ($k=0; $k&amp;lt;$numcols; $k++) {    //  goes around until there are no 
    columns left
          echo "&amp;lt;td&amp;gt;" . $row[$field[$k]-&amp;gt;name] . "&amp;lt;/td&amp;gt;"; //Prints the data
    }
  echo "&amp;lt;/tr&amp;gt;";
  $nr = $nr + 1;
  }     // Ende der while-Schleife
  echo "&amp;lt;/tbody&amp;gt;&amp;lt;/table&amp;gt;";
  }
  }
  mysqli_close($db);
&lt;/code&gt;&lt;/pre&gt;
&lt;p&gt;Now, I want to display only those columns that contain at least one value and not those with NULL, 0, empty string or empty. My problem is, that &lt;code&gt;$numcols&lt;/code&gt; counts the empty columns, too.&lt;/p&gt;</t>
  </si>
  <si>
    <t>2017-01-23 18:40:37.070000+00:00</t>
  </si>
  <si>
    <t>2017-01-23 19:06:33.923000+00:00</t>
  </si>
  <si>
    <t>php|sql|dynamic|html-table</t>
  </si>
  <si>
    <t>C Function Pointer Not Compiling in Android Studio: Gives Error "Can't resolve type F"</t>
  </si>
  <si>
    <t>&lt;p&gt;I am trying to use a C program I made that compiles fine and works as expected (in Netbeans) in my Android Studio project.  I am trying to use JNI to incorporate my C program into my Android App (Java based).  My problem is I use pointer-functions and it gets lit up by Android Studio with a red underline.  Hovering over the issue reveals "Can't resolve type F."&lt;/p&gt;
&lt;p&gt;Declaration:&lt;/p&gt;
&lt;pre&gt;&lt;code&gt;typedef void (*PRF)(const void *keyPtr, UInt32 keyLen,const void *textPtr, UInt32 textLen,void *randomPtr);
void pbkdf2 (PRF prf, UInt32 hLen,
             const void *passwordPtr,
             UInt32 passwordLen,
             const void *saltPtr,
             UInt32 saltLen,
             UInt32 iterationCount,
             void *dkPtr,
             UInt32 dkLen,
             void *tempBuffer);
&lt;/code&gt;&lt;/pre&gt;
&lt;p&gt;Implementation:&lt;/p&gt;
&lt;pre&gt;&lt;code&gt;F (PRF prf, UInt32 hLen, const void *passwordPtr, UInt32 passwordLen, const void *saltPtr, UInt32 saltLen, UInt32 iterationCount,  UInt32 blockNumber, void *dataPtr, void *tempBuffer){
//do stuff
}
&lt;/code&gt;&lt;/pre&gt;
&lt;p&gt;I literally copied-pasted my fully good C-code into my Android Studio project.  &lt;/p&gt;
&lt;p&gt;I tried cleaning and rebuilding my project, but the issue persists.&lt;/p&gt;
&lt;p&gt;I re-tested my code in TexPad. It compiles fine, no errors. So, again, I copy it over to Android Studio. It gets lit up in red... It doesn't like exit(), free(), malloc(), and again the F. It seems to me perhaps the issue is the include stuff at the top of the C-file. Once I add "include &lt;code&gt;&amp;lt;stdlib.h&amp;gt;&lt;/code&gt;" a bunch of the redness goes away, but some remains. Odd that TextPad compiles fine without it.&lt;/p&gt;
&lt;p&gt;For clarity, the question should be &lt;strong&gt;how do I get C pointer-functions to compile in Android Studio?&lt;/strong&gt;  That seems to be the issue since the code is valid syntactically and compiles fine elsewhere.  Obviously the issue is something with using C pointer-functions in Android Studio.&lt;/p&gt;
&lt;p&gt;Thanks&lt;/p&gt;</t>
  </si>
  <si>
    <t>2017-09-03 00:58:55.613000+00:00</t>
  </si>
  <si>
    <t>2017-09-04 02:34:34.030000+00:00</t>
  </si>
  <si>
    <t>2017-09-03 18:59:11.950000+00:00</t>
  </si>
  <si>
    <t>java|android|c|android-studio|jni</t>
  </si>
  <si>
    <t>Creating multi purpose button in html</t>
  </si>
  <si>
    <t>&lt;p&gt;When on a phone I'm unable to view these two  buttons as they are too far apart. I want to make it so after you choose the file, the 'choose file' button would be  replaced by the upload button. Is this possible. What would i have to do?&lt;/p&gt;
&lt;p&gt;&lt;a href="http://goawaymom.com/buttons.png" rel="nofollow noreferrer"&gt;http://goawaymom.com/buttons.png&lt;/a&gt;&lt;/p&gt;
&lt;p&gt;my html -&lt;/p&gt;
&lt;pre&gt;&lt;code&gt;&amp;lt;form method="post" action="" enctype="multipart/form-data" name="form1"&amp;gt;
   &amp;lt;input   name="file" type="file"class="box"/&amp;gt;          
   &amp;lt;input type="submit" id="mybut" value="Upload" name="Submit"/&amp;gt;
&amp;lt;/form&amp;gt;
&lt;/code&gt;&lt;/pre&gt;
&lt;p&gt;-Note I don't care to put them on separate lines or make font smaller- etc &lt;/p&gt;</t>
  </si>
  <si>
    <t>2012-11-22 08:27:14.493000+00:00</t>
  </si>
  <si>
    <t>2012-11-22 09:02:16.367000+00:00</t>
  </si>
  <si>
    <t>2012-11-22 08:58:29.563000+00:00</t>
  </si>
  <si>
    <t>javascript|html|css|button</t>
  </si>
  <si>
    <t>Remove single image from OutputCache?</t>
  </si>
  <si>
    <t>&lt;p&gt;I have an ImageController class that is called to retrieve an image from the database. The result is stored in the cache through use of the attribute [OutputCache].&lt;/p&gt;
&lt;p&gt;Here is the controller:&lt;/p&gt;
&lt;pre&gt;&lt;code&gt;[OutputCache(Duration=3600,VaryByParam="name")]
public ActionResult Show(string name)
{
   var imageByte = retrieveByteFromDatabase(name);
   if(imageByte != null &amp;amp;&amp;amp; imageByte.Length &amp;gt; 0) 
   {
       return File(imageByte, "image/png");
   }
}
&lt;/code&gt;&lt;/pre&gt;
&lt;p&gt;Then inside the view, it is being accessed like this:&lt;/p&gt;
&lt;pre&gt;&lt;code&gt;&amp;lt;img class="image" src="@Url.Action( "show", "image", new { name = "Image.png" })" /&amp;gt;
&lt;/code&gt;&lt;/pre&gt;
&lt;p&gt;Now, this is  an image that is uploaded to the database by a user, and will need to be removed from the cache when another image is uploaded. It is uploaded with this:&lt;/p&gt;
&lt;pre&gt;&lt;code&gt;[HttpPost]
public ActionResult UploadImage(HttpPostedFileBase file)
{
   uploadToDatabase(file);
   return RedirectToAction("Index", "Home");
}
&lt;/code&gt;&lt;/pre&gt;
&lt;p&gt;with the view...&lt;/p&gt;
&lt;pre&gt;&lt;code&gt;@using (Html.BeginForm("UploadImage", "Image", FormMethod.Post, new { enctype = "multipart/form-data" }))
{
   &amp;lt;input type="file" name="logo" /&amp;gt;
   &amp;lt;button class="button" type="submit"&amp;gt;Upload&amp;lt;/button&amp;gt;
}
&lt;/code&gt;&lt;/pre&gt;
&lt;p&gt;Is it possible to remove just this one image from the cache upon uploading a new one? If so - how?&lt;/p&gt;
&lt;p&gt;Thanks!&lt;/p&gt;</t>
  </si>
  <si>
    <t>2014-05-07 16:17:32.383000+00:00</t>
  </si>
  <si>
    <t>2014-05-07 19:13:29.950000+00:00</t>
  </si>
  <si>
    <t>c#|asp.net-mvc</t>
  </si>
  <si>
    <t>Cleaning up 'smart' characters from Word in Ruby</t>
  </si>
  <si>
    <t>&lt;p&gt;I need to clean up various Word 'smart' characters in user input, including but not limited to the following:&lt;/p&gt;
&lt;pre&gt;&lt;code&gt;&amp;amp;#8211; EN DASH
&amp;amp;#8216; LEFT SINGLE QUOTATION MARK
&amp;amp;#8217; RIGHT SINGLE QUOTATION MARK
&lt;/code&gt;&lt;/pre&gt;
&lt;p&gt;Are there any Ruby functions or libraries for mapping these into their ASCII (near-) equivalents, or do I really need to just do a bunch of manual gsubs?&lt;/p&gt;</t>
  </si>
  <si>
    <t>2010-09-29 01:58:42.907000+00:00</t>
  </si>
  <si>
    <t>2011-03-03 05:30:22.350000+00:00</t>
  </si>
  <si>
    <t>ruby|ms-word|special-characters|smart-quotes</t>
  </si>
  <si>
    <t>How to split string using CRLF delimiter in cpp?</t>
  </si>
  <si>
    <t>&lt;p&gt;I have some string :&lt;/p&gt;
&lt;pre&gt;&lt;code&gt;testing testing
test2test2
&lt;/code&gt;&lt;/pre&gt;
&lt;p&gt;these lines are devided by CRLF. I saw that there are : &lt;code&gt;0d0a0d0a&lt;/code&gt; deviding them.
How can I split it using this information?&lt;/p&gt;
&lt;p&gt;I wanted to use &lt;code&gt;str.find(CRLF-DELIMITER)&lt;/code&gt; but can't semm to figure how&lt;/p&gt;
&lt;p&gt;editing  :
I already used &lt;code&gt;str.find("textDelimiter")&lt;/code&gt;, but now I need it to look for hexa and not search for a string &lt;code&gt;"0d0a0d0a"&lt;/code&gt;&lt;/p&gt;</t>
  </si>
  <si>
    <t>2015-04-14 08:00:39.453000+00:00</t>
  </si>
  <si>
    <t>2015-04-14 08:29:47.220000+00:00</t>
  </si>
  <si>
    <t>2015-04-14 08:07:13.547000+00:00</t>
  </si>
  <si>
    <t>c++|split|newline|delimiter</t>
  </si>
  <si>
    <t>Apache with JBOSS using AJP (mod_jk) giving spikes in thread count</t>
  </si>
  <si>
    <t>&lt;p&gt;We used Apache with JBOSS for hosting our Application, but we found some issues related to thread handling of mod_jk. &lt;/p&gt;
&lt;p&gt;Our website comes under low traffic websites and has maximum 200-300 concurrent users during our website's peak activity time. As the traffic grows (not in terms of concurrent users, but in terms of cumulative requests which came to our server), the server stopped serving requests for long, although it didn't crash but could not serve the request till 20 mins. The JBOSS server console showed that 350 thread were busy on both servers although there was enough free memory say, more than 1-1.5 GB (2 servers for JBOSS were used which were 64 bits, 4 GB RAM allocated for JBOSS)&lt;/p&gt;
&lt;p&gt;In order to check the problem we were using JBOSS and Apache Web Consoles, and we were seeing that the thread were showing in S state for as long as minutes although our pages take around 4-5 seconds to be served. &lt;/p&gt;
&lt;p&gt;We took the thread dump and found that the threads were mostly in WAITING state which means that they were waiting indefinitely. These threads were not of our Application Classes but of AJP 8009 port. &lt;/p&gt;
&lt;p&gt;Could somebody help me in this, as somebody else might also got this issue and solved it somehow. In case any more information is required then let me know.&lt;/p&gt;
&lt;p&gt;Also is mod_proxy better than using mod_jk, or there are some other problems with mod_proxy which can be fatal for me if I switch to mod__proxy?&lt;/p&gt;
&lt;p&gt;The versions I used are as follows:&lt;/p&gt;
&lt;pre&gt;&lt;code&gt;Apache 2.0.52
JBOSS: 4.2.2
MOD_JK: 1.2.20
JDK: 1.6
Operating System: RHEL 4
&lt;/code&gt;&lt;/pre&gt;
&lt;p&gt;Thanks for the help.&lt;/p&gt;
&lt;p&gt;Guys!!!! We finally found the workaround with the configuration mentioned above. It is use of APR and is mentioned here: &lt;a href="http://community.jboss.org/thread/153737" rel="nofollow noreferrer"&gt;http://community.jboss.org/thread/153737&lt;/a&gt;. Its issue as correctly mentioned by many people in answers below i.e. connector issue. Earlier we made temporary workaround by configuring hibernate and increasing response time. The full fix is APR.&lt;/p&gt;</t>
  </si>
  <si>
    <t>2009-12-04 10:11:49.800000+00:00</t>
  </si>
  <si>
    <t>2016-09-04 10:34:47.177000+00:00</t>
  </si>
  <si>
    <t>2011-05-24 12:13:07.767000+00:00</t>
  </si>
  <si>
    <t>java|multithreading|apache|jboss|ajp</t>
  </si>
  <si>
    <t>How does JUnit know which class to be tested?</t>
  </si>
  <si>
    <t>&lt;p&gt;I have two classes &lt;code&gt;Calculator1&lt;/code&gt; and &lt;code&gt;Calculator2&lt;/code&gt; which are in the package called &lt;code&gt;com.zzy.junit.user&lt;/code&gt; under the src folder. I use myeclipse to create two test classes to test them respectively. When I execute the one test class among them, how does Junit4 know which class is tested?&lt;/p&gt;
&lt;h3&gt;Class 1&lt;/h3&gt;
&lt;pre&gt;&lt;code&gt;package com.zzy.junit.user;
public class Calculator1 {
    private int a;
    private int b;
    public Calculator1(int a,int b)
    {
        this.a = a;
        this.b = b;
    }
    public int add()
    {
        return a+b;
    }
}
&lt;/code&gt;&lt;/pre&gt;
&lt;h3&gt;Class 2&lt;/h3&gt;
&lt;pre&gt;&lt;code&gt;package com.zzy.junit.user;
public class Calculator2{
    public int divide(int a,int b)
    {
        return a/b;
    }
}
&lt;/code&gt;&lt;/pre&gt;
&lt;p&gt;And two test classes as follows:
They are both in the src folder called test&lt;/p&gt;
&lt;h3&gt;Test Class 1&lt;/h3&gt;
&lt;pre&gt;&lt;code&gt;package com.zzy.junit.user;
import static org.junit.Assert.*;
import static org.hamcrest.Matchers.*;  
import org.junit.Test;
public class TestCalculator1 {
    @Test
    public void testAdd() {
        Calculator1 s = new Calculator1(3,6);
        int z = s.add();
        assertThat(z,is(9));
    }
}
&lt;/code&gt;&lt;/pre&gt;
&lt;h3&gt;Test Class 2&lt;/h3&gt;
&lt;pre&gt;&lt;code&gt;package com.zzy.junit.user;
import static org.junit.Assert.*;
import static org.hamcrest.Matchers.*;
import org.junit.Test;
public class TestCalculator2 {
    @Test
    public void testDivide() {
        TestCalculator2 t = new TestCalculator2();
        int z = t.divide(4, 2);
        assertThat(z,is(2));
    }
}
&lt;/code&gt;&lt;/pre&gt;
&lt;p&gt;I want to know if I execute the test class called &lt;code&gt;TestCalculator2&lt;/code&gt;, how does Junit4 know I do want to test &lt;code&gt;Calculator1&lt;/code&gt; class. Is it related to the name of the test class?&lt;/p&gt;</t>
  </si>
  <si>
    <t>2012-12-08 03:49:45.103000+00:00</t>
  </si>
  <si>
    <t>2013-03-06 19:36:31.200000+00:00</t>
  </si>
  <si>
    <t>java|junit</t>
  </si>
  <si>
    <t>Low Autocorrelation Binary Sequence problem? Python troubleshooting</t>
  </si>
  <si>
    <t>&lt;p&gt;I'm trying to model this problem (for details on it, &lt;a href="http://www.mpi-hd.mpg.de/personalhomes/bauke/LABS/index.php" rel="nofollow noreferrer"&gt;http://www.mpi-hd.mpg.de/personalhomes/bauke/LABS/index.php&lt;/a&gt;)&lt;/p&gt;
&lt;p&gt;I've seen that the proven minimum for a sequence of 10 digits is 13.  However, my application seems to be getting 12 quite frequently.  This implies some kind of error in my program.  Is there an obvious error in the way I've modeled those summations in this code?&lt;/p&gt;
&lt;pre&gt;&lt;code&gt;def evaluate(self):
    self.fitness = 10000000000 #horrible practice, I know..
    h = 0
    for g in range(1, len(self.chromosome) - 1):
        c = self.evaluateHelper(g)
        h += c**2
    self.fitness = h
def evaluateHelper(self, g):
    """
    Helper for evaluate function.  The c sub g function.
    """
    totalSum = 0
    for i in range(len(self.chromosome) - g - 1):
        product = self.chromosome[i] * self.chromosome[(i + g) % (len(self.chromosome))]
        totalSum += product
    return totalSum
&lt;/code&gt;&lt;/pre&gt;</t>
  </si>
  <si>
    <t>2010-02-16 00:08:53.177000+00:00</t>
  </si>
  <si>
    <t>2011-02-24 21:47:17.820000+00:00</t>
  </si>
  <si>
    <t>2010-02-16 02:20:30.057000+00:00</t>
  </si>
  <si>
    <t>Ember.js: conditional input attribute</t>
  </si>
  <si>
    <t>&lt;p&gt;In Ember's input helper, how can I show/hide attributes based on a condition?  For example, let's say I want to show &lt;code&gt;required="required"&lt;/code&gt; if &lt;code&gt;isEditable&lt;/code&gt; is true and &lt;code&gt;disabled="disabled"&lt;/code&gt; otherwise.  Currently I have something like this:&lt;/p&gt;
&lt;pre&gt;&lt;code&gt;{{#if isEditable}}
    {{input value=model.name required="required"}}
{{else}}
    {{input value=model.name disabled="disabled"}}
{{/if}}
&lt;/code&gt;&lt;/pre&gt;
&lt;p&gt;...but it would be nice if I bind the attributes somehow instead.&lt;/p&gt;</t>
  </si>
  <si>
    <t>2015-03-13 15:57:09.470000+00:00</t>
  </si>
  <si>
    <t>2015-03-13 17:44:38.033000+00:00</t>
  </si>
  <si>
    <t>ember.js|handlebars.js|htmlbars</t>
  </si>
  <si>
    <t>When run RSpec I get uninitialized constant Name::Name::Engine</t>
  </si>
  <si>
    <t>&lt;p&gt;I constantly get this error when try to run my specs from root path:&lt;/p&gt;
&lt;pre&gt;&lt;code&gt;Failure/Error: routes { MyEngineName::Engine.routes }
NameError:
     uninitialized constant MyEngineName::MyEngineName::Engine
&lt;/code&gt;&lt;/pre&gt;
&lt;p&gt;And either when run server from spec/dummy and goes to localhost:3000 the same happens but with the &lt;code&gt;MyEngineName::MyEngineName::ApplicationController&lt;/code&gt;&lt;/p&gt;
&lt;p&gt;In tests I need to declare where routes are from:&lt;/p&gt;
&lt;pre&gt;&lt;code&gt;require 'rails_helper'
module MyEngineName
  module Companies
    RSpec.describe UsersController, type: :controller do
      routes { MyEngineName::Engine.routes }
      render_views
      # ommited... 
    end
  end
end
&lt;/code&gt;&lt;/pre&gt;
&lt;p&gt;And my engine file is:&lt;/p&gt;
&lt;pre&gt;&lt;code&gt;# my_engine_name/engine.rb
module MyEngineName
  class Engine &amp;lt; ::Rails::Engine
    isolate_namespace MyEngineName
    engine_name 'my_engine_name'
    # ommited...
  end
end
&lt;/code&gt;&lt;/pre&gt;
&lt;p&gt;what can I do?&lt;/p&gt;
&lt;p&gt;Thanks in advice! :)&lt;/p&gt;</t>
  </si>
  <si>
    <t>2016-03-09 18:45:30.860000+00:00</t>
  </si>
  <si>
    <t>2016-03-09 19:18:35.967000+00:00</t>
  </si>
  <si>
    <t>2016-03-09 18:51:52.717000+00:00</t>
  </si>
  <si>
    <t>ruby-on-rails|ruby|rspec</t>
  </si>
  <si>
    <t>the task can't be called by watch module.</t>
  </si>
  <si>
    <t>&lt;p&gt;It's very weird. The 'htmltemplates' task  is working, but the 'html-templates' task is not working. I tried many things. &lt;/p&gt;
&lt;p&gt;When I executed the gulp command, it worked. but the task wan't called by watch module. &lt;/p&gt;
&lt;p&gt;Why? Help me...&lt;/p&gt;
&lt;pre&gt;&lt;code&gt;var gulp = require('gulp'),
//    usemin = require('gulp-usemin'),
    wrap = require('gulp-wrap'),
    connect = require('gulp-connect'),
    watch = require('gulp-watch'),
//    minifyCss = require('gulp-minify-css'),
    minifyJs = require('gulp-uglify'),
    concat = require('gulp-concat'),
    less = require('gulp-less'),
    rename = require('gulp-rename'),
    html2js = require('gulp-html2js');
//    minifyHTML = require('gulp-minify-html');
var paths = {
    theme_scripts:  '../admin/assets/theme-js/**/*.*',
    scripts:        '../admin/assets/js/**/*.*',
    styles:         '../admin/assets/css/**/*.*',
    images:         '../admin/assets/img/**/*.*',
    htmltemplates:      '../admin/assets/templates/**/*.html',
    html_templates:     '../admin/app/**/*.html',
    app_js:         '../admin/app/**/*.js',
    index:          '../admin/index.html',
    less:           '../admin/assets/less/*.less',
    bower_fonts:    'src/components/**/*.{ttf,eot,woff,eof,svg}'
};
/**
 * Handle bower components from index
 */
gulp.task('usemin', function() {
    return gulp.src(paths.index)
//        .pipe(usemin({
//            js: [minifyJs(), 'concat'],
//            css: [minifyCss({keepSpecialComments: 0}), 'concat'],
//        }))
        .pipe(gulp.dest('../src/main/webapp/'));
});
/**
 * Copy assets
 */
gulp.task('build-assets', ['copy-bower_fonts']);
gulp.task('copy-bower_fonts', function() {
    return gulp.src(paths.bower_fonts)
        .pipe(rename({
            dirname: '/fonts'
        }))
        .pipe(gulp.dest('../src/main/webapp'));
});
/**
 * Handle custom files
 */
gulp.task('build-custom', ['html-template','copy-components', 'custom-images', 'app-js','custom-js', 'theme-js', 'lib-less' ,'custom-less', 'custom-templates']);
gulp.task('copy-components', function() {
    return gulp.src('../admin/assets/components/**/*.*')
        .pipe(gulp.dest('../src/main/webapp/components'));
});
gulp.task('custom-images', function() {
    return gulp.src(paths.images)
        .pipe(gulp.dest('../src/main/webapp/img'));
});
gulp.task('app-js', function() {
    return gulp.src(paths.app_js)
        //.pipe(minifyJs())
        .pipe(concat('st-openpms.concat.js'))
        .pipe(gulp.dest('../src/main/webapp/js'));
});
gulp.task('theme-js', function() {
    return gulp.src(paths.theme_scripts)
        //.pipe(minifyJs())
        .pipe(concat('dashboard.min.js'))
        .pipe(gulp.dest('../src/main/webapp/js'));
});
gulp.task('custom-js', function() {
    return gulp.src(paths.scripts)
   //     .pipe(minifyJs())
   //     .pipe(concat('openpms.concat.js'))
        .pipe(gulp.dest('../src/main/webapp/js'));
});
gulp.task('custom-less', function() {
    return gulp.src(paths.less)
        .pipe(less())
        .pipe(gulp.dest('../src/main/webapp/css'));
});
gulp.task('lib-less', function() {
    return gulp.src(paths.less)
        .pipe(less())
        .pipe(gulp.dest('../src/main/webapp/css'));
});
gulp.task('custom-templates', function() {
    return gulp.src(paths.htmltemplates)
       // .pipe(minifyHTML())
        .pipe(gulp.dest('../src/main/webapp/templates'));
});
gulp.task('html-template', function(url) {
      gulp.src(paths.html_templates)
        .pipe(html2js(
                {
                    base : '../admin/app/',
                    outputModuleName: 'RedCA',
                    useStrict: true
        }
        ))
        .pipe(concat('openpms-st-test.templates.js'))
        .pipe(gulp.dest('../src/main/webapp'))
    })
/**
 * Watch custom files
 */
gulp.task('watch', function() {
    gulp.watch([paths.html_templates], ['html-template']);
    gulp.watch([paths.images], ['custom-images']);
    gulp.watch([paths.styles], ['custom-less']);
    gulp.watch([paths.scripts], ['custom-js']);
    gulp.watch([paths.theme_scripts], ['theme-js']);
    gulp.watch([paths.htmltemplates], ['custom-templates']);
    gulp.watch([paths.index], ['usemin']);
    gulp.watch([paths.app_js], ['app-js']);
});
/**
 * Live reload server
 */
gulp.task('webserver', function() {
    connect.server({
        root: '../src/main/webapp/',
        livereload: true,
        port: 5555
    });
});
 gulp.task('livereload', function() {
   // gulp.src(['../src/main/webapp/**/*.*'])
   //     .pipe(watch())
   //     .pipe(connect.reload());
});
/**
 * Gulp tasks
 */
gulp.task('build', ['usemin', 'build-assets', 'build-custom']);
gulp.task('default', ['build', 'webserver', 'livereload', 'watch']);
&lt;/code&gt;&lt;/pre&gt;</t>
  </si>
  <si>
    <t>2015-03-03 02:11:59.753000+00:00</t>
  </si>
  <si>
    <t>gulp|gulp-watch</t>
  </si>
  <si>
    <t>Access denied in windows store app</t>
  </si>
  <si>
    <t>&lt;p&gt;Why am I getting an error in this code?&lt;/p&gt;
&lt;pre&gt;&lt;code&gt; StorageFolder folder = Windows.ApplicationModel.Package.Current.InstalledLocation;
 StorageFile sampleFile = await folder.CreateFileAsync("sample.jpg", CreationCollisionOption.ReplaceExisting);
&lt;/code&gt;&lt;/pre&gt;
&lt;p&gt;Error:&lt;/p&gt;
&lt;blockquote&gt;
  &lt;p&gt;Additional information: Acces denied. (Exception from HRESULT: 0x80070005 (E_ACCESSDENIED))&lt;/p&gt;
&lt;/blockquote&gt;
&lt;p&gt;In Windows store app and how to fix this problem?&lt;/p&gt;</t>
  </si>
  <si>
    <t>2014-03-11 17:13:20.840000+00:00</t>
  </si>
  <si>
    <t>2014-03-11 17:18:00.037000+00:00</t>
  </si>
  <si>
    <t>c#|windows-store-apps</t>
  </si>
  <si>
    <t>Insert order into magento manually</t>
  </si>
  <si>
    <t>&lt;p&gt;I've created my own checkout with &lt;code&gt;codeigniter&lt;/code&gt;, using &lt;code&gt;magento&lt;/code&gt; functions. Now, I want to insert the products I've added into checkout cart to &lt;code&gt;magento&lt;/code&gt; sales but I don't find how to do it. Is this possible? &lt;/p&gt;</t>
  </si>
  <si>
    <t>2015-06-09 13:45:53.303000+00:00</t>
  </si>
  <si>
    <t>2015-06-09 21:30:18.657000+00:00</t>
  </si>
  <si>
    <t>php|magento|checkout</t>
  </si>
  <si>
    <t>Cross Domain Conversion Tracking</t>
  </si>
  <si>
    <t>&lt;p&gt;&lt;strong&gt;SETUP:&lt;/strong&gt;
Having a few different information sites/domains about my products and one single site/domain shop-site where you the purchase, checkout and so on happens, I'm having troubles to find a proper solution for a comprehensive tracking of all the pages including the conversion tracking.&lt;/p&gt;
&lt;p&gt;&lt;strong&gt;IDEAL:&lt;/strong&gt; 
What I want is to get reports seperated for each site (shop-site as well as information-sites), but add some conversion tracking. Ideal would be to be able to track a conversion when the user gets to the checkout process, so that I can see it in the statistics of the shop-site as well as on the site that referred to this sale/conversion and maybe even a funnel visualisation for the whole action.&lt;/p&gt;
&lt;p&gt;&lt;strong&gt;WHAT I ALREADY GOT:&lt;/strong&gt;
I already set up statistics for each site/domain. I do have set events for a referal to the shop-site as well as an event when the user checks out. &lt;/p&gt;
&lt;p&gt;&lt;strong&gt;WHAT I TRIED:&lt;/strong&gt; 
I set up cross domain tracking for one of my information-sites and the shop-site, so now the events show up in that single property. &lt;/p&gt;
&lt;p&gt;Unfortunately thats not the statistic I intend to get, as the whole data got consolidated from those 2 properties. Also it made the tracking goal/conversion only accessible for that single property, while I can't distinguish between a conversion made originally from this site or one of the others.&lt;/p&gt;
&lt;p&gt;Is it possible to achieve what I actually intend to do or what's the proper way to track such a setup??&lt;/p&gt;</t>
  </si>
  <si>
    <t>2013-12-04 01:47:57.370000+00:00</t>
  </si>
  <si>
    <t>2013-12-04 08:37:30.680000+00:00</t>
  </si>
  <si>
    <t>javascript|google-analytics</t>
  </si>
  <si>
    <t>Bootstrap DatePicker style not working properly angularjs</t>
  </si>
  <si>
    <t>&lt;p&gt;Can someone help me look at this plunkr. The style seems not to be working. &lt;/p&gt;
&lt;pre&gt;&lt;code&gt;&amp;lt;!DOCTYPE html&amp;gt;
&lt;/code&gt;&lt;/pre&gt;
&lt;p&gt;&lt;/p&gt;
&lt;p&gt;
  &lt;/p&gt;
&lt;p&gt;&lt;/p&gt;
&lt;pre&gt;&lt;code&gt;&amp;lt;div ng-controller="testController"&amp;gt;
  &amp;lt;h1&amp;gt;Hello Plunker!&amp;lt;/h1&amp;gt;
  &amp;lt;input type="text" name="bDay" ng-model="mydate | date : 'dd-MM-yyyy'" id="" value="" ng-click="showDatePicker('bday')" /&amp;gt;
  &amp;lt;div date-picker="mydate" view="year" min-view="date" ng-class="{hidden: (picker !== 'bday')}" auto-close="true"&amp;gt;&amp;lt;/div&amp;gt;
  {{mydate}}
&amp;lt;/div&amp;gt;
&amp;lt;script&amp;gt;
  var app = angular.module('sample', ['datePicker']);
  app.controller('testController', ['$scope', function($scope){
    $scope.picker = 'null';
     $scope.showDatePicker = function(picker){
        $scope.picker = 'null';
        setTimeout(function(){
          $scope.picker = picker;
          $scope.$apply();
        }, 100);
     }
}]);
&amp;lt;/script&amp;gt;
&lt;/code&gt;&lt;/pre&gt;
&lt;p&gt;&lt;/p&gt;
&lt;p&gt;&lt;/p&gt;
&lt;p&gt;&lt;a href="http://plnkr.co/edit/94TifOjXZjEAhA25Kl4A?p=preview" rel="nofollow"&gt;http://plnkr.co/edit/94TifOjXZjEAhA25Kl4A?p=preview&lt;/a&gt;&lt;/p&gt;</t>
  </si>
  <si>
    <t>2015-03-18 02:29:28.837000+00:00</t>
  </si>
  <si>
    <t>2017-02-16 23:36:50.177000+00:00</t>
  </si>
  <si>
    <t>css|angularjs|twitter-bootstrap</t>
  </si>
  <si>
    <t>Not able to create JMS topic programatically in WebSphere</t>
  </si>
  <si>
    <t>&lt;p&gt;I'm not able to create SIB JMS topic or queue. I tried the below code. The code ran without any exception or error&lt;/p&gt;
&lt;pre&gt;&lt;code&gt;public void createSIBJMSTopic(String topicName, String jndiName, String busName, String topicSpace) {
    try {
        String server = "server1";
        String description = "abc";
        Session session = new Session();
        CommandMgr commandMgr = CommandMgr.getCommandMgr(client);
        configService = new ConfigServiceProxy(client);
        System.out.println("Commands list" + commandMgr.listAllCommands().toString());
        AdminCommand cmd = commandMgr.createCommand("createSIBJMSTopic");
        System.out.println(session);
        ObjectName targetObject = configService.resolve(session, null, "Node=mbaastest40Node02,Server=server1")[0];
        cmd.setTargetObject(targetObject);
        cmd.setParameter("name", topicName);
        cmd.setParameter("jndiName", jndiName);
        cmd.setParameter("busName", busName);
        cmd.setParameter("topicSpace", topicSpace);
        System.out.println("Before Execute");
        cmd.execute();
        CommandResult result = cmd.getCommandResult();
        System.out.println("after execute");
        if (result.isSuccessful())
            System.out.println(result.toString());
        if (!result.isSuccessful())
            throw new AdminException(result.getException());
        System.out.println("done");
        configService.save(session, true);
        System.out.println("After save");
    }
    catch (Exception e) {
        e.printStackTrace();
    }
}
&lt;/code&gt;&lt;/pre&gt;</t>
  </si>
  <si>
    <t>2017-02-02 11:03:54.370000+00:00</t>
  </si>
  <si>
    <t>2017-02-04 16:15:13.757000+00:00</t>
  </si>
  <si>
    <t>2017-02-04 09:57:18.973000+00:00</t>
  </si>
  <si>
    <t>java|websphere|jmx|websphere-8</t>
  </si>
  <si>
    <t>How to disable /Oy (Frame-Pointer Omission) in Release version in vc9</t>
  </si>
  <si>
    <t>&lt;p&gt;I turned off FPO manually(/Oy���) in vs2008 ,but it has no effect and my code still omits frame pointers in  release version.
BTW i also turned off /GL as micosoft said there was a bug bwtween /GL and /O2 &lt;a href="http://connect.microsoft.com/VisualStudio/feedback/details/433201/vc-2008-express-oy-compiler-switch-doesnt-work-together-with-o1-o2-ox" rel="nofollow"&gt;enter link description here&lt;/a&gt;
every thing was OK when i tried to compile the same project with vs2010, ,but i need to make it work in vs2008,does any one know how to fix this? thanks!!!&lt;/p&gt;</t>
  </si>
  <si>
    <t>2014-04-08 17:26:16.477000+00:00</t>
  </si>
  <si>
    <t>c++|visual-studio-2008|compiler-construction</t>
  </si>
  <si>
    <t>Script Doesn't Detect Click on Created Element</t>
  </si>
  <si>
    <t>&lt;p&gt;I have a function that creates a span element with a &lt;code&gt;removeme&lt;/code&gt; class and inserts it into the DOM. I also attach a click event to all spans with a class of &lt;code&gt;removeme&lt;/code&gt; that should delete the span created in the previous step. This is not working. The click event isn't firing and the span is not being removed.&lt;/p&gt;
&lt;pre&gt;&lt;code&gt;$('.createtext').click(function(){   
    $('&amp;lt;span class="removeme"&amp;gt;Remove text&amp;lt;/span&amp;gt;').appendTo($('#a1'));        
});
$('.removeme').click(function(){
    $('.removeme').remove();
});
&lt;/code&gt;&lt;/pre&gt;
&lt;p&gt;I have an example here: &lt;a href="http://jsfiddle.net/aagQE/" rel="nofollow"&gt;http://jsfiddle.net/aagQE/&lt;/a&gt;&lt;/p&gt;</t>
  </si>
  <si>
    <t>2011-12-01 13:33:55.427000+00:00</t>
  </si>
  <si>
    <t>2011-12-01 13:48:50.530000+00:00</t>
  </si>
  <si>
    <t>IRC Bot with SQL lookup</t>
  </si>
  <si>
    <t>&lt;p&gt;I'm trying to create an IRC Bot that catches a User's text in a string beginning with "!search" and everything else after it will be to query a database.&lt;/p&gt;
&lt;p&gt;I don't know how to take, say for example, "!search name=xxxx type=xxxx" and convert "name=" and "type=" as queries.&lt;/p&gt;
&lt;p&gt;I'm hoping someone can provide an example code because that's what I work best off of.&lt;/p&gt;
&lt;p&gt;It will be very much appreciated if anyone can help me with this problem.&lt;/p&gt;
&lt;p&gt;Thank you!&lt;/p&gt;
&lt;p&gt;Edit: I've heard using a Tokenizer is how you do it but I don't know how to implement it. :/&lt;/p&gt;</t>
  </si>
  <si>
    <t>2015-12-08 19:17:01.993000+00:00</t>
  </si>
  <si>
    <t>2015-12-08 19:24:35.787000+00:00</t>
  </si>
  <si>
    <t>python-3.x|bots|irc</t>
  </si>
  <si>
    <t>Using PHP Array in Foreach</t>
  </si>
  <si>
    <t>&lt;p&gt;I have two arrays:
$users[] and $types[]&lt;/p&gt;
&lt;p&gt;With return result like this:&lt;/p&gt;
&lt;pre&gt;&lt;code&gt;Users = Array ( [0] =&amp;gt; 1 [1] =&amp;gt; 1 [2] =&amp;gt; 1 )
Types = Array ( [0] =&amp;gt; 0 [1] =&amp;gt; 1 [2] =&amp;gt; 0 )
&lt;/code&gt;&lt;/pre&gt;
&lt;p&gt;How i can call them like
$user['0] and $types['0] in foreach ? I want to return them like this:&lt;/p&gt;
&lt;p&gt;1,0 &lt;br&gt;
1,1 &lt;br&gt;
1,0 &lt;br&gt;&lt;/p&gt;
&lt;pre&gt;&lt;code&gt;foreach ($users as $index =&amp;gt; $code) {
  // this return users first number
  echo $code;
 // i want here to return type first number of array aswell?
}
&lt;/code&gt;&lt;/pre&gt;
&lt;p&gt;Thanks, &lt;/p&gt;</t>
  </si>
  <si>
    <t>2015-08-25 00:28:41.627000+00:00</t>
  </si>
  <si>
    <t>2015-08-25 01:17:53.657000+00:00</t>
  </si>
  <si>
    <t>php|arrays|multidimensional-array</t>
  </si>
  <si>
    <t>JSON Parsing Exception</t>
  </si>
  <si>
    <t>&lt;pre&gt;&lt;code&gt;Google.Apis.Json.NewtonsoftJsonSerializer.Instance.Deserialize(Of T)(JsonData)
&lt;/code&gt;&lt;/pre&gt;
&lt;p&gt;The above line throws exception &lt;/p&gt;
&lt;pre&gt;&lt;code&gt;Newtonsoft.Json.JsonReaderException Error reading string. Unexpected token: StartObject. Path '', line 1, position 1.
&lt;/code&gt;&lt;/pre&gt;
&lt;p&gt;when JsonData is&lt;/p&gt;
&lt;pre&gt;&lt;code&gt;{"access_token":"ya29.ygAuJKvaVXdJm_QYUgz4oEqN6sjU6W4QwpPsI93RfH-ScW9U1olhgz9S924g7TV5WqDE_Vzfvqx6YQ","token_type":"Bearer","expires_in":3599,"refresh_token":null,"Issued":"11/25/2014 6:59:11 PM"}
&lt;/code&gt;&lt;/pre&gt;
&lt;p&gt;but works ok wnen JsonData is&lt;/p&gt;
&lt;pre&gt;&lt;code&gt;{"access_token":null,"token_type":null,"expires_in":null,"refresh_token":null,"Issued":"01/01/0001 12:00:00 AM"}
&lt;/code&gt;&lt;/pre&gt;
&lt;p&gt;Can't figure out why. Any pointers?&lt;/p&gt;</t>
  </si>
  <si>
    <t>2014-11-26 03:04:25.733000+00:00</t>
  </si>
  <si>
    <t>json.net</t>
  </si>
  <si>
    <t>Configuring Unity Container in Web.config</t>
  </si>
  <si>
    <t>&lt;p&gt;I am trying to configure Unity with a Type that accepts as input a parameter of type Array:&lt;/p&gt;
&lt;pre&gt;&lt;code&gt;      &amp;lt;type type="IPermissionCheckPlan" mapTo="CompositePlanTeamWorkroomMove" name="MovePlan"&amp;gt;
        &amp;lt;constructor&amp;gt;
          &amp;lt;param name="checks" parameterType="IPermissionCheck" &amp;gt;
            &amp;lt;array&amp;gt;
              &amp;lt;dependency name="TWR_Move" /&amp;gt;
              &amp;lt;dependency name="TWR_Copy" /&amp;gt;
            &amp;lt;/array&amp;gt;
          &amp;lt;/param&amp;gt;
        &amp;lt;/constructor&amp;gt;
      &amp;lt;/type&amp;gt;
&lt;/code&gt;&lt;/pre&gt;
&lt;p&gt;I am getting an exception when loading the container saying "Unrecognized element 'constructor'".&lt;/p&gt;
&lt;p&gt;I am using Unity 2.0.&lt;/p&gt;
&lt;p&gt;Regards&lt;/p&gt;</t>
  </si>
  <si>
    <t>2010-11-24 16:05:09.160000+00:00</t>
  </si>
  <si>
    <t>2012-05-19 07:57:48.537000+00:00</t>
  </si>
  <si>
    <t>asp.net|unity-container</t>
  </si>
  <si>
    <t>Is it possible to get .animate to work on each element using .each?</t>
  </si>
  <si>
    <t>&lt;p&gt;as part of an upgrade to my site, I am creating my own image scroller for the bottom of the page. the user clicks the left arrow to scroll through the images by making them all move to the left and same for the right.
I understand how to use .each to effect a list of items and what not, however i cant get it to work with the .animate jquery.
Can anyone shed some light on this please?
my javascript as it stands at the moment:&lt;/p&gt;
&lt;pre&gt;&lt;code&gt;$('#rightButton').click(function()
{
    $('.galleryItem').each( function( index ) 
    {
            $(this).animate({left:"+=100px"},500);
    }); 
});
&lt;/code&gt;&lt;/pre&gt;
&lt;p&gt;Here is the jsFiddle for it:
&lt;a href="http://jsfiddle.net/vLSD3/" rel="nofollow"&gt;http://jsfiddle.net/vLSD3/&lt;/a&gt;&lt;/p&gt;</t>
  </si>
  <si>
    <t>2013-01-02 01:14:12.940000+00:00</t>
  </si>
  <si>
    <t>2013-01-02 01:32:24.707000+00:00</t>
  </si>
  <si>
    <t>jquery|each</t>
  </si>
  <si>
    <t>How to increase speed of Python computations in large dataset?</t>
  </si>
  <si>
    <t>&lt;p&gt;I have a large dataset, it contains tags corresponding to photos in real web-site (500 000 records, each one contains at least one tag)&lt;/p&gt;
&lt;p&gt;Example:&lt;/p&gt;
&lt;p&gt;tag1&lt;/p&gt;
&lt;p&gt;tag1 tag2 tag3&lt;/p&gt;
&lt;p&gt;tag1 tag12 tag99&lt;/p&gt;
&lt;p&gt;and so on, 500000 times&lt;/p&gt;
&lt;p&gt;I try to compute weights for the tags based on the number of occurrences of each tag in the dataset. For 500 rows the code works good (0.1 sec), but for the whole data it takes hours and hours (more than 8), even for PyPy&lt;/p&gt;
&lt;p&gt;I assume I do something wrong and use Python inefficiently. This is the code for computing weights:&lt;/p&gt;
&lt;pre&gt;&lt;code&gt;for i, photo in enumerate(data):
  for j, tag in enumerate(photo):   
    if (tag not in tag_set):
      tag_set.append(tag)
      tag_w.append(log(len(data)) - log(sum(x.count(tag) for x in data)))
&lt;/code&gt;&lt;/pre&gt;
&lt;p&gt;How can I speed it up?&lt;/p&gt;
&lt;p&gt;Thanks!&lt;/p&gt;</t>
  </si>
  <si>
    <t>2013-12-09 07:45:19.433000+00:00</t>
  </si>
  <si>
    <t>2013-12-09 11:04:55.800000+00:00</t>
  </si>
  <si>
    <t>python|performance</t>
  </si>
  <si>
    <t>ajax - injecting specific elements throughout the DOM</t>
  </si>
  <si>
    <t>&lt;p&gt;I am using ajax to inject new content into a placeholder div in my html page with id #content_wrap. This pretty much replaces everything below the header, but obviously does not refresh the page. This works great, but I also have a few elements in my header that I'd like to update with data that the php doc grabs from my database. Right now my php doc is putting together a big chunk of HTML and inserting ALL OF IT into the dom in my html page. Is it possible to pick and choose certain pieces created by the php doc and then insert them into specific elements in my header (without injecting a whole new header)? Can I use the same php doc to create the different elements I want to insert into multiple locations (#content_wrap div AND some divs in my header)? Or is it all or nothing injection? I'm new to this but have gotten this far reading other questions and responses! &lt;/p&gt;
&lt;pre&gt;&lt;code&gt;var xmlhttp;    
      if(window.XMLHttpRequest){
        // code for IE7+, Firefox, Chrome, Opera, Safari
          xmlhttp=new XMLHttpRequest();
      }
      else{
        // code for IE6, IE5
          xmlhttp=new ActiveXObject("Microsoft.XMLHTTP");
      }
      //set a state change listener to recognize when the AJAX call is complete
      xmlhttp.onreadystatechange=function(){
        //if complete, inject html in form of responseText into the content wrap div
        if (xmlhttp.readyState==4 &amp;amp;&amp;amp; xmlhttp.status==200){
            document.getElementById("content_wrap").innerHTML=xmlhttp.responseText;
        }
      }
//fire ajax call, with some variables I need to pass to the php doc
      xmlhttp.open("GET","nextq.php?fbid="+fbid+"&amp;amp;c="+cat+"&amp;amp;yaynay="+yaynay+"&amp;amp;response_id="+response_id,true);
      xmlhttp.send();
&lt;/code&gt;&lt;/pre&gt;</t>
  </si>
  <si>
    <t>2014-04-20 19:19:10.203000+00:00</t>
  </si>
  <si>
    <t>2014-04-20 21:53:06.447000+00:00</t>
  </si>
  <si>
    <t>php|html|ajax</t>
  </si>
  <si>
    <t>Database consistency model</t>
  </si>
  <si>
    <t>&lt;p&gt;I setup a DynamoDB in AWS. I would like to know the throughput impact of choosing strongly consistent reads&lt;/p&gt;
&lt;p&gt;Strongly consistent reads use more throughput than eventually consistent reads or its the other way around?&lt;/p&gt;</t>
  </si>
  <si>
    <t>2016-01-29 09:00:19.690000+00:00</t>
  </si>
  <si>
    <t>2016-01-29 16:21:59.133000+00:00</t>
  </si>
  <si>
    <t>2016-01-29 09:12:46.983000+00:00</t>
  </si>
  <si>
    <t>database|amazon-web-services|amazon-dynamodb</t>
  </si>
  <si>
    <t>structures with functions and python ctypes</t>
  </si>
  <si>
    <t>&lt;p&gt;I have a c library I would like to wrap with python 2.7 ctypes.&lt;/p&gt;
&lt;pre&gt;&lt;code&gt;typedef struct SRSLTE_API{
  void *ptr;
  uint32_t R;
  uint32_t K;
  uint32_t framebits;
  bool tail_biting;
  float gain_quant; 
  int16_t gain_quant_s; 
  int (*decode) (void*, uint8_t*, uint8_t*, uint32_t);
  int (*decode_f) (void*, float*, uint8_t*, uint32_t);
  void (*free) (void*);
  uint8_t *tmp;
  uint8_t *symbols_uc;
}srslte_viterbi_t;
&lt;/code&gt;&lt;/pre&gt;
&lt;p&gt;How do I create this structure in python?  This is what I currently have.&lt;/p&gt;
&lt;pre&gt;&lt;code&gt;from ctypes import *
class srslte_viterbi_t(Structure):
    _fields_ = [("ptr", c_void_p),
                ("R", c_uint),
                ("K", c_uint),
                ("framebits", c_uint),
                ("tail_biting", c_bool),
                ("gain_quant", c_float),
                ("gain_quant_s", c_short),
                ("decode", POINTER(c_int)),
                ("decode_f", POINTER(c_int)),
                ("free", c_void_p),
                ("tmp", POINTER(c_ubyte)),
                ("symbols_uc", POINTER(c_ubyte))
                ]
viterbi_t = srslte_viterbi_t(None, c_uint(0), c_uint(0), c_uint(0), 
    c_bool(False), c_float(0.0), c_short(0), None, None, None, None, None)
&lt;/code&gt;&lt;/pre&gt;
&lt;p&gt;This structure compiles but does not give the correct results.  I fear I am not allocating the decode functions correctly?  What is the line&lt;/p&gt;
&lt;pre&gt;&lt;code&gt;int (*decode) (void*, uint8_t*, uint8_t*, uint32_t);
&lt;/code&gt;&lt;/pre&gt;
&lt;p&gt;Doing in a structure anyway?&lt;/p&gt;</t>
  </si>
  <si>
    <t>2017-06-15 02:46:05.753000+00:00</t>
  </si>
  <si>
    <t>2017-06-15 20:12:23.007000+00:00</t>
  </si>
  <si>
    <t>python|c|ctypes</t>
  </si>
  <si>
    <t>Deployment Strategies</t>
  </si>
  <si>
    <t>&lt;p&gt;i need to evaluate Software Deployment Strategies but literature is lacking. So i thought i could ask you which Strategies you know / use so that i can pick them up and evaluate them.&lt;/p&gt;
&lt;p&gt;Thank you for your help&lt;/p&gt;</t>
  </si>
  <si>
    <t>2011-04-22 09:03:37.343000+00:00</t>
  </si>
  <si>
    <t>2011-04-22 09:35:33.560000+00:00</t>
  </si>
  <si>
    <t>deployment</t>
  </si>
  <si>
    <t>Codeigniter - How to access user defined function using ajax?</t>
  </si>
  <si>
    <t>&lt;p&gt;I am trying to call the user defined library function using ajax as below.&lt;/p&gt;
&lt;pre&gt;&lt;code&gt;$(document).ready(function() 
{
        $("a.refresh").click(function() 
        {
            jQuery.ajax(
            {
                type: "POST",
                url: "&amp;lt;?php echo base_url(); ?&amp;gt;" + "application/libraries/Captcha_lib/captcha_refresh",
                success: function(res) 
                {
                    if (res)
                    {
                        jQuery("span.image").html(res);
                    }
                }
            });
        });
});
&lt;/code&gt;&lt;/pre&gt;
&lt;p&gt;I'm getting the following response in firebug:&lt;/p&gt;
&lt;blockquote&gt;
  &lt;p&gt;You don't have permission to access the requested object.
      It is either read-protected or not readable by the server.&lt;/p&gt;
&lt;/blockquote&gt;
&lt;p&gt;&lt;strong&gt;Note:&lt;/strong&gt;
If i put the &lt;strong&gt;captcha_refresh function&lt;/strong&gt; in my Login controller and pass the URL to ajax like below&lt;/p&gt;
&lt;blockquote&gt;
  &lt;p&gt;jQuery.ajax(
              {
                  type: "POST", 
  url: "" + "Login/captcha_refresh", .....  });&lt;/p&gt;
&lt;/blockquote&gt;
&lt;p&gt;then it is working fine. However i don't want to do it.&lt;/p&gt;
&lt;p&gt;Here is my &lt;strong&gt;captcha_refresh function&lt;/strong&gt;:&lt;/p&gt;
&lt;pre&gt;&lt;code&gt;public function captcha_refresh()
{
        $values = array(
            'word' =&amp;gt; '',
            'word_length' =&amp;gt; 8,
            'img_path' =&amp;gt; './hrms_assets/captcha_img/',
            'img_url' =&amp;gt; base_url() .'hrms_assets/captcha_img/',
            'font_path' =&amp;gt; base_url() . 'system/fonts/texb.ttf',
            'img_width' =&amp;gt; '150',
            'img_height' =&amp;gt; 50,
            'expiration' =&amp;gt; 3600
        );
        $data = create_captcha($values);
        $this-&amp;gt;session-&amp;gt;userdata['captchaWord'] = $data['word'];
        echo $data['image'];
}
&lt;/code&gt;&lt;/pre&gt;</t>
  </si>
  <si>
    <t>2016-06-16 13:23:28.133000+00:00</t>
  </si>
  <si>
    <t>2016-08-30 08:28:13.633000+00:00</t>
  </si>
  <si>
    <t>jquery|ajax|codeigniter|codeigniter-3</t>
  </si>
  <si>
    <t>Rails: List of users who upvoted a model (pin)</t>
  </si>
  <si>
    <t>&lt;p&gt;So I have a basic rails app where users can upvote a pin - Now I would like to show a list of user who upvoted the pin  the view (app/views/pins/show.html.erb)&lt;/p&gt;
&lt;p&gt;&lt;strong&gt;app/models/user.rb&lt;/strong&gt;&lt;/p&gt;
&lt;pre&gt;&lt;code&gt;  has_many :pins    
  has_many :votes, dependent: :destroy
  has_many :upvoted_pins, through: :votes, source: :pin
&lt;/code&gt;&lt;/pre&gt;
&lt;p&gt;&lt;strong&gt;app/models/pin.rb&lt;/strong&gt;&lt;/p&gt;
&lt;pre&gt;&lt;code&gt;has_many :votes, dependent: :destroy
has_many :upvoted_users, through: :votes, source: :user
&lt;/code&gt;&lt;/pre&gt;
&lt;p&gt;&lt;strong&gt;app/controllers/pins_controller.rb&lt;/strong&gt;&lt;/p&gt;
&lt;pre&gt;&lt;code&gt;  def show
    @disable_nav = true
    @pin = Pin.friendly.find(params[:id])
    @pin.upvoted_users
  end
&lt;/code&gt;&lt;/pre&gt;
&lt;p&gt;Then i added the code to render who upvoted the pins in app/views/pins/show.html.erb&lt;/p&gt;
&lt;pre&gt;&lt;code&gt;&amp;lt;ul&amp;gt;&amp;lt;li&amp;gt;&amp;lt;%= @pin.upvoted_users %&amp;gt;&amp;lt;/li&amp;gt;&amp;lt;/ul&amp;gt;
&lt;/code&gt;&lt;/pre&gt;
&lt;p&gt;But it shows an association error when I load the page: &lt;/p&gt;
&lt;pre&gt;&lt;code&gt;#&amp;lt;ActiveRecord::Associations::CollectionProxy::ActiveRecord_Associations_CollectionProxy_User:0x007fddde186370&amp;gt;
&lt;/code&gt;&lt;/pre&gt;
&lt;p&gt;Which is strange because When I inspect @pin.upvoted_users in my rails console I get the users who upvoted the pin correctly.&lt;/p&gt;
&lt;p&gt;Any ideas?&lt;/p&gt;</t>
  </si>
  <si>
    <t>2014-08-10 16:04:35.230000+00:00</t>
  </si>
  <si>
    <t>2014-08-10 16:26:49.343000+00:00</t>
  </si>
  <si>
    <t>ruby-on-rails|ruby|associations|vote</t>
  </si>
  <si>
    <t>Dropdown list (combobox) disappears when saving PowerPoint 2010 document</t>
  </si>
  <si>
    <t>&lt;p&gt;I created a drop down list in Power Point 2010, which works very well before saving the document. I used the following code in VBA:&lt;/p&gt;
&lt;pre&gt;&lt;code&gt;Sub AddItemsToSelectedListBox()
Dim oShape As Shape
Set oShape = ActiveWindow.Selection.ShapeRange(1)
With oShape.OLEFormat.Object
' Add items to the list
.AddItem ("Good")
.AddItem ("Better")
.AddItem ("Best")
' You could work with other properties of the list or combo box here as well
End With
End Sub
&lt;/code&gt;&lt;/pre&gt;
&lt;p&gt;f5 + close.&lt;/p&gt;
&lt;p&gt;By going to the view modus, the drop down list works well. But if I save my power point document (in a .pptm format) and reopen the presentation, the lists don't drop down any more. If I enter the VBA, the code looks like this:&lt;/p&gt;
&lt;pre&gt;&lt;code&gt;Sub AddItemsToSelectedListBox()
Dim oShape As Shape
Set oShape = ActiveWindow.Selection.ShapeRange(1)
With oShape.OLEFormat.Object
' Add items to the list
.AddItem ("Good")
.AddItem ("Better")
.AddItem ("Best")
' You could work with other properties of the list or combo box here as well
End With
End Sub
Private Sub ComboBox1_Change()
End Sub
&lt;/code&gt;&lt;/pre&gt;
&lt;p&gt;The ComboBox_Change() Part is new. (Why?)
Does anyone know, how to generate a dropdown list that survives the saving-process?
Thank you very much!! &lt;/p&gt;</t>
  </si>
  <si>
    <t>2014-05-22 15:15:27.317000+00:00</t>
  </si>
  <si>
    <t>2014-05-26 06:21:31.863000+00:00</t>
  </si>
  <si>
    <t>2014-05-22 15:50:24.920000+00:00</t>
  </si>
  <si>
    <t>vba|drop-down-menu|powerpoint|office-2010</t>
  </si>
  <si>
    <t>Parallelizing an Eigen dense mapped matrix-vector product</t>
  </si>
  <si>
    <t>&lt;p&gt;I've had success enabling multithreading for sparse matrix-vector products, but I'm unable to parallelize a product involving two dense maps. Only one thread is ever spawned. At first I thought that parallel support for maps might be lacking, but copying to a plain matrix and vector and then taking the product does not fix the issue. I've written a short example program based on the one I've been writing to demonstrate the problem. I'm fairly certain that this is not a compilation issue, as &lt;code&gt;Eigen::nbThreads()&lt;/code&gt; outputs the correct number of threads. Thanks for your help.&lt;/p&gt;
&lt;p&gt;&lt;strong&gt;Makefile&lt;/strong&gt;&lt;/p&gt;
&lt;pre&gt;&lt;code&gt;EXEDIR = ./targets/darwin
CC = clang-omp++
CXX = clang-omp++
CFLAGS := -std=c++11 -Wall -pipe -O3 -ffast-math \
          -funsafe-math-optimizations -march=native -mtune=native \
          -pedantic -Wno-unused-variable -fopenmp -I/usr/local/include/eigen3
LDFLAGS := -std=c++11 -fopenmp -lpthread -lboost_date_time-mt -lboost_thread-mt \
           -lboost_filesystem-mt -lboost_system-mt -lboost_program_options \
           -I/usr/local/include/eigen3
SIMULATIONS=$(EXEDIR)/main
LOCALOBJECTS=network.o
.SECONDARY:
all: $(SIMULATIONS)
$(EXEDIR)/%: %.o $(LOCALOBJECTS)
    $(CC) $(CFLAGS) $(LOCALOBJECTS) $&amp;lt; $(LDFLAGS) -o $@ 
%.o : %.cpp
    $(CC) $(CFLAGS) -c $&amp;lt;
clean: 
    rm -f *.o $(SIMULATIONS)
&lt;/code&gt;&lt;/pre&gt;
&lt;p&gt;&lt;strong&gt;main.cpp&lt;/strong&gt;&lt;/p&gt;
&lt;pre&gt;&lt;code&gt;#include "network.h"
int main(int ac, char* av[]) {
  run();
  return 0;
};
&lt;/code&gt;&lt;/pre&gt;
&lt;p&gt;&lt;strong&gt;network.h&lt;/strong&gt;&lt;/p&gt;
&lt;pre&gt;&lt;code&gt;#include &amp;lt;iostream&amp;gt;
#include &amp;lt;random&amp;gt;
#include &amp;lt;functional&amp;gt;
#include &amp;lt;math.h&amp;gt; 
#include &amp;lt;Eigen/Core&amp;gt;
#include &amp;lt;Eigen/Dense&amp;gt;
#include &amp;lt;boost/numeric/odeint.hpp&amp;gt;
#include &amp;lt;boost/numeric/odeint/external/eigen/eigen.hpp&amp;gt;
#include &amp;lt;boost/random.hpp&amp;gt;
using namespace std;
using namespace Eigen;
using namespace boost::numeric::odeint;
typedef Eigen::VectorXf container_type;
float phi0 (float x, float g, float o);
struct observer
{
  observer() {}
  void operator()( container_type &amp;amp;x , float t ) {}
};
struct network
{
  boost::mt19937 rng;
  container_type x, tau;
  Eigen::Map&amp;lt;container_type&amp;gt; r;
  Eigen::Map&amp;lt;Eigen::MatrixXf&amp;gt; W, W_EE, W_II, W_EI, W_IE;
  function &amp;lt;float (float)&amp;gt; phi_E, phi_I;
  int N, N_E, N_I;
  network() : 
    x(4001*4000), tau(4000),
    r(NULL, NULL),
    W(NULL, NULL, NULL),
    W_EE(NULL, NULL, NULL), W_II(NULL, NULL, NULL),
    W_EI(NULL, NULL, NULL), W_IE(NULL, NULL, NULL)
  {
    N = 4000;
    N_E = 4000;
    N_I = 0;
    new (&amp;amp;r) Eigen::Map&amp;lt;container_type&amp;gt;(x.head(N).data(), N);
    new (&amp;amp;W)    Eigen::Map&amp;lt;Eigen::MatrixXf&amp;gt;(                 x.tail(N*N).data(), N,   N);
    new (&amp;amp;W_EE) Eigen::Map&amp;lt;Eigen::MatrixXf&amp;gt;(    W.topLeftCorner(N_E,N_E).data(), N_E, N_E);
    new (&amp;amp;W_EI) Eigen::Map&amp;lt;Eigen::MatrixXf&amp;gt;(   W.topRightCorner(N_E,N_I).data(), N_E, N_I);
    new (&amp;amp;W_IE) Eigen::Map&amp;lt;Eigen::MatrixXf&amp;gt;( W.bottomLeftCorner(N_I,N_E).data(), N_I, N_E);
    new (&amp;amp;W_II) Eigen::Map&amp;lt;Eigen::MatrixXf&amp;gt;(W.bottomRightCorner(N_I,N_I).data(), N_I, N_I);
    x.setZero(N + N*N);
    tau.head(N_E).setConstant(10e-3);
    tau.tail(N_I).setConstant(10e-3);
    select_transfer_function(phi_E, 0);
    select_transfer_function(phi_I, 0);
    cout &amp;lt;&amp;lt; "Building connectivity... " &amp;lt;&amp;lt; std::flush;
    generate_gaussian_connectivity( W_EE, 0, 1.1/sqrt(4000) );
    cout &amp;lt;&amp;lt; "Done.\n" &amp;lt;&amp;lt; std::flush;
    cout &amp;lt;&amp;lt; "Setting initial condition... " &amp;lt;&amp;lt; std::flush;
    container_type z(N);
    boost::normal_distribution&amp;lt;&amp;gt; normal( 0, 1 );
    boost::variate_generator&amp;lt; boost::mt19937&amp;amp;, boost::normal_distribution&amp;lt;&amp;gt; &amp;gt; gen( rng , normal );
    gen.engine().seed(42);
    z = z.unaryExpr([&amp;amp;gen, this](float a){return static_cast&amp;lt;float&amp;gt;(gen());});
    r = z;
    cout &amp;lt;&amp;lt; "Done.\n" &amp;lt;&amp;lt; std::flush;
  }
  void select_transfer_function( function &amp;lt;float (float)&amp;gt;&amp;amp; phi, unsigned int p_phi )
  {
    phi = std::bind(&amp;amp;phi0, placeholders::_1, 1, 0);
  }
  void generate_gaussian_connectivity( Eigen::Map&amp;lt;Eigen::MatrixXf&amp;gt;&amp;amp; W_AB, double J_mu, double J_sigma )
  {
    boost::normal_distribution&amp;lt;&amp;gt; normal( J_mu, J_sigma );
    boost::variate_generator&amp;lt; boost::mt19937&amp;amp;, boost::normal_distribution&amp;lt;&amp;gt; &amp;gt; gen( rng , normal );
    W_AB = W_AB.unaryExpr([&amp;amp;gen, this](float a){return static_cast&amp;lt;float&amp;gt;(gen());});
    W_AB.diagonal().setZero();
  }
  void operator()( container_type &amp;amp;x , container_type &amp;amp;dxdt , double t ) const
  {
    Map&amp;lt;Eigen::VectorXf&amp;gt; drdt(dxdt.head(N).data(), N);
    Eigen::VectorXf rate = W * r;
    rate.head(N_E) = (rate.head(N_E)).unaryExpr(phi_E);
    rate.tail(N_I) = (rate.tail(N_I)).unaryExpr(phi_I);
    drdt = ((rate - r).array()/tau.array()).matrix();
  }
};
void run();
&lt;/code&gt;&lt;/pre&gt;
&lt;p&gt;&lt;strong&gt;network.cpp&lt;/strong&gt;&lt;/p&gt;
&lt;pre&gt;&lt;code&gt;#include "network.h"
// ----  Transfer functions ----------
// Hyperbolic tangent
float phi0(float x, float g, float o) {
  return o + tanh(g*x);
}
// ---- Network structure ------------
void run()
{
  // Enable multi-threading
  Eigen::setNbThreads(6);
  cout &amp;lt;&amp;lt; "Threads: " &amp;lt;&amp;lt; Eigen::nbThreads( ) &amp;lt;&amp;lt; '\n' &amp;lt;&amp;lt; std::flush;
  network net;
  observer obs;
  integrate_const( euler&amp;lt; container_type &amp;gt;(), boost::ref( net ), net.x, 0.0, 2.0, 1e-3, obs);
}
&lt;/code&gt;&lt;/pre&gt;</t>
  </si>
  <si>
    <t>2017-08-22 21:43:34.633000+00:00</t>
  </si>
  <si>
    <t>c++|multithreading|eigen</t>
  </si>
  <si>
    <t>Remove extra zeros when converting a double to a string in Objective C</t>
  </si>
  <si>
    <t>&lt;p&gt;So when I convert a double to a string using something like this:&lt;/p&gt;
&lt;pre&gt;&lt;code&gt;double number = 1.1;
text = [[NSString alloc] initWithFormat:@"%f", number];
&lt;/code&gt;&lt;/pre&gt;
&lt;p&gt;The variable &lt;code&gt;text&lt;/code&gt; ends up printing something like this: &lt;code&gt;1.100000&lt;/code&gt;. I realize that this is because of the way the computer stores the value however I need an easy way to remove those extra zeros and, if need be, the decimal as well if the number turns out to an integer.&lt;/p&gt;
&lt;p&gt;Thanks!&lt;/p&gt;</t>
  </si>
  <si>
    <t>2010-07-09 04:14:12.833000+00:00</t>
  </si>
  <si>
    <t>2010-07-09 04:26:39.443000+00:00</t>
  </si>
  <si>
    <t>objective-c|string|double|numbers|trim</t>
  </si>
  <si>
    <t>matplotlib: save fig with bbox_inches='tight' ignores annotation</t>
  </si>
  <si>
    <t>&lt;p&gt;It appears that the &lt;code&gt;bbox_inches='tight'&lt;/code&gt; option in &lt;code&gt;savefig&lt;/code&gt; ignores annotations without text.  Here is my example code&lt;/p&gt;
&lt;pre&gt;&lt;code&gt;import matplotlib.pyplot as plt
fig = plt.figure()
ax = fig.add_axes([0.2, 0.2, 0.6, 0.6])
arrow1 = ax.annotate('text', xy = [0.5,-0.2], xycoords = 'axes fraction', \
    xytext = [-72,0], textcoords = 'offset points', \
    arrowprops = dict(arrowstyle = '-|&amp;gt;', mutation_scale = 10.0, \
    shrinkA = 0, shrinkB = 0, linewidth = 1))
arrow2 = ax.annotate('', xy = [0.5,1.2], xycoords = 'axes fraction', \
    xytext = [-72,0], textcoords = 'offset points', \
    arrowprops = dict(arrowstyle = '-|&amp;gt;', mutation_scale = 10.0, \
    shrinkA = 0, shrinkB = 0, linewidth = 1))
fig.savefig('test.png')
fig.savefig('test-tight.png', bbox_inches = 'tight')
&lt;/code&gt;&lt;/pre&gt;
&lt;p&gt;Here is &lt;code&gt;test.png&lt;/code&gt;, showing that I have two annotations.  One annotation, with text, below the axes and one annotation, without text, above the axes.&lt;/p&gt;
&lt;p&gt;&lt;img src="https://i.stack.imgur.com/5DaZl.png" alt="enter image description here"&gt;&lt;/p&gt;
&lt;p&gt;Here is &lt;code&gt;test-tight.png&lt;/code&gt;, showing only one annotation.  The annotation above the axes, without the text, has been ignored.&lt;/p&gt;
&lt;p&gt;&lt;img src="https://i.stack.imgur.com/dAR8h.png" alt="enter image description here"&gt;&lt;/p&gt;
&lt;p&gt;Looking in the source code, &lt;code&gt;bbox_inches='tight'&lt;/code&gt; attempts to find the size and location of artists by calling &lt;code&gt;artist.get_window_extent()&lt;/code&gt;.  When I try &lt;code&gt;arrow1.get_window_extent()&lt;/code&gt;, I get a bounding box that appears to correspond to the text.  When I try &lt;code&gt;arrow2.get_window_extent()&lt;/code&gt;, I get a bounding box with zero height and zero width.  Thus, the root of the problem is &lt;code&gt;.get_window_extent()&lt;/code&gt; doesn't include the arrow.&lt;/p&gt;
&lt;p&gt;Any ideas for how to get around this, in a reasonably robust manner?  If I could somehow get the proper bounding box for the whole annotation, then I would be in business.  However, I can't even seem to get the line or patch objects out of &lt;code&gt;arrow2&lt;/code&gt;.&lt;/p&gt;
&lt;p&gt;In case it matters, I am on matplotlib 1.4.0, Python 2.7.6, and Mac OS X 10.8.5&lt;/p&gt;</t>
  </si>
  <si>
    <t>2014-10-12 04:40:43.467000+00:00</t>
  </si>
  <si>
    <t>2016-03-12 15:28:44.017000+00:00</t>
  </si>
  <si>
    <t>python|matplotlib</t>
  </si>
  <si>
    <t>What's the best way to get the directory from which an assembly is executing</t>
  </si>
  <si>
    <t>&lt;p&gt;For my apps, I store some configuration file in xml along with the assembly(exe), and something other temporary files for proccessing purpose.  &lt;/p&gt;
&lt;p&gt;I found some quirk with &lt;code&gt;".\\"&lt;/code&gt; and &lt;code&gt;Application.StartupPath&lt;/code&gt;.&lt;/p&gt;
&lt;p&gt;I've been using &lt;/p&gt;
&lt;pre&gt;&lt;code&gt;String configPath = ".\\config.xml";
&lt;/code&gt;&lt;/pre&gt;
&lt;p&gt;It works fine until I called &lt;code&gt;OpenFIleDialog&lt;/code&gt; to open some files in other folders, the statement above failed. Apparently ".\" is referring to "CurrentDirectory", which changes every time when we browse to another folder.&lt;/p&gt;
&lt;p&gt;At some point, I was using &lt;/p&gt;
&lt;pre&gt;&lt;code&gt;String configPath = Path.Combine(Application.StartupPath + "config.xml");
&lt;/code&gt;&lt;/pre&gt;
&lt;p&gt;At some point, when I need to execute this assembly from another folder by using &lt;code&gt;Process.Start()&lt;/code&gt;, things start to fall apart. Apparently the working directory is not set properly, and &lt;code&gt;Application.StartupPath&lt;/code&gt; is actually referring to working directory instead of the directory of which the assembly is executing, as I've assumed. So I have to resort to using ProcessInfo to setup the working directory to the assembly's directory. I also had problem with this when I was writing VSTO.&lt;/p&gt;
&lt;p&gt;So, my question is, what's the best, simplest and most assured way to get the current directory that the assembly is executing, without those quirks(or misunderstanding) that I've just mentioned?&lt;/p&gt;
&lt;p&gt;EDIT: I meant to get the directory which the assembly reside&lt;/p&gt;
&lt;p&gt;EDIT: According to MSDN on &lt;a href="http://msdn.microsoft.com/en-us/library/system.appdomain.basedirectory.aspx" rel="nofollow noreferrer"&gt;AppDomain.BaseDirectory&lt;/a&gt;, it seems that it can be changes during runtime, which is what I don't want(Just to clarify, not that I don't want to allow changing BaseDirectory, but rather, when I retrieve it without knowing for sure whether it's been changed)&lt;/p&gt;
&lt;p&gt;EDIT: I've notice that a related question was posted much earlier. &lt;a href="https://stackoverflow.com/questions/158219/what-would-cause-the-current-directory-of-an-executing-app-to-change"&gt;What would cause the current directory of an executing app to change?&lt;/a&gt;&lt;/p&gt;
&lt;p&gt;Thanks guys for the answer.&lt;/p&gt;</t>
  </si>
  <si>
    <t>2008-10-31 13:29:57.487000+00:00</t>
  </si>
  <si>
    <t>2016-11-19 03:32:26.210000+00:00</t>
  </si>
  <si>
    <t>2017-05-23 12:34:09.103000+00:00</t>
  </si>
  <si>
    <t>faulty</t>
  </si>
  <si>
    <t>.net|directory</t>
  </si>
  <si>
    <t>TimePicker Dialog , adding AM / PM options beside?</t>
  </si>
  <si>
    <t>&lt;p&gt;I am creating a TimePicker for Alarm, and I have built a timepicker, however it's in 24 hour format , and I'd like to set it in 12 hour format.
I tried to do it in 12 hour format as below:&lt;/p&gt;
&lt;pre&gt;&lt;code&gt;int hour = c.get(Calendar.HOUR);
&lt;/code&gt;&lt;/pre&gt;
&lt;p&gt;But that doesn't give an option for AM PM values. I looked through similar questions here. But there seems a difference in my approach. Advice me with the best fix for this. Here is my Dialog code :&lt;/p&gt;
&lt;pre&gt;&lt;code&gt;public class TimeSetter extends DialogFragment implements TimePickerDialog.OnTimeSetListener {
    @Override
    public Dialog onCreateDialog(Bundle savedInstanceState) {
        // Use the current time as the default values for the picker
        final Calendar c = Calendar.getInstance();
        int hour = c.get(Calendar.HOUR);
        int minute = c.get(Calendar.MINUTE);
        // Create a new instance of TimePickerDialog and return it
        return new TimePickerDialog(getActivity(), this, hour, minute,
                DateFormat.is24HourFormat(getActivity()));
     }
    public void onTimeSet(TimePicker view, int hourOfDay, int minute) {
        // Do something with the time chosen by the user
    }
}
&lt;/code&gt;&lt;/pre&gt;</t>
  </si>
  <si>
    <t>2015-05-18 01:03:22.217000+00:00</t>
  </si>
  <si>
    <t>2015-05-18 09:19:38.020000+00:00</t>
  </si>
  <si>
    <t>Subview auto layout constraint prevents resizing parent</t>
  </si>
  <si>
    <t>&lt;p&gt;I have a simple subview inside a parent view positioned 60pts from the top and want to animate the parent view's height to zero on the click of a button. (i.e. &lt;strong&gt;final parent size &amp;lt; top offset subview&lt;/strong&gt;)&lt;/p&gt;
&lt;pre&gt;&lt;code&gt; _______________  _                  ______________  _
|               |  |                |______________| _| 0pt
|    parent     |  | 60pt
| _____________ | _|       onClick
||             ||             -&amp;gt;   
||     sub     ||
||_____________||
 ---------------
&lt;/code&gt;&lt;/pre&gt;
&lt;p&gt;Unfortunately the subview creates the following auto layout constraint:&lt;/p&gt;
&lt;pre&gt;&lt;code&gt;superview.height = self.maxY + 60
&lt;/code&gt;&lt;/pre&gt;
&lt;p&gt;Which means that if I animate the parent size like this:&lt;/p&gt;
&lt;pre&gt;&lt;code&gt;parentView.animator().frame = NSRect(origin: NSZeroPoint, size: NSSize(width: parentView.frame.width, height: 0))
&lt;/code&gt;&lt;/pre&gt;
&lt;p&gt;The parent's height will be 60 instead of 0.
I actually &lt;strong&gt;don't want to use auto layout&lt;/strong&gt; for this part of the app and simply set the &lt;code&gt;autoresizingMask&lt;/code&gt;s of both views to &lt;code&gt;[.ViewWidthSizable, .ViewHeightSizable]&lt;/code&gt;.
But since I use auto layout in some other section, apparently auto layout is enabled everywhere...&lt;/p&gt;
&lt;p&gt;If I completely remove all auto layout views, than the animation works perfectly fine.&lt;/p&gt;
&lt;p&gt;In short: &lt;strong&gt;how to animate a parent view to be smaller than the top offset of its subview?&lt;/strong&gt;&lt;/p&gt;
&lt;p&gt;If there is no other way than to use auto layout for the parent - subview relation, how to animate the parent to 0 height in that case?&lt;/p&gt;</t>
  </si>
  <si>
    <t>2015-10-08 11:16:42.170000+00:00</t>
  </si>
  <si>
    <t>macos|swift|cocoa|autolayout|nsview</t>
  </si>
  <si>
    <t>Correct way to reference a class's inherited property?</t>
  </si>
  <si>
    <t>&lt;p&gt;I am positive this is something very simple, but I am having complete brain freeze.&lt;/p&gt;
&lt;p&gt;I am trying to create my own control which will add some specific functionality to a textbox, and ultimately want this control to be available in my toolbox for use throughout my project.&lt;/p&gt;
&lt;p&gt;As an example, I would like to add this new control to my form, change the .Text property to "Something" and then perform some logic on the .Text property in the New() sub, however me.text is always returning "", meaning my logic fails.&lt;/p&gt;
&lt;pre&gt;&lt;code&gt;Public Class Class1
    Inherits Windows.Forms.TextBox
    Public Sub New()
        If Me.Text = "Something" Then
            MessageBox.Show("Do something")
        End If
    End Sub
End Class
&lt;/code&gt;&lt;/pre&gt;
&lt;p&gt;Any advice on how to overcome this hurdle?&lt;/p&gt;
&lt;p&gt;Thanks in advance.&lt;/p&gt;
&lt;hr&gt;
&lt;p&gt;Cont....&lt;/p&gt;
&lt;p&gt;Ok, so I think some more context would be good here.&lt;/p&gt;
&lt;p&gt;This is something I wanted to try, to ease myself back into OOP, as I thought (!) it would be an easy starting point.&lt;/p&gt;
&lt;p&gt;Im sure there is a class that I could download that would do everything I need, but I want to learn, not just copy/pase code from wherever I find.&lt;/p&gt;
&lt;p&gt;So, the objective is to have a textbox which will also offer a "Caption" property. This property will contain text that is displayed in the textbox until it is clicked, ie "Your Name", and you click to then enter your name (basic stuff).&lt;/p&gt;
&lt;p&gt;The original code posted was trying to demonstrate the issue I was having with obtaining the .Text property value in the New() method, as this is where I was trying to do some comparisons between .text and Caption. The code has now changed, and I no longer do this.&lt;/p&gt;
&lt;p&gt;The main issue I am having at the moment is... when I add my control to a windows form, the textbox (.text) is empty, and I want it to be populated with the caption.&lt;/p&gt;
&lt;p&gt;The code posted below is where I am after much trial and error. It's not too pretty, and theres some things that need to be thought about in more detail, but ultimately my current issue is getting the .text property populated with what I want and that being shown in the designer.&lt;/p&gt;
&lt;pre&gt;&lt;code&gt;Public Class TextBoxWithCaption
    Inherits Windows.Forms.TextBox
    Dim Caption_Text As String = "Caption"                               ' Define default caption property value
    Dim Caption_TextForeColor As Color = SystemColors.ControlDarkDark
    Dim NoCaption_TextForeColor As Color = SystemColors.WindowText
    Public Sub New()
        MyBase.New()
        Me.Text = Caption
        Me.Width = 150
        Me.ForeColor = Caption_TextForeColor
    End Sub
    Property Caption() As String
        Get
            Return Caption_Text
        End Get
        Set(value As String)
            ' Caption has been changed.
            '
            If Me.Text = Caption_Text Or String.IsNullOrEmpty(Me.Text) Then
                ' Caption property has changed, textbox has no user defined value, update the textbox with the new caption
                Me.Text = value
            End If
            Caption_Text = value
        End Set
    End Property
    Private Sub TextBoxWithCaption_GotFocus(sender As Object, e As EventArgs) Handles Me.GotFocus
        If Me.Text = Caption Then
            ' If the caption is displayed, then clear it ready for the user to type
            Me.Text = ""
            Me.ForeColor = NoCaption_TextForeColor
        End If
    End Sub
    Private Sub TextBoxWithCaption_LostFocus(sender As Object, e As EventArgs) Handles Me.LostFocus
        If Me.Text = "" Then
            ' If the user has not typed anything, restore the caption
            Me.Text = Caption
            Me.ForeColor = Caption_TextForeColor
        End If
    End Sub
End Class
&lt;/code&gt;&lt;/pre&gt;</t>
  </si>
  <si>
    <t>2016-11-12 19:04:55.013000+00:00</t>
  </si>
  <si>
    <t>2016-11-12 23:21:39.750000+00:00</t>
  </si>
  <si>
    <t>vb.net|class|inheritance|properties</t>
  </si>
  <si>
    <t>wordpress and walk score integration</t>
  </si>
  <si>
    <t>&lt;p&gt;I've been struggling with this problem for 3 long days and have reached the end of my troubleshooting abilities. I need to get the Walk Score for a specific address from the Walk Score API. The API takes 3 parameters: address, latitude, and longitude. &lt;/p&gt;
&lt;p&gt;When I use the sample code from Walk Score, I get the result that is expected. Sample code here: walkscore.com/professional/api-sample-code.php. Here it is working on my server: &lt;a href="http://bigdevelopment.com/walkscore/" rel="nofollow"&gt;http://bigdevelopment.com/walkscore/&lt;/a&gt; (straight PHP, not on WordPress)&lt;/p&gt;
&lt;p&gt;When I take the same code (only adding "data" and "dataType") and dump into WordPress, I can not display the Walk Score JSON I receive from the API. Here is my code:&lt;/p&gt;
&lt;h2&gt;get_score.js&lt;/h2&gt;
&lt;pre&gt;&lt;code&gt;function injectWalkScore(address,lat,lon){
        address = encodeURIComponent(address);
        var url="http://suitesearch.bigdevelopment.com/wp-admin/admin-ajax.php?address=" + address + "&amp;amp;lat=" + lat + "&amp;amp;lon=" + lon;
        jQuery.ajax( {
            url: url,
             data: { 
                action: 'getwalkscore'
                },
            dataType: 'JSON',
            type:'GET',
            success: function(data) { displayWalkScores(data); },
            error: function(){ displayWalkScores(""); }
            }
        );
    }
    //to demonstrate all of our formatting options, we'll pass the json on to a series of display functions.
    //in practice, you'll only need one of these, and the ajax call could call it directly as it's onSuccess callback
    function displayWalkScores(jsonStr) {
        displayWalkScore(jsonStr);
    }
    //show the walk score -- inserts walkscore html into the page.  Also needs CSS from top of file
    function displayWalkScore(jsonStr) {
        var json=(jsonStr) ? eval('(' + jsonStr + ')') : ""; //if no response, bypass the eval
        //if we got a score
        if (json &amp;amp;&amp;amp; json.status == 1) {
            var htmlStr = '&amp;lt;a target="_blank" href="' + json.ws_link + '"&amp;gt;&amp;lt;img src="' + json.logo_url + '" /&amp;gt;&amp;lt;span class="walkscore-scoretext"&amp;gt;' + json.walkscore + '&amp;lt;/span&amp;gt;&amp;lt;/a&amp;gt;';
        }
        //if no score was available
        else if (json &amp;amp;&amp;amp; json.status == 2) {
            var htmlStr = '&amp;lt;a target="_blank" href="' + json.ws_link + '"&amp;gt;&amp;lt;img src="' + json.logo_url + '" /&amp;gt; &amp;lt;span class="walkscore-noscoretext"&amp;gt;Get Score&amp;lt;/span&amp;gt;&amp;lt;/a&amp;gt;';
        }
        //if didn't even get a json response
        else {
            var htmlStr = '&amp;lt;a target="_blank" href="walkscore.com"&amp;gt;&amp;lt;img src="http://cdn.walk.sc/images/api-logo.gif" /&amp;gt; &amp;lt;span class="walkscore-noscoretext"&amp;gt;Get Score&amp;lt;/span&amp;gt;&amp;lt;/a&amp;gt; ';
        }
        var infoIconHtml = '&amp;lt;span id="ws_info"&amp;gt;&amp;lt;a href="walkscore.com/live-more" target="_blank"&amp;gt;&amp;lt;img src="http://cdn2.walk.sc/2/images/api-more-info.gif" width="13" height="13"" /&amp;gt;&amp;lt;/a&amp;gt;&amp;lt;/span&amp;gt;';
        //if you want to wrap extra tags around the html, can do that here before inserting into page element
        htmlStr = '&amp;lt;p&amp;gt;' + htmlStr + infoIconHtml + '&amp;lt;/p&amp;gt;';
        //insert our new content into the container div:
        jQuery("#walkscore-div").html(htmlStr);
    }
&lt;/code&gt;&lt;/pre&gt;
&lt;p&gt;this is my functions snippet:&lt;/p&gt;
&lt;pre&gt;&lt;code&gt;add_action('wp_ajax_nopriv_getwalkscore_function', 'getwalkscore');
add_action('wp_ajax_getwalkscore_function', 'getwalkscore');
function getwalkscore($lat, $lon, $address) {
  $address=urlencode($address);
  $url = "http://api.walkscore.com/score?format=json&amp;amp;address=$address";
  $url .= "&amp;amp;lat=$lat&amp;amp;lon=$lon&amp;amp;wsapikey=93cc71faa070aa6d13dc3d84c1316671";
  $str = @file_get_contents($url); 
  echo $str; 
 } 
 $lat = $_GET['lat']; 
 $lon = $_GET['lon']; 
 $address = stripslashes($_GET['address']);
 $json = getwalkscore($lat,$lon,$address);
 echo $json; 
&lt;/code&gt;&lt;/pre&gt;
&lt;p&gt;In my template page, I have this:&lt;/p&gt;
&lt;pre&gt;&lt;code&gt;&amp;lt;body onload="injectWalkScore('17901 Von Karman Avenue Irvine, CA 92614', '33.6832054', '-117.8497199')" &amp;lt;?php body_class(); ?&amp;gt;&amp;gt;
&lt;/code&gt;&lt;/pre&gt;
&lt;p&gt;and on the test page itself, I just have this:&lt;/p&gt;
&lt;pre&gt;&lt;code&gt;&amp;lt;div id="walkscore-div"&amp;gt;&amp;lt;/div&amp;gt;
&lt;/code&gt;&lt;/pre&gt;
&lt;p&gt;The resulting page does not give me a walkscore but responds as if there was an error: 
suitesearch.bigdevelopment.com/testing-page/  &lt;/p&gt;
&lt;p&gt;As you can see, I do get the correct response from the API but I can not display the JSON response on the template page.&lt;/p&gt;
&lt;p&gt;any help would be greatly, greatly appreciated.&lt;/p&gt;</t>
  </si>
  <si>
    <t>2014-05-05 10:43:15.997000+00:00</t>
  </si>
  <si>
    <t>php|ajax|wordpress</t>
  </si>
  <si>
    <t>Ensure camera position is always the center of the screen?</t>
  </si>
  <si>
    <t>&lt;p&gt;Given 2 functions Translate(x,y) and Scale(x), I want the camera's position to always be the center of the screen. There is also a scalefactor variable and by modifying it it either zooms in or out from the center of the screen. Given that I know the dimensions of the screen in pixels, how could I achieve this? Thanks &lt;/p&gt;</t>
  </si>
  <si>
    <t>2010-08-29 14:02:18.977000+00:00</t>
  </si>
  <si>
    <t>2010-08-29 14:05:21.850000+00:00</t>
  </si>
  <si>
    <t>c++|c|math|geometry</t>
  </si>
  <si>
    <t>How to compile a program in C with IAR for msp430x5438A when i get the following error?</t>
  </si>
  <si>
    <t>&lt;p&gt;i am using IAR for msp430xf5438A and when i am trying to compile my program i get an the following error: Internal Error: [TaInstr::Validate]: Instruction does not match requirement. what can i do to solve the this error? thanx!&lt;/p&gt;</t>
  </si>
  <si>
    <t>2013-06-19 16:11:51.417000+00:00</t>
  </si>
  <si>
    <t>2013-06-19 17:10:30.850000+00:00</t>
  </si>
  <si>
    <t>2013-06-19 16:34:25.960000+00:00</t>
  </si>
  <si>
    <t>c|msp430|iar</t>
  </si>
  <si>
    <t>Android kernel source code</t>
  </si>
  <si>
    <t>&lt;p&gt;I downloaded Android 2.2 source code a long time ago but it didn't have the kernel source code. I looked online and it seems like there is a separate Android kernel source I should download. &lt;/p&gt;
&lt;p&gt;Someone gave me this address&lt;/p&gt;
&lt;pre&gt;&lt;code&gt;git clone https://android.googlesource.com/kernel/common
&lt;/code&gt;&lt;/pre&gt;
&lt;p&gt;but I think I should specify the version and branch. 
So what is the full command to download Android 2.2 froyo kernel source code?&lt;/p&gt;</t>
  </si>
  <si>
    <t>2011-09-27 17:17:36.783000+00:00</t>
  </si>
  <si>
    <t>2017-07-25 14:28:57.820000+00:00</t>
  </si>
  <si>
    <t>android|android-source</t>
  </si>
  <si>
    <t>Jquery datatable - Selected row hightlight issue</t>
  </si>
  <si>
    <t>&lt;p&gt;In my datatable, getting result from search button action. So first search results selected row hightlight working good , but again search those results are not highlighting .why second time selected row high light is not working good ? Please advise...&lt;/p&gt;
&lt;p&gt;This demo not simulated the issue which i mention , but similar way the works datatable..&lt;/p&gt;
&lt;p&gt;Demo : &lt;a href="http://jsfiddle.net/rwPFx/34/" rel="nofollow"&gt;demo&lt;/a&gt; &lt;/p&gt;
&lt;pre&gt;&lt;code&gt;$('#products1 tbody tr').live("click", function () {
    if ($(this).hasClass('selected1')) $(this).removeClass('selected1');
    else
    {
        $(this).siblings('.selected1').removeClass('selected1');
        $(this).addClass('selected1');
    }
     $("#dialog-form").data('rows', oTable.fnGetData( this ));
});
&lt;/code&gt;&lt;/pre&gt;</t>
  </si>
  <si>
    <t>2013-07-16 18:14:24.183000+00:00</t>
  </si>
  <si>
    <t>2013-07-16 20:15:47.107000+00:00</t>
  </si>
  <si>
    <t>jquery|datatables|tabletools</t>
  </si>
  <si>
    <t>downloading file fails after 2 mb (php)</t>
  </si>
  <si>
    <t>&lt;p&gt;i want to download a file from a remote server. i already tried fopen etc. without success, so i tried using system /shell and wget but wget also fails after 2000 kb.
are you familiar with this issue of Do you have a clue how to bypass/reset this limitation?&lt;/p&gt;</t>
  </si>
  <si>
    <t>2012-01-29 03:06:11.603000+00:00</t>
  </si>
  <si>
    <t>2012-01-29 06:12:19.677000+00:00</t>
  </si>
  <si>
    <t>php|timeout|filesize</t>
  </si>
  <si>
    <t>Formatted text file comparison in python</t>
  </si>
  <si>
    <t>&lt;p&gt;I have two .txt files. How would I compare them, find and print the difference(s) in a new file?&lt;/p&gt;
&lt;p&gt;My files are like:&lt;/p&gt;
&lt;pre&gt;&lt;code&gt;set  
FDN : "NetworkElement=RNC23,CmNodeHeartbeatSupervision=1"  
active : true
set  
FDN : "NetworkElement=RNC23,FmAlarmSupervision=1"  
active : true  
automaticSynchronization : true  
failoverCount : 9  
heartbeatinterval : 100  
set  
FDN : "NetworkElement=RNC23,InventorySupervision=1"  
active : false  
doInventorySync : false  
inventoryType : LICENSE  
&lt;/code&gt;&lt;/pre&gt;
&lt;p&gt;I need to process them in batches rather line by line.&lt;/p&gt;</t>
  </si>
  <si>
    <t>2018-04-13 07:46:38.447000+00:00</t>
  </si>
  <si>
    <t>2018-05-23 08:20:14.593000+00:00</t>
  </si>
  <si>
    <t>python|file|file-comparison</t>
  </si>
  <si>
    <t>RabbitMQ on Docker: Permission denied when chown-ing erlang cookie</t>
  </si>
  <si>
    <t>&lt;p&gt;I use Kitematic to manage my containers. I run rabbitmq on docker and it's running. The problem is when I configure its volume. Whenever I set local folder for its volume (in Kitematic) it will stop, start, and print the following error:&lt;/p&gt;
&lt;pre&gt;&lt;code&gt;chown: changing ownership of '/var/lib/rabbitmq/.erlang.cookie': Permission denied
&lt;/code&gt;&lt;/pre&gt;
&lt;p&gt;How do I solve this problem?&lt;/p&gt;</t>
  </si>
  <si>
    <t>2016-09-08 22:31:26.470000+00:00</t>
  </si>
  <si>
    <t>2016-10-25 17:49:32.610000+00:00</t>
  </si>
  <si>
    <t>docker|rabbitmq|docker-volume</t>
  </si>
  <si>
    <t>Structure of web page. Huge gap. HTML or CSS issue?</t>
  </si>
  <si>
    <t>&lt;p&gt;&lt;img src="https://i.stack.imgur.com/Tuq8T.png" alt="alt text"&gt;Hi there,&lt;/p&gt;
&lt;p&gt;I am trying to build a web page and i have the following problem. I tried to upload a photo but I cannot because I don't have enough votes. I have a contacts page and my problem is that there is a huge gap between the contacts (little photos with people) and the grey layer in the bottom (please vote for me so that I can upload a photo to show you what I mean). I am really confused and I don't know where the problem might be. Here I give some information:&lt;/p&gt;
&lt;p&gt;I have created two lists (divs) with photos and contacts (in this picture you can see 2 photos of the leftlist (as i called it) div and one photo of the rightlist div.&lt;/p&gt;
&lt;p&gt;The CSS for these two are the following:&lt;/p&gt;
&lt;pre&gt;&lt;code&gt;#leftlist {
width:430px;
position: relative;
left: 0px;
top: 0px;
bottom: 720px;}
#rightlist {
width:430px;
position: relative;
left: 450px;
bottom: 720px;
top: -670px;}
&lt;/code&gt;&lt;/pre&gt;
&lt;p&gt;These two divs I placed them inside the white box as you can see from the photo which I named container. The CSS for container is:&lt;/p&gt;
&lt;pre&gt;&lt;code&gt;.container {
width:950px;
margin-top: 0;
margin-right: auto;
margin-bottom: 0px;
margin-left: auto;}
&lt;/code&gt;&lt;/pre&gt;
&lt;p&gt;Here I add the whole code of the container including whats inside:&lt;/p&gt;
&lt;pre&gt;&lt;code&gt;&amp;lt;div class="container"&amp;gt;
      &amp;lt;div class="box"&amp;gt;
            &amp;lt;div class="border-top"&amp;gt;
               &amp;lt;div class="border-right"&amp;gt;
                  &amp;lt;div class="border-bot"&amp;gt;
                     &amp;lt;div class="border-left"&amp;gt;
                        &amp;lt;div class="left-top-corner"&amp;gt;
                           &amp;lt;div class="right-top-corner"&amp;gt;
                              &amp;lt;div class="right-bot-corner"&amp;gt;
                                 &amp;lt;div class="left-bot-corner"&amp;gt;
                                   &amp;lt;div class="inner"&amp;gt;
                                       &amp;lt;h2&amp;gt;&amp;amp;nbsp;&amp;lt;/h2&amp;gt;
                                    &amp;lt;h2 align="center"&amp;gt;Sales and Customer Service Team&amp;lt;/h2&amp;gt;
                                      &amp;lt;h2 align="center"&amp;gt;&amp;lt;br /&amp;gt;
                                        &amp;lt;br /&amp;gt;
                                      &amp;lt;/h2&amp;gt;
                                    &amp;lt;div id="leftlist"&amp;gt;
                                    &amp;lt;ul class="list2"&amp;gt;
                                          &amp;lt;li&amp;gt;
                                             &amp;lt;img alt="" src="images/blabla.jpg" /&amp;gt;
                                             &amp;lt;h4&amp;gt;&amp;lt;strong&amp;gt;blabla &amp;lt;/strong&amp;gt;
                                             President&amp;lt;br /&amp;gt;
                                             &amp;lt;br /&amp;gt;
                                             &amp;lt;span class="style100"&amp;gt;Email: &amp;lt;a href="mailto:blabla@blabla.it"&amp;gt;blabla@sblabla.it&amp;lt;/a&amp;gt;&amp;lt;/span&amp;gt;&amp;lt;br /&amp;gt;
                                      &amp;lt;span class="style100"&amp;gt;Tel: +39 02 00000001&amp;lt;/span&amp;gt;&amp;lt;br /&amp;gt;
                                      &amp;lt;/h4&amp;gt;&amp;lt;/li&amp;gt;
                                          &amp;lt;li&amp;gt;&amp;lt;/li&amp;gt;
                                          &amp;lt;br /&amp;gt;
                                          &amp;lt;li&amp;gt;
                                             &amp;lt;img alt="" src="images/blabla.jpg" /&amp;gt;
                                             &amp;lt;h4&amp;gt;&amp;lt;strong&amp;gt;blabla &amp;lt;/strong&amp;gt;
                                             General Sales Manager&amp;lt;br /&amp;gt;
                                             &amp;lt;br /&amp;gt;
&amp;lt;span class="style100"&amp;gt;Email: &amp;lt;a href="mailto:blabla@blabla.it"&amp;gt;blabla@blabla.it&amp;lt;/a&amp;gt;&amp;lt;/span&amp;gt;&amp;lt;br /&amp;gt;
                                               &amp;lt;span class="style100"&amp;gt;Tel: +39 02 00000023&amp;lt;/span&amp;gt;&amp;lt;br /&amp;gt;
                                      &amp;lt;/h4&amp;gt;
                                      &amp;lt;/li&amp;gt;
                                      &amp;lt;li&amp;gt;&amp;lt;/li&amp;gt;
                                          &amp;lt;br /&amp;gt;
                                          &amp;lt;li&amp;gt;
                                             &amp;lt;img alt="" src="images/blabla.jpg" /&amp;gt;
                                             &amp;lt;h4&amp;gt;&amp;lt;strong&amp;gt;blabla &amp;lt;/strong&amp;gt;
                                   Sales Manager&amp;lt;br /&amp;gt;
                                  &amp;lt;br /&amp;gt;
                                  &amp;lt;span class="style100"&amp;gt;Email: &amp;lt;a href="mailto:blabla@sblabla.it"&amp;gt;blabla@sblabla.it&amp;lt;/a&amp;gt;&amp;lt;/span&amp;gt;&amp;lt;br /&amp;gt;
                                  Tel: +39 02 00000021&amp;lt;br /&amp;gt;
                                      &amp;lt;/h4&amp;gt;&amp;lt;/li&amp;gt;
                                          &amp;lt;li&amp;gt;&amp;lt;/li&amp;gt;
                                          &amp;lt;br /&amp;gt;
                                          &amp;lt;li&amp;gt;
                                             &amp;lt;img alt="" src="images/lara.jpg" /&amp;gt;
                                             &amp;lt;h4&amp;gt;&amp;lt;strong&amp;gt;Lara blabla&amp;lt;/strong&amp;gt;
                                             Sales and Logistics&amp;lt;br /&amp;gt;
                                             &amp;lt;br /&amp;gt;
                                             &amp;lt;span class="style100"&amp;gt;Email: &amp;lt;a href="mailto:larablabla@blabla.it"&amp;gt;lara.blabla@blabla.it&amp;lt;/a&amp;gt;&amp;lt;/span&amp;gt;&amp;lt;br /&amp;gt;
                                             Tel: +39 02 00000022&amp;lt;br /&amp;gt;
                                      &amp;lt;/h4&amp;gt;&amp;lt;/li&amp;gt;
                                          &amp;lt;li&amp;gt;&amp;lt;/li&amp;gt;
                                          &amp;lt;br /&amp;gt;
                                &amp;lt;/ul&amp;gt;
                                   &amp;lt;/div&amp;gt;
                                      &amp;lt;div id="rightlist"&amp;gt;
                                      &amp;lt;ul class="list2"&amp;gt;    
                                      &amp;lt;li&amp;gt;
                                             &amp;lt;img alt="" src="images/blabla.jpg" /&amp;gt;
                                             &amp;lt;h4&amp;gt;&amp;lt;strong&amp;gt;blabla&amp;lt;/strong&amp;gt;
                                             Laboratory Manager and Quality Control&amp;lt;br /&amp;gt;
                                             &amp;lt;br /&amp;gt;
                                             &amp;lt;span class="style100"&amp;gt;Email: &amp;lt;a href="mailto:blabla@blabla.it"&amp;gt;blabla@blabla&amp;lt;/a&amp;gt;&amp;lt;/span&amp;gt;&amp;lt;br /&amp;gt;
                                             Tel: +39 02 00000020&amp;lt;br /&amp;gt;
                                      &amp;lt;/h4&amp;gt;&amp;lt;/li&amp;gt;
                                          &amp;lt;li&amp;gt;&amp;lt;/li&amp;gt;
                                          &amp;lt;br /&amp;gt;
                                    &amp;lt;li&amp;gt;
                                             &amp;lt;img alt="" src="images/blabla.jpg" /&amp;gt;
                                             &amp;lt;h4&amp;gt;&amp;lt;strong&amp;gt;blabla&amp;lt;/strong&amp;gt;Technical Department&amp;lt;br /&amp;gt;
                                               &amp;lt;br /&amp;gt;
                                               &amp;lt;span class="style100"&amp;gt;Email: &amp;lt;a href="mailto:blabla@blabla.it"&amp;gt;blabla@blabla.it&amp;lt;/a&amp;gt;&amp;lt;/span&amp;gt;&amp;lt;br /&amp;gt;
                                               Tel: +39 02 00000012&amp;lt;br /&amp;gt;
                                      &amp;lt;/h4&amp;gt;&amp;lt;/li&amp;gt;
                                          &amp;lt;li&amp;gt;&amp;lt;/li&amp;gt;
                                          &amp;lt;br /&amp;gt;
                                    &amp;lt;li&amp;gt;
                                             &amp;lt;img alt="" src="images/blabla.jpg" /&amp;gt;
                                             &amp;lt;h4&amp;gt;&amp;lt;strong&amp;gt;blabla&amp;lt;/strong&amp;gt;Safety Manager&amp;lt;br /&amp;gt;
                                               &amp;lt;br /&amp;gt;
                                               &amp;lt;span class="style100"&amp;gt;Email: &amp;lt;a href="mailto:blabla@blabla.it"&amp;gt;blabla@blabla.it&amp;lt;/a&amp;gt;&amp;lt;/span&amp;gt;&amp;lt;br /&amp;gt;
                                               Tel: +39 02 00000011&amp;lt;br /&amp;gt;
                                      &amp;lt;/h4&amp;gt;&amp;lt;/li&amp;gt;
                                    &amp;lt;li&amp;gt;&amp;lt;/li&amp;gt;
                                      &amp;lt;/ul&amp;gt;
                                     &amp;lt;/div&amp;gt;
                                   &amp;lt;/div&amp;gt;
                                   &amp;lt;div align="center"&amp;gt;&amp;lt;/div&amp;gt;
                                 &amp;lt;/div&amp;gt;
                              &amp;lt;/div&amp;gt;
                           &amp;lt;/div&amp;gt;
                        &amp;lt;/div&amp;gt;
                     &amp;lt;/div&amp;gt;
                  &amp;lt;/div&amp;gt;
               &amp;lt;/div&amp;gt;
            &amp;lt;/div&amp;gt;
    &amp;lt;/div&amp;gt;
         &amp;lt;!-- box end --&amp;gt;
  &amp;lt;/div&amp;gt;
&lt;/code&gt;&lt;/pre&gt;
&lt;p&gt;Tip: there are more photos and contact details that are not visible in the photo I upload as i wanted to show you the gap between the container div and the next div (grey layer).&lt;/p&gt;
&lt;p&gt;I am really sorry in advance if I am asking something stupid but I've been working on this for 8 hours now and I can't seem to find a solution. Maybe the solution is really stupid but my brain feels like its frying right now :p&lt;/p&gt;</t>
  </si>
  <si>
    <t>2010-09-02 15:07:20.020000+00:00</t>
  </si>
  <si>
    <t>2010-09-02 21:54:48.183000+00:00</t>
  </si>
  <si>
    <t>2010-09-02 19:36:29.390000+00:00</t>
  </si>
  <si>
    <t>Spring request scope bean proxy bean can not be injected</t>
  </si>
  <si>
    <t>&lt;p&gt;I have a proxied request scope bean like this:&lt;/p&gt;
&lt;pre&gt;&lt;code&gt;@Component
@Scope(value="request", proxyMode = ScopedProxyMode.TARGET_CLASS)
@Lazy
public class AnyBean {
...
}
&lt;/code&gt;&lt;/pre&gt;
&lt;p&gt;I want to have it injected into a service class:&lt;/p&gt;
&lt;pre&gt;&lt;code&gt;@Service
@Transactional
public class AnyService {
    @Autowired
    private AnyBean anyBean;
}
&lt;/code&gt;&lt;/pre&gt;
&lt;p&gt;When I start my application and or my integration tests, then it won't start. Application looks like this:&lt;/p&gt;
&lt;pre&gt;&lt;code&gt;@Configuration
@EnableCommonsPersistenceAutoConfguration
@ImportResource({
   ....
})
@EnableAspectJAutoProxy
public class ApplicationTest {
...
}
&lt;/code&gt;&lt;/pre&gt;
&lt;p&gt;The error I get:&lt;/p&gt;
&lt;pre&gt;&lt;code&gt;Caused by: org.springframework.beans.factory.BeanCreationException: Error creating bean with name 'anyBean': Scope 'request' is not active for the current thread; consider defining a scoped proxy for this bean if you intend to refer to it from a singleton; nested exception is java.lang.IllegalStateException: No thread-bound request found: Are you referring to request attributes outside of an actual web request, or processing a request outside of the originally receiving thread? If you are actually operating within a web request and still receive this message, your code is probably running outside of DispatcherServlet/DispatcherPortlet: In this case, use RequestContextListener or RequestContextFilter to expose the current request.
    at org.springframework.beans.factory.support.AbstractBeanFactory.doGetBean(AbstractBeanFactory.java:352)
    at org.springframework.beans.factory.support.AbstractBeanFactory.getBean(AbstractBeanFactory.java:194)
    at org.springframework.beans.factory.support.DefaultListableBeanFactory.findAutowireCandidates(DefaultListableBeanFactory.java:1127)
    at org.springframework.beans.factory.support.DefaultListableBeanFactory.doResolveDependency(DefaultListableBeanFactory.java:1051)
    at org.springframework.beans.factory.support.DefaultListableBeanFactory.resolveDependency(DefaultListableBeanFactory.java:949)
    at org.springframework.beans.factory.annotation.AutowiredAnnotationBeanPostProcessor$AutowiredFieldElement.inject(AutowiredAnnotationBeanPostProcessor.java:533)
    ... 57 more
Caused by: java.lang.IllegalStateException: No thread-bound request found: Are you referring to request attributes outside of an actual web request, or processing a request outside of the originally receiving thread? If you are actually operating within a web request and still receive this message, your code is probably running outside of DispatcherServlet/DispatcherPortlet: In this case, use RequestContextListener or RequestContextFilter to expose the current request.
    at org.springframework.web.context.request.RequestContextHolder.currentRequestAttributes(RequestContextHolder.java:131)
    at org.springframework.web.context.request.AbstractRequestAttributesScope.get(AbstractRequestAttributesScope.java:41)
    at org.springframework.beans.factory.support.AbstractBeanFactory.doGetBean(AbstractBeanFactory.java:337)
    ... 62 more
&lt;/code&gt;&lt;/pre&gt;
&lt;p&gt;What I checked:&lt;/p&gt;
&lt;ul&gt;
&lt;li&gt;Annotation processing is enabled, otherwise AnyService would not instantiate at all&lt;/li&gt;
&lt;li&gt;AnyBean is not final&lt;/li&gt;
&lt;li&gt;Request scope is defined in AnyBean along with the AspectJ Proxy (ScopedProxyMode.TARGET_CLASS)&lt;/li&gt;
&lt;li&gt;EnableAspectJAutoProxy annotation is present&lt;/li&gt;
&lt;li&gt;&lt;p&gt;The following jars are on the classpath:&lt;/p&gt;
&lt;p&gt;D:\Users\liptak.m2\repository\org\aspectj\aspectjweaver\xxx\aspectjweaver-xxx.jar
D:\Users\liptak.m2\repository\org\aspectj\aspectjrt\xxx\aspectjrt-xxx.jar
D:\Users\liptak.m2\repository\cglib\cglib\xxx\cglib-xxx.jar
D:\Users\liptak.m2\repository\org\ow2\asm\asm\xxx\asm-xxx.jar
D:\Users\liptak.m2\repository\org\springframework\spring-aop\xxx.RELEASE\spring-aop-xxx.RELEASE.jar
D:\Users\liptak.m2\repository\aopalliance\aopalliance\xxx\aopalliance-xxx.jar
D:\Users\liptak.m2\repository\org\springframework\spring-aspects\xxx.RELEASE\spring-aspects-xxx.RELEASE.jar&lt;/p&gt;&lt;/li&gt;
&lt;/ul&gt;
&lt;p&gt;So it seems, that everything should be fine. Still it does not work. Do you have any ideas to check? Which Spring class would you debug?&lt;/p&gt;
&lt;h2&gt;UPDATE:&lt;/h2&gt;
&lt;p&gt;Web XML contains RequestContextListener as well:&lt;/p&gt;
&lt;pre&gt;&lt;code&gt;&amp;lt;listener&amp;gt;
    &amp;lt;listener-class&amp;gt;org.springframework.web.context.request.RequestContextListener&amp;lt;/listener-class&amp;gt;
&amp;lt;/listener&amp;gt;
&lt;/code&gt;&lt;/pre&gt;
&lt;h2&gt;UPDATE 2:&lt;/h2&gt;
&lt;p&gt;When I add a breakpoint to org.springframework.aop.config.ScopedProxyBeanDefinitionDecorator.decorate(Node, BeanDefinitionHolder, ParserContext), it is not triggered at all.&lt;/p&gt;</t>
  </si>
  <si>
    <t>2018-03-12 08:16:10.300000+00:00</t>
  </si>
  <si>
    <t>2018-03-13 09:08:47.217000+00:00</t>
  </si>
  <si>
    <t>2018-03-13 09:08:09.053000+00:00</t>
  </si>
  <si>
    <t>java|spring|aop|aspectj|spring-aop</t>
  </si>
  <si>
    <t>Largest number of bits in error that is guaranteed to be detected in CRC</t>
  </si>
  <si>
    <t>&lt;p&gt;I have a few questions about CRC:&lt;/p&gt;
&lt;ol&gt;
&lt;li&gt;How can I tell, for a given CRC polynom and a n-bits data, what is the largest number of bits in error that is guaranteed to be detected?&lt;/li&gt;
&lt;li&gt;Is it true that ALWAYS - the bigger the polynom degree, the more errors that can be detected from that CRC?&lt;/li&gt;
&lt;/ol&gt;
&lt;p&gt;Thanks!&lt;/p&gt;</t>
  </si>
  <si>
    <t>2017-04-30 21:15:43.003000+00:00</t>
  </si>
  <si>
    <t>2017-05-01 07:56:37.263000+00:00</t>
  </si>
  <si>
    <t>networking|computer-science|crc</t>
  </si>
  <si>
    <t>Template type in std::map</t>
  </si>
  <si>
    <t>&lt;p&gt;I want to create a vector of pairs. One of the pair members will be std::string and the second one templated type.&lt;/p&gt;
&lt;p&gt;However this is giving me compilation error:&lt;/p&gt;
&lt;pre&gt;&lt;code&gt;template &amp;lt;class T&amp;gt;
std::vector&amp;lt;std::pair&amp;lt;std::string, T&amp;gt; &amp;gt; arrayMembers;
&lt;/code&gt;&lt;/pre&gt;
&lt;p&gt;Is this even possible? If som, how can I make it work?&lt;/p&gt;
&lt;p&gt;Thanks and Regards&lt;/p&gt;</t>
  </si>
  <si>
    <t>2018-07-27 10:22:55.350000+00:00</t>
  </si>
  <si>
    <t>2018-07-27 11:00:19.057000+00:00</t>
  </si>
  <si>
    <t>c++11|templates|std|std-pair</t>
  </si>
  <si>
    <t>Swift - setting different row height for different cells in one table</t>
  </si>
  <si>
    <t>&lt;p&gt;I have a table with two type of cells. First type of cell is used as heading and second type is actual content. I setup different row identifiers for cells and I want heading cell to have more height than cell with content. I defined cell height in atributes inspector for heading cell but it does not help&lt;/p&gt;
&lt;p&gt;I also tried this&lt;/p&gt;
&lt;pre&gt;&lt;code&gt;func tableView(tableView: UITableView, heightForRowAtIndexPath indexPath: NSIndexPath) -&amp;gt; CGFloat {
    if indexPath.row == 0 {
        return 100
    } else {
    return 30
    }
}
&lt;/code&gt;&lt;/pre&gt;
&lt;p&gt;but it sets height 100 to the first cell of content cell, but needed cell with heading that is actually at index 0 is not affected&lt;/p&gt;
&lt;p&gt;How can I do that ?&lt;/p&gt;</t>
  </si>
  <si>
    <t>2015-08-12 09:45:31.257000+00:00</t>
  </si>
  <si>
    <t>2015-08-12 09:48:58.150000+00:00</t>
  </si>
  <si>
    <t>swift|uitableview</t>
  </si>
  <si>
    <t>Several users requesting 30,000 rows of information simultaneously</t>
  </si>
  <si>
    <t>&lt;p&gt;I have a test bed application available to 3 users.&lt;/p&gt;
&lt;p&gt;If all users run the app at the same time, then a stored procedure runs, and all three will have result sets, currently using &lt;code&gt;ADO.NET Datatable&lt;/code&gt; of approx 30,000 records which the app then needs to move into an Excel template for each of them.&lt;/p&gt;
&lt;p&gt;The template is an &lt;code&gt;xlsm&lt;/code&gt; file which contains some &lt;code&gt;VBA&lt;/code&gt; that needs to run after importing the data. This template is saved in the solution.&lt;/p&gt;
&lt;p&gt;I'm going to attempt to move the data from the&lt;code&gt;DataTable&lt;/code&gt; to a &lt;code&gt;worksheet&lt;/code&gt; using &lt;code&gt;Excel-Interop&lt;/code&gt;&lt;/p&gt;
&lt;p&gt;Has anyone any experience of moving this amount of data from Datatable into Excel?  &lt;/p&gt;
&lt;p&gt;@slugster suggested "setting up a datasource from Excel and just run the query using a dirty read" ... is it possible to set up a datasource in &lt;code&gt;Excel&lt;/code&gt; linked to a non-materialized datatable?&lt;/p&gt;
&lt;p&gt;Will looping through a table that is 30000 rows by 10 columns via &lt;code&gt;xl interop&lt;/code&gt; run into problems?&lt;/p&gt;</t>
  </si>
  <si>
    <t>2013-01-23 10:19:27.840000+00:00</t>
  </si>
  <si>
    <t>2014-06-05 12:37:22.427000+00:00</t>
  </si>
  <si>
    <t>2014-05-06 17:11:11.070000+00:00</t>
  </si>
  <si>
    <t>c#|sql|sql-server-2008</t>
  </si>
  <si>
    <t>How to set marker style of Dataframe plot in Python Pandas?</t>
  </si>
  <si>
    <t>&lt;p&gt;I used df.plot() to get this plot:&lt;/p&gt;
&lt;p&gt;&lt;a href="https://i.stack.imgur.com/D3hCD.png" rel="nofollow noreferrer"&gt;&lt;img src="https://i.stack.imgur.com/D3hCD.png" alt="enter image description here"&gt;&lt;/a&gt;&lt;/p&gt;
&lt;p&gt;I want to change the marker style to circles to make my plot look like this:&lt;/p&gt;
&lt;p&gt;&lt;a href="https://i.stack.imgur.com/XxXJ0.png" rel="nofollow noreferrer"&gt;&lt;img src="https://i.stack.imgur.com/XxXJ0.png" alt="enter image description here"&gt;&lt;/a&gt;&lt;/p&gt;
&lt;p&gt;Also, is there a way to display the y axis value above each marker point? &lt;/p&gt;</t>
  </si>
  <si>
    <t>2016-02-09 19:03:34.093000+00:00</t>
  </si>
  <si>
    <t>2016-02-09 19:22:28.743000+00:00</t>
  </si>
  <si>
    <t>python|pandas</t>
  </si>
  <si>
    <t>Flash Programming on Linux</t>
  </si>
  <si>
    <t>&lt;p&gt;Does anybody knows good IDE that will allow me to develop flash application on Linux?&lt;/p&gt;</t>
  </si>
  <si>
    <t>2009-06-05 09:53:05.560000+00:00</t>
  </si>
  <si>
    <t>2014-07-03 10:20:14.337000+00:00</t>
  </si>
  <si>
    <t>2010-08-26 14:59:05.150000+00:00</t>
  </si>
  <si>
    <t>linux|flash|ide</t>
  </si>
  <si>
    <t>ionic cordova build iOS --release fails</t>
  </si>
  <si>
    <t>&lt;p&gt;I am trying to publish my ionic app to the app store and create a release version of the app.  Whenever I run &lt;code&gt;ionic cordova build iOS --release&lt;/code&gt; I get the following console error.&lt;/p&gt;
&lt;pre&gt;&lt;code&gt;(node:14365) UnhandledPromiseRejectionWarning: Error: spawn EACCES
    at _errnoException (util.js:1003:13)
    at ChildProcess.spawn (internal/child_process.js:340:11)
    at Object.exports.spawn (child_process.js:499:9)
    at Object.exports.spawn (/usr/local/lib/node_modules/cordova/node_modules/cordova-common/src/superspawn.js:134:31)
    at runScriptViaChildProcessSpawn (/usr/local/lib/node_modules/cordova/node_modules/cordova-lib/src/hooks/HooksRunner.js:225:23)
    at runScript (/usr/local/lib/node_modules/cordova/node_modules/cordova-lib/src/hooks/HooksRunner.js:166:16)
    at /usr/local/lib/node_modules/cordova/node_modules/cordova-lib/src/hooks/HooksRunner.js:132:20
    at _fulfilled (/usr/local/lib/node_modules/cordova/node_modules/cordova-lib/node_modules/q/q.js:787:54)
    at self.promiseDispatch.done (/usr/local/lib/node_modules/cordova/node_modules/cordova-lib/node_modules/q/q.js:816:30)
    at Promise.promise.promiseDispatch (/usr/local/lib/node_modules/cordova/node_modules/cordova-lib/node_modules/q/q.js:749:13)
(node:14365) UnhandledPromiseRejectionWarning: Unhandled promise rejection. This error originated either by throwing inside of an async function without a catch block, or by rejecting a promise which was not handled with .catch(). (rejection id: 1)
(node:14365) [DEP0018] DeprecationWarning: Unhandled promise rejections are deprecated. In the future, promise rejections that are not handled will terminate the Node.js process with a non-zero exit code.
[ERROR] An error occurred while running cordova build ios --release (exit code 1).
&lt;/code&gt;&lt;/pre&gt;
&lt;p&gt;Does anyone have a solution for this/Seen this issue?&lt;/p&gt;</t>
  </si>
  <si>
    <t>2018-01-21 23:02:32.823000+00:00</t>
  </si>
  <si>
    <t>ios|node.js|cordova|ionic-framework</t>
  </si>
  <si>
    <t>Overrides the native behavior when selecting texts on mobile device</t>
  </si>
  <si>
    <t>&lt;p&gt;I would like to know if there is a way to overrides the native behavior when you select texts on mobile browser. I am trying to support both iPhone and Android devices by providing my own action bar.&lt;/p&gt;
&lt;p&gt;Any tips?&lt;/p&gt;</t>
  </si>
  <si>
    <t>2012-06-28 01:37:55.473000+00:00</t>
  </si>
  <si>
    <t>2012-07-07 01:07:59.060000+00:00</t>
  </si>
  <si>
    <t>javascript|android|ios</t>
  </si>
  <si>
    <t>Multitenancy in Hibernate using both Schema and Database</t>
  </si>
  <si>
    <t>&lt;p&gt;The application has 2 separate databases, say:&lt;/p&gt;
&lt;ul&gt;
&lt;li&gt;&lt;strong&gt;DB1&lt;/strong&gt;&lt;/li&gt;
&lt;li&gt;&lt;strong&gt;DB2&lt;/strong&gt;&lt;/li&gt;
&lt;/ul&gt;
&lt;p&gt;and database of different companies are split across these 2 databases, like:&lt;/p&gt;
&lt;ul&gt;
&lt;li&gt;DB1
&lt;ul&gt;
&lt;li&gt;Company 1&lt;/li&gt;
&lt;li&gt;Company 2&lt;/li&gt;
&lt;li&gt;Company 3&lt;/li&gt;
&lt;li&gt;Company 4&lt;/li&gt;
&lt;/ul&gt;&lt;/li&gt;
&lt;li&gt;DB2
&lt;ul&gt;
&lt;li&gt;Company 5&lt;/li&gt;
&lt;li&gt;Company 6&lt;/li&gt;
&lt;li&gt;Company 7&lt;/li&gt;
&lt;li&gt;Company 8&lt;/li&gt;
&lt;/ul&gt;&lt;/li&gt;
&lt;/ul&gt;
&lt;p&gt;How can such a scenario be configured in hibernate?
All the examples refer either to Schema based multitenancy or Database multitenancy.&lt;/p&gt;
&lt;p&gt;Is there any way to configure such a scenario?&lt;/p&gt;</t>
  </si>
  <si>
    <t>2017-08-02 11:28:13.957000+00:00</t>
  </si>
  <si>
    <t>2017-08-02 12:25:46.927000+00:00</t>
  </si>
  <si>
    <t>java|database|hibernate|spring-boot|multi-tenant</t>
  </si>
  <si>
    <t>In Django, when using admin.StackedInline, how to thread-safely pass a request to forms' __init__?</t>
  </si>
  <si>
    <t>&lt;p&gt;I want to pass a request to my forms in formset of StackedInline. Now I have:&lt;/p&gt;
&lt;pre&gt;&lt;code&gt;from django.contrib import admin
from django.utils.functional import curry
class AlbumInline(admin.StackedInline):
    form = AlbumAdminForm
    model = Album
    extra = 1
    def get_formset(self, request, obj=None, **kwargs):
        formset = super(AlbumInline, self).get_formset(request, obj, **kwargs)
        formset.form.__init__ = curry(formset.form.__init__, request=request)
        return formset
&lt;/code&gt;&lt;/pre&gt;
&lt;p&gt;This works, but is this solution thread-safe? If it's not, how do I fix it?&lt;/p&gt;</t>
  </si>
  <si>
    <t>2013-02-26 10:37:36.543000+00:00</t>
  </si>
  <si>
    <t>2013-03-02 08:26:47.183000+00:00</t>
  </si>
  <si>
    <t>2013-03-01 16:31:05.930000+00:00</t>
  </si>
  <si>
    <t>python|django|thread-safety|django-admin</t>
  </si>
  <si>
    <t>Get all keys of a nested dictionary</t>
  </si>
  <si>
    <t>&lt;p&gt;I have the below code which currently just prints the values of the initial dictionary. However I would like to iterate through every key of the nested dictionary to initially just print the names. Please see my code below:&lt;/p&gt;
&lt;pre&gt;&lt;code&gt;Liverpool = {
    'Keepers':{'Loris Karius':1,'Simon Mignolet':2,'Alex Manninger':3},
    'Defenders':{'Nathaniel Clyne':3,'Dejan Lovren':4,'Joel Matip':5,'Alberto Moreno':6,'Ragnar Klavan':7,'Joe Gomez':8,'Mamadou Sakho':9}
}
for k,v in Liverpool.items():
    if k =='Defenders':
       print(v)
&lt;/code&gt;&lt;/pre&gt;</t>
  </si>
  <si>
    <t>2016-08-30 17:47:55.837000+00:00</t>
  </si>
  <si>
    <t>2018-08-14 07:14:24.460000+00:00</t>
  </si>
  <si>
    <t>2018-08-14 07:13:29.863000+00:00</t>
  </si>
  <si>
    <t>python|python-3.x|dictionary|nested</t>
  </si>
  <si>
    <t>why Javascript async/await code run async in parellel</t>
  </si>
  <si>
    <t>&lt;p&gt;I saw this good article to introduce &lt;a href="https://developers.google.com/web/fundamentals/primers/async-functions" rel="nofollow noreferrer"&gt;async/await&lt;/a&gt; from Google.&lt;/p&gt;
&lt;p&gt;However, I couldn't understand why these code run in parallel &lt;/p&gt;
&lt;pre&gt;&lt;code&gt;async function parallel() {
  const wait1 = wait(500);
  const wait2 = wait(500);
  await wait1;
  await wait2;
  return "done!";
}
&lt;/code&gt;&lt;/pre&gt;
&lt;p&gt;And this run in series&lt;/p&gt;
&lt;pre&gt;&lt;code&gt;async function series() {
  await wait(500);
  await wait(500);
  return "done!";
}
&lt;/code&gt;&lt;/pre&gt;
&lt;p&gt;Why is the key difference between these two methods ? 
In my opinion, both of them are await promise and should work the same result.&lt;/p&gt;
&lt;p&gt;Here is my test code. Can run in browser console which support async/await.&lt;/p&gt;
&lt;pre&gt;&lt;code&gt;function wait(){
    return new Promise((res)=&amp;gt;{setTimeout(()=&amp;gt;{res()}, 2000)})
}
async function parallel() {
  const wait1 = wait();
  const wait2 = wait();
  await wait1;
  await wait2;
  return "done!";
}
async function series() {
  await wait();
  await wait();
  return "done!";
}
parallel().then(res =&amp;gt; console.log("parallel!"))
series().then(res =&amp;gt; console.log("series!"))
&lt;/code&gt;&lt;/pre&gt;
&lt;p&gt;====== 
Thanks for the answers.&lt;br&gt;
But I still have some question. Why exact the async/await means?
In my knowledge, constructing Promise instance would execute directly.
Here is my test code&lt;/p&gt;
&lt;pre&gt;&lt;code&gt;function wait(){
    return new Promise((res)=&amp;gt;{setTimeout(()=&amp;gt;{console.log("wait!");res();}, 2000)})
}
wait()
//Promise��{&amp;lt;pending&amp;gt;}
//wait!
let w = wait()
//undefined
//wait!
let w = await wait()
//wait!
//undefined
async function test(){await wait()}
// undefined
test()
//Promise��{&amp;lt;pending&amp;gt;}
//wait!
&lt;/code&gt;&lt;/pre&gt;
&lt;p&gt;So why &lt;code&gt;const wait1 = wait(); inside parallel function&lt;/code&gt; execute directly?&lt;br&gt;
By the way, should I open another question to ask these question?&lt;/p&gt;</t>
  </si>
  <si>
    <t>2018-03-15 02:22:57.850000+00:00</t>
  </si>
  <si>
    <t>2018-03-15 03:34:51.290000+00:00</t>
  </si>
  <si>
    <t>2018-03-15 02:59:25.170000+00:00</t>
  </si>
  <si>
    <t>javascript|asynchronous</t>
  </si>
  <si>
    <t>how to connect android phone to pc on same wifi network?</t>
  </si>
  <si>
    <t>&lt;p&gt;I am beginner android developer ,I want to make app that can stream video,music and picture to PC from android device over WiFi , so How can i connect PC and android  which are on same WiFi network? , what i do for streaming video without buffering ?&lt;/p&gt;</t>
  </si>
  <si>
    <t>2013-03-31 21:54:39.723000+00:00</t>
  </si>
  <si>
    <t>2013-03-31 22:08:04.570000+00:00</t>
  </si>
  <si>
    <t>android|android-wifi|wifi-direct</t>
  </si>
  <si>
    <t>Form Confirmation</t>
  </si>
  <si>
    <t>&lt;p&gt;I'm trying to pass data from a successful form submission to a thank you page that could then display this data. I am trying to do a reverse HttpResponseRedirect, but I keep getting this error:&lt;/p&gt;
&lt;p&gt;NoReverseMatch at /contactform/process
Reverse for 'thankyou' with arguments '(24,)' not found. 1 pattern(s) tried: [u'contactform/thankyou/$']&lt;/p&gt;
&lt;p&gt;Here is the code I have so far:&lt;/p&gt;
&lt;p&gt;&lt;strong&gt;views.py&lt;/strong&gt;&lt;/p&gt;
&lt;pre&gt;&lt;code&gt;from django.shortcuts import get_object_or_404, render
from django.http import HttpResponseRedirect
from django.urls import reverse
from django.views import generic
from .models import Contact_Object
def index(request):
    template_name = 'contactform/index.html'
    return render(request, 'contactform/index.html')
def thankyou(request, entered_id):
    contact_info = get_object_or_404(Contact_Object, pk=contact_object_id)
    template_name = 'contactform/thankyou.html'
    return render(request, 'contactform/thankyou.html', {name: contact_info.name})
def process(request):
        entered_name = request.POST['fullname']
        entered_email = request.POST['email']
        entered_message = request.POST['message']
        entered = Contact_Object(name=entered_name, email=entered_email, message=entered_message)
        entered.save()
        entered_id = entered.id
        return HttpResponseRedirect(reverse('contactform:thankyou', args=(entered.id,)))
&lt;/code&gt;&lt;/pre&gt;
&lt;p&gt;&lt;strong&gt;urls.py&lt;/strong&gt;&lt;/p&gt;
&lt;pre&gt;&lt;code&gt;from django.conf.urls import url
from . import views
app_name = 'contactform'
urlpatterns = [
    url(r'^$', views.index, name='index'),
    url(r'^thankyou/$', views.thankyou, name='thankyou'),
    url(r'^process$', views.process, name='process'),
]
&lt;/code&gt;&lt;/pre&gt;
&lt;p&gt;&lt;strong&gt;Template for Form&lt;/strong&gt;&lt;/p&gt;
&lt;pre&gt;&lt;code&gt;&amp;lt;H1&amp;gt;Contact Form&amp;lt;/H1&amp;gt;
&amp;lt;FORM action="{% url 'contactform:process' %}" method="post"&amp;gt; 
{% csrf_token %}
    Full Name:&amp;lt;br&amp;gt;
    &amp;lt;input type="text" name="fullname"&amp;gt;&amp;lt;br&amp;gt;
    Email:&amp;lt;br&amp;gt;
    &amp;lt;input type="text" name="email" &amp;gt;&amp;lt;br&amp;gt;
    Message:&amp;lt;br&amp;gt;
    &amp;lt;textarea name="message" cols="40" rows="5"&amp;gt;&amp;lt;/textarea&amp;gt;
    &amp;lt;input type="submit" value="Enter"&amp;gt; 
&amp;lt;/FORM&amp;gt;
&lt;/code&gt;&lt;/pre&gt;
&lt;p&gt;&lt;strong&gt;Template for Thank you page&lt;/strong&gt;&lt;/p&gt;
&lt;pre&gt;&lt;code&gt;&amp;lt;h1&amp;gt;Thank You&amp;lt;/h1&amp;gt;
&amp;lt;p&amp;gt;Thank you, {% contact_info.name %}&amp;lt;/p&amp;gt;
&lt;/code&gt;&lt;/pre&gt;
&lt;p&gt;I'm new to working with Python/Django so I feel it's probably an obvious beginners mistake, I just can't seem to spot it.&lt;/p&gt;
&lt;p&gt;Thanks in advance.&lt;/p&gt;</t>
  </si>
  <si>
    <t>2017-07-29 22:56:25.430000+00:00</t>
  </si>
  <si>
    <t>2017-07-29 23:18:42.993000+00:00</t>
  </si>
  <si>
    <t>2017-07-29 23:07:20.320000+00:00</t>
  </si>
  <si>
    <t>python|html|django|python-3.x</t>
  </si>
  <si>
    <t>How to handle an array with size 1,000,000,000 in C++?</t>
  </si>
  <si>
    <t>&lt;p&gt;I need to handle 3D cube data. Its number of elements can be several billions. I understand I can't allocate that much memory on Windows. So I am thinking disk-based operations with in-process database. Is there any better way to do this? Maybe something in boost?&lt;/p&gt;
&lt;p&gt;Update: I will eventually have to provide browsing functionality with plots.&lt;/p&gt;
&lt;p&gt;Update2: The following article seemed to be a good solution using memory mapped file. I will try it and update again. &lt;a href="http://www.codeproject.com/Articles/26275/Using-memory-mapped-files-to-conserve-physical-mem" rel="nofollow"&gt;http://www.codeproject.com/Articles/26275/Using-memory-mapped-files-to-conserve-physical-mem&lt;/a&gt;&lt;/p&gt;</t>
  </si>
  <si>
    <t>2012-03-06 17:05:42.263000+00:00</t>
  </si>
  <si>
    <t>2015-04-20 03:05:09.903000+00:00</t>
  </si>
  <si>
    <t>2012-03-06 19:31:48.680000+00:00</t>
  </si>
  <si>
    <t>c++|boost</t>
  </si>
  <si>
    <t>Values in JSON - coords @ canvas - Selenium IDE &amp; Selblocks</t>
  </si>
  <si>
    <t>&lt;p&gt;I'm loading data from an external file in Selenium IDE (2.9.1) &amp;amp; SelBlocks (2.1.1) with "forJson" function to interact with canvas - insert an object to exact coordinates.
Selenium test works, but it seems like JSON data are not read and object is inserted to random coordinates.&lt;/p&gt;
&lt;p&gt;JSON file example:&lt;/p&gt;
&lt;pre&gt;&lt;code&gt;[
{
    "coords": {
        "x": 400,
        "y": 800
    }
}
]
&lt;/code&gt;&lt;/pre&gt;
&lt;p&gt;Selenium test example:&lt;/p&gt;
&lt;pre&gt;&lt;code&gt;&amp;lt;tr&amp;gt;
    &amp;lt;td&amp;gt;forJson&amp;lt;/td&amp;gt;
    &amp;lt;td&amp;gt;testdata.json&amp;lt;/td&amp;gt;
    &amp;lt;td&amp;gt;&amp;lt;/td&amp;gt;
&amp;lt;/tr&amp;gt;
&amp;lt;tr&amp;gt;
    &amp;lt;td&amp;gt;clickAt&amp;lt;/td&amp;gt;
    &amp;lt;td&amp;gt;css=canvas&amp;lt;/td&amp;gt;
    &amp;lt;td&amp;gt;&amp;lt;/td&amp;gt;
&amp;lt;/tr&amp;gt;
&amp;lt;tr&amp;gt;
    &amp;lt;td&amp;gt;endForJson&amp;lt;/td&amp;gt;
    &amp;lt;td&amp;gt;&amp;lt;/td&amp;gt;
    &amp;lt;td&amp;gt;&amp;lt;/td&amp;gt;
&amp;lt;/tr&amp;gt;
&lt;/code&gt;&lt;/pre&gt;
&lt;p&gt;I have also tried "loadJsonVars" or "clickAt" with coords just like an interaction with Google maps - &lt;a href="https://stackoverflow.com/questions/8682845/clicking-on-google-maps-with-selenium-ide"&gt;Clicking on Google Maps with Selenium IDE&lt;/a&gt;, but no luck.&lt;/p&gt;
&lt;p&gt;Thanks in advance for any references or additional questions.&lt;/p&gt;</t>
  </si>
  <si>
    <t>2016-09-29 15:40:42.470000+00:00</t>
  </si>
  <si>
    <t>2016-10-06 12:06:35.607000+00:00</t>
  </si>
  <si>
    <t>2017-05-23 12:00:37.957000+00:00</t>
  </si>
  <si>
    <t>arrays|canvas|selenium-ide|selenium-firefoxdriver|selblocks-plugin</t>
  </si>
  <si>
    <t>Cross Domain call through Ajax</t>
  </si>
  <si>
    <t>&lt;p&gt;I am using below script to send cross domain ajax call.&lt;/p&gt;
&lt;pre&gt;&lt;code&gt;$(document).ready(function() 
{
var uniqcod=$(".abc").attr('id');   
$.ajax({
    url:'abc.com',
    data:{uniId:uniqcod},
    dataType: 'jsonp',
    jsonp: 'callback',
    crossDomain: true,
    jsonpCallback:"jsonpCallback",
    success: function(result){},
    error: function() {console.log('Failed!');
    console.log(arguments); }
    });
function jsonpCallback(data){
    document.getElementById(uniqcod).innerHTML=data.content;
}
});
&lt;/code&gt;&lt;/pre&gt;
&lt;p&gt;But the problem is this script is not going in jsoncallback function. Every time i call this function, it shows failed message in console.&lt;/p&gt;</t>
  </si>
  <si>
    <t>2013-04-09 12:36:01.433000+00:00</t>
  </si>
  <si>
    <t>2013-04-09 12:40:46.100000+00:00</t>
  </si>
  <si>
    <t>jquery|ajax|json</t>
  </si>
  <si>
    <t>Pip - Could not install packages due to an EnvironmentError</t>
  </si>
  <si>
    <t>&lt;p&gt;I was installing pandas in pip using &lt;code&gt;sudo pip install pandas&lt;/code&gt; and this huge error happened.&lt;/p&gt;
&lt;pre&gt;&lt;code&gt;Could not install packages due to an EnvironmentError: [('/System/Library/Frameworks/Python.framework/Versions/2.7/Extras/lib/python/dateutil/parser.pyc', '/private/tmp/pip-uninstall-n5twe_/System/Library/Frameworks/Python.framework/Versions/2.7/Extras/lib/python/dateutil/parser.pyc', "[Errno 1] Operation not permitted: '/private/tmp/pip-uninstall-n5twe_/System/Library/Frameworks/Python.framework/Versions/2.7/Extras/lib/python/dateutil/parser.pyc'"), ('/System/Library/Frameworks/Python.framework/Versions/2.7/Extras/lib/python/dateutil/relativedelta.py', '/private/tmp/pip-uninstall-n5twe_/System/Library/Frameworks/Python.framework/Versions/2.7/Extras/lib/python/dateutil/relativedelta.py', "[Errno 1] Operation not permitted: '/private/tmp/pip-uninstall-n5twe_/System/Library/Frameworks/Python.framework/Versions/2.7/Extras/lib/python/dateutil/relativedelta.py'"), ('/System/Library/Frameworks/Python.framework/Versions/2.7/Extras/lib/python/dateutil/zoneinfo/zoneinfo-2010g.tar.gz', '/private/tmp/pip-uninstall-n5twe_/System/Library/Frameworks/Python.framework/Versions/2.7/Extras/lib/python/dateutil/zoneinfo/zoneinfo-2010g.tar.gz', "[Errno 1] Operation not permitted: '/private/tmp/pip-uninstall-n5twe_/System/Library/Frameworks/Python.framework/Versions/2.7/Extras/lib/python/dateutil/zoneinfo/zoneinfo-2010g.tar.gz'"), ('/System/Library/Frameworks/Python.framework/Versions/2.7/Extras/lib/python/dateutil/zoneinfo/__init__.py', '/private/tmp/pip-uninstall-n5twe_/System/Library/Frameworks/Python.framework/Versions/2.7/Extras/lib/python/dateutil/zoneinfo/__init__.py', "[Errno 1] Operation not permitted: '/private/tmp/pip-uninstall-n5twe_/System/Library/Frameworks/Python.framework/Versions/2.7/Extras/lib/python/dateutil/zoneinfo/__init__.py'"), ('/System/Library/Frameworks/Python.framework/Versions/2.7/Extras/lib/python/dateutil/zoneinfo/__init__.pyc', '/private/tmp/pip-uninstall-n5twe_/System/Library/Frameworks/Python.framework/Versions/2.7/Extras/lib/python/dateutil/zoneinfo/__init__.pyc', "[Errno 1] Operation not permitted: '/private/tmp/pip-uninstall-n5twe_/System/Library/Frameworks/Python.framework/Versions/2.7/Extras/lib/python/dateutil/zoneinfo/__init__.pyc'"), ('/System/Library/Frameworks/Python.framework/Versions/2.7/Extras/lib/python/dateutil/zoneinfo', '/private/tmp/pip-uninstall-n5twe_/System/Library/Frameworks/Python.framework/Versions/2.7/Extras/lib/python/dateutil/zoneinfo', "[Errno 1] Operation not permitted: '/private/tmp/pip-uninstall-n5twe_/System/Library/Frameworks/Python.framework/Versions/2.7/Extras/lib/python/dateutil/zoneinfo'"), ('/System/Library/Frameworks/Python.framework/Versions/2.7/Extras/lib/python/dateutil/tz.py', '/private/tmp/pip-uninstall-n5twe_/System/Library/Frameworks/Python.framework/Versions/2.7/Extras/lib/python/dateutil/tz.py', "[Errno 1] Operation not permitted: '/private/tmp/pip-uninstall-n5twe_/System/Library/Frameworks/Python.framework/Versions/2.7/Extras/lib/python/dateutil/tz.py'"), ('/System/Library/Frameworks/Python.framework/Versions/2.7/Extras/lib/python/dateutil/relativedelta.pyc', '/private/tmp/pip-uninstall-n5twe_/System/Library/Frameworks/Python.framework/Versions/2.7/Extras/lib/python/dateutil/relativedelta.pyc', "[Errno 1] Operation not permitted: '/private/tmp/pip-uninstall-n5twe_/System/Library/Frameworks/Python.framework/Versions/2.7/Extras/lib/python/dateutil/relativedelta.pyc'"), ('/System/Library/Frameworks/Python.framework/Versions/2.7/Extras/lib/python/dateutil/rrule.pyc', '/private/tmp/pip-uninstall-n5twe_/System/Library/Frameworks/Python.framework/Versions/2.7/Extras/lib/python/dateutil/rrule.pyc', "[Errno 1] Operation not permitted: '/private/tmp/pip-uninstall-n5twe_/System/Library/Frameworks/Python.framework/Versions/2.7/Extras/lib/python/dateutil/rrule.pyc'"), ('/System/Library/Frameworks/Python.framework/Versions/2.7/Extras/lib/python/dateutil/__init__.py', '/private/tmp/pip-uninstall-n5twe_/System/Library/Frameworks/Python.framework/Versions/2.7/Extras/lib/python/dateutil/__init__.py', "[Errno 1] Operation not permitted: '/private/tmp/pip-uninstall-n5twe_/System/Library/Frameworks/Python.framework/Versions/2.7/Extras/lib/python/dateutil/__init__.py'"), ('/System/Library/Frameworks/Python.framework/Versions/2.7/Extras/lib/python/dateutil/parser.py', '/private/tmp/pip-uninstall-n5twe_/System/Library/Frameworks/Python.framework/Versions/2.7/Extras/lib/python/dateutil/parser.py', "[Errno 1] Operation not permitted: '/private/tmp/pip-uninstall-n5twe_/System/Library/Frameworks/Python.framework/Versions/2.7/Extras/lib/python/dateutil/parser.py'"), ('/System/Library/Frameworks/Python.framework/Versions/2.7/Extras/lib/python/dateutil/tzwin.py', '/private/tmp/pip-uninstall-n5twe_/System/Library/Frameworks/Python.framework/Versions/2.7/Extras/lib/python/dateutil/tzwin.py', "[Errno 1] Operation not permitted: '/private/tmp/pip-uninstall-n5twe_/System/Library/Frameworks/Python.framework/Versions/2.7/Extras/lib/python/dateutil/tzwin.py'"), ('/System/Library/Frameworks/Python.framework/Versions/2.7/Extras/lib/python/dateutil/rrule.py', '/private/tmp/pip-uninstall-n5twe_/System/Library/Frameworks/Python.framework/Versions/2.7/Extras/lib/python/dateutil/rrule.py', "[Errno 1] Operation not permitted: '/private/tmp/pip-uninstall-n5twe_/System/Library/Frameworks/Python.framework/Versions/2.7/Extras/lib/python/dateutil/rrule.py'"), ('/System/Library/Frameworks/Python.framework/Versions/2.7/Extras/lib/python/dateutil/__init__.pyc', '/private/tmp/pip-uninstall-n5twe_/System/Library/Frameworks/Python.framework/Versions/2.7/Extras/lib/python/dateutil/__init__.pyc', "[Errno 1] Operation not permitted: '/private/tmp/pip-uninstall-n5twe_/System/Library/Frameworks/Python.framework/Versions/2.7/Extras/lib/python/dateutil/__init__.pyc'"), ('/System/Library/Frameworks/Python.framework/Versions/2.7/Extras/lib/python/dateutil/easter.py', '/private/tmp/pip-uninstall-n5twe_/System/Library/Frameworks/Python.framework/Versions/2.7/Extras/lib/python/dateutil/easter.py', "[Errno 1] Operation not permitted: '/private/tmp/pip-uninstall-n5twe_/System/Library/Frameworks/Python.framework/Versions/2.7/Extras/lib/python/dateutil/easter.py'"), ('/System/Library/Frameworks/Python.framework/Versions/2.7/Extras/lib/python/dateutil/easter.pyc', '/private/tmp/pip-uninstall-n5twe_/System/Library/Frameworks/Python.framework/Versions/2.7/Extras/lib/python/dateutil/easter.pyc', "[Errno 1] Operation not permitted: '/private/tmp/pip-uninstall-n5twe_/System/Library/Frameworks/Python.framework/Versions/2.7/Extras/lib/python/dateutil/easter.pyc'"), ('/System/Library/Frameworks/Python.framework/Versions/2.7/Extras/lib/python/dateutil/tz.pyc', '/private/tmp/pip-uninstall-n5twe_/System/Library/Frameworks/Python.framework/Versions/2.7/Extras/lib/python/dateutil/tz.pyc', "[Errno 1] Operation not permitted: '/private/tmp/pip-uninstall-n5twe_/System/Library/Frameworks/Python.framework/Versions/2.7/Extras/lib/python/dateutil/tz.pyc'"), ('/System/Library/Frameworks/Python.framework/Versions/2.7/Extras/lib/python/dateutil/tzwin.pyc', '/private/tmp/pip-uninstall-n5twe_/System/Library/Frameworks/Python.framework/Versions/2.7/Extras/lib/python/dateutil/tzwin.pyc', "[Errno 1] Operation not permitted: '/private/tmp/pip-uninstall-n5twe_/System/Library/Frameworks/Python.framework/Versions/2.7/Extras/lib/python/dateutil/tzwin.pyc'"), ('/System/Library/Frameworks/Python.framework/Versions/2.7/Extras/lib/python/dateutil', '/private/tmp/pip-uninstall-n5twe_/System/Library/Frameworks/Python.framework/Versions/2.7/Extras/lib/python/dateutil', "[Errno 1] Operation not permitted: '/private/tmp/pip-uninstall-n5twe_/System/Library/Frameworks/Python.framework/Versions/2.7/Extras/lib/python/dateutil'")]
&lt;/code&gt;&lt;/pre&gt;
&lt;p&gt;Just before I installed pip through curl and I had to update packages that wouldn't uninstall if that's of any help.&lt;/p&gt;</t>
  </si>
  <si>
    <t>2018-09-23 08:17:48.270000+00:00</t>
  </si>
  <si>
    <t>2018-09-23 08:33:45.817000+00:00</t>
  </si>
  <si>
    <t>python|macos|terminal</t>
  </si>
  <si>
    <t>outofmemory exception for Large Bitmap</t>
  </si>
  <si>
    <t>&lt;p&gt;I found a lot of documentation on how to load large Bitmaps and avoid outofmemory exception. but the problem is that I have to take the image from my MediaStore.Images.media so the classical 
&lt;code&gt;decodeFile(path,options)&lt;/code&gt;  indicated in the google documentation does not work to me&lt;/p&gt;
&lt;p&gt;As you can see below I decommented the line &lt;code&gt;// Bitmap photo= Mediastore.Images&lt;/code&gt;, that is the one that triggers the out of memory. on the other side adding
the line &lt;code&gt;Bitmap bm=BitmapFactory.decodeFile(selectedImageToUri,options)&lt;/code&gt; returns &lt;code&gt;null&lt;/code&gt;, although the compiler can see both the path in &lt;code&gt;selectedImageToUri&lt;/code&gt; (that indicates the content provider where the pics are) than the options value, that I set to 8, because I want to subscale all the images&lt;/p&gt;
&lt;p&gt;My question is how can I insert in bm the bitmap that is referring to the image selected by the user in the gallery. in the line &lt;code&gt;BitMap photo&lt;/code&gt; does not return null and work really well, but I decommented because after I change a couple of images gives me outofmemory exception.&lt;/p&gt;
&lt;pre&gt;&lt;code&gt;@Override
    public View onCreateView(LayoutInflater inflater, @Nullable ViewGroup container, @Nullable final Bundle savedInstanceState) {
        if (flagVariable) {
            if (selectedImageToUri != null) {
                // BitMap photo = MediaStore.Images.Media.getBitmap(getActivity().getContentResolver(), Uri.parse(selectedImageToUri));
                final BitmapFactory.Options options= new BitmapFactory.Options();
                options.inSampleSize=8;
                Bitmap bm = BitmapFactory.decodeFile(selectedImageToUri, options);
                pic = new BitmapDrawable(bm);
                getActivity().getWindow().setBackgroundDrawable(pic);
            } else {
                getDefaultImageBackground(inflater, container);
            }
            hiddenList = inflater.inflate(R.layout.fragment_as_list_layout_temp, container, false);
        } else {
            getDefaultImageBackground(inflater, container);
        }
        listView = (ListView) hiddenList.findViewById(R.id.list_hidden);
&lt;/code&gt;&lt;/pre&gt;</t>
  </si>
  <si>
    <t>2016-04-28 10:35:31.213000+00:00</t>
  </si>
  <si>
    <t>2016-08-12 10:29:53.240000+00:00</t>
  </si>
  <si>
    <t>2016-04-28 10:45:20.290000+00:00</t>
  </si>
  <si>
    <t>android|bitmap|out-of-memory|android-camera|android-bitmap</t>
  </si>
  <si>
    <t>How to change Carbon's diffForHumans Formatting</t>
  </si>
  <si>
    <t>&lt;p&gt;I'm trying to implement a comment section in my project and want to show how long ago the comment was posted. &lt;/p&gt;
&lt;p&gt;So i did:&lt;/p&gt;
&lt;pre&gt;&lt;code&gt; {{ $comment-&amp;gt;created_at-&amp;gt;diffForHumans() }}
&lt;/code&gt;&lt;/pre&gt;
&lt;p&gt;And the output was &lt;/p&gt;
&lt;pre&gt;&lt;code&gt;  3 hours from now 
&lt;/code&gt;&lt;/pre&gt;
&lt;p&gt;But the output that i want is &lt;/p&gt;
&lt;pre&gt;&lt;code&gt;3 hours ago 
&lt;/code&gt;&lt;/pre&gt;
&lt;p&gt;Am i missing something ? I'm doing this in laravel&lt;/p&gt;</t>
  </si>
  <si>
    <t>2018-06-29 10:08:55.293000+00:00</t>
  </si>
  <si>
    <t>2018-07-06 17:04:56.240000+00:00</t>
  </si>
  <si>
    <t>php|laravel|php-carbon</t>
  </si>
  <si>
    <t>Zend Mail - Where to instantiate it?</t>
  </si>
  <si>
    <t>&lt;p&gt;I'm using a Data Mapper / Gateway design pattern.&lt;/p&gt;
&lt;p&gt;So I have a:&lt;/p&gt;
&lt;p&gt;Mapper;
Gateway;
Domain Object (mainly with getters and setters);
A controller;
A view.&lt;/p&gt;
&lt;p&gt;My question is: where should I instantiate the Zend Mail ? 
I believe the view is obviously out of question, and the gateway is, as well, not to be considered.&lt;/p&gt;
&lt;p&gt;The controller should be kept clean, so:&lt;/p&gt;
&lt;p&gt;Mapper our Domain Object ?&lt;/p&gt;
&lt;p&gt;If our form will have some select box that will retrieve data from the database, then, perhaps the Mapper will be the most appropriate place to instantiate Zend Mail ?&lt;/p&gt;
&lt;p&gt;Thanks&lt;/p&gt;</t>
  </si>
  <si>
    <t>2011-05-09 20:03:50.517000+00:00</t>
  </si>
  <si>
    <t>2011-05-09 21:23:11.860000+00:00</t>
  </si>
  <si>
    <t>2011-05-09 20:38:09.260000+00:00</t>
  </si>
  <si>
    <t>zend-framework|zend-mail</t>
  </si>
  <si>
    <t>Google Map Marker not showing in Blackberry app</t>
  </si>
  <si>
    <t>&lt;p&gt;I wrote a javascript code similar to the code in this sample.&lt;/p&gt;
&lt;p&gt;&lt;a href="https://developers.google.com/maps/documentation/javascript/examples/icon-simple" rel="nofollow"&gt;https://developers.google.com/maps/documentation/javascript/examples/icon-simple&lt;/a&gt;&lt;/p&gt;
&lt;p&gt;It is supposed to render a Google map with markers on it.&lt;/p&gt;
&lt;p&gt;It is working perfectly on all browsers. &lt;/p&gt;
&lt;p&gt;But when I open it in Blackberry browser - it does not show any markers although the map load successfully. &lt;/p&gt;
&lt;p&gt;Can you help in this?&lt;/p&gt;
&lt;p&gt;Any ideas?&lt;/p&gt;</t>
  </si>
  <si>
    <t>2013-04-25 13:14:07.197000+00:00</t>
  </si>
  <si>
    <t>2013-12-10 07:43:25.490000+00:00</t>
  </si>
  <si>
    <t>google-maps|blackberry</t>
  </si>
  <si>
    <t>Unicode version of show typeclass</t>
  </si>
  <si>
    <t>&lt;p&gt;The Haskell typeclass show does not support unicode but the rest of the language does. I was unable to find a standard alternative typeclass for unicode. Does Haskell have a version of show for unicode?&lt;/p&gt;
&lt;p&gt;This property is described in "&lt;a href="https://stackoverflow.com/questions/14039726/how-to-make-haskell-or-ghci-able-to-show-chinese-characters-and-run-chinese-char/14039878#14039878"&gt;How to make Haskell or ghci able to show Chinese characters and run Chinese characters named scripts?&lt;/a&gt;"&lt;/p&gt;</t>
  </si>
  <si>
    <t>2016-01-14 01:46:25.533000+00:00</t>
  </si>
  <si>
    <t>2016-01-14 02:28:44.833000+00:00</t>
  </si>
  <si>
    <t>2017-05-23 12:32:29.127000+00:00</t>
  </si>
  <si>
    <t>Database Error PDOException</t>
  </si>
  <si>
    <t>&lt;p&gt;I created my database tables and bake as usual with CakePHP 3 but when I point my browser to some link it give me this errors:&lt;/p&gt;
&lt;blockquote&gt;
  &lt;p&gt;Error: SQLSTATE[42000]: Syntax error or access violation: 1064 You have an error in your SQL syntax; check the manual that corresponds to your MySQL server version for the right syntax to use near 'AS &lt;code&gt;Users__contact person&lt;/code&gt;, Users.Phoneno AS &lt;code&gt;Users__Phoneno&lt;/code&gt;, Users.email AS `U' at line 1&lt;/p&gt;
  &lt;p&gt;If you are using SQL keywords as table column names, you can enable identifier quoting for your database connection in config/app.php.&lt;/p&gt;
&lt;/blockquote&gt;
&lt;p&gt;SQL Query:&lt;/p&gt;
&lt;pre&gt;&lt;code&gt;SELECT Users.id AS `Users__id`, 
        Users.name AS `Users__name`, 
        Users.address AS `Users__address`, 
        Users.contact person AS `Users__contact person`, 
        Users.Phoneno AS `Users__Phoneno`, 
        Users.email AS `Users__email` 
FROM users Users 
LIMIT 20 OFFSET 0
&lt;/code&gt;&lt;/pre&gt;
&lt;p&gt;&lt;img src="https://i.stack.imgur.com/9kRAP.jpg" alt="screenshot of the error page for users table"&gt;&lt;/p&gt;</t>
  </si>
  <si>
    <t>2018-02-15 22:42:56.237000+00:00</t>
  </si>
  <si>
    <t>2018-02-19 22:45:31.513000+00:00</t>
  </si>
  <si>
    <t>2018-02-16 00:29:43.890000+00:00</t>
  </si>
  <si>
    <t>php|mysql|portal|cakephp-3.x</t>
  </si>
  <si>
    <t>Why does hbm2ddl.SchemaExport not run here?</t>
  </si>
  <si>
    <t>&lt;p&gt;Trying to play around with IInterceptor in NHibernate 2.1.2.4000 I've got the following bit of test code:&lt;/p&gt;
&lt;pre&gt;&lt;code&gt;public class TestingNHibernateInterceptors
{
    [Fact]
    public void can_intercept_delete_for_audit_log()
    {
        FullyConfigureDb();
        Session(s =&amp;gt; s.Linq&amp;lt;Person&amp;gt;().Any().ShouldBe(false));
    }
    ISessionFactory _sessions;
    void Session(Action&amp;lt;ISession&amp;gt; @do)
    {
        using (var s = _sessions.OpenSession())
        {
            @do(s);
            s.Flush();
        }
    }
    void FullyConfigureDb()
    {
        var cfg = CreateConfig();
        _sessions = cfg.BuildSessionFactory();
        BuildSchema(cfg);
    }
    Configuration CreateConfig()
    {
        return Fluently.Configure()
            .Database(new SQLiteConfiguration().InMemory())
            .Mappings(x =&amp;gt; x.FluentMappings.Add&amp;lt;PersonMap&amp;gt;())
            .BuildConfiguration()
            .SetProperty("proxyfactory.factory_class", "NHibernate.ByteCode.Castle.ProxyFactoryFactory, NHibernate.ByteCode.Castle")
            .SetProperty("show_sql", "true");
    }
    void BuildSchema(Configuration config)
    {
        var se = new NHibernate.Tool.hbm2ddl.SchemaExport(config);
        se.Execute(false, true, false, _sessions.OpenSession().Connection, null);
    }
    public class Person
    {
        public virtual Guid Id { get; private set; }
        public virtual string Name { get; set; }
    }
    public class PersonMap : ClassMap&amp;lt;Person&amp;gt;
    {
        public PersonMap()
        {
            Id(x =&amp;gt; x.Id);
            Map(x =&amp;gt; x.Name);
        }
    }
    public class AuditInterceptor : EmptyInterceptor, IInterceptor
    {
        public override void OnDelete(object entity, object id, object[] state, string[] propertyNames, NHibernate.Type.IType[] types)
        {
            base.OnDelete(entity, id, state, propertyNames, types);
        }
    }
}
&lt;/code&gt;&lt;/pre&gt;
&lt;p&gt;However. I keep getting the message:&lt;/p&gt;
&lt;blockquote&gt;
  &lt;p&gt;failed: NHibernate.ADOException :
  could not execute query [ SELECT
  count(*) as y0_ FROM "Person" this_ ]
  [SQL: SELECT count(*) as y0_ FROM
  "Person" this_]
  ---- System.Data.SQLite.SQLiteException :
  SQLite error&lt;/p&gt;
&lt;/blockquote&gt;
&lt;p&gt;Schema export seems to be working - why is the table not being created?&lt;/p&gt;
&lt;p&gt;I'm guessing this has something to do with using an in memory sqllite but not sure what the issue is. Any ideas?&lt;/p&gt;</t>
  </si>
  <si>
    <t>2011-01-19 20:58:43.473000+00:00</t>
  </si>
  <si>
    <t>2011-01-26 14:15:55.277000+00:00</t>
  </si>
  <si>
    <t>2011-01-19 23:04:01.050000+00:00</t>
  </si>
  <si>
    <t>.net|nhibernate|sqlite|hbm2ddl</t>
  </si>
  <si>
    <t>Displaying contents of HTML from full Readability Parser API</t>
  </si>
  <si>
    <t>&lt;p&gt;I'm using the full &lt;strong&gt;Readability API Parser&lt;/strong&gt;, but a bit of a newcomer.  Once I get the response back, I get the raw contents of the HTML.&lt;/p&gt;
&lt;p&gt;&lt;img src="https://i.stack.imgur.com/ChOI0.png" alt="enter image description here"&gt;&lt;/p&gt;
&lt;p&gt;&lt;strong&gt;My questions are&lt;/strong&gt;: &lt;/p&gt;
&lt;ul&gt;
&lt;li&gt;Is it best to create a separate class to style this?&lt;/li&gt;
&lt;li&gt;Should I use a UIWebview to display that data once styled?&lt;/li&gt;
&lt;li&gt;Or can I just style it in the same viewDidLoad that I'm grabbing the
contents?&lt;/li&gt;
&lt;/ul&gt;
&lt;p&gt;&lt;code&gt;NSURL *url = [NSURL URLWithString:[NSString     stringWithFormat:@"https://www.readability.com/api/content/v1/parser?url=%@/&amp;amp;token=xxxx", stringWeb]];&lt;/code&gt;&lt;/p&gt;
&lt;p&gt;Thanks for the help, I can post any code necessary thats needed!&lt;/p&gt;</t>
  </si>
  <si>
    <t>2013-05-25 20:37:39.567000+00:00</t>
  </si>
  <si>
    <t>2013-05-29 02:16:47.380000+00:00</t>
  </si>
  <si>
    <t>2013-05-25 20:41:31.293000+00:00</t>
  </si>
  <si>
    <t>uiviewcontroller|uiwebview|readability</t>
  </si>
  <si>
    <t>Error while installing php5-gd on ubuntu 14.04</t>
  </si>
  <si>
    <t>&lt;blockquote&gt;
  &lt;p&gt;E: Failed to fetch
  &lt;a href="http://archive.ubuntu.com/ubuntu/pool/main/f/freetype/libfreetype6_2.5.2-1ubuntu2.4_amd64.deb" rel="nofollow noreferrer"&gt;http://archive.ubuntu.com/ubuntu/pool/main/f/freetype/libfreetype6_2.5.2-1ubuntu2.4_amd64.deb&lt;/a&gt;
  404  Not Found [IP: 91.189.91.13 80]&lt;/p&gt;
&lt;/blockquote&gt;
&lt;p&gt;(I am to install it inside a phusion Ubuntu Docker)&lt;/p&gt;</t>
  </si>
  <si>
    <t>2015-09-21 18:44:50.883000+00:00</t>
  </si>
  <si>
    <t>2017-05-14 17:59:09.040000+00:00</t>
  </si>
  <si>
    <t>ubuntu-14.04</t>
  </si>
  <si>
    <t>ruby rails 4.1 module - inconsistent error - not initialized "uninitialized constant"</t>
  </si>
  <si>
    <t>&lt;p&gt;I'm using ruby 2.1.5 and rails 4.1 in the following folder structure:&lt;/p&gt;
&lt;pre&gt;&lt;code&gt;- lib/
  - notifications/
    - notifications.rb
    - group_actions.rb
&lt;/code&gt;&lt;/pre&gt;
&lt;p&gt;&lt;br/&gt;&lt;/p&gt;
&lt;pre&gt;&lt;code&gt;# notifications.rb
module Notifications
end
&lt;/code&gt;&lt;/pre&gt;
&lt;p&gt;&lt;br/&gt;&lt;/p&gt;
&lt;pre&gt;&lt;code&gt;# group_actions.rb
class GroupActions
  self.do_something
end
&lt;/code&gt;&lt;/pre&gt;
&lt;p&gt;&lt;br&gt;&lt;/p&gt;
&lt;pre&gt;&lt;code&gt;# inside a controller
class Api::V1::PostsController &amp;lt; Api::BaseController
  include Notifications
  .
  .
  .
  def create
    Notifications::GroupActions.do_something
  end
  .
  .
  .
end
&lt;/code&gt;&lt;/pre&gt;
&lt;p&gt;I also added this line in "config/application.rb" to autoload my module&lt;/p&gt;
&lt;pre&gt;&lt;code&gt;# config/application.rb
config.autoload_paths += %W(#{config.root}/lib/notifications)
&lt;/code&gt;&lt;/pre&gt;
&lt;p&gt;This works perfectly &lt;strong&gt;&lt;em&gt;SOMETIMES&lt;/em&gt;&lt;/strong&gt;, and other times breaks and raises error "Uninitialized constant Notifications::GroupActions"&lt;/p&gt;
&lt;p&gt;This is inconsistent, it works in a request and raises this error in following!!! ... it might work for days and break for hours and return again working !!!&lt;/p&gt;
&lt;p&gt;&lt;strong&gt;&lt;em&gt;I noticed that it always works on the first request after  restarting the server&lt;/em&gt;&lt;/strong&gt; if this hint helps.&lt;/p&gt;
&lt;p&gt;please help&lt;/p&gt;</t>
  </si>
  <si>
    <t>2015-11-15 17:03:17.223000+00:00</t>
  </si>
  <si>
    <t>2015-11-15 18:27:14.287000+00:00</t>
  </si>
  <si>
    <t>ruby-on-rails|ruby|ruby-on-rails-4|uninitialized-constant|ruby-2.1.5</t>
  </si>
  <si>
    <t>SAAJ0537: Invalid Content-Type. Could be an error message instead of a SOAP message</t>
  </si>
  <si>
    <t>&lt;p&gt;Currently i'm implementing a usecase where i'm supposed to create a soap client which writes over HTTP protocol.
To test the same usecase i have a mock service up and running. Now when i execute the SAAJ implementation of mine as a standalone jar my application works just well and doesn't have any issue. &lt;/p&gt;
&lt;p&gt;My problem currently is that when i merge that code in an spring 4 based application and deploy it on Jboss AS 7.1.1, it gives me an error as below : &lt;/p&gt;
&lt;pre&gt;&lt;code&gt;12:40:33,992 ERROR [stderr] (ActiveMQ Session Task-1) com.sun.xml.messaging.saaj.SOAPExceptionImpl: Invalid Content-Type:text/html. Is this an error message instead of a SOAP response?
12:40:33,994 ERROR [stderr] (ActiveMQ Session Task-1)   at com.sun.xml.messaging.saaj.soap.MessageImpl.identifyContentType(MessageImpl.java:670)
12:40:33,996 ERROR [stderr] (ActiveMQ Session Task-1)   at com.sun.xml.messaging.saaj.soap.MessageFactoryImpl.createMessage(MessageFactoryImpl.java:100)
12:40:33,997 ERROR [stderr] (ActiveMQ Session Task-1)   at com.sun.xml.messaging.saaj.client.p2p.HttpSOAPConnection.post(HttpSOAPConnection.java:342)
12:40:33,999 ERROR [stderr] (ActiveMQ Session Task-1)   at com.sun.xml.messaging.saaj.client.p2p.HttpSOAPConnection.call(HttpSOAPConnection.java:159)
&lt;/code&gt;&lt;/pre&gt;
&lt;p&gt;Initially i assumed it to be an issue due to other spring dependencies because previously i have struggled with same issues however that isn't the case here, as u can see in pom entries below i removed the conflicting spring -boot-autoconfigure APIS from my war build by making them optional.&lt;/p&gt;
&lt;p&gt;my maven dependencies are as below : &lt;/p&gt;
&lt;pre&gt;&lt;code&gt;&amp;lt;project xmlns="http://maven.apache.org/POM/4.0.0" xmlns:xsi="http://www.w3.org/2001/XMLSchema-instance"
    xsi:schemaLocation="http://maven.apache.org/POM/4.0.0 http://maven.apache.org/xsd/maven-4.0.0.xsd"&amp;gt;
    &amp;lt;modelVersion&amp;gt;4.0.0&amp;lt;/modelVersion&amp;gt;
    &amp;lt;groupId&amp;gt;com.saaj.client&amp;lt;/groupId&amp;gt;
    &amp;lt;artifactId&amp;gt;notification&amp;lt;/artifactId&amp;gt;
    &amp;lt;version&amp;gt;0.0.1-SNAPSHOT&amp;lt;/version&amp;gt;
    &amp;lt;packaging&amp;gt;war&amp;lt;/packaging&amp;gt;
    &amp;lt;name&amp;gt;notification&amp;lt;/name&amp;gt;
    &amp;lt;url&amp;gt;http://maven.apache.org&amp;lt;/url&amp;gt;
    &amp;lt;properties&amp;gt;
        &amp;lt;project.build.sourceEncoding&amp;gt;UTF-8&amp;lt;/project.build.sourceEncoding&amp;gt;
        &amp;lt;spring.version&amp;gt;4.1.6.RELEASE&amp;lt;/spring.version&amp;gt;&amp;lt;!-- 3.0.5.RELEASE 4.1.6.RELEASE --&amp;gt;
        &amp;lt;activemq.version&amp;gt;5.14.3&amp;lt;/activemq.version&amp;gt;
    &amp;lt;/properties&amp;gt;
    &amp;lt;parent&amp;gt;
        &amp;lt;groupId&amp;gt;org.springframework.boot&amp;lt;/groupId&amp;gt;
        &amp;lt;artifactId&amp;gt;spring-boot-starter-parent&amp;lt;/artifactId&amp;gt;
        &amp;lt;version&amp;gt;1.4.3.RELEASE&amp;lt;/version&amp;gt;
        &amp;lt;relativePath /&amp;gt; &amp;lt;!-- lookup parent from repository --&amp;gt;
    &amp;lt;/parent&amp;gt;
    &amp;lt;dependencies&amp;gt;
        &amp;lt;dependency&amp;gt;
            &amp;lt;groupId&amp;gt;org.springframework.boot&amp;lt;/groupId&amp;gt;
            &amp;lt;artifactId&amp;gt;spring-boot-autoconfigure&amp;lt;/artifactId&amp;gt;
            &amp;lt;version&amp;gt;1.4.3.RELEASE&amp;lt;/version&amp;gt;
            &amp;lt;optional&amp;gt;true&amp;lt;/optional&amp;gt;
        &amp;lt;/dependency&amp;gt;
        &amp;lt;dependency&amp;gt;
            &amp;lt;groupId&amp;gt;org.springframework.boot&amp;lt;/groupId&amp;gt;
            &amp;lt;artifactId&amp;gt;spring-boot-test-autoconfigure&amp;lt;/artifactId&amp;gt;
            &amp;lt;version&amp;gt;1.4.3.RELEASE&amp;lt;/version&amp;gt;
            &amp;lt;optional&amp;gt;true&amp;lt;/optional&amp;gt;
        &amp;lt;/dependency&amp;gt;
        &amp;lt;dependency&amp;gt;
            &amp;lt;groupId&amp;gt;org.springframework&amp;lt;/groupId&amp;gt;
            &amp;lt;artifactId&amp;gt;spring-beans&amp;lt;/artifactId&amp;gt;
            &amp;lt;version&amp;gt;${spring.version}&amp;lt;/version&amp;gt;
        &amp;lt;/dependency&amp;gt;
        &amp;lt;dependency&amp;gt;
            &amp;lt;groupId&amp;gt;org.springframework&amp;lt;/groupId&amp;gt;
            &amp;lt;artifactId&amp;gt;spring-core&amp;lt;/artifactId&amp;gt;
            &amp;lt;version&amp;gt;${spring.version}&amp;lt;/version&amp;gt;
        &amp;lt;/dependency&amp;gt;
        &amp;lt;dependency&amp;gt;
            &amp;lt;groupId&amp;gt;org.springframework&amp;lt;/groupId&amp;gt;
            &amp;lt;artifactId&amp;gt;spring-expression&amp;lt;/artifactId&amp;gt;
            &amp;lt;version&amp;gt;${spring.version}&amp;lt;/version&amp;gt;
        &amp;lt;/dependency&amp;gt;
        &amp;lt;dependency&amp;gt;
            &amp;lt;groupId&amp;gt;org.springframework&amp;lt;/groupId&amp;gt;
            &amp;lt;artifactId&amp;gt;spring-context&amp;lt;/artifactId&amp;gt;
            &amp;lt;version&amp;gt;${spring.version}&amp;lt;/version&amp;gt;
        &amp;lt;/dependency&amp;gt;
        &amp;lt;dependency&amp;gt;
            &amp;lt;groupId&amp;gt;org.springframework&amp;lt;/groupId&amp;gt;
            &amp;lt;artifactId&amp;gt;spring-orm&amp;lt;/artifactId&amp;gt;
            &amp;lt;version&amp;gt;${spring.version}&amp;lt;/version&amp;gt;
        &amp;lt;/dependency&amp;gt;
        &amp;lt;dependency&amp;gt;
            &amp;lt;groupId&amp;gt;org.apache.activemq&amp;lt;/groupId&amp;gt;
            &amp;lt;artifactId&amp;gt;activemq-spring&amp;lt;/artifactId&amp;gt;
            &amp;lt;version&amp;gt;${activemq.version}&amp;lt;/version&amp;gt;
        &amp;lt;/dependency&amp;gt;
        &amp;lt;!-- 
        &amp;lt;dependency&amp;gt;
            &amp;lt;groupId&amp;gt;com.sun.xml.messaging.saaj&amp;lt;/groupId&amp;gt;
            &amp;lt;artifactId&amp;gt;saaj-impl&amp;lt;/artifactId&amp;gt;
            &amp;lt;version&amp;gt;1.3&amp;lt;/version&amp;gt;
        &amp;lt;/dependency&amp;gt;
 --&amp;gt;
        &amp;lt;dependency&amp;gt;
            &amp;lt;groupId&amp;gt;org.springframework&amp;lt;/groupId&amp;gt;
            &amp;lt;artifactId&amp;gt;spring-jms&amp;lt;/artifactId&amp;gt;
            &amp;lt;version&amp;gt;${spring.version}&amp;lt;/version&amp;gt;
        &amp;lt;/dependency&amp;gt;
        &amp;lt;dependency&amp;gt;
            &amp;lt;groupId&amp;gt;org.springframework&amp;lt;/groupId&amp;gt;
            &amp;lt;artifactId&amp;gt;spring-web&amp;lt;/artifactId&amp;gt;
            &amp;lt;version&amp;gt;${spring.version}&amp;lt;/version&amp;gt;
        &amp;lt;/dependency&amp;gt;
        &amp;lt;dependency&amp;gt;
            &amp;lt;groupId&amp;gt;org.springframework&amp;lt;/groupId&amp;gt;
            &amp;lt;artifactId&amp;gt;spring-context-support&amp;lt;/artifactId&amp;gt;
            &amp;lt;version&amp;gt;${spring.version}&amp;lt;/version&amp;gt;
        &amp;lt;/dependency&amp;gt;
        &amp;lt;dependency&amp;gt;
            &amp;lt;groupId&amp;gt;org.springframework&amp;lt;/groupId&amp;gt;
            &amp;lt;artifactId&amp;gt;spring-webmvc&amp;lt;/artifactId&amp;gt;
            &amp;lt;version&amp;gt;${spring.version}&amp;lt;/version&amp;gt;
            &amp;lt;optional&amp;gt;false&amp;lt;/optional&amp;gt;
        &amp;lt;/dependency&amp;gt;
        &amp;lt;dependency&amp;gt;
            &amp;lt;groupId&amp;gt;org.slf4j&amp;lt;/groupId&amp;gt;
            &amp;lt;artifactId&amp;gt;slf4j-api&amp;lt;/artifactId&amp;gt;
            &amp;lt;version&amp;gt;1.6.6&amp;lt;/version&amp;gt;
        &amp;lt;/dependency&amp;gt;
        &amp;lt;dependency&amp;gt;
            &amp;lt;groupId&amp;gt;ch.qos.logback&amp;lt;/groupId&amp;gt;
            &amp;lt;artifactId&amp;gt;logback-classic&amp;lt;/artifactId&amp;gt;
            &amp;lt;version&amp;gt;1.0.6&amp;lt;/version&amp;gt;
        &amp;lt;/dependency&amp;gt;
        &amp;lt;dependency&amp;gt;
            &amp;lt;groupId&amp;gt;ch.qos.logback&amp;lt;/groupId&amp;gt;
            &amp;lt;artifactId&amp;gt;logback-classic&amp;lt;/artifactId&amp;gt;
            &amp;lt;version&amp;gt;1.0.6&amp;lt;/version&amp;gt;
        &amp;lt;/dependency&amp;gt;
        &amp;lt;dependency&amp;gt;
            &amp;lt;groupId&amp;gt;org.apache.commons&amp;lt;/groupId&amp;gt;
            &amp;lt;artifactId&amp;gt;commons-io&amp;lt;/artifactId&amp;gt;
            &amp;lt;version&amp;gt;1.3.2&amp;lt;/version&amp;gt;
        &amp;lt;/dependency&amp;gt;
        &amp;lt;dependency&amp;gt;
            &amp;lt;groupId&amp;gt;org.hibernate&amp;lt;/groupId&amp;gt;
            &amp;lt;artifactId&amp;gt;hibernate-entitymanager&amp;lt;/artifactId&amp;gt;
            &amp;lt;version&amp;gt;3.6.3.Final&amp;lt;/version&amp;gt;
        &amp;lt;/dependency&amp;gt;
        &amp;lt;dependency&amp;gt;
            &amp;lt;groupId&amp;gt;org.hibernate&amp;lt;/groupId&amp;gt;
            &amp;lt;artifactId&amp;gt;hibernate-core&amp;lt;/artifactId&amp;gt;
            &amp;lt;version&amp;gt;3.6.3.Final&amp;lt;/version&amp;gt;
        &amp;lt;/dependency&amp;gt;
        &amp;lt;dependency&amp;gt;
            &amp;lt;groupId&amp;gt;org.hibernate&amp;lt;/groupId&amp;gt;
            &amp;lt;artifactId&amp;gt;hibernate-commons-annotations&amp;lt;/artifactId&amp;gt;
            &amp;lt;version&amp;gt;3.2.0.Final&amp;lt;/version&amp;gt;
        &amp;lt;/dependency&amp;gt;
        &amp;lt;dependency&amp;gt;
            &amp;lt;groupId&amp;gt;com.mchange&amp;lt;/groupId&amp;gt;
            &amp;lt;artifactId&amp;gt;c3p0&amp;lt;/artifactId&amp;gt;
            &amp;lt;version&amp;gt;0.9.2.1&amp;lt;/version&amp;gt;
        &amp;lt;/dependency&amp;gt;
        &amp;lt;dependency&amp;gt;
            &amp;lt;groupId&amp;gt;postgresql&amp;lt;/groupId&amp;gt;
            &amp;lt;artifactId&amp;gt;postgresql&amp;lt;/artifactId&amp;gt;
            &amp;lt;version&amp;gt;8.4-702.jdbc4&amp;lt;/version&amp;gt;
        &amp;lt;/dependency&amp;gt;
        &amp;lt;dependency&amp;gt;
            &amp;lt;groupId&amp;gt;org.springframework.retry&amp;lt;/groupId&amp;gt;
            &amp;lt;artifactId&amp;gt;spring-retry&amp;lt;/artifactId&amp;gt;
        &amp;lt;/dependency&amp;gt;
        &amp;lt;dependency&amp;gt;
            &amp;lt;groupId&amp;gt;org.springframework.boot&amp;lt;/groupId&amp;gt;
            &amp;lt;artifactId&amp;gt;spring-boot-starter&amp;lt;/artifactId&amp;gt;
        &amp;lt;/dependency&amp;gt;
        &amp;lt;dependency&amp;gt;
            &amp;lt;groupId&amp;gt;org.springframework.boot&amp;lt;/groupId&amp;gt;
            &amp;lt;artifactId&amp;gt;spring-boot-starter-aop&amp;lt;/artifactId&amp;gt;
        &amp;lt;/dependency&amp;gt;
        &amp;lt;dependency&amp;gt;
            &amp;lt;groupId&amp;gt;org.springframework.boot&amp;lt;/groupId&amp;gt;
            &amp;lt;artifactId&amp;gt;spring-boot-starter-test&amp;lt;/artifactId&amp;gt;
        &amp;lt;/dependency&amp;gt;
        &amp;lt;dependency&amp;gt;
            &amp;lt;groupId&amp;gt;commons-configuration&amp;lt;/groupId&amp;gt;
            &amp;lt;artifactId&amp;gt;commons-configuration&amp;lt;/artifactId&amp;gt;
            &amp;lt;version&amp;gt;1.7&amp;lt;/version&amp;gt;
        &amp;lt;/dependency&amp;gt;
        &amp;lt;dependency&amp;gt;
            &amp;lt;groupId&amp;gt;ch.qos.logback&amp;lt;/groupId&amp;gt;
            &amp;lt;artifactId&amp;gt;logback-core&amp;lt;/artifactId&amp;gt;
            &amp;lt;version&amp;gt;1.0.6&amp;lt;/version&amp;gt;
        &amp;lt;/dependency&amp;gt;
    &amp;lt;/dependencies&amp;gt;
&amp;lt;/project&amp;gt;
&lt;/code&gt;&lt;/pre&gt;
&lt;p&gt;And my SAAJ implementation is as below : &lt;/p&gt;
&lt;pre&gt;&lt;code&gt;import java.io.ByteArrayInputStream;
import java.io.ByteArrayOutputStream;
import java.io.IOException;
import java.io.InputStream;
import java.io.StringReader;
import java.net.MalformedURLException;
import java.net.URL;
import java.net.URLConnection;
import java.net.URLStreamHandler;
import java.util.HashMap;
import java.util.Map;
import java.util.Properties;
import javax.xml.soap.MessageFactory;
import javax.xml.soap.MimeHeaders;
import javax.xml.soap.SOAPBody;
import javax.xml.soap.SOAPConnection;
import javax.xml.soap.SOAPConnectionFactory;
import javax.xml.soap.SOAPConstants;
import javax.xml.soap.SOAPEnvelope;
import javax.xml.soap.SOAPException;
import javax.xml.soap.SOAPMessage;
import javax.xml.transform.Source;
import javax.xml.transform.Transformer;
import javax.xml.transform.TransformerException;
import javax.xml.transform.TransformerFactory;
import javax.xml.transform.stream.StreamResult;
import org.slf4j.Logger;
import org.slf4j.LoggerFactory;
import org.springframework.stereotype.Component;
import org.xml.sax.InputSource;
import com.saaj.client.constants.NotificationConstants;
import com.saaj.client.exception.CustomException;
import com.saaj.client.logger.LoggerManager;
@Component("adapterServiceHelper")
public class AdapterServiceHelper {
    private static Logger logger = LoggerManager.getInstance().getNotificationProcessingLogger();
    public AdapterServiceHelper(){
    }
    public URL getEndpointConnection(String url) throws MalformedURLException, CustomException{
        URL endpoint = null;
        try{
            endpoint = new URL (null, url, new URLStreamHandler () {
                protected URLConnection openConnection (URL url) throws IOException {
                    // The url is the parent of this stream handler, so must create clone
                    URL clone = new URL (url.toString ());
                    URLConnection connection = clone.openConnection ();
                    connection.setRequestProperty("Content-Type",
                            "text/xml");
                    connection.setRequestProperty("Accept",
                            "application/soap+xml, text/*");
                    // If we cast to HttpURLConnection, we can set redirects
                    // connection.setInstanceFollowRedirects (false);
                    connection.setConnectTimeout (5 * 1000);      // 15 sec
                    connection.setReadTimeout (5 * 1000);         // 15 sec
                    // Custom header
                    return connection;
                }});
        }catch(MalformedURLException e){
            throw e;
        }catch(Exception exp){
            exp.printStackTrace();
            throw new CustomException(exp.getMessage(),"Error occured while getting endpoint connection to IP");
        }
        return endpoint;
    }
    //main SAAJ implementation
    public SOAPMessage writeCommand(URL endpoint, String command) throws Exception{
        SOAPMessage soapResponse = null;
        SOAPConnection soapConnection = null;
        InputStream is = null;
        System.out.println("command written is "+command);
        try{
            SOAPConnectionFactory soapConnectionFactory = SOAPConnectionFactory
                    .newInstance();
            soapConnection = soapConnectionFactory
                    .createConnection();
            //write to PG over soapConnection can be made generic
            is = new ByteArrayInputStream(command.getBytes());
            SOAPMessage request = MessageFactory.newInstance(
                    SOAPConstants.SOAP_1_1_PROTOCOL).createMessage(
                            new MimeHeaders(), is);
            MimeHeaders headers = request.getMimeHeaders();
            headers.addHeader("Content-Type", "text/xml");
            request.saveChanges();
            soapResponse = soapConnection.call(request, endpoint);
            //soapConnection.close();
            //is.close();
            //process soap response
            printSOAPResponse(soapResponse);
        }
        catch(SOAPException exp)
        {
            exp.printStackTrace();
            logger.error("ERROR while connecting SOAP service" + exp.getMessage());
            throw new Exception("ERROR : SOAPException encountered while writing ");
        } catch (IOException e) {
            e.printStackTrace();
            throw new Exception("ERROR : SOAPException encountered while writing ");
        } catch (TransformerException e) {
            e.printStackTrace();
            throw new Exception("ERROR : SOAPException encountered while writing ");
        }
        finally{
            soapConnection.close();
            is.close();
        }
        return soapResponse;
    }
    public static void printSOAPResponse(SOAPMessage soapResponse) throws TransformerException, SOAPException {
        TransformerFactory transformerFactory = TransformerFactory
                .newInstance();
        Transformer transformer = transformerFactory.newTransformer();
        Source sourceContent = soapResponse.getSOAPPart().getContent();
        StreamResult result = new StreamResult(System.out);
        transformer.transform(sourceContent, result);
    }
}
&lt;/code&gt;&lt;/pre&gt;
&lt;p&gt;Please do let me know if there is any suggestion for this problem.&lt;/p&gt;</t>
  </si>
  <si>
    <t>2017-10-30 22:43:57.683000+00:00</t>
  </si>
  <si>
    <t>2018-09-21 08:14:15.313000+00:00</t>
  </si>
  <si>
    <t>2017-10-31 07:23:00.720000+00:00</t>
  </si>
  <si>
    <t>spring|maven|soap|jboss|saaj</t>
  </si>
  <si>
    <t>checkbox - check at least one box has been selected</t>
  </si>
  <si>
    <t>&lt;p&gt;To validate a statement I have made sure that the checkboxes and quantities are consistent with each other but I haven't made sure that at least one product has been selected or a total quantity greater than zero is supplied. How would I do this? &lt;/p&gt;
&lt;pre&gt;&lt;code&gt;if (((document.form1.summer.checked) &amp;amp;&amp;amp; (summer2012 &amp;lt;= 0)) ||
    ((document.form1.autumn.checked) &amp;amp;&amp;amp; (autumn2012 &amp;lt;= 0)) ||
    ((document.form1.winter.checked) &amp;amp;&amp;amp; (winter2012 &amp;lt;= 0))) 
{
    alertmsg = alertmsg + "Please enter Quantity" + "\n";
}
else if (((!document.form1.summer.checked) &amp;amp;&amp;amp; (summer2012 &amp;gt; 0)) ||
    ((!document.form1.autumn.checked) &amp;amp;&amp;amp; (autumn2012 &amp;gt; 0)) ||
    ((!document.form1.winter.checked) &amp;amp;&amp;amp; (winter2012 &amp;gt; 0))) 
{
    alertmsg = alertmsg + "Please choose Product" + "\n";
}
&lt;/code&gt;&lt;/pre&gt;
&lt;p&gt;HTML:              &lt;/p&gt;
&lt;pre&gt;&lt;code&gt;&amp;lt;tr&amp;gt;
    &amp;lt;td align="right"&amp;gt;Summer 2012&amp;lt;/td&amp;gt;
    &amp;lt;td&amp;gt;
        &amp;lt;input type="checkbox" name="summer" value="Summer 2012" /&amp;gt;
    &amp;lt;/td&amp;gt;
    &amp;lt;td align="center" width="69"&amp;gt;
        &amp;lt;div align="right"&amp;gt;20.00&amp;lt;/div&amp;gt;
    &amp;lt;/td&amp;gt;
    &amp;lt;td width="216"&amp;gt;
        &amp;lt;input name="summer2012" type="text" size="5" value="0" /&amp;gt;
    &amp;lt;/td&amp;gt;
&amp;lt;/tr&amp;gt;
&amp;lt;tr&amp;gt;
    &amp;lt;td align="right"&amp;gt;Autumn 2012&amp;lt;/td&amp;gt;
    &amp;lt;td&amp;gt;
        &amp;lt;input type="checkbox" name="autumn" value="Autumn 2012" /&amp;gt;
    &amp;lt;/td&amp;gt;
    &amp;lt;td align="center" width="69"&amp;gt;
        &amp;lt;div align="right"&amp;gt;20.00&amp;lt;/div&amp;gt;
    &amp;lt;/td&amp;gt;
    &amp;lt;td&amp;gt;
        &amp;lt;input name="autumn2012" type="text" size="5" value="0" /&amp;gt;
    &amp;lt;/td&amp;gt;
&amp;lt;/tr&amp;gt;
&amp;lt;tr&amp;gt;
    &amp;lt;td align="right"&amp;gt;Winter 2012&amp;lt;/td&amp;gt;
    &amp;lt;td&amp;gt;
        &amp;lt;input type="checkbox" name="winter" value="Winter 2012" /&amp;gt;
    &amp;lt;/td&amp;gt;
    &amp;lt;td align="center" width="69"&amp;gt;
        &amp;lt;div align="right"&amp;gt;20.00&amp;lt;/div&amp;gt;
    &amp;lt;/td&amp;gt;
    &amp;lt;td&amp;gt;
        &amp;lt;input name="winter2012" type="text" size="5" value="0" /&amp;gt;
    &amp;lt;/td&amp;gt;
&amp;lt;/tr&amp;gt;
&lt;/code&gt;&lt;/pre&gt;</t>
  </si>
  <si>
    <t>2013-02-14 19:23:15.023000+00:00</t>
  </si>
  <si>
    <t>2013-02-14 19:40:52.790000+00:00</t>
  </si>
  <si>
    <t>javascript|checkbox</t>
  </si>
  <si>
    <t>html5, dragstart from object in a group</t>
  </si>
  <si>
    <t>&lt;p&gt;&lt;a href="http://jsfiddle.net/zoutepopcorn/YXJpH/7/" rel="nofollow"&gt;Updated Working Fiddle&lt;/a&gt;&lt;/p&gt;
&lt;p&gt;&lt;strong&gt;Original question&lt;/strong&gt;&lt;/p&gt;
&lt;p&gt;I was wondering why I cant get a message with the "dragstart" from the circle in this code...&lt;/p&gt;
&lt;p&gt;I cant get the message "circle" when its dragged. I tried, with some working code from &lt;a href="http://www.html5canvastutorials.com" rel="nofollow"&gt;http://www.html5canvastutorials.com&lt;/a&gt;.  In this code: &lt;a href="http://www.html5canvastutorials.com/labs/html5-canvas-drag-and-drop-resize-and-invert-images/" rel="nofollow"&gt;http://www.html5canvastutorials.com/labs/html5-canvas-drag-and-drop-resize-and-invert-images/&lt;/a&gt;, it is working. &lt;/p&gt;
&lt;p&gt;jsfiddle: &lt;a href="http://jsfiddle.net/zoutepopcorn/YXJpH/" rel="nofollow"&gt;http://jsfiddle.net/zoutepopcorn/YXJpH/&lt;/a&gt;&lt;/p&gt;
&lt;pre&gt;&lt;code&gt;&amp;lt;!DOCTYPE html PUBLIC "-//W3C//DTD XHTML 1.0 Transitional//EN" "http://www.w3.org/TR/xhtml1/DTD/xhtml1-transitional.dtd"&amp;gt;
    &amp;lt;html xmlns="http://www.w3.org/1999/xhtml"&amp;gt;
    &amp;lt;head&amp;gt;
    &amp;lt;meta http-equiv="Content-Type" content="text/html; charset=utf-8" /&amp;gt;
    &amp;lt;title&amp;gt;Untitled Document&amp;lt;/title&amp;gt;
    &amp;lt;style&amp;gt;
          body {
            margin: 0px;
            padding: 0px;
          }
        &amp;lt;/style&amp;gt;
    &amp;lt;/head&amp;gt;
    &amp;lt;body&amp;gt;
    &amp;lt;div id="container"&amp;gt;&amp;lt;/div&amp;gt;
    &amp;lt;script src="http://www.html5canvastutorials.com/libraries/kinetic-v4.1.2.js"&amp;gt;&amp;lt;/script&amp;gt;
    &amp;lt;script src="setting.js"&amp;gt;&amp;lt;/script&amp;gt;
    &amp;lt;script src="imgStyle.js"&amp;gt;&amp;lt;/script&amp;gt;
    &amp;lt;script&amp;gt;
        var stage;
        var layer;
        setupStage();
        function setupStage() {
            stage = new Kinetic.Stage({
                  container: "container",
                  width: 800,
                  height: 800
                });
            layer = new Kinetic.Layer();
            messageLayer = new Kinetic.Layer();
            stage.add(messageLayer);
        }
    function writeMessage(messageLayer, message) {
            var context = messageLayer.getContext();
            messageLayer.clear();
            context.font = "18pt Calibri";
            context.fillStyle = "black";
            context.fillText(message, 10, 25);
    }
        function drawImage(imageObj) {
            var darthVaderImg = new Kinetic.Image({
              image: imageObj,
              x: 100,   
              y: 100,   
              width: 200,
              height: 137,
              draggable: true
            });
            var group = new Kinetic.Group({ draggable: true });
            group.add(darthVaderImg);
            var circle = new Kinetic.Circle({ x: 105, y: 105, radius: 10, fill: 'red', stroke: 'black', name: 'circle', strokeWidth: 4, draggable: true });
            group.add(circle)
            group.on("dragstart", function() { writeMessage(messageLayer, "group"); } );
            circle.on("dragstart", function() { writeMessage(messageLayer, "circle");  // &amp;lt;--- does not work in the GROUP!!! } );
            layer.add(group);
            stage.add(layer);
            stage.add(messageLayer);
            stage.draw();
        }
         var imageObj = new Image();
          imageObj.onload = function() {
            drawImage(imageObj);
          };
          imageObj.src = 'http://www.html5canvastutorials.com/demos/assets/darth-vader.jpg'; 
    &amp;lt;/script&amp;gt;
    &amp;lt;/body&amp;gt;
    &amp;lt;/html&amp;gt;
&lt;/code&gt;&lt;/pre&gt;</t>
  </si>
  <si>
    <t>2012-12-04 19:58:46.947000+00:00</t>
  </si>
  <si>
    <t>2013-03-27 09:08:07.630000+00:00</t>
  </si>
  <si>
    <t>javascript|html5|kineticjs</t>
  </si>
  <si>
    <t>Using Keras, when I add a Tensorboard callback to my neural network, the accuracy decreases. How do I fix this?</t>
  </si>
  <si>
    <t>&lt;p&gt;This is how I set up the callback&lt;/p&gt;
&lt;pre&gt;&lt;code&gt;callback = TensorBoard(log_dir='/tmp/invasive/', histogram_freq=10,
                       write_graph=True,write_grads=False,
                       write_images=True, embeddings_layer_names=None,
                       embeddings_metadata=None)
&lt;/code&gt;&lt;/pre&gt;
&lt;p&gt;Then how I apply it into the model&lt;/p&gt;
&lt;pre&gt;&lt;code&gt;model.fit(x_train,y_train,epochs=10,batch_size=10,callbacks=[callback])
&lt;/code&gt;&lt;/pre&gt;
&lt;p&gt;As far as my beginner knowledge of Keras goes, callbacks shouldn't affect the training of the neural network yet when I add this code in, the accuracy drops from roughly 60% to 40%&lt;/p&gt;</t>
  </si>
  <si>
    <t>2017-08-02 13:40:35.083000+00:00</t>
  </si>
  <si>
    <t>2017-08-02 16:03:34.163000+00:00</t>
  </si>
  <si>
    <t>python|machine-learning|neural-network|keras|tensorboard</t>
  </si>
  <si>
    <t>Symfony YAML format conversion</t>
  </si>
  <si>
    <t>&lt;p&gt;I have some service definition that looks like this:&lt;/p&gt;
&lt;pre&gt;&lt;code&gt;MyService:
    class: Some\Class\Here
    factory:
        - SomeFactoryHere
        - method
    calls:
        - [add, ["@=service('AnotherService1').create(service('AnotherService2'), service('AnotherService3'), service('AnotherService3'))"]]
&lt;/code&gt;&lt;/pre&gt;
&lt;p&gt;IMHO, this can be more readable if converted to something like this:&lt;/p&gt;
&lt;pre&gt;&lt;code&gt;MyService:
    class: Some\Class\Here
    factory:
        - SomeFactoryHere
        - method
    calls:
        -
          add,
          "@=service('AnotherService1').create(
              service('AnotherService2'),
              service('AnotherService3'),
              service('AnotherService3')
          )"
&lt;/code&gt;&lt;/pre&gt;
&lt;p&gt;But, this is not valid YAML (Symfony parser fails), and my question is how this config can be converted to something like above?&lt;/p&gt;
&lt;p&gt;&lt;strong&gt;UPD#1&lt;/strong&gt;&lt;/p&gt;
&lt;p&gt;Look at &lt;a href="https://stackoverflow.com/questions/38912122/symfony-yaml-format-conversion-calls-with-string-params"&gt;Symfony YAML format conversion: &amp;quot;calls&amp;quot; with string params&lt;/a&gt; - important nuances are there.&lt;/p&gt;</t>
  </si>
  <si>
    <t>2016-08-08 06:53:27.513000+00:00</t>
  </si>
  <si>
    <t>2016-08-12 07:31:43.130000+00:00</t>
  </si>
  <si>
    <t>2017-05-23 12:00:32.450000+00:00</t>
  </si>
  <si>
    <t>php|symfony|format|yaml|config</t>
  </si>
  <si>
    <t>could not scroll content in relative or linear layout</t>
  </si>
  <si>
    <t>&lt;p&gt;I have three linear layout in top relative layout &lt;/p&gt;
&lt;ul&gt;
&lt;li&gt;in first it has a listview&lt;/li&gt;
&lt;li&gt;in second it has another linear layout&lt;/li&gt;
&lt;li&gt;&lt;p&gt;in third it has a gridview&lt;/p&gt;
&lt;p&gt;case 1: When listview load content from server it ocupies full screen
so I am not able to see it's below linear layout&lt;/p&gt;
&lt;p&gt;case 2: When I apply a scrollview at topmost view, the inside listview dosent scroll properly. nested scrollview doesnt work.&lt;/p&gt;
&lt;p&gt;Another idea I want to try is:I want to show every content of listview so that there will be no need to scroll the listview content ( scrolling the top realtive layout may show the content of lisview )..but dont know how to achieve this layout and whether this will work or not.
&lt;strong&gt;How can I see contents of all three linear layout&lt;/strong&gt; under one screen? 
Please help you will be appreciated..&lt;/p&gt;&lt;/li&gt;
&lt;/ul&gt;
&lt;p&gt;here is the layout&lt;/p&gt;
&lt;pre&gt;&lt;code&gt;&amp;lt;RelativeLayout xmlns:android="http://schemas.android.com/apk/res/android"
    xmlns:app="http://schemas.android.com/apk/res-auto"
    xmlns:tools="http://schemas.android.com/tools"
    android:id="@+id/container"
    android:layout_width="match_parent"
    android:layout_height="wrap_content"
    android:orientation="vertical"
    tools:context="TeamDetails"&amp;gt;
    &amp;lt;LinearLayout
        android:layout_width="match_parent"
        android:layout_height="match_parent"
        android:orientation="vertical"&amp;gt;
        &amp;lt;LinearLayout
            android:layout_width="match_parent"
            android:layout_height="wrap_content"
            android:layout_margin="2dp"
            android:background="@drawable/cardview_shadow"
            android:elevation="2dp"
            android:orientation="vertical"
            android:visibility="visible"&amp;gt;
            &amp;lt;TextView
                android:layout_width="match_parent"
                android:layout_height="wrap_content"
                android:layout_marginBottom="5dp"
                android:layout_marginLeft="5dp"
                android:text="Squad"
                android:textColor="@color/primaryDarkColor"
                android:textStyle="bold" /&amp;gt;
            &amp;lt;GridView
                android:id="@+id/players_list_container"
                android:layout_width="match_parent"
                android:layout_height="wrap_content"
                android:columnWidth="120dp"
                android:gravity="center"
                android:horizontalSpacing="5dp"
                android:numColumns="auto_fit"
                android:padding="10dp"
                android:stretchMode="columnWidth"
                android:verticalSpacing="5dp" /&amp;gt;
        &amp;lt;/LinearLayout&amp;gt;
        &amp;lt;LinearLayout
            android:layout_width="match_parent"
            android:layout_height="wrap_content"
            android:layout_margin="2dp"
            android:background="@drawable/cardview_shadow"
            android:elevation="2dp"
            android:orientation="vertical"
            android:visibility="visible"&amp;gt;
            &amp;lt;LinearLayout
                android:layout_width="match_parent"
                android:layout_height="wrap_content"
                android:layout_marginBottom="5dp"
                android:gravity="center"
                android:orientation="horizontal"&amp;gt;
                &amp;lt;TextView
                    android:layout_width="wrap_content"
                    android:layout_height="wrap_content"
                    android:layout_marginBottom="5dp"
                    android:layout_marginLeft="5dp"
                    android:layout_marginRight="10dp"
                    android:layout_weight="1"
                    android:text="Fixtures"
                    android:textColor="@color/primaryDarkColor"
                    android:textStyle="bold" /&amp;gt;
                &amp;lt;RelativeLayout
                    android:layout_width="wrap_content"
                    android:layout_height="wrap_content"
                    android:layout_marginRight="3dp"
                    android:layout_weight=".28"
                    android:background="@drawable/menu_bg"
                    android:elevation="1dp"
                    android:gravity="right|end"
                    android:orientation="horizontal"
                    android:visibility="visible"&amp;gt;
                    &amp;lt;Spinner
                        android:id="@+id/spinner"
                        android:layout_width="243dp"
                        android:layout_height="11dp"
                        android:layout_centerVertical="true"
                        android:layout_gravity="center"
                        android:layout_marginLeft="5dp"
                        android:background="@android:color/transparent"
                        android:gravity="center"
                        android:spinnerMode="dialog" /&amp;gt;
                    &amp;lt;ImageView
                        android:layout_width="wrap_content"
                        android:layout_height="wrap_content"
                        android:layout_alignParentRight="true"
                        android:layout_centerVertical="true"
                        android:layout_gravity="center"
                        android:src="@drawable/drop"
                        android:visibility="visible" /&amp;gt;
                &amp;lt;/RelativeLayout&amp;gt;
            &amp;lt;/LinearLayout&amp;gt;
            &amp;lt;LinearLayout
                android:id="@+id/squad_containerr"
                android:layout_width="match_parent"
                android:layout_height="wrap_content"
                android:orientation="vertical"&amp;gt;
                &amp;lt;ListView
                    android:id="@+id/list_view"
                    android:layout_width="match_parent"
                    android:layout_height="wrap_content" /&amp;gt;
            &amp;lt;/LinearLayout&amp;gt;
        &amp;lt;/LinearLayout&amp;gt;
        &amp;lt;LinearLayout
            android:elevation="2dp"
            android:layout_width="match_parent"
            android:layout_height="wrap_content"
            android:layout_margin="2dp"
            android:background="@drawable/cardview_shadow"
            android:orientation="vertical"&amp;gt;
            &amp;lt;TextView
                android:layout_width="match_parent"
                android:layout_height="wrap_content"
                android:layout_marginBottom="5dp"
                android:layout_marginLeft="5dp"
                android:text="Detail"
                android:textColor="@color/primaryDarkColor"
                android:textStyle="bold" /&amp;gt;
            &amp;lt;LinearLayout
                android:layout_width="match_parent"
                android:layout_height="wrap_content"&amp;gt;
                &amp;lt;LinearLayout
                    android:layout_width="match_parent"
                    android:layout_height="wrap_content"
                    android:orientation="vertical"&amp;gt;
                &amp;lt;/LinearLayout&amp;gt;
            &amp;lt;/LinearLayout&amp;gt;
        &amp;lt;/LinearLayout&amp;gt;
    &amp;lt;/LinearLayout&amp;gt;
&amp;lt;/RelativeLayout&amp;gt;
&lt;/code&gt;&lt;/pre&gt;</t>
  </si>
  <si>
    <t>2018-04-24 12:04:29.223000+00:00</t>
  </si>
  <si>
    <t>2018-04-24 12:25:40.167000+00:00</t>
  </si>
  <si>
    <t>android|listview|gridview|android-linearlayout|vertical-scrolling</t>
  </si>
  <si>
    <t>How to check verify that SQL query was ran in transaction?</t>
  </si>
  <si>
    <t>&lt;p&gt;I have a simple use case to solve. Imagine that somebody tells you "hey, this particular set of queries is not transactional!" and your job is to deny that statement. How could one do that?&lt;/p&gt;
&lt;p&gt;Assumptions:&lt;/p&gt;
&lt;ul&gt;
&lt;li&gt;user is able to reproduce this by "clicking on one magic button" which triggers, lets say 3 following &lt;code&gt;INSERTs&lt;/code&gt;&lt;/li&gt;
&lt;li&gt;we have access to &lt;code&gt;mysql client&lt;/code&gt; and all privileges&lt;/li&gt;
&lt;li&gt;we do not have access to code base of an application, so no integration tests possible to verify this from code perspective&lt;/li&gt;
&lt;li&gt;we are using &lt;code&gt;MySQL&lt;/code&gt; server with &lt;code&gt;InnoDb&lt;/code&gt;&lt;/li&gt;
&lt;li&gt;we can tweak MySQL configuration as we want (slow queries, etc.)&lt;/li&gt;
&lt;/ul&gt;</t>
  </si>
  <si>
    <t>2012-07-03 08:41:03.730000+00:00</t>
  </si>
  <si>
    <t>2012-07-03 08:59:33.317000+00:00</t>
  </si>
  <si>
    <t>ffprobe stream selection for encoding</t>
  </si>
  <si>
    <t>&lt;p&gt;when I run ffmpeg, I can see "default" audio and video stream:&lt;/p&gt;
&lt;pre&gt;&lt;code&gt;Stream #0:0(und): Video: h264 (Constrained Baseline) (avc1 / 0x31637661), yuv420p, 960x400 [SAR 1:1 DAR 12:5], 3859 kb/s, 23.98 fps, 23.98 tbr, 24k tbn, 47.95 tbc 
  (default)
Metadata:
  creation_time   : 2013-05-03 22:50:47
  handler_name    : GPAC ISO Video Handler
Stream #0:1(und): Audio: aac (mp4a / 0x6134706D), 48000 Hz, stereo, fltp, 92 kb/s 
  (default)
 Metadata:
  creation_time   : 1970-01-01 00:00:00
  handler_name    : SoundHandler
Stream #0:2: Video: mjpeg, yuvj420p(pc), 675x1000 [SAR 72:72 DAR 27:40], 90k tbr, 90k tbn, 90k tbc
&lt;/code&gt;&lt;/pre&gt;
&lt;p&gt;As I understand, this stream selected by ffmpeg as input when encoding, if map option not set.&lt;/p&gt;
&lt;p&gt;How can I get "default" stream using ffprobe ?&lt;/p&gt;
&lt;p&gt;Sorry for English&lt;/p&gt;</t>
  </si>
  <si>
    <t>2014-10-22 17:10:28.670000+00:00</t>
  </si>
  <si>
    <t>2014-10-22 18:49:51.070000+00:00</t>
  </si>
  <si>
    <t>ffmpeg|stream|ffprobe</t>
  </si>
  <si>
    <t>SearchView Suggestion - Layout width: match_parent</t>
  </si>
  <si>
    <t>&lt;p&gt;How to display SearchView &lt;strong&gt;suggestions&lt;/strong&gt; which use the whole screen width using &lt;code&gt;appcompat-v7:21&lt;/code&gt;?&lt;/p&gt;
&lt;p&gt;I use android.support.v7.widget.SearchView in code and the menu-resource. The new Toolbar widget has a &lt;code&gt;searchViewStyle&lt;/code&gt;, but I couldn't find a parameter to display suggestions full width (match_parent).&lt;/p&gt;
&lt;p&gt;&lt;a href="http://d0od.wpengine.netdna-cdn.com/wp-content/uploads/2014/07/material-makeover-4.jpeg" rel="noreferrer"&gt;Example http://d0od.wpengine.netdna-cdn.com/wp-content/uploads/2014/07/material-makeover-4.jpeg&lt;/a&gt;&lt;/p&gt;</t>
  </si>
  <si>
    <t>2015-01-14 15:31:38.337000+00:00</t>
  </si>
  <si>
    <t>2017-07-31 20:38:07.193000+00:00</t>
  </si>
  <si>
    <t>2015-01-15 11:36:54.010000+00:00</t>
  </si>
  <si>
    <t>android|android-layout|appcompat|searchview</t>
  </si>
  <si>
    <t>Angular drag and drop list nested</t>
  </si>
  <si>
    <t>&lt;p&gt;I'm following this link 
    &lt;a href="http://marceljuenemann.github.io/angular-drag-and-drop-lists/demo/#/advanced" rel="nofollow"&gt;http://marceljuenemann.github.io/angular-drag-and-drop-lists/demo/#/advanced&lt;/a&gt; 
    for build a nested drag and drop. I have parent and child items, for parent items it working fine, i have added a list in  dnd-list="ItemsParent"  and dropped items for parent are added in this list. 
    I have second list for child items dnd-list="ItemsChild" when i dropped child items, items are getting added in parent list. Pleas suggest me how i can solve this issue.&lt;/p&gt;
&lt;pre&gt;&lt;code&gt;Below is small part of my code:  
&amp;lt;div `dnd-list`=`ItemsParent`&amp;gt;
  &amp;lt;div data-ng-repeat="item in ItemsParent"&amp;gt;
    &amp;lt;div dnd-list="ItemsChild"&amp;gt;
      &amp;lt;div data-ng-repeat="chItems in ItemsChild"&amp;gt;
          {{chItems.Name }}
      &amp;lt;/div&amp;gt;
    &amp;lt;/div&amp;gt;
  &amp;lt;/div&amp;gt;
&amp;lt;/div&amp;gt;
&lt;/code&gt;&lt;/pre&gt;</t>
  </si>
  <si>
    <t>2015-10-09 15:03:23.967000+00:00</t>
  </si>
  <si>
    <t>2015-10-09 15:53:13.273000+00:00</t>
  </si>
  <si>
    <t>jquery|angularjs|angularjs-ng-repeat</t>
  </si>
  <si>
    <t>Contextual Action Bar appears white(no background) on one device but ok on the others</t>
  </si>
  <si>
    <t>&lt;p&gt;I'm new to android, but this thing I don't think that is related to experience. 
When I long press an item in my list to show the CAB, it appears with white background. I can see the buttons on the bar only when long pressing them, otherwise everything is invisible.I am using the same style file on 2 different apps and the other one is ok. Also this happens only on one device.
Any ideas?&lt;/p&gt;
&lt;pre&gt;&lt;code&gt;&amp;lt;resources xmlns:tools="http://schemas.android.com/tools" xmlns:android="http://schemas.android.com/apk/res/android"&amp;gt;
&amp;lt;!-- Base application theme. --&amp;gt;
&amp;lt;style name="MyTheme" parent="Theme.AppCompat.Light.DarkActionBar"&amp;gt;
    &amp;lt;item name="android:activatedBackgroundIndicator"&amp;gt;@drawable/background_activated_drawer&amp;lt;/item&amp;gt;
    &amp;lt;item name="android:actionBarStyle"&amp;gt;@style/MyActionBar&amp;lt;/item&amp;gt;
    &amp;lt;item name="actionBarStyle"&amp;gt;@style/MyActionBar&amp;lt;/item&amp;gt;
&amp;lt;/style&amp;gt;
&amp;lt;style name="MyActionBar" parent="@style/Widget.AppCompat.Light.ActionBar.Solid.Inverse"&amp;gt;
    &amp;lt;item name="android:background"  tools:ignore="NewApi"&amp;gt;@color/RTL_light_grey&amp;lt;/item&amp;gt;
    &amp;lt;item name="android:actionModeBackground"&amp;gt;@color/RTL_red&amp;lt;/item&amp;gt;
    &amp;lt;item name="background"&amp;gt;@color/RTL_dark_grey&amp;lt;/item&amp;gt;
&amp;lt;/style&amp;gt;
&amp;lt;style name="OverlayText"&amp;gt;
    &amp;lt;item name="android:paddingLeft"&amp;gt;4px&amp;lt;/item&amp;gt;
    &amp;lt;item name="android:paddingBottom"&amp;gt;4px&amp;lt;/item&amp;gt;
    &amp;lt;item name="android:textColor"&amp;gt;#ffffffff&amp;lt;/item&amp;gt;
    &amp;lt;item name="android:textSize"&amp;gt;12sp&amp;lt;/item&amp;gt;
    &amp;lt;item name="android:shadowColor"&amp;gt;@color/RTL_dark_grey&amp;lt;/item&amp;gt;
    &amp;lt;item name="android:shadowDx"&amp;gt;4&amp;lt;/item&amp;gt;
    &amp;lt;item name="android:shadowDy"&amp;gt;4&amp;lt;/item&amp;gt;
    &amp;lt;item name="android:shadowRadius"&amp;gt;5&amp;lt;/item&amp;gt;
&amp;lt;/style&amp;gt;
&lt;/code&gt;&lt;/pre&gt;
&lt;p&gt;&lt;/p&gt;
&lt;p&gt;the contextual bar code&lt;/p&gt;
&lt;pre&gt;&lt;code&gt; @Override
public View onCreateView(final LayoutInflater inflater,ViewGroup parent, Bundle savedInstanceState) {
    View v = super.onCreateView(inflater, parent, savedInstanceState);
    ListView listView = (ListView) v.findViewById(android.R.id.list);
    listView.setChoiceMode(listView.CHOICE_MODE_MULTIPLE_MODAL);
    listView.setMultiChoiceModeListener(new AbsListView.MultiChoiceModeListener() {
        @Override
        public void onItemCheckedStateChanged(ActionMode mode, int position, long id, boolean checked) {
        }
        @Override
        public boolean onCreateActionMode(ActionMode mode, Menu menu) {
            MenuInflater inflater = mode.getMenuInflater();
            inflater.inflate(R.menu.tasks_context, menu);
            return true;
        }
        @Override
        public boolean onPrepareActionMode(ActionMode mode, Menu menu) {
            return false;
        }
        @Override
        public boolean onActionItemClicked(ActionMode mode, MenuItem item) {
            TaskAdapter adapter = (TaskAdapter) getListAdapter();
            TasksStorage mStorage = TasksStorage.getsTaskStorage(getActivity());
            switch (item.getItemId()) {
                case R.id.menu_item_delete:
                    for (int i = adapter.getCount() - 1; i &amp;gt;= 0; i--) {
                        if (getListView().isItemChecked(i))
                            mStorage.deleteTask(adapter.getItem(i));
                    }
                    //MessageBox.getMsgBox(getActivity()).saveMessages(SAVE_M);
                    //MessageBox.getMsgBox(getActivity()).saveMessages(SAVE_D);
                    mode.finish();
                    adapter.notifyDataSetChanged();
                    return true;
                default:
                    return false;
            }
        }
        @Override
        public void onDestroyActionMode(ActionMode mode) {
        }
    });
    return v;
}
&lt;/code&gt;&lt;/pre&gt;</t>
  </si>
  <si>
    <t>2015-04-22 15:57:40.047000+00:00</t>
  </si>
  <si>
    <t>2015-04-22 19:15:09.843000+00:00</t>
  </si>
  <si>
    <t>android|contextual-action-bar</t>
  </si>
  <si>
    <t>Canvas utilities for Silverlight 2</t>
  </si>
  <si>
    <t>&lt;p&gt;To save me writing the code, does anyone know of a source for utility code for working with Silverlight canvases? I am thinking of code that determines bounding boxes for content, content within clipped bounds, easy access to Transforms etc. &lt;/p&gt;</t>
  </si>
  <si>
    <t>2009-03-12 14:09:26.743000+00:00</t>
  </si>
  <si>
    <t>2009-03-14 18:50:11.060000+00:00</t>
  </si>
  <si>
    <t>Joan Miro</t>
  </si>
  <si>
    <t>canvas|silverlight-2.0</t>
  </si>
  <si>
    <t>Will an exception in an async plugin stop a creation of an instance?</t>
  </si>
  <si>
    <t>&lt;p&gt;I'm talking to a customer who has re-registered one of their plugin to asynchronous position and they claim that their experience "weird behavior". According to the description, it seems that when an exception is thrown in the async plugin (message create), the process is not rolled back. The instance is created.&lt;/p&gt;
&lt;p&gt;Is that an intended behavior? And if so, what can be done to stop it?&lt;/p&gt;</t>
  </si>
  <si>
    <t>2013-08-17 09:48:23.163000+00:00</t>
  </si>
  <si>
    <t>2013-08-17 10:51:00.217000+00:00</t>
  </si>
  <si>
    <t>c#|plugins|dynamics-crm-2011</t>
  </si>
  <si>
    <t>Multiple JFrame open at the same time, need to close just the one click JAVA</t>
  </si>
  <si>
    <t>&lt;p&gt;I have a main menu, when need to see the data added pop up a new JFrame with a ok button, i add a listener to it, when i hit ok to close it, it close the main menu and keep the GUI with the results opens, i just one to close the result gui, not the main menu, i try dispose() and of course system.out(0), but it close all &lt;/p&gt;
&lt;pre&gt;&lt;code&gt;public void GuiResultados(Persona persona, Abs abs){
    JLabel titulo = new JLabel();  
    titulo.setBounds(5,8,700,30); 
    titulo.setText("Resultados");
    JFrame frame= new JFrame();  
    JButton button = new JButton("Ok"); \\button create
    CloseListener closelistener = new CloseListener(); \\closelistener process
    frame.setDefaultCloseOperation(JFrame.DISPOSE_ON_CLOSE);
    button.setVisible(true); \\button visible
    frame.setTitle("Datos de entrenamiento");
    JTextArea area=new JTextArea();
    area.append("Edad: "+ persona.getEdad() + "\n");
    area.append("Estatura(m): " + persona.getTamano() + "\n");
    area.append("Cantidad de calorias quemadas en todas las series:" + totalCaloriasQuemadasAbs + "\n");
    button.setBounds(150,395,100,30);
    area.setEditable(false);
    area.setBounds(20,30, 350,350);  
    frame.add(area);  
    frame.add(button);
    button.addActionListener(closelistener); // calling the listener
    frame.add(titulo);
    frame.setSize(410,500);  
    frame.setLayout(null);  
    frame.setVisible(true); 
}
private class CloseListener implements ActionListener{
    public void actionPerformed(ActionEvent e) {
        dispose(); //not closing main window, not the gui where the button is
    System.out.println("Frame Closed. ");
    }
}
&lt;/code&gt;&lt;/pre&gt;</t>
  </si>
  <si>
    <t>2018-04-09 17:50:50.753000+00:00</t>
  </si>
  <si>
    <t>2018-04-09 18:23:13.940000+00:00</t>
  </si>
  <si>
    <t>java|swing</t>
  </si>
  <si>
    <t>Google Map when loaded comes over everything</t>
  </si>
  <si>
    <t>&lt;p&gt;First in my Razor view I had a table containing data and below it a google map. But then I decided to put the google map above the table. When the page loads I can see the table for about half a second than it disappears and the google map takes its place. How can I fix this? to load the map I used this :&lt;/p&gt;
&lt;pre&gt;&lt;code&gt;&amp;lt;div style="height:500px; width:1000px;" id="map-canvas" /&amp;gt;
&lt;/code&gt;&lt;/pre&gt;
&lt;p&gt;and above it I put the javascript for the map&lt;/p&gt;
&lt;p&gt;After this  there is the table element.&lt;/p&gt;
&lt;p&gt;Thank you! &lt;/p&gt;</t>
  </si>
  <si>
    <t>2014-05-22 18:45:07.690000+00:00</t>
  </si>
  <si>
    <t>2014-05-22 19:30:42.160000+00:00</t>
  </si>
  <si>
    <t>2014-05-22 19:27:19.483000+00:00</t>
  </si>
  <si>
    <t>javascript|asp.net|google-maps|razor</t>
  </si>
  <si>
    <t>Can you prevent users from reviewing your Alexa Skill?</t>
  </si>
  <si>
    <t>&lt;p&gt;We are interested in publishing an Alexa skill, but for legal reasons, would need to disable reviews.  Does Alexa allow skill creators to disable reviews for their skill?&lt;/p&gt;</t>
  </si>
  <si>
    <t>2017-06-21 15:17:50.800000+00:00</t>
  </si>
  <si>
    <t>2017-09-18 12:17:29.040000+00:00</t>
  </si>
  <si>
    <t>alexa-skill</t>
  </si>
  <si>
    <t>Xtext and GMF integration</t>
  </si>
  <si>
    <t>&lt;p&gt;First of all, I have seen many links on stackoverflow of integrating XText with GMF.&lt;/p&gt;
&lt;p&gt;The most consistent tutorial I've seen so far was: &lt;a href="http://www.eclipse.org/forums/index.php/mv/msg/472225/1036564/#msg_1036564" rel="nofollow"&gt;http://www.eclipse.org/forums/index.php/mv/msg/472225/1036564/#msg_1036564&lt;/a&gt;&lt;/p&gt;
&lt;p&gt;..But not even generate a textual editor in the final step (only GMF editor).&lt;/p&gt;
&lt;p&gt;I also saw the documentation, but I can not understand what they suggest in this link: &lt;a href="http://www.eclipse.org/Xtext/documentation.html#gmf_integration" rel="nofollow"&gt;http://www.eclipse.org/Xtext/documentation.html#gmf_integration&lt;/a&gt;&lt;/p&gt;
&lt;p&gt;So I wonder if anyone knows how to integrate effectively the GMF with Xtext with an existing ecore! Use the XText 2.0.4.&lt;/p&gt;
&lt;p&gt;Thank you!&lt;/p&gt;</t>
  </si>
  <si>
    <t>2013-04-18 19:35:18.247000+00:00</t>
  </si>
  <si>
    <t>2013-05-15 10:08:38.537000+00:00</t>
  </si>
  <si>
    <t>eclipse|xtext|eclipse-gmf</t>
  </si>
  <si>
    <t>How to set the icon of each tab in a fragmentpageradapter to a gif animation?</t>
  </si>
  <si>
    <t>&lt;p&gt;I want to set the icon of each tab in a fragmentpageradapter to a gif animation. When the user swipes to each specific tab the animation will start. &lt;/p&gt;
&lt;p&gt;For example:&lt;/p&gt;
&lt;p&gt;The user starts on tab 1. Tab 1 animation will start. Now user swipes to tab 2. Tab 1 icon will pause and tab 2 icon will start. Next user swipes to tab 3. Tab 3 icon will start and tab 1 and tab 2 will be paused.. etc etc.&lt;/p&gt;
&lt;p&gt;MyHome.java&lt;/p&gt;
&lt;pre&gt;&lt;code&gt;import android.content.Context;
import android.os.Bundle;
import android.support.annotation.Nullable;
import android.support.v4.app.Fragment;
import android.support.v4.view.ViewPager;
import android.support.v4.view.ViewPager.OnPageChangeListener;
import android.view.LayoutInflater;
import android.view.View;
import android.view.ViewGroup;
import android.widget.HorizontalScrollView;
import android.widget.TabHost;
import android.widget.TabHost.OnTabChangeListener;
import android.widget.TabHost.TabContentFactory;
import java.util.List;
import java.util.Vector;
public class MyHome extends Fragment implements OnTabChangeListener, OnPageChangeListener {
private TabHost tabHost;
private ViewPager viewPager;
private MyFragmentPagerAdapter myViewPagerAdapter;
private String[] tabsTitles = {"About Me", "Connections", "Messages", "Open Forum", "Music", "Books", "Sports", "Title 8", "Title 9"};
private boolean flag = false;
int i = 0;
View v;
@Override
public View onCreateView(LayoutInflater inflater, @Nullable ViewGroup container, @Nullable Bundle savedInstanceState) {
    ((MainActivity)getActivity()).getSupportActionBar().setTitle("Home");
    v = inflater.inflate(R.layout.tabs_viewpager_layout, container, false);
    i++;
    this.initializeTabHost(savedInstanceState);
    this.initializeViewPager();
    return v;
}
class FakeContent implements TabContentFactory {
    private final Context mContext;
    public FakeContent(Context context) {
        mContext = context;
    }
    @Override
    public View createTabContent(String tag) {
        View v = new View(mContext);
        v.setMinimumHeight(0);
        v.setMinimumWidth(0);
        return v;
    }
}
private void initializeViewPager() {
    List&amp;lt;Fragment&amp;gt; fragments = new Vector&amp;lt;Fragment&amp;gt;();
    fragments.add(new Home1Fragment());
    fragments.add(new Home2Fragment());
    fragments.add(new Home3Fragment());
    fragments.add(new Home4Fragment());
    fragments.add(new Home5Fragment());
    fragments.add(new Home6Fragment());
    fragments.add(new Home7Fragment());
    this.myViewPagerAdapter = new MyFragmentPagerAdapter(getChildFragmentManager(), fragments);
    this.viewPager = (ViewPager) v.findViewById(R.id.viewPager);
    this.viewPager.setAdapter(this.myViewPagerAdapter);
    this.viewPager.setOnPageChangeListener(this);
    //this.viewPager.setCurrentItem(4);
}
private void initializeTabHost(Bundle args) {
    tabHost = (TabHost) v.findViewById(android.R.id.tabhost);
    tabHost.setup();
    for (int i = 1; i &amp;lt;= 7; i++) {
        TabHost.TabSpec tabSpec;
        tabSpec = tabHost.newTabSpec("Home " + i);
//Here is where each tab is set to a particular icon from the drawable folder
        if(i == 1) {
            //tabSpec.setIndicator("");
            tabSpec.setIndicator("", getResources().getDrawable(R.drawable.aboutme));
        }else if(i == 2) {
            tabSpec.setIndicator("",getResources().getDrawable(R.drawable.connections));
        }else if(i == 3) {
            tabSpec.setIndicator("",getResources().getDrawable(R.drawable.messages));
        }else if (i == 4) {
            tabSpec.setIndicator("",getResources().getDrawable(R.drawable.mics));
        }else if(i == 5) {
            tabSpec.setIndicator("",getResources().getDrawable(R.drawable.music));
        }else if(i == 6) {
            tabSpec.setIndicator("",getResources().getDrawable(R.drawable.books));
        }else if(i == 7) {
            tabSpec.setIndicator("",getResources().getDrawable(R.drawable.sports));
        }
        tabSpec.setContent(new FakeContent(getActivity()));
        tabHost.addTab(tabSpec);
    }
    tabHost.setOnTabChangedListener(this);
}
@Override
public void onTabChanged(String tabId) {
    int pos = this.tabHost.getCurrentTab();
    this.viewPager.setCurrentItem(pos);
    HorizontalScrollView hScrollView = (HorizontalScrollView) v.findViewById(R.id.hScrollView);
    View tabView = tabHost.getCurrentTabView();
    int scrollPos = tabView.getLeft() - (hScrollView.getWidth() - tabView.getWidth()) / 2;
    hScrollView.smoothScrollTo(scrollPos, 0);
}
@Override
public void onPageScrollStateChanged(int arg0) {
}
@Override
public void onPageScrolled(int arg0, float arg1, int arg2) {
}
@Override
public void onPageSelected(int position) {
    this.tabHost.setCurrentTab(position);
        ((MainActivity)getActivity()).getSupportActionBar().setTitle(tabsTitles[position]);
}
}
&lt;/code&gt;&lt;/pre&gt;
&lt;p&gt;tabs_viewpager_layout.xml&lt;/p&gt;
&lt;pre&gt;&lt;code&gt;&amp;lt;?xml version="1.0" encoding="utf-8"?&amp;gt;
&amp;lt;LinearLayout xmlns:android="http://schemas.android.com/apk/res/android"
android:layout_width="match_parent"
android:layout_height="match_parent"
android:orientation="vertical" &amp;gt;
&amp;lt;TabHost
    android:id="@android:id/tabhost"
    android:layout_width="match_parent"
    android:layout_height="match_parent" &amp;gt;
    &amp;lt;LinearLayout
        android:layout_width="match_parent"
        android:layout_height="match_parent"
        android:orientation="vertical" &amp;gt;
        &amp;lt;HorizontalScrollView
            android:id="@+id/hScrollView"
            android:layout_width="wrap_content"
            android:layout_height="wrap_content"
            android:fillViewport="true"
            android:scrollbars="none"&amp;gt;
            &amp;lt;TabWidget
                android:id="@android:id/tabs"
                android:layout_width="wrap_content"
                android:layout_height="wrap_content"&amp;gt;
            &amp;lt;/TabWidget&amp;gt;
        &amp;lt;/HorizontalScrollView&amp;gt;
        &amp;lt;FrameLayout
            android:id="@android:id/tabcontent"
            android:layout_width="match_parent"
            android:layout_height="match_parent" &amp;gt;
            &amp;lt;android.support.v4.view.ViewPager
                android:id="@+id/viewPager"
                android:layout_width="match_parent"
                android:layout_height="match_parent" /&amp;gt;
          &amp;lt;/FrameLayout&amp;gt;
       &amp;lt;/LinearLayout&amp;gt;
    &amp;lt;/TabHost&amp;gt;
&amp;lt;/LinearLayout&amp;gt;
&lt;/code&gt;&lt;/pre&gt;</t>
  </si>
  <si>
    <t>2016-08-07 21:06:33.510000+00:00</t>
  </si>
  <si>
    <t>2016-08-08 04:24:21.950000+00:00</t>
  </si>
  <si>
    <t>java|android|xml|gif</t>
  </si>
  <si>
    <t>Aligning textviews with imageview in a gridlayout</t>
  </si>
  <si>
    <t>&lt;p&gt;I'm trying to align 5 textviews with an imageview. I've created a gridlayout with 2 columns and 5 rows. In column 0 are 5 textviews divided in 5 rows. In column 1 is an imageview that spans over the 5 rows. But I can't get my desired layout. See below the desired layout:&lt;/p&gt;
&lt;p&gt;&lt;a href="https://i.stack.imgur.com/ztVnY.png" rel="nofollow noreferrer"&gt;&lt;img src="https://i.stack.imgur.com/ztVnY.png" alt="enter image description here"&gt;&lt;/a&gt; &lt;/p&gt;
&lt;p&gt;My code:&lt;/p&gt;
&lt;pre&gt;&lt;code&gt;&amp;lt;GridLayout
        android:id="@+id/gridlayout1"
        android:layout_width="match_parent"
        android:layout_height="wrap_content"
        android:columnCount="2"
        android:layout_below="@+id/titel_over_ons"&amp;gt;
        &amp;lt;TextView
            android:id="@+id/intro"
            android:layout_width="0dp"
            android:layout_height="wrap_content"
            android:layout_gravity="start"
            android:layout_row="0"
            android:layout_column="0"
            android:text="" /&amp;gt;
        &amp;lt;ImageView
            android:id="@+id/foto_over_ons"
            android:layout_width="0dp"
            android:layout_height="wrap_content"
            android:layout_column="1"
            android:layout_row="0"
            android:layout_gravity="end"
            android:contentDescription="@string/dm_design_webdesign_moobiele_applicaties_en_grafische_vormgeving" /&amp;gt;
        &amp;lt;TextView
            android:id="@+id/titel_dr"
            android:layout_width="0dp"
            android:layout_height="wrap_content"
            android:layout_marginTop="15dp"
            android:layout_row="1"
            android:layout_column="0"
            android:layout_gravity="start"
            android:text="" /&amp;gt;
        &amp;lt;TextView
            android:id="@+id/tekst_dr"
            android:layout_width="0dp"
            android:layout_height="wrap_content"
            android:layout_gravity="start"
            android:layout_row="2"
            android:layout_column="0"
            android:layout_marginTop="10dp" /&amp;gt;
        &amp;lt;TextView
            android:id="@+id/titel_service"
            android:layout_width="0dp"
            android:layout_height="wrap_content"
            android:layout_gravity="start"
            android:layout_row="3"
            android:layout_column="0"
            android:layout_marginTop="15dp"
            android:text="" /&amp;gt;
        &amp;lt;TextView
            android:id="@+id/tekst_service"
            android:layout_width="0dp"
            android:layout_gravity="start"
            android:layout_height="wrap_content"
            android:layout_row="4"
            android:layout_column="0"
            android:layout_marginTop="10dp" /&amp;gt;
    &amp;lt;/GridLayout&amp;gt;
&lt;/code&gt;&lt;/pre&gt;
&lt;p&gt;Can someone help me with this issue?
Thank you.&lt;/p&gt;</t>
  </si>
  <si>
    <t>2016-07-08 13:14:39.313000+00:00</t>
  </si>
  <si>
    <t>2016-07-08 13:58:13.727000+00:00</t>
  </si>
  <si>
    <t>android|grid-layout|android-gridlayout|qgridlayout</t>
  </si>
  <si>
    <t>Custom ArrayAdapter has made my ListFragment rows not respond to clicks</t>
  </si>
  <si>
    <t>&lt;p&gt;I have a custom ArrayAdapter called ResultsAdapter that, upon the selection of a specific row by a user, should open a new activity that details that specific row.  This worked fine when the adapter I used was a simple ArrayAdapter, but since extended that and creating my own (to allow multiple pieces of data in each row), the ability to respond to clicks on each row has gone away.&lt;/p&gt;
&lt;p&gt;I've narrowed it down (I think) to the fact that I need to specify the &lt;code&gt;onClickListener&lt;/code&gt; and what it needs to do in my customer adapter, but I'm not exactly sure what to specify.  Previously, most of the "clickability" was handled in the custom ListFragment I am using.  &lt;/p&gt;
&lt;p&gt;Here's the custom adapter class I'm using:&lt;/p&gt;
&lt;pre&gt;&lt;code&gt;public class ResultsAdapter extends ArrayAdapter&amp;lt;String&amp;gt; {
Context myContext;
public ResultsAdapter(Context context, int textViewResourceId) {
   super(context, textViewResourceId);
   myContext = context;
}
@Override
public View getView(int position, View convertView, ViewGroup parent){
    if(convertView == null){            
        convertView = LayoutInflater.from(getContext()).inflate(R.layout.row, null); //must be overall layout  
    }
    convertView.setOnClickListener(new OnClickListener() {
        @Override
        public void onClick(View v) {
                //this is where the clicking actions need to be defined, right?
        }
    });
    TextView venName = (TextView) convertView.findViewById(R.id.rowName);
    TextView venAddress = (TextView) convertView.findViewById(R.id.rowAdd);
    venName.setText(VenueList.getVenueName(position)); 
    venAddress.setText(VenueList.getVenueAddress(position));
    return convertView;
}
&lt;/code&gt;&lt;/pre&gt;
&lt;p&gt;}&lt;/p&gt;
&lt;p&gt;And here's the custom ListFragment class:&lt;/p&gt;
&lt;pre&gt;&lt;code&gt;public class ListFragmentClickable extends ListFragment{
  private OnItemSelectedListener listener;
  @Override
  public View onCreateView(LayoutInflater inflater, ViewGroup container, Bundle savedInstanceState) { 
      View view = inflater.inflate(R.layout.activity_results, container, false);
      return view;
  }
  @Override
  public void onListItemClick(ListView l, View v, int position, long id) {
      updateDetail(position);
  } 
  public interface OnItemSelectedListener {
      public void onItemSelected(String name, String geo, String id, String address);
  }
  @Override
  public void onAttach(Activity activity) {
      super.onAttach(activity);
      if (activity instanceof OnItemSelectedListener) {
        listener = (OnItemSelectedListener) activity;
      } else {
        throw new ClassCastException(activity.toString()
            + " must implement ListFragmentClickable.OnItemSelectedListener");
      }
  }
  public void updateDetail(int position) {
      // Get data from VenueList
      String name = VenueList.getVenueName(position);
      String geo = VenueList.getVenueGeo(position);
      String id = VenueList.getVenueId(position);
      String address = VenueList.getVenueAddress(position);
      listener.onItemSelected(name, geo, id, address);
  }
&lt;/code&gt;&lt;/pre&gt;
&lt;p&gt;} &lt;/p&gt;
&lt;p&gt;Could anyone help point me to why the ability to click has been lost?  How can I restore it?&lt;/p&gt;
&lt;p&gt;Thanks!&lt;/p&gt;</t>
  </si>
  <si>
    <t>2013-05-29 02:49:28.520000+00:00</t>
  </si>
  <si>
    <t>2013-05-30 04:12:58.680000+00:00</t>
  </si>
  <si>
    <t>android|android-arrayadapter|android-listfragment</t>
  </si>
  <si>
    <t>How to show JavaScript code on a web page?</t>
  </si>
  <si>
    <t>&lt;p&gt;How to show the following Javascript code, but not run it?&lt;/p&gt;
&lt;pre&gt;&lt;code&gt;&amp;lt;script&amp;gt;alert("test");&amp;lt;/script&amp;gt;
&lt;/code&gt;&lt;/pre&gt;
&lt;p&gt;I tried to show this code on my page, but when user loads the page it alerts "test".&lt;/p&gt;
&lt;p&gt;How can I show the code but not run it on page load?&lt;/p&gt;</t>
  </si>
  <si>
    <t>2015-06-27 10:28:45.593000+00:00</t>
  </si>
  <si>
    <t>2015-06-29 06:20:20.987000+00:00</t>
  </si>
  <si>
    <t>2015-06-27 11:15:20.377000+00:00</t>
  </si>
  <si>
    <t>javascript|html</t>
  </si>
  <si>
    <t>Adding a picture box to a form through a method</t>
  </si>
  <si>
    <t>&lt;p&gt;I'm trying to make a recursive method which adds a picturebox to the form with an interval of 500 milliseconds, meaning, I would like every 500 milliseconds a new picturebox to appear on the form. However, the picture boxes appear only after the method has finished running (in my case 8 times). In other words, only after 4 seconds the picture boxes appeared, while I was expecting to see each one every 500 milliseconds.&lt;/p&gt;
&lt;p&gt;Here's my recursive method:&lt;/p&gt;
&lt;pre&gt;&lt;code&gt;public void QueenPos(bool[,] a,int x,int y,int c)
{
    for (int i = y; i &amp;lt; a.GetLength(0); i++)
    {
          **some code**
            PictureBox im = new PictureBox();                            
            im.SizeMode = PictureBoxSizeMode.StretchImage;
            im.Image = Image.FromFile(@"path");
            im.Size = new Size(40, 40);
            im.Location = new Point((x * 50) + 305, ((i * 50) + 55));
            Controls.Add(im);
            im.BringToFront();
            Thread.Sleep(500);
            QueenPos(a, x + 1, 0, c + 1);
        }
    }
}
&lt;/code&gt;&lt;/pre&gt;
&lt;p&gt;If possible, I'd prefer not to uses a new thread which takes care of adding the picture box.&lt;/p&gt;
&lt;p&gt;Any help would be much appreciated.&lt;/p&gt;</t>
  </si>
  <si>
    <t>2012-08-31 21:17:28.913000+00:00</t>
  </si>
  <si>
    <t>2012-08-31 21:55:04.147000+00:00</t>
  </si>
  <si>
    <t>c#|winforms|visual-studio-2010</t>
  </si>
  <si>
    <t>Refresh a page in JQM, then fire pageinit</t>
  </si>
  <si>
    <t>&lt;p&gt;I have the following set up:&lt;/p&gt;
&lt;p&gt;&lt;code&gt;Page1&lt;/code&gt; has:&lt;/p&gt;
&lt;p&gt;&lt;strong&gt;Update&lt;/strong&gt;&lt;/p&gt;
&lt;ul&gt;
&lt;li&gt;&lt;strong&gt;Update: &lt;code&gt;input type="date"&lt;/code&gt; (set to today on page init)&lt;/strong&gt;&lt;/li&gt;
&lt;li&gt;a button that links to anther page (&lt;code&gt;Page2&lt;/code&gt;) with a list view&lt;/li&gt;
&lt;li&gt;a div that get update depending on what user selected from the list
view page&lt;/li&gt;
&lt;/ul&gt;
&lt;p&gt;&lt;code&gt;Page2&lt;/code&gt; has:&lt;/p&gt;
&lt;ul&gt;
&lt;li&gt;list view of bunch of links.&lt;/li&gt;
&lt;/ul&gt;
&lt;p&gt;When a user clicks a link of &lt;code&gt;Page2&lt;/code&gt; it checks if the selection is valid depending on the date on &lt;code&gt;Page1&lt;/code&gt;. if yes then it goes back to &lt;code&gt;Page1&lt;/code&gt; and updates a &lt;code&gt;div&lt;/code&gt; with bunch of info about the selection. If the selection wasnt valid it brings up a dialog box with a message and a &lt;code&gt;Start Over&lt;/code&gt; button.&lt;/p&gt;
&lt;p&gt;This all works fine except what i would like to do is when the user clicks &lt;code&gt;Start Over&lt;/code&gt; reload  and redirect to &lt;code&gt;Page1&lt;/code&gt; &lt;/p&gt;
&lt;p&gt;This is how i do that:&lt;/p&gt;
&lt;pre&gt;&lt;code&gt;&amp;lt;input type="button" class="reload" value="Start Over" /&amp;gt;
$('.reload').live( "click", function()
{
    $.mobile.changePage( "#Page1", {
        transition: "slide",
        reverse: true,
        changeHash: true,
        reloadPage: true
    });
});
&lt;/code&gt;&lt;/pre&gt;
&lt;p&gt;This works however once the page is reloaded it doesn't call &lt;code&gt;pageinit&lt;/code&gt;&lt;/p&gt;
&lt;pre&gt;&lt;code&gt;$('#Page1').live( 'pageinit',function(event){
  setTodaysDate();
});
&lt;/code&gt;&lt;/pre&gt;
&lt;p&gt;and therefore the date isn't displayed on &lt;code&gt;Page1&lt;/code&gt;&lt;/p&gt;
&lt;p&gt;The page needs to be reloaded because i have to rest the &lt;code&gt;div&lt;/code&gt; so it doesn't show any info about the precious successful selection. Any idea how i could accomplish this task ?&lt;/p&gt;</t>
  </si>
  <si>
    <t>2012-07-28 23:29:46.687000+00:00</t>
  </si>
  <si>
    <t>2012-07-29 00:03:42.877000+00:00</t>
  </si>
  <si>
    <t>jquery|jquery-mobile</t>
  </si>
  <si>
    <t>Radix-Sort Implementation for Dictionary/KeyValuePair Collection</t>
  </si>
  <si>
    <t>&lt;p&gt;I'm looking for a fast and efficient Radix-Sort Implementation for Dictionary/KeyValuePair Collection if possible in C# (but not mandatory). The key is an Integer between 1 000 000 and 9 999 999 999. The number of values are varying between 5 to several thousand.
At the moment I'm using LINQ-OrderBy, which is I think QuickSort. For me performance is really important and I would like to test whether a Radix-Sort would be faster.
I found only Array implementations. Of course I could try it by myself but because I'm new to this topic I believe it wouldn't be the fastest and most efficient algorithm. ;-)
Thank you.&lt;/p&gt;
&lt;p&gt;Rene&lt;/p&gt;</t>
  </si>
  <si>
    <t>2011-10-03 12:41:50.937000+00:00</t>
  </si>
  <si>
    <t>2011-10-03 15:54:15.680000+00:00</t>
  </si>
  <si>
    <t>c#|collections|dictionary|key-value|radix-sort</t>
  </si>
  <si>
    <t>XML binding in Dart</t>
  </si>
  <si>
    <t>&lt;p&gt;There is any way in Dart to parse XML and obtain an object?&lt;/p&gt;
&lt;p&gt;For example if I have this XML:&lt;/p&gt;
&lt;pre&gt;&lt;code&gt;&amp;lt;person&amp;gt;
 &amp;lt;name&amp;gt;John&amp;lt;/name&amp;gt;
 &amp;lt;surname&amp;gt;Smith&amp;lt;/surname&amp;gt;
&amp;lt;/person&amp;gt;
&lt;/code&gt;&lt;/pre&gt;
&lt;p&gt;I want to bind it to this object:&lt;/p&gt;
&lt;pre&gt;&lt;code&gt;class Person {
 String name;
 String surname;
  ...
}
&lt;/code&gt;&lt;/pre&gt;
&lt;p&gt;With a snippet like this:&lt;/p&gt;
&lt;pre&gt;&lt;code&gt;Person person = parse(xml);
&lt;/code&gt;&lt;/pre&gt;</t>
  </si>
  <si>
    <t>2014-08-07 16:23:00.827000+00:00</t>
  </si>
  <si>
    <t>2014-08-08 11:41:34.110000+00:00</t>
  </si>
  <si>
    <t>xml|parsing|dart</t>
  </si>
  <si>
    <t>Add class to table th if input range value matches th id</t>
  </si>
  <si>
    <t>&lt;p&gt;Firstly let me apologise for my poor attempt at writing jQuery. I am a designer by trade.&lt;/p&gt;
&lt;p&gt;I have a table and would like to add an active class to a &lt;code&gt;&amp;lt;th&amp;gt;&lt;/code&gt; when a range input value matches the &lt;code&gt;&amp;lt;th&amp;gt;&lt;/code&gt; id.&lt;/p&gt;
&lt;p&gt;HTML:&lt;/p&gt;
&lt;pre&gt;&lt;code&gt;&amp;lt;input type="range" name="levels" min="1" max="9" /&amp;gt;
&amp;lt;table id="levels"&amp;gt;
    &amp;lt;thead&amp;gt;
        &amp;lt;tr&amp;gt;
            &amp;lt;th&amp;gt;*&amp;lt;/th&amp;gt;
            &amp;lt;th id="1"&amp;gt;Bronze&amp;lt;/th&amp;gt;
            &amp;lt;th id="2"&amp;gt;Silver&amp;lt;/th&amp;gt;
            &amp;lt;th id="3"&amp;gt;Gold&amp;lt;/th&amp;gt;
            &amp;lt;th id="4"&amp;gt;Platinum&amp;lt;/th&amp;gt;
        &amp;lt;/tr&amp;gt;
    &amp;lt;/thead&amp;gt;
&amp;lt;/table&amp;gt;
&lt;/code&gt;&lt;/pre&gt;
&lt;p&gt;jQuery so far:&lt;/p&gt;
&lt;pre&gt;&lt;code&gt;$(document).ready(function(){
    $('[type=range]').change(function() {
        var rangeval = $(this).val();
        var th = $("levels th");
        //$("#1").addClass(rangeval);
        if (th.attr("id") == rangeval) {
            $(this).addClass('active');
        }
    });
});
&lt;/code&gt;&lt;/pre&gt;
&lt;p&gt;I realise I would need to also unset the active class on change but I'm just trying to get jQuery to add a class first.&lt;/p&gt;</t>
  </si>
  <si>
    <t>2016-04-06 09:38:00.463000+00:00</t>
  </si>
  <si>
    <t>2016-04-06 09:48:44.410000+00:00</t>
  </si>
  <si>
    <t>2016-04-06 09:39:15.123000+00:00</t>
  </si>
  <si>
    <t>jquery|html5</t>
  </si>
  <si>
    <t>Kendo-UI MVC Error Attaching Events to Grid</t>
  </si>
  <si>
    <t>&lt;p&gt;In an Asp.Net MVC Razor view, I'm trying to catch error events on my Kendo grid but it can't find the function 'onError' that I define below the grid, I've seen several examples of this working but can't get it to work in my application.&lt;/p&gt;
&lt;pre&gt;&lt;code&gt;&amp;lt;div&amp;gt;
&amp;lt;div class="row"&amp;gt;
    &amp;lt;div class="col-xs-12"&amp;gt;
        @(Html.Kendo().Grid&amp;lt;OMG.StatisticsTool.Presentation.Web.Models.ManualStats.ManualStatsViewModel&amp;gt;()
        .Name("manualStatsGrid")
        .Columns(columns =&amp;gt;
        {
            columns.Bound(stat =&amp;gt; stat.Statistic).Width(250);
            columns.Bound(stat =&amp;gt; stat.Description);
            columns.Bound(stat =&amp;gt; stat.Instructions).Width(250);
            columns.Command(commands =&amp;gt;
            {
                commands.Edit();
                commands.Destroy();
            }).Title("Commands").Width(200);
        })
        .ToolBar(toolbar =&amp;gt; toolbar.Create())
        .Editable(editable =&amp;gt; editable.Mode(GridEditMode.InLine))
        .DataSource(dataSource =&amp;gt;
            dataSource.Ajax()
                .Events(events =&amp;gt; events.Error("onError"))
                .Model(model =&amp;gt;
                {
                    model.Id(p =&amp;gt; p.Statistic);
                    model.Field(stat =&amp;gt; stat.Description).Editable(false);
                })
                .Create(create =&amp;gt; create.Action("Index_Create", "ManualStats"))
                .Read(read =&amp;gt; read.Action("Index_Read", "ManualStats"))
                .Update(update =&amp;gt; update.Action("Index_Update", "ManualStats"))
                .Destroy(destroy =&amp;gt; destroy.Action("Index_Destroy", "ManualStats"))
        )
        .Sortable()
        .Scrollable()
        .Filterable(ftb =&amp;gt; ftb.Mode(GridFilterMode.Row))
        )
    &amp;lt;/div&amp;gt;
&amp;lt;/div&amp;gt;        
&amp;lt;div class="row"&amp;gt;
    &amp;lt;div class="col-xs-4 col-md-1"&amp;gt;
        &amp;lt;button class="btn btn-primary" type="submit" id="save"&amp;gt;Save&amp;lt;/button&amp;gt;
    &amp;lt;/div&amp;gt;
    &amp;lt;div class="col-xs-4 col-md-1"&amp;gt;
        &amp;lt;button class="btn btn-primary" id="cancel"&amp;gt;Cancel&amp;lt;/button&amp;gt;
    &amp;lt;/div&amp;gt;
&amp;lt;/div&amp;gt;        
&lt;/code&gt;&lt;/pre&gt;
&lt;p&gt;&lt;/p&gt;
&lt;pre&gt;&lt;code&gt;&amp;lt;script type="text/javascript"&amp;gt;
    function onError() {
        console.log('had error');
    }
&amp;lt;/script&amp;gt;
&lt;/code&gt;&lt;/pre&gt;</t>
  </si>
  <si>
    <t>2016-08-31 21:00:24.167000+00:00</t>
  </si>
  <si>
    <t>2016-08-31 21:35:51.790000+00:00</t>
  </si>
  <si>
    <t>kendo-ui|asp.net-mvc-5</t>
  </si>
  <si>
    <t>How split buf into two slice in one line code?</t>
  </si>
  <si>
    <t>&lt;p&gt;Split a &lt;code&gt;buf&lt;/code&gt; into two slices.&lt;/p&gt;
&lt;p&gt;One is &lt;/p&gt;
&lt;pre&gt;&lt;code&gt;buf[:n]
&lt;/code&gt;&lt;/pre&gt;
&lt;p&gt;other is&lt;/p&gt;
&lt;pre&gt;&lt;code&gt;buf[n:].
&lt;/code&gt;&lt;/pre&gt;
&lt;p&gt;&lt;code&gt;n&lt;/code&gt; maybe larger than &lt;code&gt;len(buf)&lt;/code&gt;.
Finish it just using one line code .&lt;/p&gt;
&lt;p&gt;Is there any grace code ?&lt;/p&gt;</t>
  </si>
  <si>
    <t>2016-08-04 10:11:21.833000+00:00</t>
  </si>
  <si>
    <t>2016-08-05 03:55:42.820000+00:00</t>
  </si>
  <si>
    <t>2016-08-04 11:18:00.613000+00:00</t>
  </si>
  <si>
    <t>go</t>
  </si>
  <si>
    <t>Create a QPaintDevice from HDC handle</t>
  </si>
  <si>
    <t>&lt;p&gt;I have a Windows HDC handle from an external library that I'd like to use QPainter functionality to draw on. Is there any way in Qt to create a QPaintDevice from a HDC handle?&lt;/p&gt;</t>
  </si>
  <si>
    <t>2012-04-29 15:37:52.263000+00:00</t>
  </si>
  <si>
    <t>2012-04-29 23:38:47.427000+00:00</t>
  </si>
  <si>
    <t>c++|qt|hdc</t>
  </si>
  <si>
    <t>Plot one dimensional bloch wave function</t>
  </si>
  <si>
    <t>&lt;p&gt;I'm new to both quantum physics and coding, so I would appreciate some help on my code. I'm trying to plot a Bloch wave function in one dimension with c-constants as &lt;code&gt;c(-1)=0.5, c(0)=1 and c(1)=0.5&lt;/code&gt;, and I define the c-values as an array. But I'm not sure that this is the best way to do it. The Bloch wave function shall go through x-values of &lt;code&gt;0-10 (��)&lt;/code&gt;. &lt;/p&gt;
&lt;p&gt;I code in Python. I have trouble with understanding how to code that i want my function to go trough &lt;code&gt;c(-1)=0.5, c(0)=1, c(1)=0.5 for every point in x=[0,10]&lt;/code&gt;.&lt;/p&gt;
&lt;p&gt;I would really appreciate some feedback on my code: &lt;/p&gt;
&lt;pre&gt;&lt;code&gt;import numpy as np
from matplotlib import peplos as pl
from matplotlib import animation
import math 
#Define constants 
N=1 
n=1
a=2
L=N*n*a
k=( 2 * math.pi ) / L
G = ( 2 * math.pi * n ) / a
x = np.array([ 0 , 10 ])
#Defining the c-values 
c = np.array([0.5,1,0.5])
#Defining the function 
def psi(x):
    return c*(np.exp((1j*(k+G)*x)))
for x in range: 
    for c in range: 
        y=psi(x) 
pl.plot(x,y) 
pl.show()
&lt;/code&gt;&lt;/pre&gt;</t>
  </si>
  <si>
    <t>2016-09-21 08:26:27.637000+00:00</t>
  </si>
  <si>
    <t>2016-09-23 19:24:38.853000+00:00</t>
  </si>
  <si>
    <t>python|arrays|function|python-3.x</t>
  </si>
  <si>
    <t>inner class within Interface</t>
  </si>
  <si>
    <t>&lt;p&gt;is that possible to create a inner class within an interface?
If yes, why do we create like that?
Anyways we are not going to create any interface objects?&lt;/p&gt;
&lt;p&gt;Do they help in any Development process?&lt;/p&gt;</t>
  </si>
  <si>
    <t>2010-03-08 11:12:36.440000+00:00</t>
  </si>
  <si>
    <t>2018-05-08 09:26:01.040000+00:00</t>
  </si>
  <si>
    <t>2010-03-08 11:14:43.703000+00:00</t>
  </si>
  <si>
    <t>java|oop|interface|inner-classes</t>
  </si>
  <si>
    <t>How to generate documentation using Sandcastle NuGet package (EWSoftware.SHFB)?</t>
  </si>
  <si>
    <t>&lt;p&gt;I am trying to generate website documentation for my C# code using the NuGet package of Sandcastle in Visual Studio (EWSoftware.SHFB). The fact is that I don't know how to use it. I install it from the NuGet package manager and then I have no idea what to do with it.&lt;/p&gt;
&lt;p&gt;I have no problem to edit my documentation project and to generate the corresponding website using the VS Sandcaslte extension installed with the default installer.&lt;/p&gt;
&lt;p&gt;Thank you for your help.&lt;/p&gt;</t>
  </si>
  <si>
    <t>2015-11-12 09:41:10.030000+00:00</t>
  </si>
  <si>
    <t>2016-12-08 13:20:45.803000+00:00</t>
  </si>
  <si>
    <t>2015-11-12 10:32:13.020000+00:00</t>
  </si>
  <si>
    <t>c#|visual-studio|nuget|sandcastle</t>
  </si>
  <si>
    <t>How do I connect to an external MongoDB Collection in a Meteor App</t>
  </si>
  <si>
    <t>&lt;p&gt;By default the Meteor app has access to collections in a database called meteor, but I would like to connect to a collection contained in a different database. &lt;/p&gt;
&lt;p&gt;Looking around, I found some snippets which try to do the following: &lt;/p&gt;
&lt;pre&gt;&lt;code&gt;var mongoUrl = 'mongodb://127.0.0.1:27018/meteor';
var oplogUrl = 'mongodb://127.0.0.1:27018/local';
var remoteDriver = new MongoInternals.RemoteCollectionDriver(mongoUrl, {
    oplogUrl: oplogUrl,
});
var remoteCollection = new Mongo.Collection('extract', {
    _driver: remoteDriver,
});
&lt;/code&gt;&lt;/pre&gt;
&lt;p&gt;But doing so my app is crashing giving the following error:&lt;/p&gt;
&lt;pre&gt;&lt;code&gt;&amp;gt; Exited with code: 8
? (STDERR)
? (STDERR) /Users/test/.meteor/packages/meteor-tool/.1.3.3.ems6rm++os.osx.x86_64+web.browser+web.cordova/mt-os.osx.x86_64/dev_bundle/server-lib/node_modules/fibers/future.js:280
? (STDERR)                          throw(ex);
? (STDERR)                                ^
? (STDERR) Error: $MONGO_OPLOG_URL must be set to the 'local' database of a Mongo replica set
? (STDERR)     at Error (&amp;lt;anonymous&amp;gt;)
? (STDERR)     at OplogHandle._startTailing (packages/mongo/oplog_tailing.js:216:13)
? (STDERR)     at new OplogHandle (packages/mongo/oplog_tailing.js:76:8)
? (STDERR)     at new MongoConnection (packages/mongo/mongo_driver.js:216:25)
? (STDERR)     at new MongoInternals.RemoteCollectionDriver (packages/mongo/remote_collection_driver.js:4:16)
? (STDERR)     at meteorInstall.collections.job_extract.js (collections/job_extract.js:10:20)
? (STDERR)     at fileEvaluate (packages/modules-runtime/.npm/package/node_modules/install/install.js:153:1)
? (STDERR)     at require (packages/modules-runtime/.npm/package/node_modules/install/install.js:82:1)
? (STDERR)     at /Users/test/app_meteor/.meteor/local/build/programs/server/app/app.js:1453:1
? (STDERR)     at /Users/test/app_meteor/.meteor/local/build/programs/server/boot.js:291:10
? (STDERR)     at Array.forEach (native)
? (STDERR)     at Function._.each._.forEach (/Users/arj/.meteor/packages/meteor-tool/.1.3.3.ems6rm++os.osx.x86_64+web.browser+web.cordova/mt-os.osx.x86_64/dev_bundle/server-lib/node_modules/underscore/underscore.js:79:11)
? (STDERR)     at /Users/test/app_meteor/.meteor/local/build/programs/server/boot.js:133:5
&lt;/code&gt;&lt;/pre&gt;</t>
  </si>
  <si>
    <t>2016-07-19 15:10:58.563000+00:00</t>
  </si>
  <si>
    <t>2016-07-19 17:44:20.453000+00:00</t>
  </si>
  <si>
    <t>mongodb|meteor</t>
  </si>
  <si>
    <t>Geolocation with openlayers limits</t>
  </si>
  <si>
    <t>&lt;p&gt;Are there any limitations to the geolocation with openlayers? (number of requests, unreliability etc?)&lt;/p&gt;
&lt;p&gt;Thank you, 
Alex&lt;/p&gt;</t>
  </si>
  <si>
    <t>2015-06-17 15:41:10.910000+00:00</t>
  </si>
  <si>
    <t>2015-06-17 20:56:53.353000+00:00</t>
  </si>
  <si>
    <t>geolocation|openlayers</t>
  </si>
  <si>
    <t>WCF OperationContract that acceps array of objects always returns length of 0</t>
  </si>
  <si>
    <t>&lt;p&gt;I have the following OperationContract on my WCF Service:&lt;/p&gt;
&lt;pre&gt;&lt;code&gt;public int ProcessEntries(Entry[] entries)
{
    return entries.Length;
}
&lt;/code&gt;&lt;/pre&gt;
&lt;p&gt;My interface defintion for my OperationContract is as follows:&lt;/p&gt;
&lt;pre&gt;&lt;code&gt;[OperationContract]
[WebInvoke(
    Method = "POST",
    RequestFormat = WebMessageFormat.Json,
    ResponseFormat = WebMessageFormat.Json)]
int ProcessEntries(Entry[] entries);
&lt;/code&gt;&lt;/pre&gt;
&lt;p&gt;The &lt;code&gt;Entry&lt;/code&gt; class is defined as follows:&lt;/p&gt;
&lt;pre&gt;&lt;code&gt;[DataContract]
public class Entry
{
    [DataMember]
    public int Id { get; set; }
    [DataMember]
    public string Name { get; set; }
}
&lt;/code&gt;&lt;/pre&gt;
&lt;p&gt;I'm calling the OperationContract of the WCF Service via jQuery with the following call:&lt;/p&gt;
&lt;pre&gt;&lt;code&gt;$.ajax({
    url: 'MyService.svc/json/ProcessEntries',
    type: 'POST',
    data: JSON.stringify({
        entries: [
            { Id: 1, Name: 'Test1' },
            { Id: 2, Name: 'Test2' }
        ]
    },
    contentType: 'application/json',
    success: function (d) { console.log(d); }
});
&lt;/code&gt;&lt;/pre&gt;
&lt;p&gt;In Chrome Developer Tools, I see my Request Payload as follows:&lt;/p&gt;
&lt;pre&gt;&lt;code&gt;{
    "entries": [
        {
            "Id": 1,
            "Name": "Test1"
        },
        {
            "Id": 2,
            "Name": "Test2"
        }
    ]
}
&lt;/code&gt;&lt;/pre&gt;
&lt;p&gt;I'm expecting the response to be &lt;code&gt;2&lt;/code&gt;, but I always receive the response of &lt;code&gt;0&lt;/code&gt;.&lt;/p&gt;
&lt;p&gt;What am I doing wrong here? Why does my OperationContract think that the array of &lt;code&gt;Entry&lt;/code&gt; has a length of &lt;code&gt;0&lt;/code&gt;?&lt;/p&gt;
&lt;hr&gt;
&lt;p&gt;&lt;strong&gt;Edit&lt;/strong&gt; In Debug mode, I can see that the entries array is actually empty. Why would it not be getting the entries from deserializing the JSON sent in the request?&lt;/p&gt;
&lt;hr&gt;
&lt;p&gt;&lt;strong&gt;Final Edit&lt;/strong&gt; I discovered that adding &lt;code&gt;BodyStyle = WebMessageBodyStyle.WrappedRequest&lt;/code&gt; to my &lt;code&gt;WebInvoke&lt;/code&gt; attribute fixes the problem, but I'm not sure why. Can anyone answer this question?&lt;/p&gt;</t>
  </si>
  <si>
    <t>2014-01-15 17:36:26.423000+00:00</t>
  </si>
  <si>
    <t>2014-01-15 18:03:48.493000+00:00</t>
  </si>
  <si>
    <t>c#|.net|json|wcf|serialization</t>
  </si>
  <si>
    <t>read.csv warning 'EOF within quoted string' prevents complete reading of file</t>
  </si>
  <si>
    <t>&lt;p&gt;I have &lt;a href="http://www.filedropper.com/citations"&gt;a CSV file (24.1 MB)&lt;/a&gt; that I cannot fully read into my R session. When I open the file in a spreadsheet program I can see 112,544 rows. When I read it into R with &lt;code&gt;read.csv&lt;/code&gt; I only get 56,952 rows and this warning:&lt;/p&gt;
&lt;pre&gt;&lt;code&gt;cit &amp;lt;- read.csv("citations.CSV", row.names = NULL, 
                comment.char = "", header = TRUE, 
                stringsAsFactors = FALSE,  
                colClasses= "character", encoding= "utf-8")
Warning message:
In scan(file, what, nmax, sep, dec, quote, skip, nlines, na.strings,  :
  EOF within quoted string
&lt;/code&gt;&lt;/pre&gt;
&lt;p&gt;I can read the whole file into R with &lt;code&gt;readLines&lt;/code&gt;:&lt;/p&gt;
&lt;pre&gt;&lt;code&gt;rl &amp;lt;- readLines(file("citations.CSV", encoding = "utf-8"))
length(rl)
[1] 112545
&lt;/code&gt;&lt;/pre&gt;
&lt;p&gt;But I can't get this back into R as a table (via &lt;code&gt;read.csv&lt;/code&gt;):&lt;/p&gt;
&lt;pre&gt;&lt;code&gt;write.table(rl, "rl.txt", quote = FALSE, row.names = FALSE)
rl_in &amp;lt;- read.csv("rl.txt", skip = 1, row.names = NULL)
Warning message:
In scan(file, what, nmax, sep, dec, quote, skip, nlines, na.strings,  :
  EOF within quoted string
&lt;/code&gt;&lt;/pre&gt;
&lt;p&gt;How can I solve or workaround this EOF message (which seems to be more of an error than a warning) to get the entire file into my &lt;code&gt;R&lt;/code&gt; session?&lt;/p&gt;
&lt;p&gt;I have similar problems with other methods of reading CSV files:&lt;/p&gt;
&lt;pre&gt;&lt;code&gt;require(sqldf)
cit_sql &amp;lt;- read.csv.sql("citations.CSV", sql = "select * from file")
require(data.table)
cit_dt &amp;lt;- fread("citations.CSV")
require(ff)
cit_ff &amp;lt;- read.csv.ffdf(file="citations.CSV")
&lt;/code&gt;&lt;/pre&gt;
&lt;p&gt;Here's my sessionInfo()&lt;/p&gt;
&lt;pre&gt;&lt;code&gt;R version 3.0.1 (2013-05-16)
Platform: x86_64-w64-mingw32/x64 (64-bit)
locale:
[1] LC_COLLATE=English_United States.1252  LC_CTYPE=English_United States.1252   
[3] LC_MONETARY=English_United States.1252 LC_NUMERIC=C                          
[5] LC_TIME=English_United States.1252    
attached base packages:
[1] tools     tcltk     stats     graphics  grDevices utils     datasets  methods   base     
other attached packages:
 [1] ff_2.2-11             bit_1.1-10            data.table_1.8.8      sqldf_0.4-6.4        
 [5] RSQLite.extfuns_0.0.1 RSQLite_0.11.4        chron_2.3-43          gsubfn_0.6-5         
 [9] proto_0.3-10          DBI_0.2-7   
&lt;/code&gt;&lt;/pre&gt;</t>
  </si>
  <si>
    <t>2013-07-01 22:35:43.570000+00:00</t>
  </si>
  <si>
    <t>2018-08-17 21:07:13.830000+00:00</t>
  </si>
  <si>
    <t>r|csv|eof|read.table</t>
  </si>
  <si>
    <t>any way to write more concise gradle?</t>
  </si>
  <si>
    <t>&lt;p&gt;I do not know groovy well enough yet and just trying to get by right now.  I have the following gradle working right now but am wondering if there is a more concise way to write it:&lt;/p&gt;
&lt;pre&gt;&lt;code&gt;task staging(type: Sync) {
    from(stagingDir) {}
    into toStagingDir
}
task syncJars(type: Sync) {
    from(configurations.compile) {}
    from(fixedLibDir) {}
    into toStagingLibsDir
}
task copyMainJar(type: Copy) {
    from(libsDir) {}
    into toStagingLibsDir
}
task myZip(type: Zip) {
    archiveName "bacnet.zip"
    from(buildDir) {
        include project.name+'/**'
    }
}
syncJars.dependsOn('staging')
copyMainJar.dependsOn('syncJars')
myZip.dependsOn('copyMainJar')
assemble.dependsOn('myZip')
&lt;/code&gt;&lt;/pre&gt;
&lt;p&gt;Perhaps there is someway to write it like this:&lt;/p&gt;
&lt;pre&gt;&lt;code&gt;task prepareStaging {
    staging from stagingDir into toStagingDir
    syncJars from configurations.compile from fixedLibDir into toStagingLibsDir
    copyMainJar from libsDir into toStagingLibsDir
    myZip archiveName "bacnet.zip" from buildDir { include project.name+'/**' }
}
assemble.dependsOn('prepareStaging')
&lt;/code&gt;&lt;/pre&gt;
&lt;p&gt;Ideally, I LOVE self-documenting code. In this second example, it is obvious to the next developer I mean each of those small tasks to NOT be re-usable.  This is very clear(ie. self-documenting).  In the first way I wrote the code that is definitely not clear as those tasks could be re-used from other project files.&lt;/p&gt;
&lt;p&gt;Any way to write it in that simpler form?&lt;/p&gt;
&lt;p&gt;&lt;strong&gt;NOTE: I still want all the UP-TO-DATE checks to happen as well as usual though!!!&lt;/strong&gt;&lt;/p&gt;</t>
  </si>
  <si>
    <t>2012-10-12 14:22:10.067000+00:00</t>
  </si>
  <si>
    <t>2018-04-09 08:49:23.973000+00:00</t>
  </si>
  <si>
    <t>gradle</t>
  </si>
  <si>
    <t>Items of a UITabBar are not being highlighted when selected</t>
  </si>
  <si>
    <t>&lt;p&gt;I'm having a trouble with a UITabBar with UITabBarItem added programmatically, the selected item is not being highlighted in white as usual.&lt;/p&gt;
&lt;p&gt;Here's the source&lt;/p&gt;
&lt;pre&gt;&lt;code&gt;UIImage *imageX = [UIImage imageNamed:@"sample.png"];
UITabBarItem *tabBarItem = [[UITabBarItem alloc]initWithTitle:@"Sample" image:imageX tag:1];    
NSArray *array = [NSArray arrayWithObjects:tabBarItem, nil];
[tabBar setItems:array];    
&lt;/code&gt;&lt;/pre&gt;
&lt;p&gt;When I select the item, the method didSelectItem of the delegate is called and the action is executed, but the image is not being highlighted by the bar...&lt;/p&gt;
&lt;pre&gt;&lt;code&gt;- (void)tabBar:(UITabBar *)tabBar didSelectItem:(UITabBarItem *)item {                
&lt;/code&gt;&lt;/pre&gt;
&lt;p&gt;Anyone know what's wrong ? I have to call other method to pass the highlighted image or something like that ?&lt;/p&gt;
&lt;p&gt;The items of the tab bar are added programmatically but the tab bar I add via Storyboard.&lt;/p&gt;
&lt;p&gt;Also, I did a test where the tab bar and the tab bar items are added via Storyboard, and everything works, including the highlighted icon is shown when it's selected &lt;/p&gt;
&lt;p&gt;Thanks !&lt;/p&gt;</t>
  </si>
  <si>
    <t>2012-07-20 00:53:28.250000+00:00</t>
  </si>
  <si>
    <t>2012-08-20 14:51:29.463000+00:00</t>
  </si>
  <si>
    <t>ios5|uitabbar|uitabbaritem</t>
  </si>
  <si>
    <t>Standard lib or Akka for Scala.2.10.1?</t>
  </si>
  <si>
    <t>&lt;p&gt;I am going to use &lt;code&gt;Futures&lt;/code&gt; and &lt;code&gt;Promises&lt;/code&gt; from &lt;code&gt;scala.concurrent&lt;/code&gt; package in Scala &lt;strong&gt;2.10.1&lt;/strong&gt;. Should I use &lt;code&gt;Akka&lt;/code&gt; instead ?&lt;/p&gt;</t>
  </si>
  <si>
    <t>2013-05-12 14:05:57.997000+00:00</t>
  </si>
  <si>
    <t>2013-05-13 13:32:36.580000+00:00</t>
  </si>
  <si>
    <t>scala|concurrency|akka</t>
  </si>
  <si>
    <t>C++ Macro to create a string array</t>
  </si>
  <si>
    <t>&lt;p&gt;Is there a way to create a &lt;code&gt;std::string&lt;/code&gt; (or &lt;code&gt;char*&lt;/code&gt;) array with a pre-processor macro?&lt;/p&gt;
&lt;p&gt;Something like this:&lt;/p&gt;
&lt;pre&gt;&lt;code&gt;std::string myStrings[] = {MAGIC_MACRO(a, b, c)};
&lt;/code&gt;&lt;/pre&gt;
&lt;p&gt;Result:&lt;/p&gt;
&lt;pre&gt;&lt;code&gt;std::string myStrings[] = {"a", "b", "c"}
&lt;/code&gt;&lt;/pre&gt;
&lt;p&gt;I know it looks pointless but I need it in a more complicated macro that has a variable number of arguments&lt;/p&gt;</t>
  </si>
  <si>
    <t>2017-06-01 09:08:56.030000+00:00</t>
  </si>
  <si>
    <t>2017-08-10 14:00:20.420000+00:00</t>
  </si>
  <si>
    <t>2017-06-01 09:21:27.780000+00:00</t>
  </si>
  <si>
    <t>c++|preprocessor</t>
  </si>
  <si>
    <t>CSS - get rid of initially setup lists nav</t>
  </si>
  <si>
    <t>&lt;p&gt;I applied  CSS  in my Home page and as a header on all other pages, where the nav bar is lists  &lt;code&gt;&amp;lt;LI&amp;gt;��� &amp;lt;UL&amp;gt;&lt;/code&gt;. However, I can no longer get rid of the &lt;code&gt;&amp;lt;a href&amp;gt;&lt;/code&gt; together with the 'mouseover hover'.  I can no longer use a simple HTML href link (not &lt;code&gt;&amp;lt;ul ...li&amp;gt;&lt;/code&gt;!), independently of the initial set up.  I automatically get the same color, shape, mouse over as in the original set up in my home page (CSS). This is particularly annoying when I try to link a big image to my smaller sample images (thumb nails) of my paintings.  &lt;/p&gt;
&lt;p&gt;I have been trying to find the answer over the internet. I can see in many forums that I am not the only one; it appears that it is a occurring problem. But the suggestions supplied do not work (or I do not understand how to apply them).&lt;br&gt;
 I am new to CSS. I learned some HTML years ago. &lt;/p&gt;
&lt;pre&gt;&lt;code&gt;&amp;lt;style&amp;gt;
ul
{
float:top;center;
width:100%;
padding:0;
margin:0;
list-style-type:none;
}
a
{
float:left;
width:9em;
text-decoration:none;
color:Azure;
background-color:#000033;
padding:0.3em 0.7em;
border-right:1px solid white;
}
a:hover {background-color:#D4AF37;}
&amp;lt;/style&amp;gt;
&amp;lt;/head&amp;gt;
&amp;lt;body&amp;gt;
&amp;lt;ul&amp;gt;
&amp;lt;/ul&amp;gt;
&amp;lt;/td&amp;gt;
&amp;lt;/tr&amp;gt;
&amp;lt;tr&amp;gt;
 &amp;lt;td&amp;gt;
&amp;lt;style&amp;gt;
ul
{
float:top;right;
width:100%;
padding:0;
margin:0;
list-style-type:none;
}
a
{
float:left;
width:9em;
text-decoration:none;
color:Azure;
background-color:#470647;
padding:0.3em 0.7em;
border-right:1px solid white;
}
a:hover {background-color:#D4AF37;}
&amp;lt;/style&amp;gt;
&amp;lt;/head&amp;gt;
&amp;lt;body&amp;gt;
&amp;lt;ul&amp;gt;
&amp;lt;/ul&amp;gt;
&amp;lt;/td&amp;gt;
&amp;lt;/tr&amp;gt;
&lt;/code&gt;&lt;/pre&gt;</t>
  </si>
  <si>
    <t>2013-10-29 18:18:21.527000+00:00</t>
  </si>
  <si>
    <t>2013-10-29 19:49:03.550000+00:00</t>
  </si>
  <si>
    <t>2013-10-29 18:26:01.683000+00:00</t>
  </si>
  <si>
    <t>html|css|href</t>
  </si>
  <si>
    <t>What is the best practices with declaring custom element's private property in Polymer</t>
  </si>
  <si>
    <t>&lt;p&gt;By looking at the Polymer dev guide, the properties declared within the properties object would become the element's public API. So I usually don't declare private properties inside of the properties object, but do&lt;/p&gt;
&lt;pre&gt;&lt;code&gt;ready: function() {
  this.privatePropertyName = 'random text';
}
&lt;/code&gt;&lt;/pre&gt;
&lt;p&gt;I've also seen some code declare private properties in properties with '_' prefix naming convention, like&lt;/p&gt;
&lt;pre&gt;&lt;code&gt;  properties: {
    _privateProperty: {
      type: Number,
      readOnly: true,
      value: 0,
    }
  }
&lt;/code&gt;&lt;/pre&gt;
&lt;p&gt;What is the best practices on this if any? Shall we try to stick with the rule that only public properties go into the properties object?&lt;/p&gt;</t>
  </si>
  <si>
    <t>2016-11-22 21:39:01.390000+00:00</t>
  </si>
  <si>
    <t>2016-11-26 03:20:48.510000+00:00</t>
  </si>
  <si>
    <t>2016-11-23 15:42:38.027000+00:00</t>
  </si>
  <si>
    <t>polymer|polymer-1.0|private-members</t>
  </si>
  <si>
    <t>How to get the value of -webkit-transform with jquery</t>
  </si>
  <si>
    <t>&lt;p&gt;My CSS:&lt;/p&gt;
&lt;pre&gt;&lt;code&gt;-webkit-transform: translateX(350px) translateZ(-200px) rotateY(45deg);
&lt;/code&gt;&lt;/pre&gt;
&lt;p&gt;Method to get transform value:&lt;/p&gt;
&lt;pre&gt;&lt;code&gt;var matrix = $item.css("transform");
&lt;/code&gt;&lt;/pre&gt;
&lt;p&gt;Then I get the value like this:&lt;/p&gt;
&lt;pre&gt;&lt;code&gt;matrix3d(0.707107, 0, 0.707107, 0, 0, 1, 0, 0, -0.707107, 0, 0.707107, 0, 350, 0, -200, 1)
&lt;/code&gt;&lt;/pre&gt;
&lt;p&gt;Question:&lt;/p&gt;
&lt;pre&gt;&lt;code&gt;How can I get the rorateY value?
&lt;/code&gt;&lt;/pre&gt;</t>
  </si>
  <si>
    <t>2013-03-29 02:21:26.330000+00:00</t>
  </si>
  <si>
    <t>2013-03-29 02:28:36.947000+00:00</t>
  </si>
  <si>
    <t>jquery|3d</t>
  </si>
  <si>
    <t>Use gsub when I match specific column</t>
  </si>
  <si>
    <t>&lt;p&gt;I have an original file containing a table of DNA base sequences, with row and column labels, and a separate "position" file listing a subset of the column labels.  I need to process the original file, performing a transformation on the values from the columns identified by the position file.&lt;/p&gt;
&lt;p&gt;Example original file:&lt;/p&gt;
&lt;pre&gt;&lt;code&gt;name pos1 pos2 pos3 pos4 pos5 pos6 pos7
name1 AT TA CT GT CC TC TT
name2 AA TA TT GT TC TC TT
name3 AT TT CG AT CT TC TT
name4 GT TA CT TT CC TC TT
&lt;/code&gt;&lt;/pre&gt;
&lt;p&gt;Example position file:&lt;/p&gt;
&lt;pre&gt;&lt;code&gt;pos1
pos3
pos6
pos7
&lt;/code&gt;&lt;/pre&gt;
&lt;p&gt;On each of the selected fields I need to perform these translations:&lt;/p&gt;
&lt;pre&gt;&lt;code&gt;A to T
C to G
G to C
T to A
&lt;/code&gt;&lt;/pre&gt;
&lt;p&gt;Thus, the output obtained by processing the example original file based on the provided position file would be:&lt;/p&gt;
&lt;pre&gt;&lt;code&gt;name pos1 pos2 pos3 pos4 pos5 pos6 pos7
name1 TA TA GA GT CC AG AA
name2 TT TA AA GT TC AG AA
name3 TA TT GC AT CT AG AA
name4 CA TA GA TT CC AG AA
&lt;/code&gt;&lt;/pre&gt;
&lt;p&gt;So the first line is unmodified, and on each subsequent line the fields corresponding to column labels &lt;code&gt;pos1&lt;/code&gt;, &lt;code&gt;pos3&lt;/code&gt;, &lt;code&gt;pos6&lt;/code&gt;, and &lt;code&gt;pos7&lt;/code&gt; are transformed, whereas the other fields are preserved unchanged.&lt;/p&gt;
&lt;p&gt;I know how to use &lt;code&gt;awk&lt;/code&gt; to apply &lt;code&gt;gsub()&lt;/code&gt; to modify whole input lines or to modify the n&lt;sup&gt;th&lt;/sup&gt; field specifically, but I need to modify only those fields listed in the position file, as identified by the column labels on the first line of the data file.  How can I implement that in &lt;code&gt;awk&lt;/code&gt;?&lt;/p&gt;</t>
  </si>
  <si>
    <t>2016-06-10 14:35:06.307000+00:00</t>
  </si>
  <si>
    <t>2016-06-10 18:56:38.653000+00:00</t>
  </si>
  <si>
    <t>2016-06-10 15:56:39.267000+00:00</t>
  </si>
  <si>
    <t>bash|awk|string-substitution</t>
  </si>
  <si>
    <t>jQuery function calling twice, once from our own js and next from jquery.min.js</t>
  </si>
  <si>
    <t>&lt;p&gt;Hi, I am using jQuery in my application and for swiping event I used jquery mobile, due to usage of both in one application I had an issue that is the swiping event gets fired twice, one time from my own js file and second time the code copied into jquery.min.js, and executing from there.&lt;/p&gt;
&lt;pre&gt;&lt;code&gt;$(document).ready(function(){
    var wrap = $('.slides_wrap');
    var slides = wrap.find('.img_slide');
    slides.on('swipeleft', function(e) {
        console.log('called swipeleft');
        $('a.carousel-control .rightArrow').click();
    });
    slides.on('swiperight', function(e) {
        console.log('called swiperight');
        $('a.carousel-control .leftArrow').click();
    });
  });
&lt;/code&gt;&lt;/pre&gt;</t>
  </si>
  <si>
    <t>2014-01-06 06:14:15.070000+00:00</t>
  </si>
  <si>
    <t>2014-01-06 14:47:21.580000+00:00</t>
  </si>
  <si>
    <t>2014-01-06 06:48:42.717000+00:00</t>
  </si>
  <si>
    <t>Controling ports on localhost</t>
  </si>
  <si>
    <t>&lt;p&gt;i am trying to learn socket programming with PHP but quickly ran into binding errors on ports,now my attention is diverted onto solving port issues, how do i go about fully controlling ports on my machine, what commands do i use?&lt;/p&gt;
&lt;pre&gt;&lt;code&gt;sudo netcat -z -vv localhost http
localhost [127.0.0.1] 80 (http): Connection refused
&lt;/code&gt;&lt;/pre&gt;
&lt;p&gt;my problem is i get connection refused on port 80
and when i run a port scan on my iMac i only get&lt;/p&gt;
&lt;pre&gt;&lt;code&gt;netcat -v -z -n -w 1 127.0.0.1 1-1023
127.0.0.1 88 (kerberos) open
127.0.0.1 548 (afpovertcp) open
127.0.0.1 631 (ipp) open
&lt;/code&gt;&lt;/pre&gt;
&lt;p&gt;how do i add port 80 (http) open
to that list?&lt;/p&gt;
&lt;p&gt;any help would be appreciated thanks&lt;/p&gt;</t>
  </si>
  <si>
    <t>2015-11-09 14:37:42.513000+00:00</t>
  </si>
  <si>
    <t>http|tcp|localhost|port|netcat</t>
  </si>
  <si>
    <t>how to find the minimum value of each row and column from given table</t>
  </si>
  <si>
    <t>&lt;p&gt;i want to find the minimum value of each row also minimum value of each column &lt;/p&gt;
&lt;ol&gt;
&lt;li&gt;add input to each row and column produced after the table generation &lt;/li&gt;
&lt;li&gt;want to find minimum value of each row and minimum value of each column  &lt;/li&gt;
&lt;li&gt;also minimum value of whole table &lt;/li&gt;
&lt;/ol&gt;
&lt;p&gt;i want to input the user values instead of default value cell in fiddle given below &lt;/p&gt;
&lt;p&gt;[fiddle][1]&lt;/p&gt;
&lt;p&gt;&lt;div class="snippet" data-lang="js" data-hide="false" data-console="true" data-babel="false"&gt;_x000D_
&lt;div class="snippet-code"&gt;_x000D_
&lt;pre class="snippet-code-js lang-js prettyprint-override"&gt;&lt;code&gt;(function (window, document, undefined) {_x000D_
    "use strict";_x000D_
_x000D_
    var wrap = document.getElementById("wrap"),_x000D_
        setColumn = document.getElementById("column"),_x000D_
        setRow = document.getElementById("row"),_x000D_
        btnGen = document.getElementById("btnGen"),_x000D_
        btnCopy = document.getElementById("btnCopy");_x000D_
_x000D_
    btnGen.addEventListener("click", generateTable);_x000D_
    btnCopy.addEventListener("click", copyTo);_x000D_
_x000D_
    function generateTable(e) {_x000D_
        var newTable = document.createElement("table"),_x000D_
            tBody = newTable.createTBody(),_x000D_
            nOfColumns = parseInt(setColumn.value, 10),_x000D_
            nOfRows = parseInt(setRow.value, 10),_x000D_
            row;_x000D_
_x000D_
        newTable.createCaption().appendChild(document.createTextNode("Generated Table"));_x000D_
_x000D_
        for (var i = 0; i &amp;lt; nOfRows; i++) {_x000D_
            row = generateRow(nOfColumns);_x000D_
            tBody.appendChild(row.cloneNode(true));_x000D_
        }_x000D_
_x000D_
        (wrap.hasChildNodes() ? wrap.replaceChild : wrap.appendChild).call(wrap, newTable, wrap.children[0]);_x000D_
    }_x000D_
_x000D_
    function generateRow(n) {_x000D_
        var row = document.createElement("tr"),_x000D_
            text;_x000D_
_x000D_
        for (var i = 0; i &amp;lt; n; i++) {_x000D_
            text = document.createTextNode(Math.trunc(100 * Math.random()));_x000D_
            row.insertCell().appendChild(text.cloneNode(true));_x000D_
        }_x000D_
        _x000D_
        return row.cloneNode(true);_x000D_
    }_x000D_
_x000D_
    function copyTo(e) {_x000D_
        prompt("Copy to clipboard: Ctrl+C, Enter", wrap.innerHTML);_x000D_
    }_x000D_
}(window, window.document));&lt;/code&gt;&lt;/pre&gt;_x000D_
&lt;pre class="snippet-code-css lang-css prettyprint-override"&gt;&lt;code&gt;ul {_x000D_
    margin-left: 0;_x000D_
    padding-left: 0;_x000D_
    width: 200px;_x000D_
}_x000D_
ul li {_x000D_
    list-style: none;_x000D_
    padding-bottom: 1em;_x000D_
}_x000D_
input[type=number] {_x000D_
    width: 70px;_x000D_
    float: right;_x000D_
}_x000D_
table, td {_x000D_
    border: 1px solid #000;_x000D_
    padding: 5px;_x000D_
    border-spacing: 0;_x000D_
    border-collapse: collapse;_x000D_
    caption-side: bottom;_x000D_
}&lt;/code&gt;&lt;/pre&gt;_x000D_
&lt;pre class="snippet-code-html lang-html prettyprint-override"&gt;&lt;code&gt;&amp;lt;ul&amp;gt;_x000D_
    &amp;lt;li&amp;gt;_x000D_
        &amp;lt;label for="column"&amp;gt;Add a Column&amp;lt;/label&amp;gt;_x000D_
        &amp;lt;input type="number" id="column" validate /&amp;gt;_x000D_
    &amp;lt;/li&amp;gt;_x000D_
    &amp;lt;li&amp;gt;_x000D_
        &amp;lt;label for="row"&amp;gt;Add a Row&amp;lt;/label&amp;gt;_x000D_
        &amp;lt;input type="number" id="row" /&amp;gt;_x000D_
    &amp;lt;/li&amp;gt;_x000D_
    &amp;lt;li&amp;gt;_x000D_
        &amp;lt;input type="button" value="Generate" id="btnGen" /&amp;gt;_x000D_
        &amp;lt;input type="button" value="Copy to Clipboard" id="btnCopy" /&amp;gt;_x000D_
    &amp;lt;/li&amp;gt;_x000D_
&amp;lt;/ul&amp;gt;_x000D_
&amp;lt;div id="wrap"&amp;gt;&amp;lt;/div&amp;gt;&lt;/code&gt;&lt;/pre&gt;_x000D_
&lt;/div&gt;_x000D_
&lt;/div&gt;_x000D_
&lt;/p&gt;
&lt;p&gt;please give me suggestion about it&lt;/p&gt;
&lt;p&gt;also i want to store the minimum value of each row and column.&lt;/p&gt;</t>
  </si>
  <si>
    <t>2017-12-04 11:22:30.477000+00:00</t>
  </si>
  <si>
    <t>2017-12-10 00:27:02.137000+00:00</t>
  </si>
  <si>
    <t>2017-12-04 12:36:12.067000+00:00</t>
  </si>
  <si>
    <t>Reshapeing 4-D ndarray to and from 2-D array</t>
  </si>
  <si>
    <t>&lt;p&gt;I have a 4-D array which I need to convert to 2-D, do some operations, and then convert back to 4-D. It is important that the order of the elements are preserved for the operation. From &lt;a href="https://stackoverflow.com/questions/19668163/reshape-4d-numpy-array-to-2d-array-while-preserving-array-locations"&gt;this&lt;/a&gt; post I got out how to do this reshape operation using &lt;code&gt;np.swapaxes(1, 2)&lt;/code&gt;. &lt;/p&gt;
&lt;p&gt;But now I am confused how to re-shape it back to the original 4D matrix that started of with. &lt;/p&gt;
&lt;p&gt;How do I do this with standard numpy methods. &lt;/p&gt;</t>
  </si>
  <si>
    <t>2017-11-24 21:29:06.943000+00:00</t>
  </si>
  <si>
    <t>2017-11-25 00:47:36.063000+00:00</t>
  </si>
  <si>
    <t>python|arrays|numpy</t>
  </si>
  <si>
    <t>Brand new AngularFullstack app won't deploy to Heroku</t>
  </si>
  <si>
    <t>&lt;p&gt;I'm having trouble deploying my app to Heroku.  I don't have this issue with an app I started several months ago so I think it must be something wrong with the lastest Angular Fullstack.  After several hours of trouble shooting I decided to start from scratch just to see if AngularFullstack would deploy if you create a completely fresh app in an empty directory.  &lt;/p&gt;
&lt;p&gt;I created the app in the terminal with:
yo angular-fullstack&lt;/p&gt;
&lt;p&gt;Without doing anything else I deployed the app to Heroku by typing this in the terminal:
yo angular-fullstack:heroku&lt;/p&gt;
&lt;p&gt;Finally I went to the Heroku webaddress and I get the following "Application Error":
An error occurred in the application and your page could not be served. Please try again in a few moments.&lt;/p&gt;
&lt;p&gt;If you are the application owner, check your logs for details.&lt;/p&gt;
&lt;p&gt;When I look at the Heroku logs I get the exact same error I was getting in my finished project:&lt;/p&gt;
&lt;p&gt;Error: ENOENT, no such file or directory '/app/dist/public/favicon.ico'&lt;/p&gt;
&lt;p&gt;I've tried putting this file everywhere in my directory structure.  There is no 'dist' in directory structure of the new app.  I put this directory in the old app with grunt serve:dist but that doesn't fix the problem of locating favicon.ico even though it is there in the public folder. There is no 'app' directory at the top however and it begins looking all the way in my Mac 'User' path.  I think this part of the problem that I don't know how to fix.&lt;/p&gt;</t>
  </si>
  <si>
    <t>2015-07-23 07:43:24.940000+00:00</t>
  </si>
  <si>
    <t>heroku|deployment|angular-fullstack</t>
  </si>
  <si>
    <t>Saving to DB from Model.rb</t>
  </si>
  <si>
    <t>&lt;p&gt;When an new order_preview is created, I call USPS for shipping options.  If a user updates their zip, I would like the ship_option to reset&lt;/p&gt;
&lt;p&gt;Edit: I am no longer calling the intial API call from the view, rather I do an after_create method in the controller.  &lt;/p&gt;
&lt;pre&gt;&lt;code&gt;def get_ship_options
ship_options = {}
      @order_preview.fedex_rates.each do |k, v|
          if k.service_name == "FedEx Ground Home Delivery" || k.service_name == "FedEx 2 Day" || k.service_name == "FedEx Standard Overnight"
      ship_options["#{k.service_name}"] = "#{number_to_currency(k.price.to_f / 100)}"
    end
      end
      @order_preview.usps_rates.each do |k, v|
          if k.service_name == "USPS Priority Mail 1-Day"
      ship_options["#{k.service_name}"] = "#{number_to_currency(k.price.to_f / 100)}"
          end
      end
  @order_preview.ship_option_hash = ship_options.map { |k,v| ["#{k} - #{v}","#{k} - #{v}" ] }
  @order_preview.save
end
&lt;/code&gt;&lt;/pre&gt;
&lt;p&gt;I tried using the answers you guys provided, but the before_save didn't actually save the shiphash the way @order_preview.save does at the end of the above method.&lt;/p&gt;
&lt;p&gt;I tried using the same idea, but &lt;code&gt;zip_changed?&lt;/code&gt; doesn't work in the controller. &lt;/p&gt;
&lt;p&gt;How can I save the new hash  that is pulled from the model directly over to the @order_preview ?&lt;/p&gt;
&lt;p&gt;From the model I now have &lt;/p&gt;
&lt;p&gt;Model.rb&lt;/p&gt;
&lt;pre&gt;&lt;code&gt;def clear_hash
 if zip_changed? 
  get_shipping_rates
 end
end
&lt;/code&gt;&lt;/pre&gt;
&lt;p&gt;and&lt;/p&gt;
&lt;pre&gt;&lt;code&gt;       ship_options = {}
        fedex_rates.each do |k, v|
            if k.service_name == "FedEx Ground Home Delivery" || k.service_name == "FedEx 2 Day" || k.service_name == "FedEx Standard Overnight"
                ship_options["#{k.service_name}"] = "#{number_to_currency(k.price.to_f / 100)}"
            end
        end
        usps_rates.each do |k, v|
            if k.service_name == "USPS Priority Mail 1-Day"
                ship_options["#{k.service_name}"] = "#{number_to_currency(k.price.to_f / 100)}"
            end
        end
        ship_option_hash = ship_options.map { |k,v| ["#{k} - #{v}","#{k} - #{v}" ] }
**save ship_option_hash to @order_preview.ship_option_hash**
&lt;/code&gt;&lt;/pre&gt;</t>
  </si>
  <si>
    <t>2014-06-16 19:48:44.787000+00:00</t>
  </si>
  <si>
    <t>2014-06-17 23:31:00.170000+00:00</t>
  </si>
  <si>
    <t>2014-06-16 23:00:02.383000+00:00</t>
  </si>
  <si>
    <t>ruby-on-rails|ruby|ruby-on-rails-4</t>
  </si>
  <si>
    <t>regular expression : get super scripted text</t>
  </si>
  <si>
    <t>&lt;p&gt;I would like to get super scripted text via following html string. &lt;/p&gt;
&lt;pre&gt;&lt;code&gt;testing to &amp;lt;sup&amp;gt;supers&amp;lt;/sup&amp;gt;cript o&amp;lt;sup&amp;gt;n&amp;lt;/sup&amp;gt;e
&lt;/code&gt;&lt;/pre&gt;
&lt;p&gt;The result I would like to get is like below&lt;/p&gt;
&lt;pre&gt;&lt;code&gt;supers
n
&lt;/code&gt;&lt;/pre&gt;
&lt;p&gt;&lt;a href="http://regex101.com/r/cK6sT6/2" rel="nofollow"&gt;This is what I tried right now&lt;/a&gt;&lt;/p&gt;
&lt;p&gt;But the result is not what I want.&lt;/p&gt;
&lt;pre&gt;&lt;code&gt;&amp;lt;sup&amp;gt;supers
&amp;lt;sup&amp;gt;n
&lt;/code&gt;&lt;/pre&gt;
&lt;p&gt;Could anyone give me suggestion please?&lt;/p&gt;</t>
  </si>
  <si>
    <t>2014-09-02 08:31:29.220000+00:00</t>
  </si>
  <si>
    <t>2014-09-02 08:40:26.107000+00:00</t>
  </si>
  <si>
    <t>AngularJS Parse JSON Array Objects Unexpected token :</t>
  </si>
  <si>
    <t>&lt;p&gt;I've tried searching through StackOverflow regarding this issue but could not find a solution that worked for me. I'm using AngularJS. I have simple controller that calls a http service and reads the response data. In this specific case, I have a JSON output with an objects array I am unable to read.&lt;/p&gt;
&lt;p&gt;Here's the JSON output:&lt;/p&gt;
&lt;pre&gt;&lt;code&gt;{
  "results": [{
    "id": "1",
    "download_url": "",
    "uploader": {
      "id": "114899"
    },
    "uploaded": "1442599380",
    "streaming_url_timeout": 1446092554
  }, {
    "id": "2",
    "download_url": "",
    "uploader": {
      "id": "114899"
    },
    "uploaded": "1442599380",
    "streaming_url_timeout": 1446092554
  }]
}
&lt;/code&gt;&lt;/pre&gt;
&lt;p&gt;I'm trying to get access to items in 'results'. This is my Service that retrieves the JSON data:&lt;/p&gt;
&lt;pre&gt;&lt;code&gt;this.getUData = function() {
  var deferred = $q.defer();
  $http.jsonp(API_URL + 'udata')
    .success(function(data) {
      deferred.resolve(data);
    })
    .error(function(data) {
      deferred.reject(data);
    });
  return deferred.promise;
}
&lt;/code&gt;&lt;/pre&gt;
&lt;p&gt;And then this is how i call this service from my controller:&lt;/p&gt;
&lt;pre&gt;&lt;code&gt;myservices.getUData().then(function(data) {
   $scope.uitems = data.results;
});
&lt;/code&gt;&lt;/pre&gt;
&lt;p&gt;Template:&lt;/p&gt;
&lt;pre&gt;&lt;code&gt;&amp;lt;div class="item" href="#" ng-repeat="item in uitems"&amp;gt;
  &amp;lt;h2&amp;gt;{{item.id}}&amp;lt;/h2&amp;gt;
&amp;lt;/div&amp;gt;
&lt;/code&gt;&lt;/pre&gt;
&lt;p&gt;But when I try to access the items in 'results', I get the following error:&lt;/p&gt;
&lt;pre&gt;&lt;code&gt;Uncaught SyntaxError: Unexpected token : 
&lt;/code&gt;&lt;/pre&gt;
&lt;p&gt;The line in question for this error is    &lt;code&gt;"results":[&lt;/code&gt;  &lt;/p&gt;</t>
  </si>
  <si>
    <t>2015-10-29 04:12:45.527000+00:00</t>
  </si>
  <si>
    <t>2015-10-29 23:16:57.177000+00:00</t>
  </si>
  <si>
    <t>2015-10-29 04:22:35.160000+00:00</t>
  </si>
  <si>
    <t>javascript|json|angularjs</t>
  </si>
  <si>
    <t>ValidationError: Profile validation failed: _id: Path `_id` is required</t>
  </si>
  <si>
    <t>&lt;p&gt;ValidationError: Profile validation failed: _id: Path &lt;code&gt;_id&lt;/code&gt; is required.&lt;/p&gt;
&lt;blockquote&gt;
  &lt;p&gt;I am Trying to Create Custom Unique Id in Mongodb.. getting a 
  validation error path required for _id.&lt;/p&gt;
&lt;/blockquote&gt;
&lt;pre&gt;&lt;code&gt;    var mongoose = require('mongoose');
var ProfileSchema = new mongoose.Schema({
  _id: {type: String, required: true},
  seq: { type: Number, default: 180000 },
  contact: String,
  altemail: String,
  presentaddress1: String,
  presentaddress2: String,
  zipecode: Number,
  updated_at: { type: Date, default: Date.now },
});
var Profile = mongoose.model('Profile', ProfileSchema);
var entitySchema = mongoose.Schema({
  testvalue: {type: String}
});
entitySchema.pre('save', function(next) {
  var doc = this;
  Profile.findByIdAndUpdate({_id: 'entityId'}, {$inc: { seq: 1} }, function(error, Profile)   {
      if(error)
          return next(error);
      doc.testvalue = Profile.seq;
      next();
  });
});
module.exports = mongoose.model('Profile', ProfileSchema);
&lt;/code&gt;&lt;/pre&gt;</t>
  </si>
  <si>
    <t>2018-05-03 06:25:32.970000+00:00</t>
  </si>
  <si>
    <t>mongodb|mean-stack</t>
  </si>
  <si>
    <t>Renaming a facade - conflicts</t>
  </si>
  <si>
    <t>&lt;p&gt;I am trying to use the &lt;code&gt;vinkla/pusher&lt;/code&gt; package with Laravel 5.1.&lt;/p&gt;
&lt;p&gt;It is a common known issue that the facades don't work because of a conflict: &lt;a href="https://github.com/vinkla/pusher/issues/2" rel="nofollow"&gt;https://github.com/vinkla/pusher/issues/2&lt;/a&gt;&lt;/p&gt;
&lt;p&gt;A solution is to rename the facade.
How would I go about doing this? I know it wouldn't be as simple as renaming the file..&lt;/p&gt;
&lt;p&gt;Thanks!&lt;/p&gt;</t>
  </si>
  <si>
    <t>2015-08-10 05:50:38.470000+00:00</t>
  </si>
  <si>
    <t>2015-08-10 06:03:25.467000+00:00</t>
  </si>
  <si>
    <t>laravel|laravel-facade</t>
  </si>
  <si>
    <t>Home and Back buttons press: effect not immediate</t>
  </si>
  <si>
    <t>&lt;p&gt;I introduced a &lt;code&gt;Thread.sleep&lt;/code&gt; in different points of an Android application. The objective is to give me enough time to press either &lt;code&gt;Home&lt;/code&gt; or &lt;code&gt;Back&lt;/code&gt; at these exact points in code.&lt;/p&gt;
&lt;p&gt;When I press one of these buttons at the sleep instruction, the button action is not carried immediately and in some cases additional instructions of the client application are executed. That is, the thread is sleeping, I press &lt;code&gt;Home&lt;/code&gt;, and the client application still processes a few lines of code (after the sleep) before returning to the Home screen.&lt;/p&gt;
&lt;p&gt;Why does this happen?&lt;/p&gt;
&lt;p&gt;.&lt;/p&gt;
&lt;p&gt;To give a more clear picture of the problem, consider the following block of code:&lt;/p&gt;
&lt;pre&gt;&lt;code&gt;instruction 1;
instruction 2;
instruction 3;
Thread.sleep(8000);
instruction 4;
instruction 5;
instruction 6;
instruction 7;
...
instruction N;
&lt;/code&gt;&lt;/pre&gt;
&lt;p&gt;&lt;code&gt;Home&lt;/code&gt; or &lt;code&gt;Back&lt;/code&gt; are pressed at the sleep, but the application might still execute a couple of instructions, say up to 6 or 7, before actually terminating.&lt;/p&gt;
&lt;p&gt;[edit] I want to add that the application includes several AsyncTasks, and that I introduced sleeps both inside and outside of them.&lt;/p&gt;</t>
  </si>
  <si>
    <t>2013-08-23 13:12:19.113000+00:00</t>
  </si>
  <si>
    <t>2013-09-06 16:40:53.110000+00:00</t>
  </si>
  <si>
    <t>Daniel</t>
  </si>
  <si>
    <t>hardware|homescreen</t>
  </si>
  <si>
    <t>&lt;noscript&gt; css works after 2 browser refreshes only</t>
  </si>
  <si>
    <t>&lt;p&gt;My  tags only take affect when javascript is disabled hence that is what it should do, my issue is:&lt;/p&gt;
&lt;p&gt;If I disable javascript, and I refresh the my website page I am on, I only get the following:&lt;/p&gt;
&lt;p&gt;&lt;img src="https://i.stack.imgur.com/UQrJc.png" alt="enter image description here"&gt;&lt;/p&gt;
&lt;p&gt;Then if I refresh the browser for a second time, it works and I get the following:&lt;/p&gt;
&lt;p&gt;&lt;img src="https://i.stack.imgur.com/blZyr.png" alt="enter image description here"&gt;&lt;/p&gt;
&lt;p&gt;I am using the stackoverflow one as a example but mine looks the exact same when refreshed for a second time.&lt;/p&gt;
&lt;p&gt;If i close my browser open it, disable javascript, then open my website, it works the first time.&lt;/p&gt;
&lt;p&gt;Is this a cache issue? it seems a bit unusual to only take affect after the second refresh.&lt;/p&gt;
&lt;p&gt;My Code:&lt;/p&gt;
&lt;p&gt;HTML:&lt;/p&gt;
&lt;pre&gt;&lt;code&gt;&amp;lt;html&amp;gt;
    &amp;lt;head&amp;gt;
        &amp;lt;title&amp;gt;Test&amp;lt;/title&amp;gt;
    &amp;lt;/head&amp;gt;
    &amp;lt;style&amp;gt;
    .js-msg {
        font-weight:bold;
        background-color:#c90000;
        padding-top:5px;
        padding-bottom:5px;
        font-size:18px;
        color:#ffffff;
        position:fixed;
        z-index:1000;
        text-align:center;
        width:100%;
    }
    &amp;lt;/style&amp;gt;
    &amp;lt;body&amp;gt;
       &amp;lt;noscript&amp;gt;
            &amp;lt;div class="js-msg"&amp;gt;
                Our forms work best with Javascript enabled.
            &amp;lt;/div&amp;gt;
        &amp;lt;/noscript&amp;gt;
    &amp;lt;/body&amp;gt;
&amp;lt;/html&amp;gt;
&lt;/code&gt;&lt;/pre&gt;</t>
  </si>
  <si>
    <t>2015-07-10 04:07:33.290000+00:00</t>
  </si>
  <si>
    <t>2015-07-10 04:14:25.407000+00:00</t>
  </si>
  <si>
    <t>javascript|html|css|html5|noscript</t>
  </si>
  <si>
    <t>J2EE sending scheduled emails using JMS queue</t>
  </si>
  <si>
    <t>&lt;p&gt;I need to create J2EE application, that uses JMS queue to asynchronously send emails, that can be scheduled to be sent later.&lt;/p&gt;
&lt;p&gt;I already created bean, that sends message with email data and MessageDriven bean, which listens for those messages and sends email, onMessage. Right now, I have no idea how to implement scheduling. I was thinking of some TimerTasks like I did in Java before, but I'm not sure if I can do that in J2EE. Any advices how to do this?&lt;/p&gt;</t>
  </si>
  <si>
    <t>2014-06-12 20:36:40.797000+00:00</t>
  </si>
  <si>
    <t>2014-06-13 12:41:35.483000+00:00</t>
  </si>
  <si>
    <t>2014-06-13 10:05:45.713000+00:00</t>
  </si>
  <si>
    <t>java|email|java-ee|jms|scheduled-tasks</t>
  </si>
  <si>
    <t>JPA - Getting data through a foreign key</t>
  </si>
  <si>
    <t>&lt;p&gt;I'm new to JPA, I used JDBC and now trying to switch it over to JPA usage. I've got these two classes&lt;/p&gt;
&lt;pre&gt;&lt;code&gt;@Entity
@Table(name = "work_entry")
@XmlRootElement
@NamedQueries({
@NamedQuery(name = "WorkEntry.findAll", query = "SELECT w FROM WorkEntry w"),
@NamedQuery(name = "WorkEntry.findByWorkEntryId", query = "SELECT w FROM WorkEntry w WHERE w.workEntryId = :workEntryId"),
@NamedQuery(name = "WorkEntry.findByDate", query = "SELECT w FROM WorkEntry w WHERE w.date = :date"),
@NamedQuery(name = "WorkEntry.findByHoursWorked", query = "SELECT w FROM WorkEntry w WHERE w.hoursWorked = :hoursWorked")})
public class WorkEntry implements Serializable {
private static final long serialVersionUID = 1L;
@Id
@GeneratedValue(strategy = GenerationType.IDENTITY)
@Basic(optional = false)
@Column(name = "work_entry_id")
private Integer workEntryId;
@Column(name = "date")
@Temporal(TemporalType.DATE)
private Date date;
// @Max(value=?)  @Min(value=?)//if you know range of your decimal fields consider using these annotations to enforce field validation
@Column(name = "hours_worked")
private Double hoursWorked;
@JoinColumn(name = "activity_id", referencedColumnName = "activity_id")
@ManyToOne
private Activity activityId;
@JoinColumn(name = "customer_id", referencedColumnName = "customer_id")
@ManyToOne
private Customer customerId;
public WorkEntry() {
}
public WorkEntry(Date date, Double hoursWorked, Customer customerId, Activity activityId) {
    this.date = date;
    this.hoursWorked = hoursWorked;
    this.activityId = activityId;
    this.customerId = customerId;
}
public WorkEntry(Integer workEntryId) {
    this.workEntryId = workEntryId;
}
public Integer getWorkEntryId() {
    return workEntryId;
}
public void setWorkEntryId(Integer workEntryId) {
    this.workEntryId = workEntryId;
}
public Date getDate() {
    return date;
}
public void setDate(Date date) {
    this.date = date;
}
public Double getHoursWorked() {
    return hoursWorked;
}
public void setHoursWorked(Double hoursWorked) {
    this.hoursWorked = hoursWorked;
}
public Activity getActivityId() {
    return activityId;
}
public void setActivityId(Activity activityId) {
    this.activityId = activityId;
}
public Customer getCustomerId() {
    return customerId;
}
public void setCustomerId(Customer customerId) {
    this.customerId = customerId;
}
@Override
public int hashCode() {
    int hash = 0;
    hash += (workEntryId != null ? workEntryId.hashCode() : 0);
    return hash;
}
@Override
public boolean equals(Object object) {
    // TODO: Warning - this method won't work in the case the id fields are not set
    if (!(object instanceof WorkEntry)) {
        return false;
    }
    WorkEntry other = (WorkEntry) object;
    if ((this.workEntryId == null &amp;amp;&amp;amp; other.workEntryId != null) || (this.workEntryId != null &amp;amp;&amp;amp; !this.workEntryId.equals(other.workEntryId))) {
        return false;
    }
    return true;
}
@Override
public String toString() {
    return "consultant.billing.entity.WorkEntry[ workEntryId=" + workEntryId + " ]";
}
&lt;/code&gt;&lt;/pre&gt;
&lt;p&gt;And&lt;/p&gt;
&lt;pre&gt;&lt;code&gt;@Entity
@Table(name = "customer")
@XmlRootElement
@NamedQueries({
@NamedQuery(name = "Customer.findAll", query = "SELECT c FROM Customer c"),
@NamedQuery(name = "Customer.findByCustomerId", query = "SELECT c FROM Customer c WHERE c.customerId = :customerId"),
@NamedQuery(name = "Customer.findByFirstName", query = "SELECT c FROM Customer c WHERE c.firstName = :firstName"),
@NamedQuery(name = "Customer.findByLastName", query = "SELECT c FROM Customer c WHERE c.lastName = :lastName"),
@NamedQuery(name = "Customer.findByStreetAddress", query = "SELECT c FROM Customer c WHERE c.streetAddress = :streetAddress"),
@NamedQuery(name = "Customer.findByCity", query = "SELECT c FROM Customer c WHERE c.city = :city"),
@NamedQuery(name = "Customer.findByState", query = "SELECT c FROM Customer c WHERE c.state = :state"),
@NamedQuery(name = "Customer.findByPostalCode", query = "SELECT c FROM Customer c WHERE c.postalCode = :postalCode"),
@NamedQuery(name = "Customer.findByPhoneNumber", query = "SELECT c FROM Customer c WHERE c.phoneNumber = :phoneNumber"),
@NamedQuery(name = "Customer.findByEmail", query = "SELECT c FROM Customer c WHERE c.email = :email")})
public class Customer implements Serializable {
private static final long serialVersionUID = 1L;
@Id
@GeneratedValue(strategy = GenerationType.IDENTITY)
@Basic(optional = false)
@Column(name = "customer_id")
private Integer customerId;
@Size(max = 75)
@Column(name = "first_name")
private String firstName;
@Size(max = 75)
@Column(name = "last_name")
private String lastName;
@Size(max = 250)
@Column(name = "street_address")
private String streetAddress;
@Size(max = 50)
@Column(name = "city")
private String city;
@Size(max = 50)
@Column(name = "state")
private String state;
@Size(max = 45)
@Column(name = "postal_code")
private String postalCode;
@Size(max = 45)
@Column(name = "phone_number")
private String phoneNumber;
// @Pattern(regexp="[a-z0-9!#$%&amp;amp;'*+/=?^_`{|}~-]+(?:\\.[a-z0-9!#$%&amp;amp;'*+/=?^_`{|}~-]+)*@(?:[a-z0-9](?:[a-z0-9-]*[a-z0-9])?\\.)+[a-z0-9](?:[a-z0-9-]*[a-z0-9])?", message="Invalid email")//if the field contains email address consider using this annotation to enforce field validation
@Size(max = 250)
@Column(name = "email")
private String email;
@OneToMany(mappedBy = "customerId")
private Collection&amp;lt;ExpenseEntry&amp;gt; expenseEntryCollection;
@OneToMany(mappedBy = "customerId")
private Collection&amp;lt;WorkEntry&amp;gt; workEntryCollection;
public Customer() {
}
public Customer(Integer customerId, String firstName, String lastName, String streetAddress, String city, String state, String postalCode, String phoneNumber, String email) {
    this.customerId = customerId;
    this.firstName = firstName;
    this.lastName = lastName;
    this.streetAddress = streetAddress;
    this.city = city;
    this.state = state;
    this.postalCode = postalCode;
    this.phoneNumber = phoneNumber;
    this.email = email;
}
public Customer(String firstName, String lastName, String streetAddress, String city, String state, String postalCode, String phoneNumber, String email) {
    this.firstName = firstName;
    this.lastName = lastName;
    this.streetAddress = streetAddress;
    this.city = city;
    this.state = state;
    this.postalCode = postalCode;
    this.phoneNumber = phoneNumber;
    this.email = email;
}
public Customer(Integer customerId) {
    this.customerId = customerId;
}
public Integer getCustomerId() {
    return customerId;
}
public void setCustomerId(Integer customerId) {
    this.customerId = customerId;
}
public String getFirstName() {
    return firstName;
}
public void setFirstName(String firstName) {
    this.firstName = firstName;
}
public String getLastName() {
    return lastName;
}
public void setLastName(String lastName) {
    this.lastName = lastName;
}
public String getStreetAddress() {
    return streetAddress;
}
public void setStreetAddress(String streetAddress) {
    this.streetAddress = streetAddress;
}
public String getCity() {
    return city;
}
public void setCity(String city) {
    this.city = city;
}
public String getState() {
    return state;
}
public void setState(String state) {
    this.state = state;
}
public String getPostalCode() {
    return postalCode;
}
public void setPostalCode(String postalCode) {
    this.postalCode = postalCode;
}
public String getPhoneNumber() {
    return phoneNumber;
}
public void setPhoneNumber(String phoneNumber) {
    this.phoneNumber = phoneNumber;
}
public String getEmail() {
    return email;
}
public void setEmail(String email) {
    this.email = email;
}
@XmlTransient
public Collection&amp;lt;ExpenseEntry&amp;gt; getExpenseEntryCollection() {
    return expenseEntryCollection;
}
public void setExpenseEntryCollection(Collection&amp;lt;ExpenseEntry&amp;gt; expenseEntryCollection) {
    this.expenseEntryCollection = expenseEntryCollection;
}
@XmlTransient
public Collection&amp;lt;WorkEntry&amp;gt; getWorkEntryCollection() {
    return workEntryCollection;
}
public void setWorkEntryCollection(Collection&amp;lt;WorkEntry&amp;gt; workEntryCollection) {
    this.workEntryCollection = workEntryCollection;
}
@Override
public int hashCode() {
    int hash = 0;
    hash += (customerId != null ? customerId.hashCode() : 0);
    return hash;
}
@Override
public boolean equals(Object object) {
    // TODO: Warning - this method won't work in the case the id fields are not set
    if (!(object instanceof Customer)) {
        return false;
    }
    Customer other = (Customer) object;
    if ((this.customerId == null &amp;amp;&amp;amp; other.customerId != null) || (this.customerId != null &amp;amp;&amp;amp; !this.customerId.equals(other.customerId))) {
        return false;
    }
    return true;
}
@Override
public String toString() {
    return "consultant.billing.entity.Customer[ customerId=" + customerId + " ]";
}
&lt;/code&gt;&lt;/pre&gt;
&lt;p&gt;Now, what I've done before is used a joined to get the WorkEntry based off the customerId. I know JPA is more object oriented and I want to know what would be the best way to go about getting all WorkEntries for a customerId and adding WorkEntries based off a customerId.&lt;/p&gt;
&lt;p&gt;Thank you.&lt;/p&gt;</t>
  </si>
  <si>
    <t>2015-05-02 01:25:11.640000+00:00</t>
  </si>
  <si>
    <t>2015-05-02 03:02:31.990000+00:00</t>
  </si>
  <si>
    <t>java|mysql|jpa</t>
  </si>
  <si>
    <t>Reverse linked list recursively</t>
  </si>
  <si>
    <t>&lt;p&gt;I am trying to do a reverse linked list recursively using pointer to pointer but the problem is that in the second loop the script crash. Can you help me in order to solve my problem. This is my code :&lt;/p&gt;
&lt;pre&gt;&lt;code&gt;void reverseNumber(Mynbr** start){
    Mynbr *header;
    Mynbr *current;
    if ((*start)){
        header = (*start);
        current = (*start)-&amp;gt;next;
        if (current &amp;amp;&amp;amp; current-&amp;gt;next!= NULL)
        {
            reverseNumber(current-&amp;gt;next);
            header = current;
            current-&amp;gt;next-&amp;gt;next = current;
            current-&amp;gt;next = NULL;
        }
    }
}
&lt;/code&gt;&lt;/pre&gt;</t>
  </si>
  <si>
    <t>2016-06-09 11:59:56.303000+00:00</t>
  </si>
  <si>
    <t>2016-06-10 13:15:23.500000+00:00</t>
  </si>
  <si>
    <t>2016-06-09 12:12:27.997000+00:00</t>
  </si>
  <si>
    <t>c|linked-list</t>
  </si>
  <si>
    <t>Getting stuck on Index Match Match in Excel</t>
  </si>
  <si>
    <t>&lt;p&gt;&lt;a href="https://i.stack.imgur.com/xFaZN.jpg" rel="nofollow noreferrer"&gt;&lt;img src="https://i.stack.imgur.com/xFaZN.jpg" alt="enter image description here"&gt;&lt;/a&gt;Im getting stuck with an index match that I want to do. I want to look up years on both rows and columns and drop in the value from a table on the left. Please find attached a screenshot.&lt;/p&gt;
&lt;p&gt;&lt;a href="https://i.stack.imgur.com/GhqJE.jpg" rel="nofollow noreferrer"&gt;&lt;img src="https://i.stack.imgur.com/GhqJE.jpg" alt="enter image description here"&gt;&lt;/a&gt;&lt;/p&gt;
&lt;p&gt;The Code that im using is :
&lt;code&gt;=INDEX($F$2:$F$64,MATCH($H8,$E$2:$E$64,0),MATCH($H8,$J$1:$BS$1,0))&lt;/code&gt;&lt;/p&gt;</t>
  </si>
  <si>
    <t>2016-12-07 15:22:35.600000+00:00</t>
  </si>
  <si>
    <t>2016-12-07 16:02:28.540000+00:00</t>
  </si>
  <si>
    <t>excel|indexing|match</t>
  </si>
  <si>
    <t>Are following statements executed in any case if the first one throws an exception?</t>
  </si>
  <si>
    <t>&lt;p&gt;When an exception happens at the first select statement. Will the second select statement and the function then be executed in any case? Or will all following statements be skipped ?&lt;/p&gt;
&lt;pre&gt;&lt;code&gt;BEGIN
   SELECT ...
   SELECT ...
   procedure_that_performs_select();
EXCEPTION
   WHEN NO_DATA_FOUND THEN  ...
END
&lt;/code&gt;&lt;/pre&gt;</t>
  </si>
  <si>
    <t>2018-11-19 16:47:12.100000+00:00</t>
  </si>
  <si>
    <t>2018-11-19 19:23:39.723000+00:00</t>
  </si>
  <si>
    <t>oracle|exception|plsql</t>
  </si>
  <si>
    <t>Start message before the method and stop after the message</t>
  </si>
  <si>
    <t>&lt;pre&gt;&lt;code&gt;function queryDB(callback) {
$.blockUI({css: {
            border: 'none',
            padding: '15px',
            backgroundColor: '#000',
            '-webkit-border-radius': '10px',
            '-moz-border-radius': '10px',
            opacity: .5,
            color: '#fff'
        }});
  var sqlTxt = "SELECT * FROM ITEMS";
  db.transaction(
        function(tx) {
            tx.executeSql(sqlTxt, [],
                    function(tx, results) {
                        for (var i = 0; i &amp;lt; results.rows.length; i++) {
                            item_Codes.push({item_code: results.rows.item(i).itemCode, description: results.rows.item(i).description, price: results.rows.item(i).price});
                        }
                        callback(item_Codes);
                    })
                    , errorCB;
        });
  return false;
}
&lt;/code&gt;&lt;/pre&gt;
&lt;p&gt;I need to start loading message before this methods starts and end of that method i need to stop that.I try above code but it starts with the method instead of before the method&lt;/p&gt;</t>
  </si>
  <si>
    <t>2013-11-20 09:41:25.317000+00:00</t>
  </si>
  <si>
    <t>2013-11-20 09:55:52.500000+00:00</t>
  </si>
  <si>
    <t>2013-11-20 09:46:25.580000+00:00</t>
  </si>
  <si>
    <t>RMI loopback: Same thread?</t>
  </si>
  <si>
    <t>&lt;p&gt;If a thread &lt;code&gt;jack&lt;/code&gt; on host A calls an RMI method &lt;code&gt;foo&lt;/code&gt; on host B, and in that method host B calls a method &lt;code&gt;bar&lt;/code&gt; on host A, will &lt;code&gt;bar&lt;/code&gt; be executed by thread &lt;code&gt;jack&lt;/code&gt;?&lt;/p&gt;
&lt;p&gt;I assume it will be another thread, but I think it might be possible in theory.&lt;/p&gt;
&lt;p&gt;Why somebody would want it? Lock reentrancy, for one, would be a convenient feature.&lt;/p&gt;</t>
  </si>
  <si>
    <t>2011-11-10 15:03:05.347000+00:00</t>
  </si>
  <si>
    <t>2011-11-10 15:44:50.847000+00:00</t>
  </si>
  <si>
    <t>java|multithreading|rmi</t>
  </si>
  <si>
    <t>Text auto-complete in text box [image attached inside]</t>
  </si>
  <si>
    <t>&lt;p&gt;I am designing a website. I am using the following code for a search box:&lt;/p&gt;
&lt;pre&gt;&lt;code&gt;&amp;lt;form method="get" action="search.php"&amp;gt;
     &amp;lt;input type="text" id="search" name="search" onKeyUp="showSuggestions();"&amp;gt;
     &amp;lt;input type="submit" id="submitsearch" value="Search"&amp;gt;
&amp;lt;/form&amp;gt;     
&lt;/code&gt;&lt;/pre&gt;
&lt;p&gt;For the search string entered by the user, I am showing suggestions. My problem is that my web-browser also showing suggestions of previously entered search strings (image below). You can see that Firefox suggestion are in foreground and my search suggestions are in background. &lt;/p&gt;
&lt;p&gt;&lt;strong&gt;My question:&lt;/strong&gt; Is there any code which will prevent a text box to remember history? Or anything I can do to fix this?&lt;/p&gt;
&lt;p&gt;&lt;img src="https://i.stack.imgur.com/RD8vo.png" alt="sample image"&gt;&lt;/p&gt;</t>
  </si>
  <si>
    <t>2011-08-14 21:03:47.530000+00:00</t>
  </si>
  <si>
    <t>2011-08-14 21:29:36.660000+00:00</t>
  </si>
  <si>
    <t>php|javascript|html|css</t>
  </si>
  <si>
    <t>Not able to open website on localhost, handler mapping is missing</t>
  </si>
  <si>
    <t>&lt;p&gt;When ever I try to open wordpress website on my localhost I get below error.&lt;/p&gt;
&lt;p&gt;HTTP Error 404.3 - Not Found
The page you are requesting cannot be served because of the extension configuration. If the page is a script, add a handler. If the file should be downloaded, add a MIME map.&lt;/p&gt;
&lt;ol&gt;
&lt;li&gt;I have tried enabling HTTP activation but that did not work.&lt;/li&gt;
&lt;li&gt;I have installed PHP for IIS from microsoft web PI, that did not work.&lt;/li&gt;
&lt;li&gt;I think there is handler mapping missing, I am not able to map handle.&lt;/li&gt;
&lt;/ol&gt;</t>
  </si>
  <si>
    <t>2017-11-04 08:24:14.497000+00:00</t>
  </si>
  <si>
    <t>2017-11-04 11:54:16.070000+00:00</t>
  </si>
  <si>
    <t>2017-11-04 08:34:38.950000+00:00</t>
  </si>
  <si>
    <t>php|wordpress|http-status-code-404</t>
  </si>
  <si>
    <t>Compass in Symfony 2 assetic Filter Exception</t>
  </si>
  <si>
    <t>&lt;p&gt;I have installed compass in my symfony 2 project. Now i want to use the assetic filter in combination with compass. 
i am using windows 7.&lt;/p&gt;
&lt;p&gt;I think it's almost working but i am still getting this error : &lt;/p&gt;
&lt;pre&gt;&lt;code&gt;[Assetic\Exception\FilterException]
An error occurred while running:
"C:\Ruby21-x64\bin\ruby.EXE" "C:\Ruby21-x64\bin\compass.BAT" "compile" "C:\
Users\tommie\AppData\Local\Temp" "--boring" "--config" "C:\Users\tommie\App
Data\Local\Temp\ass4325.tmp" "--sass-dir" "" "--css-dir" "" "C:/Users/tommi
e/AppData/Local/Temp/ass4326.tmp.scss"
Error Output:
C:/Ruby21-x64/bin/compass.BAT:1: syntax error, unexpected tCONSTANT, expect
ing end-of-input
&lt;/code&gt;&lt;/pre&gt;
&lt;p&gt;My code in html (twig) : stylesheets.html.twig&lt;/p&gt;
&lt;pre&gt;&lt;code&gt;{% stylesheets filter="compass" output='css/compiled/*.css'
   "@AcmeSassDemoBundle/Resources/assets/css/base.scss"
%}
&amp;lt;link rel="stylesheet" href="{{ asset_url }}" /&amp;gt;
{% endstylesheets %}
&lt;/code&gt;&lt;/pre&gt;
&lt;p&gt;base.html.twig:&lt;/p&gt;
&lt;pre&gt;&lt;code&gt;&amp;lt;!DOCTYPE html&amp;gt;
&amp;lt;html&amp;gt;
&amp;lt;head&amp;gt;
    &amp;lt;meta http-equiv="Content-Type" content="text/html; charset=utf-8" /&amp;gt;
    &amp;lt;title&amp;gt;{% block title %}Sass Demo!{% endblock %}&amp;lt;/title&amp;gt;
    {#{% block stylesheets %}{% endblock %} #}
    {% include "AcmeSassDemoBundle:Demo:stylesheets.html.twig" %}
    &amp;lt;link rel="shortcut icon" href="{{ asset('favicon.ico') }}" /&amp;gt;
&amp;lt;/head&amp;gt;
&amp;lt;body&amp;gt;
    &amp;lt;div id="header"&amp;gt;
        {% block header %}
            &amp;lt;h1&amp;gt;Sass Demo&amp;lt;/h1&amp;gt;
            &amp;lt;div class="logo"&amp;gt;this container is half as big as the sass.gif's dimension&amp;lt;/div&amp;gt;
        {% endblock %}
    &amp;lt;/div&amp;gt;
    &amp;lt;div id="menu"&amp;gt;
        &amp;lt;ul&amp;gt;
            &amp;lt;li class="add"&amp;gt;&amp;lt;a href="#"&amp;gt;add something&amp;lt;/a&amp;gt;&amp;lt;/li&amp;gt;
            &amp;lt;li class="edit"&amp;gt;&amp;lt;a href="#"&amp;gt;edit something&amp;lt;/a&amp;gt;&amp;lt;/li&amp;gt;
            &amp;lt;li class="delete"&amp;gt;&amp;lt;a href="#"&amp;gt;delete something&amp;lt;/a&amp;gt;&amp;lt;/li&amp;gt;
        &amp;lt;/ul&amp;gt;
    &amp;lt;/div&amp;gt;
    &amp;lt;div id="content"&amp;gt;
        {% block body %}hello sass!{% endblock %}
    &amp;lt;/div&amp;gt;
    &amp;lt;div id="footer"&amp;gt;
        {% block footer %}awesome footer goes here ...{% endblock %}
    &amp;lt;/div&amp;gt;
    {% block javascripts %}{% endblock %}&amp;lt;/
&amp;lt;/body&amp;gt;
&lt;/code&gt;&lt;/pre&gt;
&lt;p&gt;&lt;/p&gt;
&lt;p&gt;index.html.twig:&lt;/p&gt;
&lt;pre&gt;&lt;code&gt;{% extends 'AcmeSassDemoBundle:Demo:base.html.twig' %}
{% block body %}
&amp;lt;div class="content"&amp;gt;
  hello world
    &amp;lt;div class="sub"&amp;gt;
       This text should be in green ...
       &amp;lt;div class="sub"&amp;gt;
        ... and this one in blue!
    &amp;lt;/div&amp;gt;
&amp;lt;/div&amp;gt;
&lt;/code&gt;&lt;/pre&gt;
&lt;p&gt;&lt;/p&gt;
&lt;p&gt;my config.yml filter assetic configuration: &lt;/p&gt;
&lt;pre&gt;&lt;code&gt;# Assetic Configuration
assetic:
    debug: false
    use_controller: true# default: true
    filters:
        sass:    ~
        compass: 
            compass:
                bin: C:\Ruby21-x64\bin\compass.bat
&lt;/code&gt;&lt;/pre&gt;
&lt;p&gt;base.scss&lt;/p&gt;
&lt;pre&gt;&lt;code&gt;$main-background-color: #FFF;
$main-color: #FFF;
$light-color: #759E1A;
$link-color: #0088CC;
body {
    background-color: #CCC;
}
@mixin rounded($side, $radius: 10px) {
    border-radius: $radius;
    border-#{$side}-radius: $radius;
    -moz-border-radius-#{$side}: $radius;
    -webkit-border-#{$side}-radius: $radius;
}
@import "header.scss";
@import "menu.scss";
@import "content.scss";
@import "footer.scss";
&lt;/code&gt;&lt;/pre&gt;</t>
  </si>
  <si>
    <t>2015-04-08 12:45:39.483000+00:00</t>
  </si>
  <si>
    <t>2018-04-16 12:00:04.223000+00:00</t>
  </si>
  <si>
    <t>2015-04-16 08:33:00.127000+00:00</t>
  </si>
  <si>
    <t>php|ruby|symfony|compass</t>
  </si>
  <si>
    <t>Locking when returning a cache entry from a asynchronous request</t>
  </si>
  <si>
    <t>&lt;p&gt;I wrote a method that should get some information from a web service. 
I wanna avoid extra calls to the service, so I'm trying to put the information in the MemoryCache &lt;a href="https://stackoverflow.com/questions/21269170/locking-pattern-for-proper-use-of-net-memorycache"&gt;according to this post&lt;/a&gt;.&lt;/p&gt;
&lt;p&gt;The difference is that I don't have "SomeHeavyAndExpensiveCalculation" at client, but I delegate the work to web service. So I want to await the call.&lt;/p&gt;
&lt;p&gt;As I understand with current implementation I could have multiple requests to the web server, because I cannot await the request inside the lock and that's why it's moved out of the lock.&lt;/p&gt;
&lt;p&gt;Is there a better solution?&lt;/p&gt;
&lt;p&gt;Thanks.&lt;/p&gt;
&lt;pre&gt;&lt;code&gt; private static readonly object CompanyInfoLock = new object(); 
 public async Task&amp;lt;CompanyDto&amp;gt; GetCompanyInfo()
                {
                    const string cacheKey = "_COMPANYINFO_";
                    CompanyDto companyInfo = MemoryCache.Default[cacheKey] as CompanyDto;
                    if (companyInfo != null) return companyInfo;
                    CompanyDto company = await _userManagementService.InvokeAsync(x =&amp;gt; x.GetCompanyAsync(AppPrincipal.Current.CurrentCompanyId));
                    lock (CompanyInfoLock)
                    {
                        companyInfo = MemoryCache.Default[cacheKey] as CompanyDto;
                        if (companyInfo != null) return companyInfo;
                        MemoryCache.Default.Add(cacheKey, company, new CacheItemPolicy
                        {
                            SlidingExpiration = new TimeSpan(2, 0, 0)
                        });
                    }
                    return company;
                }
&lt;/code&gt;&lt;/pre&gt;</t>
  </si>
  <si>
    <t>2016-02-18 15:50:16.230000+00:00</t>
  </si>
  <si>
    <t>2016-02-18 17:52:26.763000+00:00</t>
  </si>
  <si>
    <t>2017-05-23 12:15:40.193000+00:00</t>
  </si>
  <si>
    <t>c#|web-services|locking|async-await|memorycache</t>
  </si>
  <si>
    <t>my post method is not working in localhost</t>
  </si>
  <si>
    <t>&lt;p&gt;I m trying to do post some data to php but it is not working and also i  have checked chrome dev tool. That when i click the equal button it will appear this status:
calculation.php 
method:OPTIONS
status:(canceled)
text/plain
jquery.min.js:4 
0���B 
8���ms&lt;/p&gt;
&lt;p&gt;I am not sure what is the problem. However it works in here : daciusa.org/pella/calc.html &lt;/p&gt;
&lt;pre&gt;&lt;code&gt; $(function () {
        var $show = $('#display');
        var currentDisplay = "";
        $show.val(0);
        $(document).on('click', 'button.number', function () {
            if ($show.val().length &amp;gt;= 8) {
                $show.val("Error");
            } else if ($show.val() == "Error") {
                $show.val("0");
            } else if ($.inArray($show.val(), ['+', '-', 'x', '/']) !== -1) {
                var addOp = $show.val();
                if (addOp) memory.push(addOp);
                $show.val($(this).val());
            } else {
                $show.val(($show.val() == "0" ? "" : $show.val()) + $(this).val());
            }
        });
        $("#clear").click(function () {
            $show.val("0");
        });
        $("#ce").click(function () {
            if ($show.val().length &amp;gt;= 2) {
                $show.val($show.val().substring(0, $show.val().length - 1));
            } else {
                $("#ce").trigger("click");
            }
        });
        var memory = [];
        $(document).on('click', 'button.function', function () {
            var addnum = $show.val();
            if (addnum) memory.push(addnum);
            $show.val($(this).val());
        });
        $('#equ').click(function () {
            var addnum = $show.val();
            memory.push(addnum);
            $.post("calculation.php", {
                execute: memory
            }, function (data, status) {
                console.log("Success!!");
                console.log(data);
                console.log(status);
            $show.val(data);
            var e = memory.join('');
            memory = [];
            });
        });
    });
&lt;/code&gt;&lt;/pre&gt;
&lt;p&gt;php &lt;/p&gt;
&lt;pre&gt;&lt;code&gt;&amp;lt;?php
if(isset($_POST['execute']) &amp;amp;&amp;amp; is_array($_POST['execute'])) {
    $total = (int)$_POST['execute'][0];
    for($i=1;$i&amp;lt;count($_POST['execute']);$i+=2){
        switch($_POST['execute'][$i]){
            case '+': $total += (int)$_POST['execute'][$i+1];break;
            case '-': $total -= (int)$_POST['execute'][$i+1];break;
            default : $total += (int)$_POST['execute'][$i+1];
        }
    }
    echo $total;
}
else echo 'Error';
?&amp;gt;
&lt;/code&gt;&lt;/pre&gt;</t>
  </si>
  <si>
    <t>2014-12-15 00:42:29.340000+00:00</t>
  </si>
  <si>
    <t>2014-12-15 16:48:56.173000+00:00</t>
  </si>
  <si>
    <t>javascript|php|jquery|google-chrome</t>
  </si>
  <si>
    <t>What's a good strategy for clean/reliable shutdown of threads that use pthread barriers for synchronization?</t>
  </si>
  <si>
    <t>&lt;p&gt;I've got a pthread-based multithreaded program that has four threads indefinitely executing this run-loop (pseudocode):&lt;/p&gt;
&lt;pre&gt;&lt;code&gt;while(keepRunning)
{
   pthread_barrier_wait(&amp;amp;g_stage_one_barrier);
   UpdateThisThreadsStateVariables();  
   pthread_barrier_wait(&amp;amp;g_stage_two_barrier);
   DoComputationsThatReadFromAllThreadsStateVariables();
}
&lt;/code&gt;&lt;/pre&gt;
&lt;p&gt;This works pretty well, in that during stage one each thread updates its own state variables, and that's okay because no other thread is reading any other thread's state variables during stage one.  Then during stage two it's a free-for-all as far as threads reading each others' state is concerned, but that's okay because during stage two no thread is modifying its local state variables, so they are effectively read-only.&lt;/p&gt;
&lt;p&gt;My only remaining problem is, how do I cleanly and reliably shut down these threads when it's time for my application to quit?  (By "cleanly and reliably", I mean without introducing potential deadlocks or race conditions, and ideally without having to send any UNIX-signals to force threads out of a pthread_barrier_wait() call)&lt;/p&gt;
&lt;p&gt;My main() thread can of course set keepRunning to false for each thread, but then how does it get pthread_barrier_wait() to return for each thread?  AFAICT the only way to get pthread_barrier_wait() to return is to have all four threads' execution-location inside pthread_barrier_wait() simultaneously, but that's difficult to do when some threads may have exited already.&lt;/p&gt;
&lt;p&gt;Calling pthread_barrier_destroy() seems like what I'd want to do, but it's undefined behavior to do that while any threads might be waiting on the barrier.&lt;/p&gt;
&lt;p&gt;Is there a good known solution to this problem?&lt;/p&gt;</t>
  </si>
  <si>
    <t>2015-03-03 23:05:32.857000+00:00</t>
  </si>
  <si>
    <t>2015-03-04 15:25:33.393000+00:00</t>
  </si>
  <si>
    <t>c|pthreads|pthread-barriers</t>
  </si>
  <si>
    <t>Disable Scanner and Camera Wizard for all devices through registry update - Windows XP</t>
  </si>
  <si>
    <t>&lt;p&gt;Is there a known way to completely disable the Windows Scanner and Camera Wizard through a registry update? Instead of disabling it per device through the GUI, I would like to be able to disable it completely, so it doesn't come up for any devices. I tried disabling the Windows Image Acquisition (WIA) service, but this prevents Windows from seeing the camera at all. &lt;/p&gt;
&lt;p&gt;Adding the following entry to the registry &lt;strong&gt;after&lt;/strong&gt; the camera is plugged in the first time will fix the issue, we need to disable it &lt;em&gt;before&lt;/em&gt; the camera is plugged in for the first time though.&lt;/p&gt;
&lt;pre&gt;&lt;code&gt;[HKEY_LOCAL_MACHINE\SYSTEM\CurrentControlSet\Control\Class\{6BDD1FC6-810F-11D0-BEC7-     08002BE2092F}\0000\Events\Connected]
@="Digital camera connected"
"GUID"="{A28BBADE-64B6-11d2-A231-00C04FA31809}"
"LaunchApplications"="*"
"DefaultHandler"="{E0372B7D-E115-4525-BC55-B629E68C745A}"
[HKEY_LOCAL_MACHINE\SYSTEM\CurrentControlSet\Control\Class\{6BDD1FC6-810F-11D0-BEC7-08002BE2092F}\0000\Events\Connected\{E0372B7D-E115-4525-BC55-B629E68C745A}]
"Name"="internal"
"Desc"="internal handler"
"Icon"="wiashext.dll, -101"
&lt;/code&gt;&lt;/pre&gt;
&lt;p&gt;One the above is ran against a computer that has had the camera plugged into it already, the wizard no longer opens. If you run this registry fix before plugging the camera in for the first time, the camera will create a new registry key and the Wizard will still open.&lt;/p&gt;</t>
  </si>
  <si>
    <t>2013-01-24 21:39:06.897000+00:00</t>
  </si>
  <si>
    <t>2013-04-26 03:02:22.613000+00:00</t>
  </si>
  <si>
    <t>windows|camera|windows-xp|wizard|wia</t>
  </si>
  <si>
    <t>Newly added permission is not upgraded in Android's system app.</t>
  </si>
  <si>
    <t>&lt;p&gt;To an application (used as a system app on rooted device) I added: &lt;code&gt;&amp;lt;uses-permission android:name="android.permission.RECEIVE_BOOT_COMPLETED" /&amp;gt;&lt;/code&gt; in the Manifest alongside corresponding &lt;em&gt;BroadcastReceiver&lt;/em&gt; which is suppose to start an &lt;em&gt;AlarmManager&lt;/em&gt; service after reboot. &lt;/p&gt;
&lt;p&gt;Then, I updated the system app by using &lt;code&gt;pm install -r + apk&lt;/code&gt;. However, although I see the version of the app being increased, I don't see the application doing anything after reboot, which is not case when I update the same application but as a user app. &lt;/p&gt;
&lt;p&gt;Why the application doesn't upgrade its permissions when is a system app? &lt;/p&gt;</t>
  </si>
  <si>
    <t>2017-12-04 19:02:47.073000+00:00</t>
  </si>
  <si>
    <t>android|permissions|install|upgrade|reboot</t>
  </si>
  <si>
    <t>How to add dynamically JPanels within a JFrame?</t>
  </si>
  <si>
    <t>&lt;p&gt;I should create a list of users as result of a query in twitter like in Google. I'd like to represent the results in the following way:&lt;/p&gt;
&lt;ul&gt;
&lt;li&gt;image of the user - user name - user sex - user location&lt;/li&gt;
&lt;li&gt;a little snippet of the tweets that match the query (if necessary)&lt;/li&gt;
&lt;/ul&gt;
&lt;p&gt;Since now, I have been using a JTextArea, to which I have been appending the name, the sex, the location of the user and some tweets that match the query (if necessary), but now I'd like to show also the profile image and I think It would be necessary to put all the information about each user in a JPanel, but I need to attach dynamically new JPanels to the same JScrollPane and I don't know how to do this.&lt;/p&gt;</t>
  </si>
  <si>
    <t>2016-02-07 16:14:06.477000+00:00</t>
  </si>
  <si>
    <t>2017-02-24 20:06:16.093000+00:00</t>
  </si>
  <si>
    <t>Create a collapsible div with javascript</t>
  </si>
  <si>
    <t>&lt;p&gt;I am trying to create a collapsible div but chrome console says 'undefined is not a function' on line attr data role collapsible. Can you tell me how to do this:&lt;/p&gt;
&lt;pre&gt;&lt;code&gt;var iDiv = document.createElement('div');
iDiv.id = 'sectorDiv_'+distritoPosicion;
iDiv.className = 'sectorDiv_'+distritoPosicion;
iDiv.attr('data-role', 'collapsible');
iDiv.attr('data-collapsed-icon', 'arrow-r');
iDiv.attr('data-expanded-icon', 'arrow-d');
document.getElementsById('listaSectores')[0].appendChild(iDiv);
&lt;/code&gt;&lt;/pre&gt;
&lt;p&gt;distritoPosicion is a numberand listaSectores is an existing div.&lt;/p&gt;</t>
  </si>
  <si>
    <t>2014-06-12 08:04:18.377000+00:00</t>
  </si>
  <si>
    <t>2014-06-12 08:12:50.973000+00:00</t>
  </si>
  <si>
    <t>javascript|jquery|html|jquery-mobile-collapsible</t>
  </si>
  <si>
    <t>Mapping POCO class which has a (one-to-one) reference to another POCO class with AutoMapper EF Core</t>
  </si>
  <si>
    <t>&lt;p&gt;My apologies for (perhaps) not using the right terms in the title and this post. 
The problem is as follows: 
I have a POCO class which has a reference to another table (which is read only). This table has a one-to-one relationship with the other table. &lt;/p&gt;
&lt;p&gt;I have set this upo as follow:&lt;/p&gt;
&lt;pre&gt;&lt;code&gt;    public class Commodity
    {
        public Commodity()
        {
        }
        public long CommodityID { get; set; }
        public long CommodityMaterialID { get; set; }
        public decimal? SpecficWeight { get; set; }
        public OmsCommodityMaterial OmsCommodityMaterial { get; set; }
    }
&lt;/code&gt;&lt;/pre&gt;
&lt;p&gt;The &lt;code&gt;OmsCommodityMaterial&lt;/code&gt; property is the referenced table. This referenced table is also a POCO class which has some other fields, and a porperty back to my own (Commodity) table so I can make a one-to-one relationship with Fluent:&lt;/p&gt;
&lt;pre&gt;&lt;code&gt;    public class OmsCommodityMaterial : OmsBaseClass
    {
        public OmsCommodityMaterial()
        {
        }
        public long? CommodityMaterialID { get; set; }
        public long? CommodityID { get; set; }
        public string Name { get; set; }
        public long? SortOrder { get; set; }
        public Commodity Commodity { get; set; }
    }
&lt;/code&gt;&lt;/pre&gt;
&lt;p&gt;Fluent (for the one-to-one relation) is set up as follows:&lt;/p&gt;
&lt;pre&gt;&lt;code&gt;    public class MyContext : IdentityDbContext&amp;lt;ApplicationUser&amp;gt;
    {
        public virtual DbSet&amp;lt;Commodity&amp;gt; Commodity { get; set; }
        // Oms classes:
        public virtual DbSet&amp;lt;OmsCommodityMaterial&amp;gt; OmsCommodityMaterial { get; set; }
        protected override void OnConfiguring(DbContextOptionsBuilder optionsBuilder)
        {
            base.OnConfiguring(optionsBuilder);
        }
        public MyContext(DbContextOptions&amp;lt;MyContext&amp;gt; options)
           : base(options)
        {
        }
        protected override void OnModelCreating(ModelBuilder modelBuilder)
        {
            base.OnModelCreating(modelBuilder);
            modelBuilder.Entity&amp;lt;Commodity&amp;gt;(entity =&amp;gt;
            {
                entity.Property(e =&amp;gt; e.CommodityID)
                    .HasColumnName("CommodityID")
                    .ValueGeneratedOnAdd();
                entity.Property(e =&amp;gt; e.CommodityMaterialID)
                    .HasColumnName("CommodityMaterialID");
                entity.Property(e =&amp;gt; e.SpecficWeight)
                    .HasColumnName("SpecficWeight")
                    .HasColumnType("decimal(18, 2)");
                entity.HasOne(a =&amp;gt; a.OmsCommodityMaterial)
                    .WithOne(b =&amp;gt; b.Commodity)
                    .HasForeignKey&amp;lt;Commodity&amp;gt;(b =&amp;gt; b.CommodityMaterialID);
            });
        }
    }
&lt;/code&gt;&lt;/pre&gt;
&lt;p&gt;In my endpoint I want to do a GET of all values which return the specific fields of my own table (Commodity) and all the fields of the referenced table (OmsCommodityMaterial). &lt;/p&gt;
&lt;p&gt;For this purpose I created a ViewModel (also because else I get a circular reference as I found out in this post: &lt;a href="https://stackoverflow.com/questions/44648707/err-connection-reset-returning-async-including-object-child-collections"&gt;ERR_CONNECTION_RESET returning Async including object child collections&lt;/a&gt;) which looks as follow:&lt;/p&gt;
&lt;pre&gt;&lt;code&gt;    public class CommodityViewModel
    {
        public long CommodityID { get; set; }
        public long CommodityMaterialID { get; set; }
        public decimal? SpecficWeight { get; set; }
        public OmsCommodityMaterial OmsCommodityMaterial { get; set; }
    }
&lt;/code&gt;&lt;/pre&gt;
&lt;p&gt;For the &lt;code&gt;ViewModels&lt;/code&gt; I am using &lt;code&gt;AutoMapper&lt;/code&gt;, but I actually have no clue how I can map / return the list of the above ViewModel. &lt;/p&gt;
&lt;p&gt;&lt;strong&gt;UPDATE&lt;/strong&gt; &lt;/p&gt;
&lt;p&gt;I ended up eliminating the Circular reference error by adding the &lt;code&gt;[JsonIgnore]&lt;/code&gt; attribute to the &lt;code&gt;public virtual Commodity Commodity { get; set; }&lt;/code&gt; property in the &lt;code&gt;OmsCommodityMaterial&lt;/code&gt; POCO class. Now I can get all the needed column values:&lt;/p&gt;
&lt;pre&gt;&lt;code&gt;return await this.Context.Commodity
                .Include(i =&amp;gt; i.OmsCommodityMaterial)
                .ToListAsync();
&lt;/code&gt;&lt;/pre&gt;
&lt;p&gt;Though, I suppose this is not the way to go. There should be a better solution for this by creating a &lt;code&gt;ViewModel&lt;/code&gt; that retrieves the Commodity columns and (some) of the referenced &lt;code&gt;OmsCommodityMaterial&lt;/code&gt; columns without falling in the Circular Reference error, but how (using AutoMapper)? &lt;/p&gt;</t>
  </si>
  <si>
    <t>2018-06-22 11:29:44.793000+00:00</t>
  </si>
  <si>
    <t>2018-06-22 14:30:19.893000+00:00</t>
  </si>
  <si>
    <t>entity-framework|asp.net-core|automapper</t>
  </si>
  <si>
    <t>how to mask textbox after ajax success</t>
  </si>
  <si>
    <t>&lt;p&gt;I am returning values from the database after checking if it has value. If it has a value, it will be displayed in my textbox. But I want it to be masked with the format of (000-000-000-000), apparently, it is not working. But with normal input, the mask is working just fine. It's just that after success, it does not work anymore. Any help will be fine. &lt;/p&gt;
&lt;p&gt;My code:&lt;/p&gt;
&lt;pre&gt;&lt;code&gt;//..start of ajax code....
success: function(result) {
  console.log(result);
  if (result != "") {
    $("#tin").mask("000-000-000-000");
    $("#tin").val(result);
  }
}
&lt;/code&gt;&lt;/pre&gt;</t>
  </si>
  <si>
    <t>2018-02-21 07:00:07.180000+00:00</t>
  </si>
  <si>
    <t>2018-03-09 20:03:58.493000+00:00</t>
  </si>
  <si>
    <t>2018-02-21 07:09:12.950000+00:00</t>
  </si>
  <si>
    <t>javascript|jquery|jquery-mask</t>
  </si>
  <si>
    <t>Can class methods be added to some instances of Ruby objects but not others?</t>
  </si>
  <si>
    <t>&lt;p&gt;Here is a module containing some methods:&lt;/p&gt;
&lt;pre&gt;&lt;code&gt;module M
  def x; y; end
  def y; ...; end
end
&lt;/code&gt;&lt;/pre&gt;
&lt;p&gt;Here's a class:&lt;/p&gt;
&lt;pre&gt;&lt;code&gt;class C
  def z; ...; end
end
&lt;/code&gt;&lt;/pre&gt;
&lt;p&gt;I have two instances of &lt;code&gt;C&lt;/code&gt;:&lt;/p&gt;
&lt;pre&gt;&lt;code&gt; c1 = C.new
 c2 = C.new
&lt;/code&gt;&lt;/pre&gt;
&lt;p&gt;Is there something I can do to &lt;code&gt;c1&lt;/code&gt; such that &lt;code&gt;c1.class&lt;/code&gt; has &lt;code&gt;x&lt;/code&gt; and &lt;code&gt;y&lt;/code&gt;, but &lt;code&gt;c2.class&lt;/code&gt; doesn't? I don't see a straightforward way to subvert the method lookup.&lt;/p&gt;</t>
  </si>
  <si>
    <t>2012-04-20 01:05:47.900000+00:00</t>
  </si>
  <si>
    <t>2012-04-20 01:47:38.400000+00:00</t>
  </si>
  <si>
    <t>ruby|module|object-model</t>
  </si>
  <si>
    <t>what is the purpose of argc and argv?</t>
  </si>
  <si>
    <t>&lt;pre&gt;&lt;code&gt;int main( int argc, char ** argv ){
//code here
 return 0; }   
&lt;/code&gt;&lt;/pre&gt;
&lt;p&gt;I know that:&lt;/p&gt;
&lt;ol&gt;
&lt;li&gt;&lt;code&gt;argc&lt;/code&gt; is indicates the number of command line arguments including the file name&lt;/li&gt;
&lt;li&gt;&lt;code&gt;char ** argv&lt;/code&gt; is supposed to be a &lt;code&gt;char*&lt;/code&gt; to an array which was initially represented as &lt;code&gt;char* argv[]&lt;/code&gt;&lt;/li&gt;
&lt;/ol&gt;
&lt;p&gt;Assuming I am right what is with the relatively new notation &lt;code&gt;char **argv&lt;/code&gt; compared to &lt;code&gt;char * argv[]&lt;/code&gt;? What does it point to?&lt;/p&gt;
&lt;p&gt;I read this post
&lt;a href="https://stackoverflow.com/questions/4196201/where-are-c-c-main-functions-parameters"&gt;Where are C/C++ main function&amp;#39;s parameters?&lt;/a&gt; however it seems to explain where the arguments are and nothing else.&lt;/p&gt;</t>
  </si>
  <si>
    <t>2014-06-13 12:18:01.010000+00:00</t>
  </si>
  <si>
    <t>2014-06-13 12:55:44.730000+00:00</t>
  </si>
  <si>
    <t>2017-05-23 12:09:00.433000+00:00</t>
  </si>
  <si>
    <t>c++|c</t>
  </si>
  <si>
    <t>how to add items into listview without binding WPF</t>
  </si>
  <si>
    <t>&lt;p&gt;I want to add some items to a listview that is a gridview.
I want to do it through code without implementing the binding option, Simply adding values to set of cells of some sort.&lt;br&gt;
I know it's not the WPF-way but I need this done urgently and I can't seem to find the answer I'm looking for.&lt;br&gt;
I looked at multibind, converters and regular binding but it just won't give me the answer I need for now.&lt;/p&gt;
&lt;p&gt;Is it even possible?&lt;br&gt;
If so how can I do it?&lt;/p&gt;</t>
  </si>
  <si>
    <t>2013-01-11 11:57:45.587000+00:00</t>
  </si>
  <si>
    <t>2017-03-27 02:46:49.460000+00:00</t>
  </si>
  <si>
    <t>2013-01-11 12:05:30.083000+00:00</t>
  </si>
  <si>
    <t>c#|wpf|listview|gridview</t>
  </si>
  <si>
    <t>Upload multiple files and if I leave any of the image blank or don't upload anything, a default image should be there</t>
  </si>
  <si>
    <t>&lt;p&gt;I want to upload multiple files on single button click, and also if I leave any of the image blank or if I do not upload anything, a default image should be there. But code is not working properly:&lt;/p&gt;
&lt;pre&gt;&lt;code&gt;&amp;lt;?php
date_default_timezone_set('Asia/Calcutta');
$date = date('Y-m-d');
$s1=$_FILES['image']['name'];
$s2=$_FILES['image1']['name'];
$s3=$_FILES['image2']['name'];
$s4=$_FILES['image3']['name'];
$s5=$_FILES['image4']['name'];
$s6=$_FILES['image5']['name'];
$s7=$_FILES['image6']['name'];
$s8=$_FILES['image7']['name'];
$s9=$_FILES['image8']['name'];
$s10=$_FILES['image9']['name'];
$path="images/".$s1;
$path1="images/".$s2;
$path2="images/".$s3;
$path3="images/".$s4;
$path4="images/".$s5;
$path5="images/".$s6;
$path6="images/".$s7;
$path7="images/".$s8;
$path8="images/".$s9;
$path9="images/".$s10;
move_uploaded_file($_FILES['image']['tmp_name'],$path);
move_uploaded_file($_FILES['image1']['tmp_name'],$path1);
move_uploaded_file($_FILES['image2']['tmp_name'],$path2);
move_uploaded_file($_FILES['image3']['tmp_name'],$path3);
move_uploaded_file($_FILES['image4']['tmp_name'],$path4);
move_uploaded_file($_FILES['image5']['tmp_name'],$path5);
move_uploaded_file($_FILES['image6']['tmp_name'],$path6);
move_uploaded_file($_FILES['image7']['tmp_name'],$path7);
move_uploaded_file($_FILES['image8']['tmp_name'],$path8);
move_uploaded_file($_FILES['image9']['tmp_name'],$path9);
$default_image = "images/default_img.png";
if(!($s1==""  ))
{
    $q="insert into form(id, image1, image2, image3, image4, image5, image6, image7, image8, image9, image10, date)values
    ('','$default_image','$path1','$path2','$path3','$path4','$path5','$path6','$path7','$path8','$path9','$date')";    
}
else if(!($s2==""))
{
    $q="insert into form(id,  image1, image2, image3, image4, image5, image6, image7, image8, image9, image10, date)values
    ('','$default_image','$path2','$path3','$path4','$path5','$path6','$path7','$path8','$path9','$date')"; 
}
else if(!($s3=="")) 
{
    $q="insert into form(id, image1, image2, image3, image4, image5, image6, image7, image8, image9, image10, date)values
    ('','$path','$path1','$default_image','$path3','$path4','$path5','$path6','$path7','$path8','$path9','$date')"; 
}
else if(!($s4==""))
{
    $q="insert into form(id, image1, image2, image3, image4, image5, image6, image7, image8, image9, image10, date)values
    ('','$path',$path1','$path2','$default_image','$path4','$path5','$path6','$path7','$path8','$path9','$date')";  
}
else if(!($s5==""))
{
    $q="insert into form(id, image1, image2, image3, image4, image5, image6, image7, image8, image9, image10, date)values
    ('','$path','$path1','$path2','$path3','$default_image','$path5','$path6','$path7','$path8','$path9','$date')"; 
}
else if(!($s6==""))
{
    $q="insert into form(id, image1, image2, image3, image4, image5, image6, image7, image8, image9, image10, date)values
    ('','$path','$path1','$path2','$path3','$path4','$default_image','$path6','$path7','$path8','$path9','$date')"; 
}
else if(!($s7==""))
{
    $q="insert into form(id, image1, image2, image3, image4, image5, image6, image7, image8, image9, image10, date)values
    ('','$path','$path1','$path2','$path3','$path4','$path5','$default_image','$path7','$path8','$path9','$date')"; 
}
else if(!($s8==""))
{
    $q="insert into form(id,image1, image2, image3, image4, image5, image6, image7, image8, image9, image10, date)values
    ('','$path','$path1','$path2','$path3','$path4','$path5','$path6','$default_image','$path8','$path9','$date')"; 
}
else if(!($s9==""))
{
    $q="insert into form(id, image1, image2, image3, image4, image5, image6, image7, image8, image9, image10, date)values
    ('','$path','$path1','$path2','$path3','$path4','$path5','$path6','$path7','$default_image','$path9','$date')"; 
}
else if(!($s10==""))
{
    $q="insert into form(id, image1, image2, image3, image4, image5, image6, image7, image8, image9, image10, date)values
    ('','$path','$path1','$path2','$path3','$path4','$path5','$path6','$path7','$path8','$default_image','$date')"; 
}
else{
    $q="insert into form(id, image1, image2, image3, image4, image5, image6, image7, image8, image9, image10, date)values
    ('','$path','$path1','$path2','$path3','$path4','$path5','$path6','$path7','$path8','$path9','$date')";
}$e=mysql_query($q);
if($e&amp;gt;0)
{
    header("location:registration.php?msg=insertion sucess");
}
else
{
    header("location:registration.php?msg=insertion fail");
}
?&amp;gt;
&lt;/code&gt;&lt;/pre&gt;</t>
  </si>
  <si>
    <t>2017-02-01 17:59:43.240000+00:00</t>
  </si>
  <si>
    <t>2017-02-04 09:13:04.320000+00:00</t>
  </si>
  <si>
    <t>paster errors after installing distribute 0.6.10</t>
  </si>
  <si>
    <t>&lt;p&gt;Been working on a Plone site for the last few weeks, it's the first time I've worked on one using buildout for recipes and paster for template generation, and it's been a learning curve.  &lt;/p&gt;
&lt;p&gt;two days ago, everything was working fine.&lt;/p&gt;
&lt;p&gt;Yesterday, I started working from my  known good source and used paster to generate boilerplate for a new archetype, worked fine.  I edited the buildout (as I've done several times before) to account for the new item, ran buildout, and got a hung build (kept repeating that it was generating distribute)&lt;/p&gt;
&lt;p&gt;Googling indicated that this was due to a version mismatch, and that I should upgrade to the latest version of distribute, so I did so (to 0.6.10)&lt;/p&gt;
&lt;p&gt;Now, that error is gone, but so is any ability to do paster.  Even running
 &lt;code&gt;paster create --list-templates&lt;/code&gt;
kicks out the error:&lt;/p&gt;
&lt;pre&gt;&lt;code&gt;F:\Plone\src&amp;gt;paster create --list-templates
&lt;/code&gt;&lt;/pre&gt;
&lt;p&gt;Traceback (most recent call last):
  File "F:\Plone\Python\Scripts\paster-script.py", line 5, in ?
    from pkg_resources import load_entry_point
ImportError: No module named pkg_resources&lt;/p&gt;
&lt;p&gt;Hope someone can help, b/c I'm pretty stalled right now.&lt;/p&gt;</t>
  </si>
  <si>
    <t>2009-12-13 22:35:42.057000+00:00</t>
  </si>
  <si>
    <t>2010-03-18 20:01:33.243000+00:00</t>
  </si>
  <si>
    <t>2009-12-15 12:37:57.380000+00:00</t>
  </si>
  <si>
    <t>python|plone|paster|distribute</t>
  </si>
  <si>
    <t>Weird acting for loop</t>
  </si>
  <si>
    <t>&lt;p&gt;My for loop is acting weird. I want to get a name of members in a team but instead of it I am getting only one last name triple. Can you please say me where can be the problem?&lt;/p&gt;
&lt;pre&gt;&lt;code&gt;class Animal:
    def __init__(self, name):
        self.name = name
class Team:
    def __init__(self, name):
        self.name = name
        self.members = []        
    def add_member(self, member):
        self.member = member
        self.members.append(team.member)
def print_team(team):
    list_members= []
    for member in team.members:
        list_members.append(team.member.name)
    print (list_members)
team = Team('Wolves')
team.add_member(Animal('Josh'))
team.add_member(Animal('Janette'))
team.add_member(Animal('Peter'))
print_team(team)
&lt;/code&gt;&lt;/pre&gt;
&lt;p&gt;I am getting -&gt; Peter, Peter, Peter&lt;/p&gt;
&lt;p&gt;I want to get -&gt; Josh, Janette, Peter&lt;/p&gt;</t>
  </si>
  <si>
    <t>2017-12-03 15:48:23.620000+00:00</t>
  </si>
  <si>
    <t>2017-12-04 05:41:40.760000+00:00</t>
  </si>
  <si>
    <t>Bullet proof way to avoid jquery conflicts on wordpress plugins</t>
  </si>
  <si>
    <t>&lt;p&gt;I have been developing wordpress plugins for a while now and i always seem to get the following issues with all my plugins Jquery conflicts issues.&lt;/p&gt;
&lt;p&gt;I have tried so many different ways to avoid these but i always get users contacting me saying when they have installed one off my plugins it has stopped another plugin from working aahhhhh.&lt;/p&gt;
&lt;p&gt;I really want to get this sorted because i understand how frustrating this can be for people.&lt;/p&gt;
&lt;p&gt;I always set and option or include wordpresses jquery, below is just an example not working code.&lt;/p&gt;
&lt;pre&gt;&lt;code&gt;add_action( 'init', array( $this, 'include_jquery' ) );
function include_jquery(){
                   wp_deregister_script('jquery');
                   wp_register_script('jquery', ("http://ajax.googleapis.com/ajax/libs/jquery/1.7.1/jquery.min.js"), false, '1.7.1');
                   wp_enqueue_script('jquery');
            }
&lt;/code&gt;&lt;/pre&gt;
&lt;p&gt;Ok so after issues with this i now have a select option in the plugin admin to toggle yes or no to include jquery or not i know it is automatically installed but some users remove this, this works for some people but not all.&lt;/p&gt;
&lt;p&gt;if you include the wordpress jquery i know you have to run your jquery with the following.&lt;/p&gt;
&lt;pre&gt;&lt;code&gt;jQuery(document).ready(function ($) {
&lt;/code&gt;&lt;/pre&gt;
&lt;p&gt;jQuery instead of the dollar sign $&lt;/p&gt;
&lt;p&gt;i understand and have used jquery no conflict and tried and tested some if not all off these 
&lt;a href="http://api.jquery.com/jQuery.noConflict/" rel="noreferrer"&gt;http://api.jquery.com/jQuery.noConflict/&lt;/a&gt;&lt;/p&gt;
&lt;pre&gt;&lt;code&gt;$.noConflict();
  jQuery(document).ready(function($) {
    // Code that uses jQuery's $ can follow here.
  });
&lt;/code&gt;&lt;/pre&gt;
&lt;p&gt;This as with the others works for some but not all users with conflicts arising still with certain users.&lt;/p&gt;
&lt;p&gt;I am hoping that from this post some of us wordpress plugin developers could help out and post a bullet proof way to use wordpress and jquery within our plugins without getting conflict issues.&lt;/p&gt;
&lt;p&gt;Thanks&lt;/p&gt;</t>
  </si>
  <si>
    <t>2012-09-10 08:49:27.807000+00:00</t>
  </si>
  <si>
    <t>2012-09-10 10:07:55.183000+00:00</t>
  </si>
  <si>
    <t>2012-09-10 08:56:01.310000+00:00</t>
  </si>
  <si>
    <t>wordpress|plugins|conflict|jquery</t>
  </si>
  <si>
    <t>boost directory iterator</t>
  </si>
  <si>
    <t>&lt;p&gt;I have this piece of Boost code that iterates through files in a directory: &lt;/p&gt;
&lt;pre&gt;&lt;code&gt;void someFuncToIterateFiles() {
    if( exists( directory ) )
    {
       directory_iterator end ;
       for( directory_iterator iter(directory) ; iter != end ; ++iter ) {
         if ( !is_directory( *iter ) )
         {
             // this is a file 
             cout &amp;lt;&amp;lt; iter-&amp;gt;path; 
             // rest of the code
         }
       }
    }
}
&lt;/code&gt;&lt;/pre&gt;
&lt;p&gt;I have found that sometimes when its read a directory which exists and is about to start iterating through files, the program simply halts and there is no error or segmentation fault. The rest of the code bit is not executed at all, and the function returns to the caller This is very strange as I haven't come across anything like this before. No exception is thrown, unless this needs us to explicitly use a try-catch exception handler. &lt;/p&gt;
&lt;p&gt;Has anyone experienced this with Boost? I cannot debug but only use cout statements as some of my dependency libraries are compiled in release mode. &lt;/p&gt;</t>
  </si>
  <si>
    <t>2012-05-09 04:26:03.897000+00:00</t>
  </si>
  <si>
    <t>2016-02-02 04:50:22.830000+00:00</t>
  </si>
  <si>
    <t>Redirect to the same node for edit after node creation/edit</t>
  </si>
  <si>
    <t>&lt;p&gt;Drupal8 takes users to the node detailed page after creation or edit. I would like to modify the behaviour and redirect it to the node editing page. &lt;/p&gt;
&lt;p&gt;I researched in Google and found that I should use HOOK_form_alter method in the administration theme to apply the redirect. &lt;/p&gt;
&lt;p&gt;I have checked the following StackOverflow answer but no success. 
&lt;a href="https://stackoverflow.com/questions/17227302/how-can-i-redirect-a-drupal-user-after-they-create-new-content"&gt;How can I redirect a Drupal user after they create new content&lt;/a&gt;&lt;/p&gt;
&lt;pre&gt;&lt;code&gt;//hook_form_alter
function adminimal_theme_form_alter(&amp;amp;$form, FormStateInterface $form_state, $form_id) {
  if ($form_id == 'node_article_edit_form' || $form_id == 'node_article_form' &amp;amp;&amp;amp; $form_state-&amp;gt;isMethodType('POST')) {
    $form['actions']['submit']['#submit'] = 'seven_redirect_handler';
  }
}
function seven_redirect_handler($form, &amp;amp;$form_state) {
  $response = new TrustedRedirectResponse('/node/1');
  $form_state-&amp;gt;setResponse($response);
}
&lt;/code&gt;&lt;/pre&gt;
&lt;p&gt;For some reasons, it does not work. Any help will be appreciated. &lt;/p&gt;</t>
  </si>
  <si>
    <t>2017-09-07 09:03:02.550000+00:00</t>
  </si>
  <si>
    <t>2017-09-11 06:26:15.553000+00:00</t>
  </si>
  <si>
    <t>2017-09-07 09:11:27.293000+00:00</t>
  </si>
  <si>
    <t>php|drupal-8|hook-form-alter|form-alter</t>
  </si>
  <si>
    <t>How can one implement a secure IRC inside a company ? What are the secure IRC servers?</t>
  </si>
  <si>
    <t>&lt;ul&gt;
&lt;li&gt;We are thinking of an IRC server for ops/devs during problem solving.&lt;/li&gt;
&lt;li&gt;Makes it easy for folks to see what is going on plus the log acts as
future reference. But this need to be inside the company. &lt;/li&gt;
&lt;li&gt;We are a small startup, so VPN et al are out of our reach for now.&lt;/li&gt;
&lt;/ul&gt;</t>
  </si>
  <si>
    <t>2011-08-01 21:26:35.923000+00:00</t>
  </si>
  <si>
    <t>2011-08-01 21:38:27.907000+00:00</t>
  </si>
  <si>
    <t>security|irc</t>
  </si>
  <si>
    <t>Error connecting to Oracle</t>
  </si>
  <si>
    <t>&lt;p&gt;I installed oracle 11g XE but always the credential error when trying to connect. In the installation it only asks to enter the password, so I am trying to connect with the default user "sysdba". Trying to use plsql developer gives this error But always error:&lt;/p&gt;
&lt;pre&gt;&lt;code&gt; ORA-12154: TNS: Could not resolve the specified connection identifier
&lt;/code&gt;&lt;/pre&gt;
&lt;p&gt;how to connect to Oracle?&lt;/p&gt;</t>
  </si>
  <si>
    <t>2018-07-12 17:32:15.813000+00:00</t>
  </si>
  <si>
    <t>oracle</t>
  </si>
  <si>
    <t>Edit object via modal in AngularJS - use a temporary object?</t>
  </si>
  <si>
    <t>&lt;p&gt;&lt;strong&gt;Scenario:&lt;/strong&gt; User clicks on item.  Following code runs and opens a modal with a textbox that has the item's name populated.&lt;/p&gt;
&lt;pre&gt;&lt;code&gt;$scope.edit = function (item) {
    $scope.editingItem = { Name: item.Name };
};
&lt;/code&gt;&lt;/pre&gt;
&lt;p&gt;My HTML within the modal:&lt;/p&gt;
&lt;pre&gt;&lt;code&gt;&amp;lt;input type="text" ng-model="editingItem.Name"/&amp;gt;
&lt;/code&gt;&lt;/pre&gt;
&lt;p&gt;This works fine, the modal shows (using &lt;code&gt;ng-show&lt;/code&gt;) and the textbox is populated with the item's name.&lt;/p&gt;
&lt;p&gt;&lt;em&gt;Im using a new object to populate the textbox because I don't want the original object to change (via AngularJS auto data binding) until I press the save button.&lt;/em&gt;&lt;/p&gt;
&lt;p&gt;Then this HTML:&lt;/p&gt;
&lt;pre&gt;&lt;code&gt;&amp;lt;a href="" ng-click="update(editingItem)"&amp;gt;Save&amp;lt;/a&amp;gt;
&lt;/code&gt;&lt;/pre&gt;
&lt;p&gt;Leads to:&lt;/p&gt;
&lt;pre&gt;&lt;code&gt;$scope.update = function (item) {
    // What do I put in here to update the original item object that was passed
    // into the edit function at the top of this question?!
};
&lt;/code&gt;&lt;/pre&gt;
&lt;p&gt;My issue though is what to put into the &lt;code&gt;update&lt;/code&gt; method? I want to update the original &lt;code&gt;item&lt;/code&gt; (held in an array of items).&lt;/p&gt;</t>
  </si>
  <si>
    <t>2012-08-05 16:48:54.793000+00:00</t>
  </si>
  <si>
    <t>2012-08-05 17:18:24.387000+00:00</t>
  </si>
  <si>
    <t>2012-08-05 16:55:02.777000+00:00</t>
  </si>
  <si>
    <t>SOLR Filter Query (fq) doesn't work for the strings contain Colon [ : ] or Slash [ / ]?</t>
  </si>
  <si>
    <t>&lt;p&gt;In Solr (3.6), i can use &lt;code&gt;fq&lt;/code&gt; for every fields but not for the fields which contains &lt;code&gt;Colon [:]&lt;/code&gt; or &lt;code&gt;Slash [/]&lt;/code&gt; inside, for example, normal &lt;code&gt;url&lt;/code&gt; fields.&lt;/p&gt;
&lt;p&gt;Lets assume some records will be looks like:&lt;/p&gt;
&lt;pre&gt;&lt;code&gt;{
    "title":"Innovation Life and Strategy",
    "url":"http://www.example.com/innovation_life_strategy",
},
{
    "title":"Simple Life",
    "url":"http://www.example.com/simple_life",
},
..
&lt;/code&gt;&lt;/pre&gt;
&lt;p&gt;I can simply use &lt;code&gt;fq&lt;/code&gt; for simple fields which &lt;strong&gt;does not contains&lt;/strong&gt; &lt;code&gt;Colon [:]&lt;/code&gt; or &lt;code&gt;Slash [/]&lt;/code&gt; like "title" here:&lt;/p&gt;
&lt;pre&gt;&lt;code&gt;fq=title:(Strategy)
&lt;/code&gt;&lt;/pre&gt;
&lt;p&gt;Yes, it returns 1st record.&lt;br&gt;
But then, it returns &lt;strong&gt;not for the &lt;code&gt;url&lt;/code&gt; field which is having Colons [:] or Slash [/]&lt;/strong&gt; inside:&lt;/p&gt;
&lt;pre&gt;&lt;code&gt;fq=url:(life)
&lt;/code&gt;&lt;/pre&gt;
&lt;p&gt;No, it never returns any of record.&lt;br&gt;&lt;/p&gt;
&lt;ul&gt;
&lt;li&gt;I don't know why but i think this is because of &lt;code&gt;Colon [:]&lt;/code&gt;  or &lt;code&gt;Slash [/]&lt;/code&gt; inside obviously.&lt;br&gt;&lt;/li&gt;
&lt;/ul&gt;
&lt;p&gt;How can i?&lt;/p&gt;</t>
  </si>
  <si>
    <t>2012-08-10 03:27:58.037000+00:00</t>
  </si>
  <si>
    <t>2012-08-10 14:24:00.010000+00:00</t>
  </si>
  <si>
    <t>2012-08-10 03:33:27.427000+00:00</t>
  </si>
  <si>
    <t>regex|solr|filter|colon</t>
  </si>
  <si>
    <t>For - loop to execute on specific conditions</t>
  </si>
  <si>
    <t>&lt;p&gt;I have a for loop in which the limit of the count varies. For every 5 times the code runs through the loop it calls a METHOD and when left with few more times to run the loop say the loop is going to run for 3 more times and exits, I have to check on that value and then call the METHOD for the 3 times the code ran the loop. &lt;/p&gt;
&lt;p&gt;Lets say n = 17&lt;/p&gt;
&lt;pre&gt;&lt;code&gt;for(int i = 0 ; i &amp;lt; n ; i++){
if(i%5){
  call method
 }
 // the remaining 2 more times the code run thru this loop i have to call the method
}
&lt;/code&gt;&lt;/pre&gt;
&lt;p&gt;Any idea on how to deal with this situation?&lt;/p&gt;</t>
  </si>
  <si>
    <t>2014-07-30 02:31:05.943000+00:00</t>
  </si>
  <si>
    <t>2014-07-30 03:07:46.367000+00:00</t>
  </si>
  <si>
    <t>algorithm|for-loop</t>
  </si>
  <si>
    <t>Query to retrieve the latest entry in a history table in Laravel 5.2</t>
  </si>
  <si>
    <t>&lt;p&gt;Here is the table&lt;/p&gt;
&lt;p&gt;table: StudentHistory&lt;/p&gt;
&lt;pre&gt;&lt;code&gt;id   |  date     | name  | grade  | subject
---- | ------    |------ |--------|------
1    | 5/1/2017  |Mark   |   a    |   science
2    | 7/1/2016  |Earl   |   c    |   english
3    | 2/1/2015  |John   |   a    |   english
4    | 6/1/2016  |Mike   |   c    |   science
5    | 4/1/2016  |Matt   |   e    |   english
6    | 2/1/2017  |Mark   |   d    |   science
7    | 3/1/2016  |Earl   |   a    |   english
8    | 7/1/2015  |John   |   d    |   english
9    | 8/1/2016  |Mike   |   c    |   science
&lt;/code&gt;&lt;/pre&gt;
&lt;p&gt;What I want to happen is to populate the latest grades ONLY in English for students who have one. It should show like this&lt;/p&gt;
&lt;pre&gt;&lt;code&gt;7/1/2016 Earl c
7/1/2015 John d
4/1/2016 Matt e
&lt;/code&gt;&lt;/pre&gt;
&lt;p&gt;I got this but it doesn't give the latest based on &lt;/p&gt;
&lt;p&gt;&lt;code&gt;$englishgrades = StudentHistory::('date', 'name', 'grade')
-&amp;gt;where('subject', 'english')
-&amp;gt;groupBy('name')
-&amp;gt;get();&lt;/code&gt;&lt;/p&gt;
&lt;p&gt;Please help&lt;/p&gt;</t>
  </si>
  <si>
    <t>2017-05-11 08:20:46.290000+00:00</t>
  </si>
  <si>
    <t>2017-05-19 03:42:43.010000+00:00</t>
  </si>
  <si>
    <t>2017-05-11 08:26:18.570000+00:00</t>
  </si>
  <si>
    <t>php|mysql|controller|laravel-5.2</t>
  </si>
  <si>
    <t>view works fine, but return 0 rows when call in php</t>
  </si>
  <si>
    <t>&lt;p&gt;I created folowing view (select list of last active users):&lt;/p&gt;
&lt;pre&gt;&lt;code&gt;SELECT U.login, U.name, U.surname
FROM sessions S LEFT JOIN user U 
ON S.id_user = U.id_user 
WHERE U.id_user != 0 AND UNIX_TIMESTAMP()-S.set_time &amp;lt; 300
ORDER BY S.set_time DESC
&lt;/code&gt;&lt;/pre&gt;
&lt;p&gt;SELECT *FROM vonline; gives me(i call it in phpmyadmin):&lt;/p&gt;
&lt;pre&gt;&lt;code&gt;login   name    surname
admin   Chuck   Norris
user2   John    Cena
&lt;/code&gt;&lt;/pre&gt;
&lt;p&gt;I am trying to get same output in php:&lt;/p&gt;
&lt;pre&gt;&lt;code&gt;if ($stmt = $mysqli-&amp;gt;prepare("SELECT * FROM vonline")) {
    $stmt-&amp;gt;execute();
    $result = $stmt-&amp;gt;get_result();
    echo "Online users: $stmt-&amp;gt;num_rows"; // This shows "0"
    while ($row = $result-&amp;gt;fetch_array(MYSQLI_NUM)) {
        echo "Login: $row[1] Name: $row[1] Surname: $row[2]";
    }
} else {
    echo "Select Error";
}
&lt;/code&gt;&lt;/pre&gt;
&lt;p&gt;Why get no results, &lt;code&gt;num_rows&lt;/code&gt; returns 0.&lt;/p&gt;
&lt;p&gt;The code above works perfectly for selecting data from other tables, but not for this one.&lt;/p&gt;</t>
  </si>
  <si>
    <t>2015-11-01 14:34:21.963000+00:00</t>
  </si>
  <si>
    <t>2015-11-01 15:13:14.947000+00:00</t>
  </si>
  <si>
    <t>php|mysqli|view</t>
  </si>
  <si>
    <t>Emacs terminal column width (julia / python shell)</t>
  </si>
  <si>
    <t>&lt;p&gt;I am trying to use Emacs as an Integrated Computing Environment for Julia &amp;amp; Python. &lt;code&gt;ESS&lt;/code&gt; (Emacs Speaks Statistics) is the plugin that I use to interactively send selected code for REPL evaluation. &lt;/p&gt;
&lt;p&gt;&lt;code&gt;C-c C-c&lt;/code&gt; selects the code and starts &lt;code&gt;Julia&lt;/code&gt; interpreter the first time the combination is used, in subsequent executions it uses the existing &lt;code&gt;Julia&lt;/code&gt; session. &lt;/p&gt;
&lt;p&gt;The challenge I am facing is that the terminal window for &lt;code&gt;Julia&lt;/code&gt; (this is the case even with &lt;code&gt;Python&lt;/code&gt;) for some reason only uses &lt;code&gt;80 columns&lt;/code&gt; for the output. &lt;/p&gt;
&lt;p&gt;For example the following code if executed inside &lt;code&gt;Julia&lt;/code&gt; session would print the DataFrame &lt;code&gt;df&lt;/code&gt; in three groups which are wrapped at 80 columns. Even though my window size can easily handle over 200 characters. &lt;/p&gt;
&lt;pre&gt;&lt;code&gt; using DataFrames
 df=readtable("../../data/titanic/data/train.csv")
 julia&amp;gt; df[1:2, :]
 2x12 DataFrame
 | Row | PassengerId | Survived | Pclass |
 |-----|-------------|----------|--------|
 | 1   | 1           | 0        | 3      |
 | 2   | 2           | 1        | 1      |
 | Row | Name                                                  | Sex      |
 |-----|-------------------------------------------------------|----------|
 | 1   | "Braund, Mr. Owen Harris"                             | "male"   |
 | 2   | "Cumings, Mrs. John Bradley (Florence Briggs Thayer)" | "female" |
 | Row | Age  | SibSp | Parch | Ticket      | Fare    | Cabin | Embarked |
 |-----|------|-------|-------|-------------|---------|-------|----------|
 | 1   | 22.0 | 1     | 0     | "A/5 21171" | 7.25    | NA    | "S"      |
 | 2   | 38.0 | 1     | 0     | "PC 17599"  | 71.2833 | "C85" | "C"      |
&lt;/code&gt;&lt;/pre&gt;
&lt;p&gt;I have even tried manually firing up a &lt;code&gt;Julia&lt;/code&gt; session inside Emacs shell &lt;code&gt;M-x shell&lt;/code&gt; and even that would result in 80 column wrapping. &lt;/p&gt;
&lt;p&gt;But the same code if I execute in a &lt;code&gt;Julia&lt;/code&gt; session running inside a regular &lt;code&gt;Mac OSX Terminal&lt;/code&gt; would correctly use the entire width of the terminal.&lt;/p&gt;
&lt;p&gt;&lt;strong&gt;Workaround / Potential Culprit&lt;/strong&gt;&lt;/p&gt;
&lt;p&gt;If i execute &lt;code&gt;stty size&lt;/code&gt; on my &lt;code&gt;OS X Terminal&lt;/code&gt; I get proper output which represent the actual size of my terminal for example &lt;code&gt;24 157&lt;/code&gt;. &lt;/p&gt;
&lt;p&gt;But if I execute &lt;code&gt;stty size&lt;/code&gt; inside Emacs shell &lt;code&gt;M-x shell&lt;/code&gt; I get &lt;code&gt;0 0&lt;/code&gt;. No matter what the size of the Emacs window is the result of &lt;code&gt;stty&lt;/code&gt; inside emacs is always &lt;code&gt;0 0&lt;/code&gt;. &lt;/p&gt;
&lt;p&gt;When I manually change the &lt;code&gt;stty&lt;/code&gt; settings, let's say &lt;code&gt;stty rows 24 cols 160&lt;/code&gt; and then execute &lt;code&gt;julia&lt;/code&gt; I am able to get my outputs from julia to consume all 160 columns. &lt;/p&gt;
&lt;p&gt;&lt;strong&gt;Question&lt;/strong&gt;&lt;/p&gt;
&lt;ol&gt;
&lt;li&gt;How can I make Emacs dynamically adjust stty (settings) or whatever facility that would give the intended result. &lt;/li&gt;
&lt;li&gt;If #1 is not possible and this is a compromise I have to deal with is it possible to set a static stty settings in .emacs file which would be used by default.&lt;/li&gt;
&lt;/ol&gt;
&lt;p&gt;I have tried this even on a Linux machine (CentOS) and I have the same issue there. &lt;/p&gt;
&lt;p&gt;Thanks for the help. &lt;/p&gt;</t>
  </si>
  <si>
    <t>2015-07-21 19:47:37.493000+00:00</t>
  </si>
  <si>
    <t>2016-08-08 08:29:43.630000+00:00</t>
  </si>
  <si>
    <t>python|shell|emacs|julia-lang</t>
  </si>
  <si>
    <t>Downloading folders from aws s3, cp or sync?</t>
  </si>
  <si>
    <t>&lt;p&gt;If I want to download all the contents of a directory on S3 to my local PC, which command should I use cp or sync ?  &lt;/p&gt;
&lt;p&gt;Any help would be highly appreciated.&lt;/p&gt;
&lt;p&gt;For example,&lt;/p&gt;
&lt;p&gt;if I want to download all the contents of "this folder" to my desktop, would it look like this ?&lt;/p&gt;
&lt;pre&gt;&lt;code&gt; aws s3 sync s3://"myBucket"/"this folder" C:\\Users\Desktop
&lt;/code&gt;&lt;/pre&gt;</t>
  </si>
  <si>
    <t>2015-01-13 22:04:03.090000+00:00</t>
  </si>
  <si>
    <t>2018-08-29 13:06:22.197000+00:00</t>
  </si>
  <si>
    <t>2017-10-31 06:23:07.873000+00:00</t>
  </si>
  <si>
    <t>windows|amazon-web-services|amazon-s3</t>
  </si>
  <si>
    <t>Select data when at least half of the records are evaluated for 'Y'</t>
  </si>
  <si>
    <t>&lt;p&gt;I have this table&lt;/p&gt;
&lt;pre&gt;&lt;code&gt;evaluation([id_member, id_article], opinion)
&lt;/code&gt;&lt;/pre&gt;
&lt;p&gt;I tried to select id_article while at least half of members have set opinion for 'Y'.&lt;/p&gt;
&lt;p&gt;For example :&lt;/p&gt;
&lt;pre&gt;&lt;code&gt;(1, 1, NULL)
(2, 1, NULL)
(1, 2, NULL)
(2, 2, 'Y')
&lt;/code&gt;&lt;/pre&gt;
&lt;p&gt;The query should select article 2 (for the second article) since one of the two rows contains a 'Y'.&lt;/p&gt;
&lt;p&gt;I can't find how to do it!&lt;/p&gt;
&lt;p&gt;&lt;code&gt;[]&lt;/code&gt; means that &lt;code&gt;id_member&lt;/code&gt; and &lt;code&gt;id_article&lt;/code&gt; make up the primary key.&lt;/p&gt;</t>
  </si>
  <si>
    <t>2013-04-20 22:37:36.157000+00:00</t>
  </si>
  <si>
    <t>2013-04-21 07:57:37.767000+00:00</t>
  </si>
  <si>
    <t>2013-04-21 03:03:50.587000+00:00</t>
  </si>
  <si>
    <t>sql|oracle</t>
  </si>
  <si>
    <t>Is there an existing pattern to generate a list of the applications of a function to every combination of the items in two lists?</t>
  </si>
  <si>
    <t>&lt;p&gt;I'm just getting into functional programming and i'm in the "try out some non-trivial examples and ask others if I'm doing it wrong" phase. I'm following Don Syme's &lt;a href="http://channel9.msdn.com/shows/Going+Deep/C9-Lectures-Dr-Don-Syme-Introduction-to-F-1-of-3/" rel="nofollow noreferrer"&gt;F# Tutorial&lt;/a&gt; and have decided to take a stab at the blackjack exercise at the end of Part II with a twist: he suggests treating Ace as 11 for simplicity's sake, but I decided to ignore that recommendation.&lt;/p&gt;
&lt;p&gt;The way I'm handling it is by giving each card rank a list of possible values and building up a list of possible hand values recursively thus:&lt;/p&gt;
&lt;pre&gt;&lt;code&gt;let cardValues (Card(rank, _)) =
    match rank with
    | Ace                 -&amp;gt; [1; 11]
    | King | Queen | Jack -&amp;gt; [10]
    | Value(value)        -&amp;gt; [value]
let rec handValues = function
    | [] -&amp;gt; [0]
    | card::cards -&amp;gt;
        [
            for handValue in handValues cards do
                for cardValue in cardValues card do
                    yield handValue + cardValue
        ]
&lt;/code&gt;&lt;/pre&gt;
&lt;p&gt;The &lt;code&gt;handValues&lt;/code&gt; function is so similar in structure to a fold that I can't shake the feeling there's already some high order function I can use to accomplish this. Is there something I'm missing or is this pretty much the right direction?&lt;/p&gt;</t>
  </si>
  <si>
    <t>2010-02-12 16:46:33.330000+00:00</t>
  </si>
  <si>
    <t>2010-02-12 17:56:36.097000+00:00</t>
  </si>
  <si>
    <t>f#|functional-programming|terminology</t>
  </si>
  <si>
    <t>New kstream with Object</t>
  </si>
  <si>
    <t>&lt;p&gt;public KStream process(KStream input) {
need Employee is and Object inside Employer.How can I get that in return type.
And if I have to use ObjectMapper inside kstream to convert json to java and then pass, how can I do?
return input;
}&lt;/p&gt;</t>
  </si>
  <si>
    <t>2018-07-05 15:44:30.127000+00:00</t>
  </si>
  <si>
    <t>2018-07-06 10:12:27.387000+00:00</t>
  </si>
  <si>
    <t>2018-07-05 15:54:36.433000+00:00</t>
  </si>
  <si>
    <t>filter|cloud|apache-kafka-streams|spring-cloud-stream</t>
  </si>
  <si>
    <t>Download data from JSON using ObjectMapper and Realm</t>
  </si>
  <si>
    <t>&lt;p&gt;I'm new in swift and I'd like to use some library for downloading and storing data from JSON. I'm using &lt;code&gt;ObjectMapper&lt;/code&gt; &lt;code&gt;Realm&lt;/code&gt; and &lt;code&gt;Alamofire&lt;/code&gt; to do this. I can download the data with &lt;code&gt;Alamofire&lt;/code&gt; and &lt;code&gt;ObjectMapper&lt;/code&gt; but when I started to use &lt;code&gt;Realm&lt;/code&gt; everything went wrong. The problem is when I used an Array in my Model it worked fine, but after I started use Realm I had to use List instead of Array.&lt;/p&gt;
&lt;p&gt;Here is my model: &lt;/p&gt;
&lt;pre&gt;&lt;code&gt;class ServiceItem: Object, Mappable {
dynamic var item: [Item]?
//var item = List&amp;lt;Item&amp;gt;()
required convenience init?(map: Map) {
    self.init()
}
func mapping(map: Map) {
    item &amp;lt;- map["Item"]
}
}
class Item: Object, Mappable {
    dynamic var id: String?
    dynamic var parentId: String?
    dynamic var userName: String?
    dynamic var userAddress: String?
    dynamic var userMegye: String?
    dynamic var userUtca: String?
    dynamic var userIrsz: String?
    dynamic var userKontakt: String?
    dynamic var userEmail: String?
    dynamic var userPhone: String?
    dynamic var userMobile: String?
    dynamic var userWeb: String?
    dynamic var userDesc: String?
    dynamic var userImage: String?
    dynamic var gpslat: String?
    dynamic var gpslong: String?
    required convenience init?(map: Map) {
        self.init()
    }
    // Mappable
    func mapping(map: Map) {
        id    &amp;lt;- map["id"]
        parentId         &amp;lt;- map["parent_id"]
        userName      &amp;lt;- map["user_name"]
        userAddress       &amp;lt;- map["user_address"]
        userMegye  &amp;lt;- map["user_megye"]
        userUtca  &amp;lt;- map["user_utca"]
        userIrsz     &amp;lt;- map["user_irsz"]
        userEmail  &amp;lt;- map["user_email"]
        userPhone     &amp;lt;- map["user_phone"]
        userMobile  &amp;lt;- map["user_mobile"]
        userWeb     &amp;lt;- map["user_web"]
        userDesc  &amp;lt;- map["user_desc"]
        userImage     &amp;lt;- map["user_image"]
        gpslat  &amp;lt;- map["gpslat"]
        gpslong     &amp;lt;- map["gpslong"]
        userKontakt    &amp;lt;- (map["user_kontakt"])
    }
}
&lt;/code&gt;&lt;/pre&gt;
&lt;p&gt;And here is my func to download and store data:&lt;/p&gt;
&lt;pre&gt;&lt;code&gt;func downLoadDataFromJSON() {
    let URL = "...."
    let item = Item()
    Alamofire.request(URL).responseObject { (response: DataResponse&amp;lt;ServiceItem&amp;gt;) in
        let serviceResponse = response.result.value
        let realm = try! Realm()
        if let allServices = serviceResponse?.item{
            for items in allServices {
                print(items.id!)
                print(items.userName!)
            }
        }
    }
}
&lt;/code&gt;&lt;/pre&gt;
&lt;p&gt;The difference is when I use "Array", the "for" loop is running and I can see my data from JSON, but if I use "List" the code doesn't even step into the loop.&lt;/p&gt;</t>
  </si>
  <si>
    <t>2017-03-13 11:47:32.963000+00:00</t>
  </si>
  <si>
    <t>2017-03-13 12:31:34.010000+00:00</t>
  </si>
  <si>
    <t>2017-03-13 12:20:43.670000+00:00</t>
  </si>
  <si>
    <t>ios|json|realm</t>
  </si>
  <si>
    <t>Node.js - Do I really need Visual Studio ? And Python 2.X or 3.X?</t>
  </si>
  <si>
    <t>&lt;p&gt;trying to install websockets on windows Node.js.&lt;/p&gt;
&lt;p&gt;I am getting native extensions require Visual Studio and Python.&lt;/p&gt;
&lt;p&gt;My question is : Is it possible to take another compiler? Or do I really need VS (3,6GB) Download or are there alternatives, since I don��t want to download that huge amount.
Linux has GGC , I suppose.
And do I need Python 2.X or Python 3.X.&lt;/p&gt;
&lt;p&gt;&lt;img src="https://i.stack.imgur.com/Enlze.png" alt="Node.js"&gt;&lt;/p&gt;
&lt;p&gt;Thanks for the replies.
Have a nice day.&lt;/p&gt;</t>
  </si>
  <si>
    <t>2012-09-14 13:44:11.947000+00:00</t>
  </si>
  <si>
    <t>2016-11-18 09:52:56.303000+00:00</t>
  </si>
  <si>
    <t>visual-studio|html5|node.js|compiler-construction|websocket</t>
  </si>
  <si>
    <t>convert string to german date java</t>
  </si>
  <si>
    <t>&lt;p&gt;my problem is the following. I would like to have the german date for the string "11.11.2012".&lt;/p&gt;
&lt;p&gt;I tried this piece of code:&lt;/p&gt;
&lt;pre&gt;&lt;code&gt;String date = "11.11.2012";
SimpleDateFormat sdtF = new SimpleDateFormat("dd.mm.yyyy",Locale.GERMANY);
Date dareFormatiert = sdtF.parse(date);
System.out.println(dareFormatiert);
&lt;/code&gt;&lt;/pre&gt;
&lt;p&gt;But it gives me the wrong format. "Wed Jan 11 00:11:00 CET 2012", instead of "11.11.2012".&lt;/p&gt;
&lt;p&gt;Thank you, any help is appreciated.&lt;/p&gt;</t>
  </si>
  <si>
    <t>2014-08-17 12:11:50.060000+00:00</t>
  </si>
  <si>
    <t>2014-08-17 13:32:04.993000+00:00</t>
  </si>
  <si>
    <t>2014-08-17 12:12:16.217000+00:00</t>
  </si>
  <si>
    <t>java|date-formatting</t>
  </si>
  <si>
    <t>How can i make video go full screen on android?</t>
  </si>
  <si>
    <t>&lt;p&gt;How can I make a video go full screen on android, I have tried the code from these place but they dont work on android &lt;a href="https://www.youtube.com/watch?v=BuaIDNu_pPg" rel="nofollow noreferrer"&gt;https://www.youtube.com/watch?v=BuaIDNu_pPg&lt;/a&gt; &lt;a href="http://www.intheloftstudios.com/blog/detecting-html5-video-fullscreen-and-events" rel="nofollow noreferrer"&gt;http://www.intheloftstudios.com/blog/detecting-html5-video-fullscreen-and-events&lt;/a&gt;&lt;/p&gt;
&lt;p&gt;I need it to just work on android&lt;/p&gt;
&lt;p&gt;Can someone Please help me thank you all help is appreciated &lt;/p&gt;</t>
  </si>
  <si>
    <t>2017-04-06 22:57:35.207000+00:00</t>
  </si>
  <si>
    <t>2017-04-06 23:23:47.900000+00:00</t>
  </si>
  <si>
    <t>user7613413</t>
  </si>
  <si>
    <t>javascript|html5|video-player</t>
  </si>
  <si>
    <t>How to display Images from internet in a windows phone 7 app?</t>
  </si>
  <si>
    <t>&lt;p&gt;I am making an application which gets urls of images by parsing an RSS feed.I want to diplay that images in the application one after another when tapped on screen .How can i do it? Is it required to download all images before displaying? Please explain.&lt;/p&gt;
&lt;p&gt;Thanks and regards&lt;/p&gt;
&lt;p&gt;vaysage&lt;/p&gt;</t>
  </si>
  <si>
    <t>2010-12-28 10:11:02.390000+00:00</t>
  </si>
  <si>
    <t>2010-12-30 11:38:24.867000+00:00</t>
  </si>
  <si>
    <t>2010-12-28 10:27:37.747000+00:00</t>
  </si>
  <si>
    <t>c#|silverlight|windows-phone-7</t>
  </si>
  <si>
    <t>I have an issue with SQL statement</t>
  </si>
  <si>
    <t>&lt;pre&gt;&lt;code&gt;Create Table Person (
ID integer primary key
, [name] character(15) not null 
, address character(15)
, phone integer
);
Create Table Surveyor (
 surveyID integer 
 , certificationDate Datetime 
 , ID integer 
 , primary KEY (surveyID,ID)
 , FOREIGN KEY (ID) REFERENCES Person
 );
 Create Table Points (
 PntID integer primary key
 , N float not null
 , E float not null
 , Height float not null
 );
 Create Table Polygon (
polyID integer primary key 
, area float not null 
 , atleastonepoint integer not null
, foreign key (atleastonepoint) references Points(PntID)
 , check (area &amp;gt; 0)
);
Create Table Block (
blockID integer 
, blockName  character (15) not null
, polyID integer 
, polyLength float not null
  , primary KEY (blockID,polyID)
, onemunicipalAuthority character (15) not null
, foreign key (polyID) references polygon
  , check (polyLength &amp;gt; 0)
);
Create Table Parcel (
  parcelname character (15) 
  , blockID integer 
, polyID integer 
  , primary KEY (parcelname,blockID,polyID)
, foreign key (polyID) references polygon
, foreign key (blockID) REFERENCES block 
);
&lt;/code&gt;&lt;/pre&gt;
&lt;p&gt;ERROR : Relationship must be on the same number of fields with the same data types, when I try to implement the last one , CREATE =&gt; Parcel 
&lt;br&gt; &lt;/p&gt;
&lt;p&gt;thanx in advance &lt;/p&gt;</t>
  </si>
  <si>
    <t>2012-11-25 20:18:46.250000+00:00</t>
  </si>
  <si>
    <t>2012-11-25 20:20:38.730000+00:00</t>
  </si>
  <si>
    <t>sql</t>
  </si>
  <si>
    <t>jQuery 1.9.1 $.event.handle.apply alternative</t>
  </si>
  <si>
    <t>&lt;p&gt;I recently updated one of my project to jQuery 1.9.1, and I can no longer use &lt;code&gt;$.event.handle.apply()&lt;/code&gt; method. I've searched and found, that I can place jquery.migrate.js. I just want to confirm if there is any other option? My google-fu is failing here...&lt;/p&gt;
&lt;p&gt;--EDIT-- Here is the code (not mine... copied from the plugin) that is causing the issue...&lt;/p&gt;
&lt;pre&gt;&lt;code&gt;// Event handler function
function mouseWheelHandler(event)
{
    var sentEvent = event || window.event,
        orgEvent = sentEvent.originalEvent || sentEvent,
        args = [].slice.call( arguments, 1 ),
        delta = 0,
        deltaX = 0,
        deltaY = 0;
        event = $.event.fix(orgEvent);
        event.type = "mousewheel";
    // Old school scrollwheel delta
    if ( orgEvent.wheelDelta ) { delta = orgEvent.wheelDelta/120; }
    if ( orgEvent.detail     ) { delta = -orgEvent.detail/3; }
    // New school multidimensional scroll (touchpads) deltas
    deltaY = delta;
    // Gecko
    if ( orgEvent.axis !== undefined &amp;amp;&amp;amp; orgEvent.axis === orgEvent.HORIZONTAL_AXIS ) {
        deltaY = 0;
        deltaX = -1*delta;
    }
    // Webkit
    if ( orgEvent.wheelDeltaY !== undefined ) { deltaY = orgEvent.wheelDeltaY/120; }
    if ( orgEvent.wheelDeltaX !== undefined ) { deltaX = -1*orgEvent.wheelDeltaX/120; }
    // Add event and delta to the front of the arguments
    args.unshift(event, delta, deltaX, deltaY);
    return $.event.handle.apply(this, args);
}
&lt;/code&gt;&lt;/pre&gt;</t>
  </si>
  <si>
    <t>2013-03-27 07:45:01.057000+00:00</t>
  </si>
  <si>
    <t>2013-12-28 01:11:18.490000+00:00</t>
  </si>
  <si>
    <t>2013-03-27 08:00:24.990000+00:00</t>
  </si>
  <si>
    <t>jquery|upgrade</t>
  </si>
  <si>
    <t>How to call view in another view but with triggered controller</t>
  </si>
  <si>
    <t>&lt;p&gt;Hi how could I render one view inside another but with its data...&lt;/p&gt;
&lt;p&gt;for example I have view home.ctp, than controller for news, and news.ctp
I want to render in home.ctp news.ctp but first all news has to be selected from database... &lt;/p&gt;
&lt;p&gt;I tried this&lt;/p&gt;
&lt;pre&gt;&lt;code&gt;echo $this-&amp;gt;elements(../News/news); 
&lt;/code&gt;&lt;/pre&gt;
&lt;p&gt;but there is no selected data to be displayed.. it returns error undefined variable.&lt;/p&gt;
&lt;p&gt;Thanks&lt;/p&gt;</t>
  </si>
  <si>
    <t>2016-12-05 00:12:32.660000+00:00</t>
  </si>
  <si>
    <t>2016-12-05 03:13:50.917000+00:00</t>
  </si>
  <si>
    <t>cakephp|cakephp-3.0</t>
  </si>
  <si>
    <t>How to change color of actionbar in android?</t>
  </si>
  <si>
    <t>&lt;p&gt;I want to change the color of actionbar with a hexadecimal color code. Please help me with step by step procedure to change the color of actionbar. I am new in Android.Please show me all the steps with explanation to change the color.&lt;/p&gt;</t>
  </si>
  <si>
    <t>2015-01-11 11:08:13.673000+00:00</t>
  </si>
  <si>
    <t>2015-01-11 15:27:01.427000+00:00</t>
  </si>
  <si>
    <t>2015-01-11 11:38:33.970000+00:00</t>
  </si>
  <si>
    <t>android|colors|android-actionbar</t>
  </si>
  <si>
    <t>whats the difference between SessionEnd and Session_OnEnd?</t>
  </si>
  <si>
    <t>&lt;p&gt;i want to use the session end in Asp.net MVC 3.&lt;br&gt;
but the online documentation everywhere seems to use these two events interchangeably is there any difference?&lt;/p&gt;</t>
  </si>
  <si>
    <t>2013-01-09 17:49:36.783000+00:00</t>
  </si>
  <si>
    <t>asp.net-mvc-3</t>
  </si>
  <si>
    <t>VB.NET based MVC Web Application - build errors after no code change</t>
  </si>
  <si>
    <t>&lt;p&gt;I'm going to add my solution to this problem, but there must be other ways around it.&lt;/p&gt;
&lt;p&gt;I'm building an MVC VB.NET based web app. Sometimes I won't even change the (previously working) code, and I'll try debugging using MSVS2010 -  then I'll get the old "Build Errors" pop up.
This is annoying...&lt;/p&gt;
&lt;p&gt;If anyone has a better solution than mine I'd be interested to know - I've heard about filters and stuff like that, maybe that's the route to go down... but for now, I'll post my very simple solution below.&lt;/p&gt;</t>
  </si>
  <si>
    <t>2014-02-04 12:19:55.193000+00:00</t>
  </si>
  <si>
    <t>2014-02-05 06:39:05.810000+00:00</t>
  </si>
  <si>
    <t>asp.net-mvc|visual-studio-2010|asp.net-mvc-4</t>
  </si>
  <si>
    <t>How does Rack::Server.build_app add middleware?</t>
  </si>
  <si>
    <t>&lt;p&gt;I'm trying to understand how a piece of Rack works.&lt;/p&gt;
&lt;p&gt;In &lt;strong&gt;lib/rack/server.rb&lt;/strong&gt; there's this line (344)...&lt;/p&gt;
&lt;p&gt;&lt;a href="https://github.com/rack/rack/blob/master/lib/rack/server.rb" rel="nofollow"&gt;https://github.com/rack/rack/blob/master/lib/rack/server.rb&lt;/a&gt;&lt;/p&gt;
&lt;pre&gt;&lt;code&gt;middleware = middleware.call(self) if middleware.respond_to?(:call)
&lt;/code&gt;&lt;/pre&gt;
&lt;p&gt;... and it looks like part of that line would be equivalent to:&lt;/p&gt;
&lt;pre&gt;&lt;code&gt;Rack::ContentLength.call(Rack::Server)
&lt;/code&gt;&lt;/pre&gt;
&lt;p&gt;... if we use Rack::ContentLength as an example default middleware (it looks like it would be one).&lt;/p&gt;
&lt;p&gt;&lt;a href="https://github.com/rack/rack/blob/master/lib/rack/content_length.rb" rel="nofollow"&gt;https://github.com/rack/rack/blob/master/lib/rack/content_length.rb&lt;/a&gt;
(line 14)&lt;/p&gt;
&lt;p&gt;Am I reading this correctly, or have I missed something? It looks like Rack::ContentLength a) wants to be initialized first and b) wants a different argument for &lt;code&gt;call&lt;/code&gt;, which is why I'm confused.&lt;/p&gt;</t>
  </si>
  <si>
    <t>2016-09-19 18:48:51.480000+00:00</t>
  </si>
  <si>
    <t>2016-09-19 21:12:00.693000+00:00</t>
  </si>
  <si>
    <t>ruby|rack</t>
  </si>
  <si>
    <t>Subtract a value from every number in a list in Python?</t>
  </si>
  <si>
    <t>&lt;p&gt;I'm still reading the Python 3.1.3 tutorial and encountered the following problem: &lt;/p&gt;
&lt;blockquote&gt;
  &lt;p&gt;How do you remove a value from a group of numbers?&lt;/p&gt;
&lt;pre&gt;&lt;code&gt;# A list with a group of values
a = [49, 51, 53, 56]
&lt;/code&gt;&lt;/pre&gt;
&lt;/blockquote&gt;
&lt;p&gt;How do I subtract 13 from each integer value in the list?&lt;/p&gt;
&lt;pre&gt;&lt;code&gt;# Attempting to minus 13 from this list - FAIL!
(a[:] = a[:] - 13)
&lt;/code&gt;&lt;/pre&gt;</t>
  </si>
  <si>
    <t>2011-02-07 05:50:06.287000+00:00</t>
  </si>
  <si>
    <t>2012-09-30 07:10:03.397000+00:00</t>
  </si>
  <si>
    <t>Josh</t>
  </si>
  <si>
    <t>python|python-3.x</t>
  </si>
  <si>
    <t>Yii FullcalendarGraphWidget how to provide $model-&gt;search(); result to the FullCalendar?</t>
  </si>
  <si>
    <t>&lt;p&gt;Instead of CGridView I'm using fullCalendar extension to display my data in the calendar as an event. Along with that I've filter option.&lt;/p&gt;
&lt;p&gt;In CGridView we can write &lt;code&gt;'dataProvider'=&amp;gt;$model-&amp;gt;search(),&lt;/code&gt; to get the search data. Similarly how can I provide the same data to the fullCandar extension.&lt;/p&gt;</t>
  </si>
  <si>
    <t>2012-12-13 17:06:00.597000+00:00</t>
  </si>
  <si>
    <t>2013-05-23 17:40:39.487000+00:00</t>
  </si>
  <si>
    <t>yii|fullcalendar|yii-extensions</t>
  </si>
  <si>
    <t>Update Software though InstallForge?</t>
  </si>
  <si>
    <t>&lt;p&gt;I have created an application in visual C# express 2010. I am using installForge to make my installer. I want to update my software, but have no idea what all this means? I have a website.
&lt;img src="https://i.stack.imgur.com/NQ68w.png" alt="enter image description here"&gt;&lt;/p&gt;</t>
  </si>
  <si>
    <t>2012-06-30 18:38:19.787000+00:00</t>
  </si>
  <si>
    <t>c#|winforms|installer|visual-c#-express-2010</t>
  </si>
  <si>
    <t>android flying picture animation</t>
  </si>
  <si>
    <t>&lt;p&gt;I'd like to create a picture animation, say, a circle (which is an imageView) flying across the screen inside a designated area. Not just disappearing and reappearing at some other position, but moving smoothly across the screen. Can someone give me some basic ideas how to implement that?&lt;/p&gt;</t>
  </si>
  <si>
    <t>2012-11-29 11:28:11.510000+00:00</t>
  </si>
  <si>
    <t>2012-11-29 15:38:57.740000+00:00</t>
  </si>
  <si>
    <t>android|animation</t>
  </si>
  <si>
    <t>Function to get a match for attributes in a list</t>
  </si>
  <si>
    <t>&lt;p&gt;I am trying to create a function to reduce what will be a lot of repeated code assigning to variables.&lt;/p&gt;
&lt;p&gt;Currently if I do this it works&lt;/p&gt;
&lt;pre&gt;&lt;code&gt;from pyquery import PyQuery as pq
import pandas as pd
d = pq(filename='20160319RHIL0_edit.xml')
# from nominations
res = d('nomination')
nomID = [res.eq(i).attr('id') for i in range(len(res))]
horseName = [res.eq(i).attr('horse') for i in range(len(res))]
zipped = list(zip(nomID, horseName))
frames = pd.DataFrame(zipped)
print(frames)
&lt;/code&gt;&lt;/pre&gt;
&lt;p&gt;Producing this output.&lt;/p&gt;
&lt;pre&gt;&lt;code&gt;In [9]:          0                  1
0   171115            Vergara
1   187674      Heavens Above
2   184732         Sweet Fire
3   181928            Alegria
4   158914            Piamimi
5   171408          Blendwell
6   166836     Adorabeel (NZ)
7   172933           Mary Lou
8   182533      Skyline Blush
9   171801         All Cerise
10  181079  Gust of Wind (NZ)
&lt;/code&gt;&lt;/pre&gt;
&lt;p&gt;However to keep adding to this I would need to create more variables like this one(below). Where the only changing part is the variable name and the attribute in this case attr(&lt;strong&gt;'horse'&lt;/strong&gt;)&lt;/p&gt;
&lt;pre&gt;&lt;code&gt;horseName = [res.eq(i).attr('horse') for i in range(len(res))]
&lt;/code&gt;&lt;/pre&gt;
&lt;p&gt;So it would be logical then to DRY and create a function which takes an argument which is a list of attributes&lt;/p&gt;
&lt;pre&gt;&lt;code&gt;from pyquery import PyQuery as pq
import pandas as pd
d = pq(filename='20160319RHIL0_edit.xml')
# from nominations
res = d('nomination')
aList = []
def inputs(args):
    '''function to get elements matching criteria'''
    optsList = ['id', 'horse']
    for item in res:
        for attrs in optsList:
            if res.attr(attrs) in item:
                aList.append([res.eq(i).attr(attrs) for i in range(len(res))])
zipped = list(zip(aList))
frames = pd.DataFrame(zipped)
print(frames)
&lt;/code&gt;&lt;/pre&gt;</t>
  </si>
  <si>
    <t>2016-04-18 04:37:12.557000+00:00</t>
  </si>
  <si>
    <t>2016-04-18 09:15:31.767000+00:00</t>
  </si>
  <si>
    <t>2016-04-18 07:39:05.363000+00:00</t>
  </si>
  <si>
    <t>python|python-3.x|pyquery</t>
  </si>
  <si>
    <t>File doesn't exist exception - Spire PDF for .NET</t>
  </si>
  <si>
    <t>&lt;p&gt;I am using the following code to attempt to print a PDF file using Spire PDF.&lt;/p&gt;
&lt;pre&gt;&lt;code&gt;Spire.Pdf.PdfDocument doc = new Spire.Pdf.PdfDocument();
doc.LoadFromFile(monroneyFilename);
doc.PrinterName = monroneyPrinter;
lock (printLock)
{
    doc.PrintDocument.Print();
}
&lt;/code&gt;&lt;/pre&gt;
&lt;p&gt;When it gets to the LoadFromFile method, it gives me a File doesn't exist exception. The rest of the code doesn't execute.&lt;/p&gt;
&lt;p&gt;The monroneyFilename is "p:\foldername\11111111111111111.pdf" where the ones are 17 characters representing a Vehicle Identification Number.&lt;/p&gt;
&lt;p&gt;There are no spaces in the filename or folder name, so the other answers I've seen about this do not apply.&lt;/p&gt;
&lt;p&gt;I'm running this from within an ASP.NET Web Service.&lt;/p&gt;
&lt;p&gt;Anyone have any ideas?&lt;/p&gt;</t>
  </si>
  <si>
    <t>2014-11-11 18:04:42.183000+00:00</t>
  </si>
  <si>
    <t>2014-11-11 18:30:18.893000+00:00</t>
  </si>
  <si>
    <t>asp.net|.net|pdf|spire</t>
  </si>
  <si>
    <t>After sending an in App email with photo attachment the Email window won't dismiss even when I hit send or cancel</t>
  </si>
  <si>
    <t>&lt;p&gt;I'm in a bit of trouble, I've spent half a day working onto this issue I have with no major results after all deprecations in iOS6 and other issues. This iOS app, has a send email option when after pushing a button, the app takes a screenshot of my WebView, attaches it to the email and from there, have the normal options to cancel or send the email and return to the app. I made it to the part where the email pops up, and actually 2 issues here: one is that after pressing either cancel or send, the email view won't dismiss, the app is stuck in the email view. And the second issue I have is the image that gets attached is just a tiny icon (blue with an question mark just like it is not recognised or is missing...
Can someone please point me in the right direction as I feel like I'm going crazy. I've researched the net backwards and forwards with no luck. Many similar threads but different issues not exactly related to my issues unfortunately. Sorry, and thanks in advance. 
Here is my code:&lt;/p&gt;
&lt;pre&gt;&lt;code&gt;// in my LiveView.h file
#import &amp;lt;UIKit/UIKit.h&amp;gt;
#import &amp;lt;QuartzCore/QuartzCore.h&amp;gt;
#import &amp;lt;MessageUI/MessageUI.h&amp;gt;
#import "CamSetup.h"
@interface LiveView : UIViewController &amp;lt; MFMailComposeViewControllerDelegate ,   ADBannerViewDelegate &amp;gt;  
....
-(IBAction)shotAndSend:(id)sender;
// in my LiveView.m file:
- (void)mailComposer:(MFMailComposeViewController *)controller
      didFinishWithResult:(MFMailComposeResult)result error:(NSError *)error 
{
NSLog(@"in didFinishWithResult:");
switch (result) 
   {
    case MFMailComposeResultCancelled:
        NSLog(@"cancelled");
        break;
    case MFMailComposeResultSaved:
        NSLog(@"saved");
        break;
    case MFMailComposeResultSent:
        NSLog(@"sent");
        break;
    case MFMailComposeResultFailed: {
        UIAlertView *alert = [[UIAlertView alloc] initWithTitle:NSLocalizedString(@"Error sending mail",@"Error sending mail")
        message:[error localizedDescription] delegate:nil
                                              cancelButtonTitle:NSLocalizedString(@"test",@"test")
                                              otherButtonTitles:nil];
        [alert show];
        break;
    }
    default: break;
 }
  [self dismissViewControllerAnimated:NO completion:Nil];
   }
 -(IBAction)shotAndSend:(id)sender
{
   UIGraphicsBeginImageContext(_myWebView.frame.size);
   [_myWebView.layer renderInContext:UIGraphicsGetCurrentContext()];
   UIImage * image = UIGraphicsGetImageFromCurrentImageContext();
   UIGraphicsEndImageContext();
   NSData * imageData = UIImageJPEGRepresentation (image, 2.1);
  if ([MFMailComposeViewController canSendMail])
  {
     MFMailComposeViewController * mailComposer = [[MFMailComposeViewController alloc] init];
     mailComposer.mailComposeDelegate = self;
    [mailComposer addAttachmentData:imageData mimeType:@"image/jpeg" fileName:@"attachment.jpeg"];
    [mailComposer setSubject:@"A screenshot from my App"];
    [mailComposer setToRecipients:[NSArray arrayWithObjects:@"123@yexample.com", nil]];
    [self presentViewController: mailComposer animated:YES completion:NULL];
 }
 }
&lt;/code&gt;&lt;/pre&gt;</t>
  </si>
  <si>
    <t>2012-11-29 15:45:09.937000+00:00</t>
  </si>
  <si>
    <t>2012-11-29 16:20:53.043000+00:00</t>
  </si>
  <si>
    <t>iphone|screenshot|email-attachments|dismiss</t>
  </si>
  <si>
    <t>Best Way To Show Formatted Text From SQL on Client?</t>
  </si>
  <si>
    <t>&lt;p&gt;What is the best way to handle formatted text that is saved in SQL but needs to be shown on the client? The original, that is going to be saved in SQL, is in google docs and PDF right now. &lt;/p&gt;
&lt;p&gt;I have had two suggestions so far:&lt;/p&gt;
&lt;ol&gt;
&lt;li&gt;Just copy and paste the text as is, and then put it in &lt;code&gt;&amp;lt;pre&amp;gt;&amp;lt;/pre&amp;gt;&lt;/code&gt; tags. This seems like useless advice, since it's not like I can save tables in a string. &lt;/li&gt;
&lt;li&gt;Convert to html. Save html in the SQL string, take it to the client, and just show the result. &lt;/li&gt;
&lt;/ol&gt;
&lt;p&gt;The second option seems straight-forward enough, but I have no idea what the accepted approach is when doing things like these, so wanted to ask. Also, please let me know the common things to watch out for. For example, it seems some people do something with JSON parse instead of just html.&lt;/p&gt;
&lt;p&gt;edit: The document in question is a huge legal document with tables, bullet points, different fonts, etc, etc. &lt;/p&gt;</t>
  </si>
  <si>
    <t>2015-07-15 17:29:32.787000+00:00</t>
  </si>
  <si>
    <t>2015-07-15 17:42:47.823000+00:00</t>
  </si>
  <si>
    <t>javascript|html|sql-server|angularjs</t>
  </si>
  <si>
    <t>How to send GPS data from android to a website?</t>
  </si>
  <si>
    <t>&lt;p&gt;I'm new to Android and web service development!
currently I'm working in developing Android program that will send longitude and latitude information to asp.net website (to show the location change the website map)
the questions are 
- how to send this data to the website (the best practice)!
- any suggestions for a suitable framework starting from the android application itself , inserting to database , client/server connection !!&lt;/p&gt;
&lt;p&gt;I've read a lot about web services specially REST ..but didn't find tutorials&lt;/p&gt;
&lt;p&gt;Appreciate your kind help..&lt;/p&gt;</t>
  </si>
  <si>
    <t>2010-04-25 07:26:00.717000+00:00</t>
  </si>
  <si>
    <t>2012-02-05 10:14:53.013000+00:00</t>
  </si>
  <si>
    <t>android|google-maps|web-services|client-server|gps</t>
  </si>
  <si>
    <t>require vs load vs include vs import in Racket</t>
  </si>
  <si>
    <t>&lt;p&gt;The Racket docs indicate that Racket has separate forms for: &lt;a href="http://docs.racket-lang.org/reference/require.html?q=require#%28form._%28%28lib._racket%2Fprivate%2Fbase..rkt%29._require%29%29" rel="nofollow noreferrer"&gt;&lt;code&gt;require&lt;/code&gt;&lt;/a&gt;, &lt;a href="http://docs.racket-lang.org/reference/eval.html?q=load#%28def._%28%28quote._~23~25kernel%29._load%29%29" rel="nofollow noreferrer"&gt;&lt;code&gt;load&lt;/code&gt;&lt;/a&gt;, &lt;a href="http://docs.racket-lang.org/reference/include.html?q=include#%28form._%28%28lib._racket%2Finclude..rkt%29._include%29%29" rel="nofollow noreferrer"&gt;&lt;code&gt;include&lt;/code&gt;&lt;/a&gt;, and &lt;a href="http://docs.racket-lang.org/reference/creatingunits.html?q=import#%28form._%28%28lib._racket%2Funit..rkt%29._import%29%29" rel="nofollow noreferrer"&gt;&lt;code&gt;import&lt;/code&gt;&lt;/a&gt;. Many other languages only contain one of these and are generally used synonymously (although obviously with language specific differences such as &lt;code&gt;#include&lt;/code&gt; in C, and &lt;code&gt;import&lt;/code&gt; in Java).&lt;/p&gt;
&lt;p&gt;Since Racket has all four of these, what is the difference between each one and which should I be using in general? Also if each has a specific use, when should I use an alternative type? Also, &lt;a href="https://stackoverflow.com/questions/43470743/racket-include-require-and-provide-dont-work"&gt;this question&lt;/a&gt; seems to indicate that &lt;code&gt;require&lt;/code&gt; (paired with &lt;a href="http://docs.racket-lang.org/reference/require.html?q=provide#%28form._%28%28lib._racket%2Fprivate%2Fbase..rkt%29._provide%29%29" rel="nofollow noreferrer"&gt;&lt;code&gt;provide&lt;/code&gt;&lt;/a&gt;) is preferred, why?&lt;/p&gt;</t>
  </si>
  <si>
    <t>2018-01-31 18:04:07.310000+00:00</t>
  </si>
  <si>
    <t>2018-01-31 19:11:38.233000+00:00</t>
  </si>
  <si>
    <t>import|module|include|racket|require</t>
  </si>
  <si>
    <t>Is there way to prevent our application from being analysed or injected? (c#)</t>
  </si>
  <si>
    <t>&lt;p&gt;There are loads of profilers and static code analyzers out there for C# assemblies.&lt;/p&gt;
&lt;p&gt;Just wonder if there are any methods to prevent being analyzed, because it does make me feel a bit nervous when being stripped. &lt;/p&gt;
&lt;p&gt;I have searched all over the Internet and stackoverflow. There seems none for my wonder. &lt;/p&gt;
&lt;p&gt;What I've got are only some even more scary titles like these (sorry, new user can't post hyper links, please google them):&lt;/p&gt;
&lt;p&gt;"Assembly Manipulation and C#/VB.NET Code Injection"&lt;/p&gt;
&lt;p&gt;"How To Inject a Managed .NET Assembly (DLL) Into Another Process"&lt;/p&gt;
&lt;p&gt;Is it just me being too worried or what? &lt;/p&gt;
&lt;p&gt;BTW, with C#, we are building a new winform client for a bank's customers to do online transactions. Should we not do this in the winform way or should we use some other language like Delphi, C++? Currently we have a winform client built with C++ Builder. &lt;/p&gt;</t>
  </si>
  <si>
    <t>2009-05-21 15:56:03.393000+00:00</t>
  </si>
  <si>
    <t>2009-05-21 16:29:34.277000+00:00</t>
  </si>
  <si>
    <t>c#|code-injection|analyzer</t>
  </si>
  <si>
    <t>Checkbox in NSTableView column header</t>
  </si>
  <si>
    <t>&lt;p&gt;I need to add one checkbox in NSTableView column header.
i am able to add checkbox in all rows for the above column. but i need at the column header level. i need to do a selectall functionality, but unable to add one checkbox at table header level. Any sample code or ideas will be helpful.&lt;/p&gt;
&lt;p&gt;Thanks,
Subrat&lt;/p&gt;</t>
  </si>
  <si>
    <t>2012-08-14 22:42:12.560000+00:00</t>
  </si>
  <si>
    <t>2017-01-30 14:38:44.097000+00:00</t>
  </si>
  <si>
    <t>objective-c|cocoa|nstableview</t>
  </si>
  <si>
    <t>Interrupt 'Play' and start recording as soon as the user starts talking</t>
  </si>
  <si>
    <t>&lt;p&gt;I am programming a conversational IVR which plays a prompt and records user answer. Then our service would transcript, analyze it and provide the corresponding answer, like an automated conversation.&lt;/p&gt;
&lt;p&gt;As you can imagine, most of our users start talking before the message is actually finished. How can we set Twilio to stop the 'Play' command as soon as it hears the user talking? &lt;/p&gt;
&lt;p&gt;That would make the conversation incredibly more interactive.&lt;/p&gt;
&lt;p&gt;Thank you very much,&lt;/p&gt;</t>
  </si>
  <si>
    <t>2017-05-30 23:02:43.390000+00:00</t>
  </si>
  <si>
    <t>2017-06-05 14:21:39.150000+00:00</t>
  </si>
  <si>
    <t>twilio</t>
  </si>
  <si>
    <t>How to Create An Auto Complete textbox using database values</t>
  </si>
  <si>
    <t>&lt;p&gt;I want to use the textbox &lt;code&gt;search_txt&lt;/code&gt; to filter my &lt;code&gt;DataGridView&lt;/code&gt; values, such that whatever letter entered in the textbox auto completes and I am getting an error&lt;/p&gt;
&lt;p&gt;Here's the method created&lt;/p&gt;
&lt;pre&gt;&lt;code&gt;void AutoCompleteText()
    {
        search_txt.AutoCompleteMode = AutoCompleteMode.SuggestAppend;
        search_txt.AutoCompleteSource = AutoCompleteSource.CustomSource;
        AutoCompleteStringCollection coll = new AutoCompleteStringCollection();
        OleDbCommand command = new OleDbCommand();
        command.Connection = conDB;
        command.CommandText = "select CCSpn_CODE,CCLname,CCFname,CCMname,CCDOB,CCgender,CCSchool,CaClass,CCVillage,CCSiblings,CCGuardian,CCContact,CCcurrentDt,CCImage from abaanaCC";
        OleDbDataReader myreader;
        try
        {
            conDB.Open();
            myreader = command.ExecuteReader();
            while (myreader.Read())
            {
               //Error Here!!!!! 
                string sName = myreader.GetString("CCLname")
                coll.Add(sName);
            }
        }
        catch(Exception ex)
        {
            MessageBox.Show(ex.Message);
        }
        search_txt.AutoCompleteCustomSource = coll;
    }
&lt;/code&gt;&lt;/pre&gt;
&lt;p&gt;Here's code that loads the &lt;code&gt;DataGridView&lt;/code&gt;&lt;/p&gt;
&lt;pre&gt;&lt;code&gt; private void btnloaddata_Click(object sender, EventArgs e)
    {
        try
        {
            conDB.Open();
            OleDbCommand command = new OleDbCommand();
            command.Connection = conDB;
            command.CommandText = "select CCSpn_CODE ,CCLname ,CCFname ,CCMname,CCDOB,CCgender,CCSchool,CaClass,CCVillage,CCSiblings,CCGuardian ,CCContact,CCcurrentDt,CCImage from abaanaCC";
            OleDbDataAdapter da = new OleDbDataAdapter(command);
            DataTable dt = new DataTable();
            da.Fill(dt);
            dataGridView1.DataSource = dt;
           // this.dataGridView1.Sort(this.dataGridView1.Columns["CCLname"], ListSortDirection.Ascending);
        }
        catch (Exception ex)
        {
            MessageBox.Show("Unable to Load Data");
        }
        conDB.Close();
    }
&lt;/code&gt;&lt;/pre&gt;</t>
  </si>
  <si>
    <t>2015-10-21 13:12:17.820000+00:00</t>
  </si>
  <si>
    <t>2015-10-22 12:38:01.657000+00:00</t>
  </si>
  <si>
    <t>2015-10-21 13:18:48.710000+00:00</t>
  </si>
  <si>
    <t>c#|winforms|datagridview</t>
  </si>
  <si>
    <t>Wait until elasticsearch index is filled</t>
  </si>
  <si>
    <t>&lt;p&gt;I want to write an integration test for the communication with elasticsearch. My idea is to push some records in the setUp method and then let the test make some requests. My initialization using Elastica framework looks like this:&lt;/p&gt;
&lt;pre&gt;&lt;code&gt;protected function setUp() {
  parent::setUp();
  $this-&amp;gt;setApplicationConfig([
    'modules' =&amp;gt; [
    ],
    'module_listener_options' =&amp;gt; [
      'config_static_paths' =&amp;gt; [
        'module/MyModule/tests/resources/config/elasticsearch.yaml',
      ],
      'check_dependencies' =&amp;gt; true,
    ]
  ]);
  $this-&amp;gt;getApplicationServiceLocator()
    -&amp;gt;setFactory('MyNamespace\ElasticSearchClient', 'MyNamespace\ElasticSearch\ClientFactory');
  self::$indexName = strtolower(uniqid('PHPUnit_'));
  self::$searchClient = $this-&amp;gt;getApplicationServiceLocator()-&amp;gt;get('\MyNamespace\ElasticSearchClient');
  $this-&amp;gt;articleIdList = [
    'even' =&amp;gt; [],
    'odd' =&amp;gt; [],
  ];
  $searchIndex = new Index(self::$searchClient-&amp;gt;getClient(), self::$indexName);
  $searchIndex-&amp;gt;create();
  $documentCount = 1000;
  $searchDocumentBulk = new Bulk(self::$searchClient-&amp;gt;getClient());
  $searchDocumentBulk-&amp;gt;setIndex($searchIndex);
  for ($id = 1; $id &amp;lt;= $documentCount; $id++) {
    $article = [
      'client' =&amp;gt; 'test',
      'content' =&amp;gt; 'PHPUnit Test Text ' . ($id % 2 === 0 ? 'even' : 'odd') . ' ' . $id,
    ];
    $searchDocumentBulk-&amp;gt;addDocument(new ElasticaDocument($id, $article, 'PHPUnit_Article'));
    $this-&amp;gt;articleIdList[($id % 2 === 0 ? 'even' : 'odd')][] = $id;
  }
  $response = $searchDocumentBulk-&amp;gt;send();
  $this-&amp;gt;assertEquals($documentCount, $response-&amp;gt;count());
}
&lt;/code&gt;&lt;/pre&gt;
&lt;p&gt;All my tests fail because of different result count. I think the reason for this is that the records are pushed asynchronizely to the server and my tests begin to fast so not all documents are indexed at this moment.&lt;br&gt;
But I found no possibility to wait until the index is created and all documents are indexed.&lt;/p&gt;</t>
  </si>
  <si>
    <t>2017-10-26 08:31:51.770000+00:00</t>
  </si>
  <si>
    <t>2018-07-16 17:29:11.320000+00:00</t>
  </si>
  <si>
    <t>php|elasticsearch</t>
  </si>
  <si>
    <t>How to place objects in tab view in a Xcode mac app?</t>
  </si>
  <si>
    <t>&lt;p&gt;How do I place objects (i.e. labels or buttons) in a tab view in an Xcode mac app, so that when I click on a different tab the associated objects appear.
For example, I want to be able to put some labels in a tab called "Data" and some buttons in a tab called "Choice". When I press "Data" I want the labels to appear, but the buttons to not, and the other way around as well.
Is there an easy way to do this? Do I need to make a different class for each tab?&lt;/p&gt;</t>
  </si>
  <si>
    <t>2013-12-05 05:54:07.070000+00:00</t>
  </si>
  <si>
    <t>2013-12-05 06:44:48.353000+00:00</t>
  </si>
  <si>
    <t>xcode|macos|cocoa|tabs</t>
  </si>
  <si>
    <t>CMake: How to add add subdirectory as last step</t>
  </si>
  <si>
    <t>&lt;p&gt;I have this file structure:&lt;/p&gt;
&lt;p&gt;root
  |
  +--API
  |    |
  |    +-CMakeFiles.txt
  |
  +--gtest
         |
         +-CMakeFiles.txt&lt;/p&gt;
&lt;p&gt;In root, I have a CMakeFiles.txt that contains:
add_subdirectory(gtest)
add_subdirectory(API)&lt;/p&gt;
&lt;p&gt;API has dependencies on files genreated by gtest. How can I get it so that API waits until gtest is completely finished building before executing API's CMakeList? Is there some sort of delay I can add?&lt;/p&gt;
&lt;p&gt;Thanks!&lt;/p&gt;</t>
  </si>
  <si>
    <t>2012-08-17 17:54:49.537000+00:00</t>
  </si>
  <si>
    <t>2012-08-17 18:52:33.410000+00:00</t>
  </si>
  <si>
    <t>cmake</t>
  </si>
  <si>
    <t>Outlook doesn't recognise ical attachment</t>
  </si>
  <si>
    <t>&lt;p&gt;I have to send calendar invites from a classic ASP application to be received into Outlook. Using various different email components (ASPEmail, ASPMail, JMail) I have sent mails with attachments but when they are received, Outlook doesn't recognise the attachment as a calendar invite, whereas GMail does.&lt;/p&gt;
&lt;p&gt;In JMail I can set the content-type of the attachment to text/calendar but this makes no difference.&lt;/p&gt;
&lt;p&gt;The invite has been tested &lt;a href="http://severinghaus.org/projects/icv/" rel="nofollow"&gt;here&lt;/a&gt; and it validates fine.&lt;/p&gt;
&lt;p&gt;I am open to any solutions to this problem, including working the invite as inline, but unfortunately .NET and PHP are not options.&lt;/p&gt;
&lt;p&gt;Here is some test code - JMail was the only component i could find where I could set the attachment content-type.&lt;/p&gt;
&lt;pre&gt;&lt;code&gt;set msg = Server.CreateOBject( "JMail.Message" )
set attachment = Server.CreateOBject( "JMail.Attachment" )
msg.Logging = true
msg.silent = true
msg.From = "website@userdomain.com"
msg.FromName = "Website"
msg.AddRecipient "outlook@userdomain.com", "Outlook"
msg.Subject = "Meeting"
msg.Body = "Meeting invite attached"
'although cid not needed, i could only get this to work by using cid =
cid = msg.AddAttachment (server.mappath(".\invite.ics"), false, "text/calendar")
msg.ContentType = "text/calendar"
if not msg.Send("mail.userdomain.com" ) then
    Response.write "&amp;lt;pre&amp;gt;" &amp;amp; msg.log &amp;amp; "&amp;lt;/pre&amp;gt;"
else
    Response.write "Message sent succesfully!"
end if
&lt;/code&gt;&lt;/pre&gt;
&lt;p&gt;After setting the message content-type as text/calendar as well, when clicking on the attachment it's now displaying as hex rather than a simple text file. It's still not recognised as an invite. Here is the top of it:&lt;/p&gt;
&lt;pre&gt;&lt;code&gt;This is a multipart message in MIME format.
----NEXT_BM_D29EC5CD87384387A59E240A29CD74DD
Content-Type: text/plain;
    charset="iso-8859-1"
Content-Transfer-Encoding: Quoted-Printable
Meeting invite attached
----NEXT_BM_D29EC5CD87384387A59E240A29CD74DD
Content-Type: text/calendar; name="=?iso-8859-1?Q?invite=2Eics?="
Content-Transfer-Encoding: base64
Content-Description: =?iso-8859-1?Q?invite=2Eics?=
Content-Disposition: attachment; filename="=?iso-8859-1?Q?invite=2Eics?="
Content-ID: &amp;lt;8AB4D71598B445B88353F487644AC2F3&amp;gt;
&lt;/code&gt;&lt;/pre&gt;
&lt;p&gt;I'm using a test version of Office Professional Plus 2013 by the way.&lt;/p&gt;
&lt;p&gt;A similar message received at GMail shows these headers:&lt;/p&gt;
&lt;pre&gt;&lt;code&gt;Content-Type: text/calendar;
    boundary="--NEXT_BM_675B64750B5649EAAF1A3F3D9EC69302"
Return-path: &amp;lt;website@userdomain.com&amp;gt;
This is a multipart message in MIME format.
----NEXT_BM_675B64750B5649EAAF1A3F3D9EC69302
Content-Type: text/plain;
    charset="iso-8859-1"
Content-Transfer-Encoding: Quoted-Printable
Meeting invite attached
----NEXT_BM_675B64750B5649EAAF1A3F3D9EC69302
Content-Type: text/calendar; name="=?iso-8859-1?Q?invite=2Eics?="
Content-Transfer-Encoding: base64
Content-Description: =?iso-8859-1?Q?invite=2Eics?=
Content-Disposition: attachment; filename="=?iso-8859-1?Q?invite=2Eics?="
Content-ID: &amp;lt;C6C87170FE7B4BC581E7EE33EE24BC71&amp;gt;
&lt;/code&gt;&lt;/pre&gt;
&lt;p&gt;So the message type is indeed set to text/calendar but the text part of the message is set to text-plain.&lt;/p&gt;
&lt;p&gt;Using a modified version of the code, with the body set to the actual iCal data, and with a content-type of text/calendar, Outlook still doesn't recognise it as an invite but converts the body to an attachment using the message subject as the filename eg test.ics&lt;/p&gt;</t>
  </si>
  <si>
    <t>2013-04-17 15:09:10.687000+00:00</t>
  </si>
  <si>
    <t>2013-04-21 15:48:54.107000+00:00</t>
  </si>
  <si>
    <t>2013-04-20 13:03:16.517000+00:00</t>
  </si>
  <si>
    <t>asp-classic|outlook|attachment|email-attachments|icalendar</t>
  </si>
  <si>
    <t>What's the difference between a worker thread and an I/O thread?</t>
  </si>
  <si>
    <t>&lt;p&gt;Looking at the processmodel element in the Web.Config there are two attributes.&lt;/p&gt;
&lt;pre&gt;&lt;code&gt;maxWorkerThreads="25" 
maxIoThreads="25"
&lt;/code&gt;&lt;/pre&gt;
&lt;p&gt;What is the difference between worker threads and I/O threads?&lt;/p&gt;</t>
  </si>
  <si>
    <t>2008-09-26 02:27:00.417000+00:00</t>
  </si>
  <si>
    <t>2010-04-27 21:07:22.700000+00:00</t>
  </si>
  <si>
    <t>2008-09-26 02:28:42.707000+00:00</t>
  </si>
  <si>
    <t>Rich B</t>
  </si>
  <si>
    <t>John</t>
  </si>
  <si>
    <t>asp.net|multithreading|web-config|processmodel</t>
  </si>
  <si>
    <t>sync adapter not working in android l</t>
  </si>
  <si>
    <t>&lt;p&gt;whenever i login into the app ,I am starting sync adapter.It will sync data for every 12 hours.Right now  it is working fine in android kitkat and lower versions but when i login into my app and current os android lollipop,it is crashing please help me&lt;/p&gt;
&lt;p&gt;error Log:&lt;/p&gt;
&lt;pre&gt;&lt;code&gt; 12-03 10:56:10.205: E/AndroidRuntime(10000): FATAL EXCEPTION: IntentService[Sync service]
    12-03 10:56:10.205: E/AndroidRuntime(10000): Process: com.sample.example, PID: 10000
    12-03 10:56:10.205: E/AndroidRuntime(10000): java.lang.IllegalArgumentException: error unparceling Bundle
    12-03 10:56:10.205: E/AndroidRuntime(10000):    at android.content.ContentResolver.validateSyncExtrasBundle(ContentResolver.java:1835)
    12-03 10:56:10.205: E/AndroidRuntime(10000):    at android.content.SyncRequest$Builder.build(SyncRequest.java:490)
    12-03 10:56:10.205: E/AndroidRuntime(10000):    at com.sample.example.BeatsSyncAdapter.configurePeriodicSync(SampleSyncAdapter.java:129)
    12-03 10:56:10.205: E/AndroidRuntime(10000):    at com.sample.example.sync.BeatsSyncAdapter.onAccountCreated(SampleSyncAdapter.java:177)
    12-03 10:56:10.205: E/AndroidRuntime(10000):    at com.sample.example.sync.BeatsSyncAdapter.getSyncAccount(SampleSyncAdapter.java:168)
    12-03 10:56:10.205: E/AndroidRuntime(10000):    at com.sample.example.sync.BeatsSyncAdapter.initializeSyncAdapter(SampleSyncAdapter.java:190)
    12-03 10:56:10.205: E/AndroidRuntime(10000):    at com.sample.example.service.SampleSyncService.onHandleIntent(SampleSyncService.java:22)
    12-03 10:56:10.205: E/AndroidRuntime(10000):    at android.app.IntentService$ServiceHandler.handleMessage(IntentService.java:65)
    12-03 10:56:10.205: E/AndroidRuntime(10000):    at android.os.Handler.dispatchMessage(Handler.java:102)
    12-03 10:56:10.205: E/AndroidRuntime(10000):    at android.os.Looper.loop(Looper.java:135)
    12-03 10:56:10.205: E/AndroidRuntime(10000):    at android.os.HandlerThread.run(HandlerThread.java:61)
    12-03 10:56:10.205: E/AndroidRuntime(10000): Caused by: java.lang.NullPointerException: Attempt to invoke virtual method 'java.util.Set android.os.Bundle.keySet()' on a null object reference
    12-03 10:56:10.205: E/AndroidRuntime(10000):    at android.content.ContentResolver.validateSyncExtrasBundle(ContentResolver.java:1819)
    12-03 10:56:10.205: E/AndroidRuntime(10000):    ... 10 more
&lt;/code&gt;&lt;/pre&gt;</t>
  </si>
  <si>
    <t>2014-12-03 05:44:47.767000+00:00</t>
  </si>
  <si>
    <t>android|android-syncadapter</t>
  </si>
  <si>
    <t>How to get records based on an offset around a particular record?</t>
  </si>
  <si>
    <t>&lt;p&gt;I'm building a search UI which searches for comments. When a user clicks on a search result (comment), I want to show the surrounding comments.&lt;/p&gt;
&lt;p&gt;My model:&lt;/p&gt;
&lt;pre&gt;&lt;code&gt;Group (id, title) - A Group has many comments
Comment (id, group_id, content)
&lt;/code&gt;&lt;/pre&gt;
&lt;p&gt;For example:&lt;/p&gt;
&lt;p&gt;When a user clicks on a comment with &lt;code&gt;comment.id&lt;/code&gt; equal to 26. I would first find all the comments for that group:&lt;/p&gt;
&lt;pre&gt;&lt;code&gt;comment = Comment.find(26)
comments = Comment.where(:group_id =&amp;gt; comment.group_id)
&lt;/code&gt;&lt;/pre&gt;
&lt;p&gt;I now have all of the group's comments. What I then want to do is show &lt;code&gt;comment.id&lt;/code&gt; 26, with a max of 10 comments before and 10 comments after.&lt;/p&gt;
&lt;p&gt;How can I modify comments to show that offset?&lt;/p&gt;</t>
  </si>
  <si>
    <t>2013-01-08 21:59:31.133000+00:00</t>
  </si>
  <si>
    <t>2013-01-17 02:07:43.040000+00:00</t>
  </si>
  <si>
    <t>ruby-on-rails|ruby-on-rails-3|postgresql|postgresql-9.1</t>
  </si>
  <si>
    <t>Protobuf Compilation Issues</t>
  </si>
  <si>
    <t>&lt;p&gt;I've been trying to run a TensorFlow library and in order to do that I have to compile Protobuf libraries. I'm using the following command: &lt;/p&gt;
&lt;pre&gt;&lt;code&gt;C:\tensorflow-master\tensorflow\models&amp;gt;protoc object_detection/protos/*.proto --python_out=.
&lt;/code&gt;&lt;/pre&gt;
&lt;p&gt;The following error comes up: &lt;/p&gt;
&lt;pre&gt;&lt;code&gt;'protoc' is not recognized as an internal or external command,
&lt;/code&gt;&lt;/pre&gt;
&lt;p&gt;operable program or batch file.&lt;/p&gt;
&lt;p&gt;I'm not sure what the issue is here. I'm running it out of the TensorFlow models directory, but it's still not recognizing protoc. &lt;/p&gt;</t>
  </si>
  <si>
    <t>2017-09-06 21:09:45.593000+00:00</t>
  </si>
  <si>
    <t>2018-09-02 05:59:31.077000+00:00</t>
  </si>
  <si>
    <t>python|tensorflow|protoc</t>
  </si>
  <si>
    <t>Stretch image of button image from code</t>
  </si>
  <si>
    <t>&lt;p&gt;I'm programatically adding imagebuttons to my layout, but the problem is that I can't control the size of the images retrieved from the database so it results in some of them being too small. I'd like to know if there's any way to define to the image button to stretch the displayed image.&lt;/p&gt;
&lt;pre&gt;&lt;code&gt;        for(DataModel m : list){
            ImageButton btn = new ImageButton(this);
            byte[] Convert = Base64.decode(m.GetImage(), Base64.DEFAULT );
            btn.setImageBitmap(BitmapFactory.decodeByteArray(Convert, 0, Convert.length));
            btn.setId(Integer.parseInt(m.GetFoodId()));
            btn.setOnClickListener(new OnClickListener() {
                @Override
                public void onClick(View v) {
                    // To do later                      
                }
            });
            btn.setLayoutParams(new LayoutParams(LayoutParams.FILL_PARENT,200));
            ((LinearLayout) layout).addView(btn);
        }
&lt;/code&gt;&lt;/pre&gt;</t>
  </si>
  <si>
    <t>2014-10-12 01:50:23.217000+00:00</t>
  </si>
  <si>
    <t>2014-10-12 02:43:05.547000+00:00</t>
  </si>
  <si>
    <t>How to pass variables between HTML pages using Flask</t>
  </si>
  <si>
    <t>&lt;p&gt;I'm new to using Flask and I've just been trying to pass a variable between two web pages. The first is a simple form to accept a number with the second page just displaying what is entered.&lt;/p&gt;
&lt;p&gt;HTML for the form page:&lt;/p&gt;
&lt;pre&gt;&lt;code&gt;&amp;lt;!doctype html&amp;gt;
&amp;lt;html&amp;gt;
&amp;lt;body&amp;gt;
    &amp;lt;form action ="{{ url_for('return_form', glon="glon") }}" method="post"&amp;gt;
            Galactic Longitude: &amp;lt;input type="text" name="glon"&amp;gt;
        &amp;lt;button type="submit"&amp;gt;Submit&amp;lt;/button&amp;gt;
    &amp;lt;/form&amp;gt;
&amp;lt;/body&amp;gt;
&amp;lt;/html&amp;gt; 
&lt;/code&gt;&lt;/pre&gt;
&lt;p&gt;HTML for the display page:&lt;/p&gt;
&lt;pre&gt;&lt;code&gt;&amp;lt;!doctype html&amp;gt;
&amp;lt;body&amp;gt;
&amp;lt;p&amp;gt; {{ glon }} &amp;lt;/p&amp;gt;
&amp;lt;/body&amp;gt;
&amp;lt;/html&amp;gt;
&lt;/code&gt;&lt;/pre&gt;
&lt;p&gt;The Flask script currently looks like this:&lt;/p&gt;
&lt;pre&gt;&lt;code&gt;from flask import Flask
from flask import render_template, url_for, request, redirect
app = Flask(__name__)
@app.route('/')
def index():
    return render_template('index.html')
@app.route('/form/', methods = ['GET', 'POST'])
def form():
    if request.method == 'POST':
        glon = request.form['glon']
        #glat = request.form['glat']
        return redirect(url_for('return_form', glon=glon))
    return render_template('form.html')
@app.route('/return_form/&amp;lt;glon&amp;gt;', methods = ['GET', 'POST'])
def return_form(glon):
    return render_template('return_form.html', glon=glon)
if __name__ == '__main__':
    app.run()
&lt;/code&gt;&lt;/pre&gt;
&lt;p&gt;At the moment, the second page just displays "glon" instead of the number passed to the form.&lt;/p&gt;
&lt;p&gt;I simply want the variable to display on the second page, and eventually use it in the return_form function.&lt;/p&gt;</t>
  </si>
  <si>
    <t>2018-08-07 12:33:51.097000+00:00</t>
  </si>
  <si>
    <t>2018-08-08 07:33:06.237000+00:00</t>
  </si>
  <si>
    <t>python|html|flask</t>
  </si>
  <si>
    <t>What does deleting a pointer mean?</t>
  </si>
  <si>
    <t>&lt;p&gt;Is deleting a pointer same as freeing a pointer (that allocates the memory)?&lt;/p&gt;</t>
  </si>
  <si>
    <t>2010-03-15 18:10:12.427000+00:00</t>
  </si>
  <si>
    <t>2016-10-07 01:02:46.170000+00:00</t>
  </si>
  <si>
    <t>2014-08-11 10:10:04.110000+00:00</t>
  </si>
  <si>
    <t>c++|pointers|memory-management</t>
  </si>
  <si>
    <t>Orchard Breadcrumb Menu Placement</t>
  </si>
  <si>
    <t>&lt;p&gt;I have a site (1.9.2) that is using the built-in breadcrumb menu widget (display as breadcrumb option). &lt;/p&gt;
&lt;p&gt;I have created an alternate for my custom content type (Product) and I need to display the breadcrumb between 2 zones declared in my Product alternate (Content-Product.Detail.cshtml).&lt;/p&gt;
&lt;p&gt;As it's a widget, I can only place it in the top-level zones e.g. Content / BeforeContent. &lt;/p&gt;
&lt;p&gt;Is there any way to control the positioning of the widget to so that it can be manipulated in my alternate?&lt;/p&gt;
&lt;p&gt;Or is there a better way to implement a breadcrumb than using the menu widget?&lt;/p&gt;
&lt;p&gt;Any help would be great.&lt;/p&gt;
&lt;p&gt;Thanks&lt;/p&gt;</t>
  </si>
  <si>
    <t>2016-03-23 11:03:33.013000+00:00</t>
  </si>
  <si>
    <t>orchardcms|breadcrumbs</t>
  </si>
  <si>
    <t>The project description of e-cart web application</t>
  </si>
  <si>
    <t>&lt;p&gt;My project is E-cart web application contain login page and registration page and admin page and location page,consumer page,seller page,documents page,reports page and so on....&lt;/p&gt;
&lt;p&gt;i want theory of complete project.How to explain my objective of the project.&lt;/p&gt;</t>
  </si>
  <si>
    <t>2018-11-18 14:46:36.400000+00:00</t>
  </si>
  <si>
    <t>How do you set a belongsTo association and save in Ember?</t>
  </si>
  <si>
    <t>&lt;p&gt;For context I'm using the &lt;code&gt;DS.ActiveModelAdapter&lt;/code&gt; and &lt;code&gt;DS.ActiveModelSerializer&lt;/code&gt;.&lt;/p&gt;
&lt;h1&gt;Issue&lt;/h1&gt;
&lt;p&gt;When I set a &lt;code&gt;belongsTo&lt;/code&gt; property on my Ember model, and then call &lt;code&gt;.save()&lt;/code&gt; in the next line, the payload to the server doesn't include the object id.&lt;/p&gt;
&lt;h1&gt;Code&lt;/h1&gt;
&lt;p&gt;This is what I currently have in my controller:&lt;/p&gt;
&lt;pre&gt;&lt;code&gt;#coffeescript
someChildObject = @get('model')
newParentObject = @store.createRecord 'parent'
newParent.set('child', someChildObject)
newParent.save()
&lt;/code&gt;&lt;/pre&gt;
&lt;p&gt;I'd expect this to be sent to the server:&lt;/p&gt;
&lt;pre&gt;&lt;code&gt;{ parent: { child_id: someId } }
&lt;/code&gt;&lt;/pre&gt;
&lt;h1&gt;Workaround&lt;/h1&gt;
&lt;p&gt;I have found that if do the following it works:&lt;/p&gt;
&lt;pre&gt;&lt;code&gt;#coffeescript
someChildObject = @get('model')
newParentObject = @store.createRecord 'parent'
newParent.set('child', someChildObject)
newParent.get('child').then -&amp;gt;
  newParent.save()
&lt;/code&gt;&lt;/pre&gt;
&lt;p&gt;If I do the above it works, so I guess I need to wait for something but the above way can't be the correct way of waiting.&lt;/p&gt;
&lt;p&gt;So, how does one set a &lt;code&gt;belongsTo&lt;/code&gt; and then &lt;code&gt;.save()&lt;/code&gt; correctly?&lt;/p&gt;</t>
  </si>
  <si>
    <t>2014-10-01 05:48:36.707000+00:00</t>
  </si>
  <si>
    <t>ember.js|ember-data</t>
  </si>
  <si>
    <t>Editing the size of an SVG file</t>
  </si>
  <si>
    <t>&lt;pre&gt;&lt;code&gt;&amp;lt;svg height="1000" width="977" xmlns="http://www.w3.org/2000/svg"&amp;gt;
    &amp;lt;path d="M0 841.743l185.535 -185.535l1.953 0q-66.402 -105.462 -66.402 -228.501 0 -177.723 124.992 -302.715t302.715 -124.992 302.715 124.992 124.992 302.715 -124.992 302.715 -302.715 124.992q-105.462 0 -197.253 -48.825l-193.347 193.347zm310.527 -415.012q0 98.627 70.308 167.958t167.958 69.332 167.958 -69.332 70.308 -167.958 -70.308 -167.958 -167.958 -69.332 -167.958 69.332 -70.308 167.958z"/&amp;gt;
&amp;lt;/svg&amp;gt;
&lt;/code&gt;&lt;/pre&gt;
&lt;p&gt;This svg will generate a search icon. It is written on the basis of 1000 hight and 977 width. If I change the width and the height it crops it and does not resize it. I would like to see a mathematical way or any tool online that can help me edit the code and resize it. I am using this on an HTML page and I know that I can just use css to resize it. However, I do not want to do that. I want to fix the svg file itself and resize it internally. Anyone has any idea on how to do that?&lt;/p&gt;</t>
  </si>
  <si>
    <t>2016-02-14 01:42:49.120000+00:00</t>
  </si>
  <si>
    <t>2016-02-14 20:30:18.703000+00:00</t>
  </si>
  <si>
    <t>svg</t>
  </si>
  <si>
    <t>Usage of rightscale init script in it's EC2 Centos 5.4 AMI</t>
  </si>
  <si>
    <t>&lt;p&gt;I was searching for EC2 EBS storage Centos 5.4 AMI in the community AMI and eventually I found Rightscale AMI (I think they called it RightImage).&lt;/p&gt;
&lt;p&gt;Now I have created instance using that AMI, but I found out there is some Rightscale stuff inside which is worrying me about the safety on using it. I found out there are the following files in that AMI:
/etc/init.d/rightimage
/etc/init.d/rightlink
/etc/init.d/rightscale
/home/ec2
/home/s3sync
(may be more other files I haven't found out yet)&lt;/p&gt;
&lt;p&gt;I know I can look into the script and folder and see what they do, but since a lot of user here recommended using Rightscale Centos AMI in EC2, I hope may be there is already some gurus here know what those mentioned script and folder doing and could advice me
i)whether is it safe to delete them. (I'm more concern on whether my data in the server will be safe by using this AMI)
ii)any installed apps in RightScale AMI that should be deleted&lt;/p&gt;
&lt;p&gt;And if you think there is other free EC2 Centos AMI that is secure and solid, do suggest as well, thanks !&lt;/p&gt;</t>
  </si>
  <si>
    <t>2011-01-08 05:18:52.257000+00:00</t>
  </si>
  <si>
    <t>2011-01-14 23:44:43.090000+00:00</t>
  </si>
  <si>
    <t>amazon-ec2|centos5|ami|rightscale</t>
  </si>
  <si>
    <t>Pandas Read SQL to CSV - Int conversion</t>
  </si>
  <si>
    <t>&lt;p&gt;I have data a local Postgres database that I need to upload to S3 and then copy into Redshift.&lt;/p&gt;
&lt;p&gt;To accomplish this, I am using Python Pandas as follows:&lt;/p&gt;
&lt;pre&gt;&lt;code&gt;engine = create_engine(self.engine)
connection = engine.raw_connection()
df = pd.read_sql(&amp;lt;sql string&amp;gt;, connection, coerce_float=False)
df.to_csv(&amp;lt;output fn&amp;gt;, header=True, index=False, encoding='utf-8')
&lt;/code&gt;&lt;/pre&gt;
&lt;p&gt;The sql that it executes returns rows of &lt;code&gt;varchar(255), varchar(255), int, int&lt;/code&gt;. However, since some of these values can be null I run into the &lt;a href="http://pandas.pydata.org/pandas-docs/stable/gotchas.html#support-for-integer-na" rel="nofollow noreferrer"&gt;Pandas Caveat about integers and NaN values&lt;/a&gt;.&lt;/p&gt;
&lt;p&gt;&lt;a href="https://stackoverflow.com/questions/17092671/python-pandas-output-dataframe-to-csv-with-integers"&gt;This post&lt;/a&gt; solves their issue by setting na to an arbitrary int and the astype explicitly as int. They are able to do so because all their columns are of the same datatype. However, I have a mix of varchar(255) and int.&lt;/p&gt;
&lt;p&gt;How can I force &lt;code&gt;df.to_csv(...)&lt;/code&gt; to output my ints as ints (and not floats)?&lt;/p&gt;
&lt;p&gt;Thanks,&lt;/p&gt;</t>
  </si>
  <si>
    <t>2015-11-05 16:01:56.007000+00:00</t>
  </si>
  <si>
    <t>2015-11-05 20:43:12.127000+00:00</t>
  </si>
  <si>
    <t>2017-05-23 10:27:17.430000+00:00</t>
  </si>
  <si>
    <t>python|csv|pandas</t>
  </si>
  <si>
    <t>How to add breeze.bridge.angular to my build process with wiredep</t>
  </si>
  <si>
    <t>&lt;p&gt;I'm trying to use Breeze with my AngularJs application.&lt;/p&gt;
&lt;p&gt;I added breeze to my bower dependencies using:&lt;/p&gt;
&lt;pre&gt;&lt;code&gt;bower install --save-dev breeze-client
&lt;/code&gt;&lt;/pre&gt;
&lt;p&gt;This command added the dependency to my bower.json file as follows:&lt;/p&gt;
&lt;pre&gt;&lt;code&gt;"dependencies": {
   //Other dependencies here
   "breeze-client": "~1.5.4"
}
&lt;/code&gt;&lt;/pre&gt;
&lt;p&gt;The thing is that I'm using wiredep with gulp to automate my build process, but when wiredep adds my dependencies it only injects the breeze.debug.js file as follows:&lt;/p&gt;
&lt;pre&gt;&lt;code&gt;&amp;lt;script src="/bower_components/breeze-client/breeze.debug.js"&amp;gt;&amp;lt;/script&amp;gt;
&lt;/code&gt;&lt;/pre&gt;
&lt;p&gt;Therefore, when I add this dependency to my core module in Angular it doesn't find the 'breeze.angular' module dependency&lt;/p&gt;
&lt;pre&gt;&lt;code&gt;(function () {
'use strict';
    angular
         .module('app.core', ['breeze.angular']);
})();
// This is the thrown error
// Error: [$injector:modulerr] Failed to instantiate module breeze.angular due to:
// Error: [$injector:nomod] Module 'breeze.angular' is not available! You either misspelled the module name or forgot to load it. If registering a module ensure that you specify the dependencies as the second argument.
&lt;/code&gt;&lt;/pre&gt;
&lt;p&gt;I know this is the error because when I add this reference manually, it works perfectly.&lt;/p&gt;
&lt;p&gt;So my final question is: how can I add (after the breeze.debug.js dependency) the breeze.bridge.angular.js dependency located in the build/adapters folder using wiredep?&lt;/p&gt;</t>
  </si>
  <si>
    <t>2015-11-14 22:24:13.410000+00:00</t>
  </si>
  <si>
    <t>2015-11-15 22:17:24.983000+00:00</t>
  </si>
  <si>
    <t>javascript|angularjs|gulp|breeze|wiredep</t>
  </si>
  <si>
    <t>Run an external Python script on starting maya from a .bat file</t>
  </si>
  <si>
    <t>&lt;p&gt;I'm attempting to run a python script that imports some assets into Maya when a .bat file is opened. The python script is not inside the Maya project. I've made a few attempts to run the file using a MEL script by calling it with:&lt;/p&gt;
&lt;p&gt;&lt;code&gt;python("execfile('X:/SomeFolder/Test/PythonScript.py')")&lt;/code&gt;&lt;/p&gt;
&lt;p&gt;At start up I get the error:
// Error: python("execfile('X:/SomeFolder/Test/PythonScript.py')")eHalf; 
//
// Error: "D:\0_Scripts\3dsToMayaScripts\MELtoCallPython.mel" line 1.77: Syntax error // &lt;/p&gt;
&lt;p&gt;However when I run the script from inside Maya it works without any issues.&lt;/p&gt;
&lt;p&gt;edit: added the error and more details.&lt;/p&gt;</t>
  </si>
  <si>
    <t>2018-09-25 16:13:12.517000+00:00</t>
  </si>
  <si>
    <t>2018-09-25 18:03:33.280000+00:00</t>
  </si>
  <si>
    <t>python|maya|mel</t>
  </si>
  <si>
    <t>Write a float array to a CSV file</t>
  </si>
  <si>
    <t>&lt;p&gt;I have a float array (created by: &lt;code&gt;array('f')&lt;/code&gt;) and I want to write its contents as a 1-column CSV file, that is, each element of the array will take one line of the resulting file.  &lt;/p&gt;
&lt;pre&gt;&lt;code&gt;from array import array
my_array = array('f')
with open(filename, 'w') as output:
    my_array = populate_method()
    writer = csv.writer(output)
    print(my_array)  # verifying that the data exist
    writer.writerows(my_array.tolist())
&lt;/code&gt;&lt;/pre&gt;
&lt;p&gt;I get this error at the latest line: &lt;code&gt;_csv.Error: sequence expected&lt;/code&gt;.&lt;br&gt;
What is wrong? Isn't the list a sequence?&lt;/p&gt;</t>
  </si>
  <si>
    <t>2015-09-11 00:22:30.360000+00:00</t>
  </si>
  <si>
    <t>2015-09-11 00:35:51.347000+00:00</t>
  </si>
  <si>
    <t>python|arrays|csv</t>
  </si>
  <si>
    <t>how to add extension with .htaccess to the domain url?</t>
  </si>
  <si>
    <t>&lt;p&gt;I wonder if you somehow can add words to your url. I know you can change file extensions with .htaccess.&lt;/p&gt;
&lt;p&gt;So my question is: can you add words to a domain like "drive.google.com" or "gmail.google.com"? if so, how?&lt;/p&gt;</t>
  </si>
  <si>
    <t>2017-01-15 17:55:31.047000+00:00</t>
  </si>
  <si>
    <t>2017-01-16 08:03:50.337000+00:00</t>
  </si>
  <si>
    <t>html|css|.htaccess|dns|frontend</t>
  </si>
  <si>
    <t>Typesafe heterogeneous container puzzle</t>
  </si>
  <si>
    <t>&lt;p&gt;Can you fix what I've done to Josh Blocks Effective Java heterogeneous container?  I'm toying with the idea storing String.class in stringClass but it doesn't work.  Can you explain why and fix it?&lt;/p&gt;
&lt;pre&gt;&lt;code&gt;package heterogeneous;
import java.util.HashMap;
import java.util.Map;
//Typesafe heterogeneous container pattern - implementation
public class TypedValue {
    private Map&amp;lt;Class&amp;lt;?&amp;gt;, Object&amp;gt; typedValues = new HashMap&amp;lt;Class&amp;lt;?&amp;gt;, Object&amp;gt;();
    public &amp;lt;T&amp;gt; TypedValue(Class&amp;lt;T&amp;gt; type, T instance) {
        put(type, instance);
    }
    public &amp;lt;T&amp;gt; T put(Class&amp;lt;T&amp;gt; type, T instance) {
        if (type == null)
            throw new NullPointerException("Type is null");
        @SuppressWarnings("unchecked")
        T oldValue = (T) typedValues.put(type, instance); 
        return oldValue; 
    }
    public &amp;lt;T&amp;gt; T get(Class&amp;lt;T&amp;gt; type) {
        return type.cast(typedValues.get(type));
    }
    // Typesafe heterogeneous container pattern - client
    public static void main(String[] args) {
        TypedValue j = new TypedValue(String.class, "Java");
        TypedValue i = new TypedValue(Integer.class, 0xcafebabe);
        TypedValue t = new TypedValue(Class.class, TypedValue.class);
        String favoriteString = j.get(String.class);
        int favoriteInteger = i.get(Integer.class);
        Class&amp;lt;?&amp;gt; favoriteClass = t.get(Class.class);
        // .-=== Fix and explain what was wrong ==-. //
        Class&amp;lt;?&amp;gt; stringClass = String.class;
        //Type mismatch: cannot convert from capture#1-of ? to String 
        favoriteString = j.get(stringClass); 
        // ^-=== Fix and explain what was wrong ==-^ //
        System.out.printf( "%s %x %s%n", 
                           favoriteString, 
                           favoriteInteger, 
                           favoriteClass.getName() );
    }
}
&lt;/code&gt;&lt;/pre&gt;</t>
  </si>
  <si>
    <t>2014-09-04 03:02:10.087000+00:00</t>
  </si>
  <si>
    <t>2014-09-04 03:06:23.670000+00:00</t>
  </si>
  <si>
    <t>java|generics</t>
  </si>
  <si>
    <t>Weird behavior of Calendar</t>
  </si>
  <si>
    <t>&lt;p&gt;I am facing a weird behavior of &lt;a href="http://docs.oracle.com/javase/8/docs/api/java/util/Calendar.html" rel="nofollow"&gt;&lt;code&gt;java.util.Calendar&lt;/code&gt;&lt;/a&gt;. &lt;/p&gt;
&lt;p&gt;The problem is when I add a method call &lt;code&gt;Calendar#getTime()&lt;/code&gt; in between only than I get correct result but when I directly get the &lt;code&gt;Dates&lt;/code&gt; of the week without calling &lt;code&gt;Calendar#getTime()&lt;/code&gt; it refers to the &lt;strong&gt;&lt;em&gt;next week&lt;/em&gt;&lt;/strong&gt; instead of &lt;strong&gt;&lt;em&gt;current week&lt;/em&gt;&lt;/strong&gt;. &lt;/p&gt;
&lt;p&gt;Please consider following code snippet :&lt;/p&gt;
&lt;pre&gt;&lt;code&gt;public class GetDatesOfWeek {
    public static void main(String[] args) {
        SimpleDateFormat sdf = new SimpleDateFormat("dd-MM-yyyy");
        Calendar cal = Calendar.getInstance();
        cal.set(1991, Calendar.DECEMBER, 11);
        //System.out.println(cal.getTime());//LINE NO : 14
        for(int i = Calendar.SUNDAY; i &amp;lt;= Calendar.SATURDAY; i++) {
            cal.set(Calendar.DAY_OF_WEEK, i);
            Date date = cal.getTime();
            System.out.println(sdf.format(date));
        }
    }
}
&lt;/code&gt;&lt;/pre&gt;
&lt;p&gt;When I &lt;em&gt;uncomment&lt;/em&gt; the line no &lt;code&gt;14&lt;/code&gt; I get following output :&lt;/p&gt;
&lt;pre&gt;&lt;code&gt;Wed Dec 11 07:38:06 IST 1991
08-12-1991
09-12-1991
10-12-1991
11-12-1991
12-12-1991
13-12-1991
14-12-1991
&lt;/code&gt;&lt;/pre&gt;
&lt;p&gt;But when I comment that line and execute the code I get following output. &lt;/p&gt;
&lt;pre&gt;&lt;code&gt;15-12-1991
16-12-1991
17-12-1991
18-12-1991
19-12-1991
20-12-1991
21-12-1991
&lt;/code&gt;&lt;/pre&gt;
&lt;p&gt;Note that in both the cases month and year fields are proper but the start date changed from &lt;code&gt;08-12-1991&lt;/code&gt; to &lt;code&gt;15-12-1991&lt;/code&gt; for me &lt;code&gt;08-12-1991&lt;/code&gt; is &lt;em&gt;correct&lt;/em&gt;.&lt;/p&gt;
&lt;p&gt;&lt;strong&gt;&lt;em&gt;My Question :&lt;/em&gt;&lt;/strong&gt;&lt;/p&gt;
&lt;ul&gt;
&lt;li&gt;Why I am getting different dates of the week in the above two cases ? &lt;/li&gt;
&lt;li&gt;Why this kind of functionality is provided in Java ?&lt;/li&gt;
&lt;/ul&gt;</t>
  </si>
  <si>
    <t>2015-08-12 02:14:57.897000+00:00</t>
  </si>
  <si>
    <t>2015-09-07 13:00:56.147000+00:00</t>
  </si>
  <si>
    <t>java|date|calendar</t>
  </si>
  <si>
    <t>Disabling back ground of the popup using angularjs without using bootstrap</t>
  </si>
  <si>
    <t>&lt;p&gt;I want to have a popup and the background screen disabled using only divs, ng-class, ng-style and css3 styles. I DO NOT WANT TO USE BOOTSTRAP MODAL. I have been struggling to get this work. I am trying to show and hide the popup but all its doing is disabling the screen without displaying the popup. Below is the code &lt;/p&gt;
&lt;p&gt;Html code&lt;/p&gt;
&lt;pre&gt;&lt;code&gt;&amp;lt;div id="popupBackGround" class="popupModal-backdrop" ng-if="newUser===true" ng-style="{'display': (newUser===false || newUser===undefined) ? 'none':'block'}"&amp;gt;
&amp;lt;div id="popupBackGroundDialog" class="popupModal-dialog"&amp;gt;
    &amp;lt;div class="popupModal-content"&amp;gt;
        &amp;lt;div class="popupModal-body"&amp;gt;
           &amp;lt;p style="margin-left: 20px;"&amp;gt;
                            &amp;lt;strong&amp;gt;Is this user transferring from another Dept?&amp;lt;/strong&amp;gt;
           &amp;lt;/p&amp;gt;
           &amp;lt;p style="margin-left: 40px;"&amp;gt;
                &amp;lt;input ng-click="" name="transfer" value="Yes" type="radio"&amp;gt; &amp;lt;strong&amp;gt;Yes&amp;lt;/strong&amp;gt;
           &amp;lt;/p&amp;gt; 
           &amp;lt;p style="margin-left: 40px;"&amp;gt;
                &amp;lt;input ng-click="" name="transfer"  value="No" type="radio"&amp;gt; &amp;lt;strong&amp;gt;No&amp;lt;/strong&amp;gt;
          &amp;lt;/p&amp;gt;
          &amp;lt;p align= "center"&amp;gt;
          &amp;lt;button class="btn btn-primary" ng-click="ok()"&amp;gt;OK&amp;lt;/button&amp;gt;
          &amp;lt;/p&amp;gt;
        &amp;lt;/div&amp;gt;                          
    &amp;lt;/div&amp;gt;
&amp;lt;/div&amp;gt;
&amp;lt;/div&amp;gt;
&lt;/code&gt;&lt;/pre&gt;
&lt;p&gt;CSS code&lt;/p&gt;
&lt;pre&gt;&lt;code&gt;.popupModal-dialog {
  position: absolute;
  width: 40%;
  margin-left: 400px;
  margin-right: 400px;
  margin-top: -430px;
  opacity: "0"
}
.popupModal-content {
  position: relative;
  background-color: #ffffff;
  border: 1px solid #999999;
  border: 1px solid rgba(0, 0, 0, 0.2);
  border-radius: 6px;
  -webkit-box-shadow: 0 3px 9px rgba(0, 0, 0, 0.5);
  box-shadow: 0 3px 9px rgba(0, 0, 0, 0.5);
  background-clip: padding-box;
  outline: none;
}
.popupModal-backdrop {
  position: fixed;
  top: 0;
  right: 0;
  bottom: 0;
  left: 0;
  z-index: 1040;
  background-color: #000000;
  display: none;
  opacity: 0.5;
  filter: alpha(opacity=50);
}
.popupModal-body {
  position: relative;
  padding: 20px;
} 
&lt;/code&gt;&lt;/pre&gt;
&lt;p&gt;Any help would be appreciated&lt;/p&gt;</t>
  </si>
  <si>
    <t>2016-02-05 18:00:55.703000+00:00</t>
  </si>
  <si>
    <t>2016-02-05 19:09:35.873000+00:00</t>
  </si>
  <si>
    <t>angularjs|css3|angularjs-directive|angularjs-scope|ng-style</t>
  </si>
  <si>
    <t>Showing one row. Need to show it in a loop</t>
  </si>
  <si>
    <t>&lt;p&gt;I am trying to figure out how to use this in a loop. Any help will be appreciated.&lt;/p&gt;
&lt;pre&gt;&lt;code&gt;$conn = mysql_connect("localhost", "some_user", "password");
if (!$conn) {
echo "Unable to connect to DB: " . mysql_error();
exit;
}
if (!mysql_select_db("some_db")) {
echo "Unable to select mydbname: " . mysql_error();
exit;
}
$sql = "SELECT favid FROM  ajaxfavourites";
$result = mysql_query($sql);
if (!$result) {
echo "Could not successfully run query ($sql) from DB: " . mysql_error();
exit;
}
while ($row = mysql_fetch_assoc($result)) {
echo $row["favid"];
}
mysql_free_result($result);
&lt;/code&gt;&lt;/pre&gt;
&lt;p&gt;Currently it displays results as: &lt;/p&gt;
&lt;pre&gt;&lt;code&gt;116677889922
&lt;/code&gt;&lt;/pre&gt;
&lt;p&gt;I need them to show them as (the way they are displayed in DB):&lt;/p&gt;
&lt;pre&gt;&lt;code&gt;1166
7788
9922
&lt;/code&gt;&lt;/pre&gt;
&lt;p&gt;PS I am aware that this function is deprecated, I am just trying to fix one of my older sites.&lt;/p&gt;</t>
  </si>
  <si>
    <t>2015-09-13 21:58:03.160000+00:00</t>
  </si>
  <si>
    <t>2015-09-13 23:54:08.900000+00:00</t>
  </si>
  <si>
    <t>php|mysql|database</t>
  </si>
  <si>
    <t>UCWA: Unable to send/Receive formatted text</t>
  </si>
  <si>
    <t>&lt;p&gt;I have a simple chat application working fine with plain text implemented using UCWA api in a ASP.Net MVC web application. I have to implement a formatted text next. &lt;/p&gt;
&lt;p&gt;Referring to &lt;a href="https://stackoverflow.com/questions/30702542/ucwa-integrating-advanced-chat-options"&gt;UCWA: integrating advanced chat options&lt;/a&gt;
, I go to know that, before sending the message to using &lt;code&gt;ucwa.Transport.clientRequest&lt;/code&gt; we have to set the &lt;code&gt;contentType&lt;/code&gt; to &lt;code&gt;text/html&lt;/code&gt; which currently is &lt;code&gt;text/plain&lt;/code&gt;.&lt;/p&gt;
&lt;p&gt;So i have the function to send a message as shown below:&lt;/p&gt;
&lt;pre&gt;&lt;code&gt;function sendMessage(displayName, msg, timestamp) {
            var encodedMsg = encodeURIComponent(msg);
            ucwa.Transport.clientRequest({
                url: messagingLinks.SendMessage + "?SessionContext=" + ucwa.GeneralHelper.generateUUID(),
                type: "post",
                contentType: "text/html",
                data: encodedMsg,
                callback: function () {
                    addMessageToChat(displayName, encodedMsg, timestamp);
                }
            });
        }
&lt;/code&gt;&lt;/pre&gt;
&lt;p&gt;The implementation of &lt;code&gt;handleMessage()&lt;/code&gt; is as shown below:&lt;/p&gt;
&lt;pre&gt;&lt;code&gt;function handleMessage(data, parts) {
            alert("Inside Handle message");
            if (!data._embedded.message._links.plainMessage) return false;
            var message = decodeMessage(data._embedded.message._links.plainMessage.href);
            var decodedMsg = decodeURIComponent(message);
            addMessageToChat(data._embedded.message._links.participant.title, decodedMsg, formatTime(new Date(Date.now())));
        }
&lt;/code&gt;&lt;/pre&gt;
&lt;p&gt;The problem in the above implementation is that, on the receiving end, the handleMessage() method is not entered which means i'm not receiving the incoming message.&lt;/p&gt;
&lt;p&gt;Can anyone point me where i'm going wrong and Are the any other changes i need to do along with the above changes, so that i can send a formatted text across. A sample will be really helpful regarding the same.&lt;/p&gt;
&lt;p&gt;Any suggestion would also be good enough. Thanks in advance.&lt;/p&gt;
&lt;p&gt;Edit:&lt;/p&gt;
&lt;p&gt;As suggested i have modified my &lt;code&gt;makeMeAvailable&lt;/code&gt; method. below is the definition of the same in &lt;code&gt;Authentication.js&lt;/code&gt;:&lt;/p&gt;
&lt;pre&gt;&lt;code&gt;function makeMeAvailable() {
                if (!_authenticated) {
                    cache.read({
                        id: "main"
                    }).done(function (cacheData) {
                        if (cacheData) {
                            var data = {
                                SupportedModalities: ["Messaging"],
                                supportedMessageFormats: ["Plain","Html"]
                            };
                            transport.clientRequest({
                                url: cacheData._embedded.me._links.makeMeAvailable.href,
                                type: "post",
                                data: data,
                                callback: handleState
                            });
                        }
                    });
                } else {
                    handleState({
                        status: 204
                    });
                }
            }
&lt;/code&gt;&lt;/pre&gt;
&lt;p&gt;However, the output is still the same.
The second suggestion regarding the &lt;code&gt;communication&lt;/code&gt; API, i'm unable to locate it.&lt;/p&gt;
&lt;p&gt;Any suggestions with this?&lt;/p&gt;</t>
  </si>
  <si>
    <t>2015-07-09 11:17:25.140000+00:00</t>
  </si>
  <si>
    <t>2016-04-20 13:04:54.303000+00:00</t>
  </si>
  <si>
    <t>2017-05-23 12:31:13.863000+00:00</t>
  </si>
  <si>
    <t>chat|lync|instant-messaging|ucwa</t>
  </si>
  <si>
    <t>Isotope elements do not auto height</t>
  </si>
  <si>
    <t>&lt;p&gt;So I am making a simple page with Isotope (I've used it before) and this is what I want it to do:&lt;/p&gt;
&lt;ul&gt;
&lt;li&gt;each element should adjust his height to it's inner content on all items&lt;/li&gt;
&lt;li&gt;all elements need to be the same width, 4 in a row (established this) &lt;/li&gt;
&lt;li&gt;it needs to fit in a 960px width div (established this)&lt;/li&gt;
&lt;li&gt;the first element should be as wide as two normal elements (established this)&lt;/li&gt;
&lt;li&gt;the last element should have a different background color and border-radius (established this)&lt;/li&gt;
&lt;/ul&gt;
&lt;p&gt;&lt;em&gt;The only thing not working is the auto height to the content. I have super simple code:&lt;/em&gt;&lt;/p&gt;
&lt;p&gt;HTML&lt;/p&gt;
&lt;pre&gt;&lt;code&gt;&amp;lt;section id="content"&amp;gt;
    &amp;lt;div id="container" class="super-list variable-sizes clearfix"&amp;gt;
        &amp;lt;div class="element width2"&amp;gt;
            Dummy text Dummy text Dummy text Dummy text Dummy text
        &amp;lt;/div&amp;gt;
        &amp;lt;div class="element"&amp;gt;
            &amp;lt;img src="img/img.jpg" alt="" title="" width="200px" height="300px" /&amp;gt;&amp;lt;br /&amp;gt;
          &amp;lt;a href="#" target="_blank"&amp;gt;Link&amp;lt;/a&amp;gt;
        &amp;lt;/div&amp;gt;
        &amp;lt;div class="element"&amp;gt;
             &amp;lt;a href="#" target="_blank"&amp;gt;link&amp;lt;/a&amp;gt;
        &amp;lt;/div&amp;gt;
        &amp;lt;div class="element"&amp;gt;
            Dummy text Dummy text Dummy text Dummy text Dummy text Dummy text Dummy text Dummy text Dummy text Dummy text Dummy text Dummy text Dummy text Dummy text Dummy text
        &amp;lt;/div&amp;gt;
        &amp;lt;div class="element"&amp;gt;
            &amp;lt;img src="img/img.jpg" alt="" title="" width="200px" height="400px" /&amp;gt;&amp;lt;br /&amp;gt;
        &amp;lt;/div&amp;gt;
            &amp;lt;div class="element"&amp;gt;
            &amp;lt;img src="img/img.jpg" alt="" title="" width="200px" height="300px" /&amp;gt;&amp;lt;br /&amp;gt;
          &amp;lt;a href="#" target="_blank"&amp;gt;Link&amp;lt;/a&amp;gt;
        &amp;lt;/div&amp;gt;
        &amp;lt;div class="element"&amp;gt;
             &amp;lt;a href="#" target="_blank"&amp;gt;link&amp;lt;/a&amp;gt;
        &amp;lt;/div&amp;gt;
        &amp;lt;div class="element"&amp;g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Dummy text
        &amp;lt;/div&amp;gt;
        &amp;lt;div class="element"&amp;gt;
            &amp;lt;img src="img/img.jpg" alt="" title="" width="200px" height="900px" /&amp;gt;&amp;lt;br /&amp;gt;
        &amp;lt;/div&amp;gt;
        &amp;lt;div class="element"&amp;gt;
            &amp;lt;img src="img/img.jpg" alt="" title="" width="200px" height="100px" /&amp;gt;&amp;lt;br /&amp;gt;
          &amp;lt;a href="#" target="_blank"&amp;gt;Link&amp;lt;/a&amp;gt;
        &amp;lt;/div&amp;gt;
        &amp;lt;div class="element"&amp;gt;
             &amp;lt;a href="#" target="_blank"&amp;gt;link&amp;lt;/a&amp;gt;
        &amp;lt;/div&amp;gt;
        &amp;lt;div class="element"&amp;gt;
            Dummy text Dummy text Dummy Dummy text Dummy text Dummy text
        &amp;lt;/div&amp;gt;
        &amp;lt;div class="element vanmij"&amp;gt;
            &amp;lt;img src="img/img.jpg" alt="" title="" width="200px" height="400px" /&amp;gt;&amp;lt;br /&amp;gt;
        &amp;lt;/div&amp;gt;
    &amp;lt;/div&amp;gt;
&amp;lt;/section&amp;gt;
&lt;/code&gt;&lt;/pre&gt;
&lt;p&gt;And here is my javascript:
    &lt;/p&gt;
&lt;pre&gt;&lt;code&gt;&amp;lt;script&amp;gt;    
    $(window).load(function(){
            var $container = $('#container');
            $container.imagesLoaded( function(){ &amp;lt;- I have no idea what this is, sorry!
                $container.isotope({
                    masonry: {
                        columnWidth: 240
                    },
                });
            });
        });         
    &amp;lt;/script&amp;gt;
&lt;/code&gt;&lt;/pre&gt;
&lt;p&gt;And my CSS:&lt;/p&gt;
&lt;pre&gt;&lt;code&gt;/* Start: Recommended Isotope styles */
/**** Isotope Filtering ****/
.isotope-item {
z-index: 2;
}
.isotope-hidden.isotope-item {
pointer-events: none;
z-index: 1;
}
/**** Isotope CSS3 transitions ****/
.isotope,
.isotope .isotope-item {
-webkit-transition-duration: 0.8s;
-moz-transition-duration: 0.8s;
-ms-transition-duration: 0.8s;
-o-transition-duration: 0.8s;
transition-duration: 0.8s;
}
.isotope {
-webkit-transition-property: height, width;
-moz-transition-property: height, width;
-ms-transition-property: height, width;
-o-transition-property: height, width;
transition-property: height, width;
}
.isotope .isotope-item {
-webkit-transition-property: -webkit-transform, opacity;
-moz-transition-property:    -moz-transform, opacity;
-ms-transition-property:     -ms-transform, opacity;
-o-transition-property:      -o-transform, opacity;
transition-property:         transform, opacity;
}
/**** disabling Isotope CSS3 transitions ****/
.isotope.no-transition,
.isotope.no-transition .isotope-item,
.isotope .isotope-item.no-transition {
-webkit-transition-duration: 0s;
-moz-transition-duration: 0s;
-ms-transition-duration: 0s;
-o-transition-duration: 0s;
transition-duration: 0s;
}
/* End: Recommended Isotope styles */
/* disable CSS transitions for containers with infinite scrolling*/
.isotope.infinite-scrolling {
-webkit-transition: none;
-moz-transition: none;
-ms-transition: none;
-o-transition: none;
transition: none;
}
/**** Base styles ****/
body {
background: url(img/bg.jpg) fixed no-repeat;
-webkit-background-size: cover;
-o-background-size: cover;
-moz-background-size: cover;
background-size: cover;
}
/**** Isotope styles ****/
/* required for containers to inherit vertical size from window */
#container {
margin-bottom: 20px;
width: 960px;
margin: 0 auto;
}
h1.title {
background: none repeat scroll 0 0 #73BD1E;
color: #FFFFFF;
display: inline-block;
font-family: "HelveticaNeue-Light", "Helvetica Neue Light", "Helvetica Neue", Helvetica, Arial, "Lucida Grande", sans-serif; 
font-weight: 300; 
font-weight: bold;
margin: 0 auto 10px;
padding: 5px;
text-transform: uppercase;
display: inline-block;
margin: 25px auto;
}
.element {
width: 200px;
margin: 5px;
float: left;
overflow: hidden;
position: relative;
color: #222;
background-color: #FFFFFF;
-webkit-box-shadow: 2px 2px 5px rgba(136, 136, 136, 0.8);
-moz-box-shadow:    2px 2px 5px rgba(136, 136, 136, 0.8);
box-shadow:         2px 2px 5px rgba(136, 136, 136, 0.8);
font-family: Helvetica Neue,Arial;
font-size: 10pt;
opacity: 0.7;
padding: 15px;  
}
p {
color: #333333;
font: 12px/16px Verdana,Geneva,Arial,Helvetica,sans-serif;
margin: 10px 0;
}
.element * {
position: absolute;
margin: 0;
}
.variable-sizes .element.width2 { width: 440px; }
.vanmij { background-color:#090;-webkit-border-radius: 15px; -moz-border-radius: 15px; border-radius: 15px; color: #fff; opacity:1;}
.element img {
display: inline-block;
opacity: 1.0;
}
/**** Infinite Scroll ****/
#infscr-loading {
position: fixed;
text-align: center;
bottom: 30px;
left: 42%;
z-index: 100;
background: white;
background: hsla( 0, 0%, 100%, 0.9 );
padding: 20px;
color: #222;
font-size: 15px;
font-weight: bold;
-webkit-border-radius: 10px;
-moz-border-radius: 10px;
 border-radius: 10px;
}
/* The Magnificent Clearfix: nicolasgallagher.com/micro-clearfix-hack/ */
.clearfix:before, .clearfix:after { content: ""; display: table; }
.clearfix:after { clear: both; }
.clearfix { zoom: 1; }
&lt;/code&gt;&lt;/pre&gt;</t>
  </si>
  <si>
    <t>2014-01-02 09:33:12.327000+00:00</t>
  </si>
  <si>
    <t>2014-01-02 13:24:58.323000+00:00</t>
  </si>
  <si>
    <t>2014-01-02 09:55:21.860000+00:00</t>
  </si>
  <si>
    <t>jquery-isotope</t>
  </si>
  <si>
    <t>Entity Framework Core can't create database file on android samsung devices</t>
  </si>
  <si>
    <t>&lt;p&gt;we have an app written with xamarin for android who uses Entity Framework Core. It works on our test devices from Wiko (Android 6.0), HTC (Android 7.1) and Sony(6.0). But on Samsung devices (6.0) we get the following exception on startup:&lt;/p&gt;
&lt;pre&gt;&lt;code&gt;Microsoft.Data.Sqlite.SqliteException (0x80004005): SQLite Error 1294: 'unable to open database file'.
&lt;/code&gt;&lt;/pre&gt;
&lt;p&gt;Complete exception:&lt;/p&gt;
&lt;pre&gt;&lt;code&gt;    java.lang.RuntimeException: java.lang.reflect.InvocationTargetException
    at com.android.internal.os.ZygoteInit.main(ZygoteInit.java:1120)
Caused by: java.lang.reflect.InvocationTargetException
    at java.lang.reflect.Method.invoke(Native Method)
    at com.android.internal.os.ZygoteInit$MethodAndArgsCaller.run(ZygoteInit.java:1230)
    ... 1 more
Caused by: android.runtime.JavaProxyThrowable: Microsoft.Data.Sqlite.SqliteException (0x80004005): SQLite Error 1294: 'unable to open database file'.
  at Microsoft.EntityFrameworkCore.Migrations.HistoryRepository.Exists () [0x00000] in &amp;lt;f97b8874924247a39fca91e98b024cf6&amp;gt;:0 
  at Microsoft.EntityFrameworkCore.Migrations.Internal.Migrator.Migrate (System.String targetMigration) [0x00030] in &amp;lt;f97b8874924247a39fca91e98b024cf6&amp;gt;:0 
  at Microsoft.EntityFrameworkCore.RelationalDatabaseFacadeExtensions.Migrate (Microsoft.EntityFrameworkCore.Infrastructure.DatabaseFacade databaseFacade) [0x00010] in &amp;lt;f97b8874924247a39fca91e98b024cf6&amp;gt;:0 
  at FriendsAppDate.Business.AppStart.Start (System.Object hint) [0x0001b] in &amp;lt;c1a86397b9cc451297593cc8cc1289f7&amp;gt;:0 
  at MvvmCross.Droid.Views.MvxSplashScreenActivity.TriggerFirstNavigate () [0x00005] in &amp;lt;f6aebf863dc84be7b380cfec8d459508&amp;gt;:0 
  at MvvmCross.Droid.Views.MvxSplashScreenActivity.InitializationComplete () [0x00009] in &amp;lt;f6aebf863dc84be7b380cfec8d459508&amp;gt;:0 
  at MvvmCross.Droid.Platform.MvxAndroidSetupSingleton.InitializeFromSplashScreen (MvvmCross.Droid.Views.IMvxAndroidSplashScreenActivity splashScreen) [0x00029] in &amp;lt;f6aebf863dc84be7b380cfec8d459508&amp;gt;:0 
  at MvvmCross.Droid.Views.MvxSplashScreenActivity.OnResume () [0x00018] in &amp;lt;f6aebf863dc84be7b380cfec8d459508&amp;gt;:0 
  at Android.App.Activity.n_OnResume (System.IntPtr jnienv, System.IntPtr native__this) [0x00009] in &amp;lt;fca2c02347db4086aed81b5475a315fd&amp;gt;:0 
  at (wrapper dynamic-method) System.Object:b336e942-d75d-4699-a108-3115233929aa (intptr,intptr)
    at mvvmcross.droid.views.MvxSplashScreenActivity.n_onResume(Native Method)
    at mvvmcross.droid.views.MvxSplashScreenActivity.onResume(MvxSplashScreenActivity.java:39)
    at android.app.Instrumentation.callActivityOnResume(Instrumentation.java:1286)
    at android.app.Activity.performResume(Activity.java:6987)
    at android.app.ActivityThread.performResumeActivity(ActivityThread.java:4144)
    at android.app.ActivityThread.handleResumeActivity(ActivityThread.java:4245)
    at android.app.ActivityThread$H.handleMessage(ActivityThread.java:1838)
    at android.os.Handler.dispatchMessage(Handler.java:102)
    at android.os.Looper.loop(Looper.java:158)
    at android.app.ActivityThread.main(ActivityThread.java:7224)
    ... 3 more
&lt;/code&gt;&lt;/pre&gt;
&lt;p&gt;I get the databse path via:&lt;/p&gt;
&lt;pre&gt;&lt;code&gt;Path.Combine(Environment.GetFolderPath(Environment.SpecialFolder.Personal), Constants.DB_NAME);
&lt;/code&gt;&lt;/pre&gt;
&lt;p&gt;and this is the same on all devices.&lt;/p&gt;
&lt;pre&gt;&lt;code&gt;/data/user/0/[AppID]/files/[DbName]
&lt;/code&gt;&lt;/pre&gt;
&lt;p&gt;We use the current version of Entity Framework Core 1.1.1
What could be wrong here? &lt;/p&gt;</t>
  </si>
  <si>
    <t>2017-03-13 10:11:37.520000+00:00</t>
  </si>
  <si>
    <t>2017-07-04 05:37:57.340000+00:00</t>
  </si>
  <si>
    <t>2017-03-13 10:38:20.043000+00:00</t>
  </si>
  <si>
    <t>android|entity-framework|xamarin.android</t>
  </si>
  <si>
    <t>Solution explorer does not reflect actual source control status</t>
  </si>
  <si>
    <t>&lt;p&gt;Using Visual Studio 2013 Update 2, and TFS 2010 server, my solution explorer does not display accurate status.&lt;/p&gt;
&lt;p&gt;When I checkin my changes, old source control status  are still shown in the solution explorer:&lt;/p&gt;
&lt;p&gt;&lt;img src="https://i.stack.imgur.com/KoCx0.png" alt="enter image description here"&gt;&lt;/p&gt;
&lt;p&gt;Any clue?&lt;/p&gt;</t>
  </si>
  <si>
    <t>2014-06-05 08:13:37.890000+00:00</t>
  </si>
  <si>
    <t>2014-06-24 09:00:51.240000+00:00</t>
  </si>
  <si>
    <t>tfs|visual-studio-2013</t>
  </si>
  <si>
    <t>Accessing array makes UITableView to lag when scrolling</t>
  </si>
  <si>
    <t>&lt;p&gt;UITableView lags when scrolling, it's the fault of this line of code (called in &lt;code&gt;cellForRowAtIndexPath&lt;/code&gt; method)&lt;/p&gt;
&lt;pre&gt;&lt;code&gt;lCell?.showContent(mContent[indexPath.row] as Dictionary&amp;lt;String, AnyObject&amp;gt;);
&lt;/code&gt;&lt;/pre&gt;
&lt;p&gt;I removed all code from &lt;code&gt;showContent&lt;/code&gt; method but it still lags, the issue I think is 
when the array is accessed. If I pass an empty &lt;code&gt;Dictionary&lt;/code&gt;&lt;/p&gt;
&lt;pre&gt;&lt;code&gt;lCell?.showContent([:]);
&lt;/code&gt;&lt;/pre&gt;
&lt;p&gt;It works fine, no lags when tableview is scrolled. mContent is an &lt;code&gt;Array&lt;/code&gt; of &lt;code&gt;Dictionary&amp;lt;String, AnyObject&amp;gt;&lt;/code&gt;. It has 47 elements (Dictionaries) which don't
contain large amount of data (some short strings, some ints)&lt;/p&gt;
&lt;p&gt;How can I avoid lags when tableView is scrolled ?&lt;/p&gt;</t>
  </si>
  <si>
    <t>2014-07-28 07:16:32.250000+00:00</t>
  </si>
  <si>
    <t>2014-08-08 11:26:41.247000+00:00</t>
  </si>
  <si>
    <t>2014-07-28 07:35:34.730000+00:00</t>
  </si>
  <si>
    <t>ios7|swift|xcode6|ios7.1</t>
  </si>
  <si>
    <t>How to include tests when creating a Dockerfile</t>
  </si>
  <si>
    <t>&lt;p&gt;I created a &lt;a href="https://hub.docker.com/r/rutgerhofste/gisdocker/" rel="nofollow noreferrer"&gt;dockerfile&lt;/a&gt; a couple of months ago that creates a linux image with a couple of anaconda python virtual environments with different packages. &lt;/p&gt;
&lt;p&gt;Due to some reason, one of the modules in python35 cannot be imported anymore (GDAL) which raised a bigger question: How to include tests when writing dockerfiles?&lt;/p&gt;
&lt;p&gt;I want to test if the modules work as expected for the different python environments. Some modules do not throw errors during installation but have some broken dependencies, hence the testing. &lt;/p&gt;
&lt;p&gt;A first import test would already be helpful:&lt;/p&gt;
&lt;p&gt;in python27 &lt;/p&gt;
&lt;pre&gt;&lt;code&gt;import module1 
import module2
..
import moduleN
&lt;/code&gt;&lt;/pre&gt;
&lt;p&gt;in python35&lt;/p&gt;
&lt;pre&gt;&lt;code&gt;import module1  
import module2 
..
import moduleN
&lt;/code&gt;&lt;/pre&gt;
&lt;p&gt;The workflow would be as follows:
Compile image -&gt; Run tests -&gt; Dissemination using docker hub&lt;/p&gt;
&lt;p&gt;How to include the testing step in this workflow?&lt;/p&gt;
&lt;p&gt;[EDIT] I included two lines in my dockerfile:&lt;/p&gt;
&lt;pre&gt;&lt;code&gt;COPY test_python27.py /
RUN [ "/opt/anaconda3/envs/python27/bin/python", "./test_python27.py" ]
&lt;/code&gt;&lt;/pre&gt;
&lt;p&gt;that will run a python script. However the output of that script is not captured by the docker log. More importantly Errors such as the ZeroDivisionError do not cause the build to fail. How to solve this?&lt;/p&gt;</t>
  </si>
  <si>
    <t>2018-04-05 13:13:46.007000+00:00</t>
  </si>
  <si>
    <t>2018-04-05 14:33:29.893000+00:00</t>
  </si>
  <si>
    <t>python|docker|testing|dockerfile</t>
  </si>
  <si>
    <t>Frame offset in xamarin</t>
  </si>
  <si>
    <t>&lt;p&gt;How do I write the following Swift 4 code in Xamarin C#&lt;/p&gt;
&lt;pre&gt;&lt;code&gt;    viewToMove.Frame = viewToMove.Frame.offsetBy(dx: 0, dy: movement);
&lt;/code&gt;&lt;/pre&gt;
&lt;p&gt;I have tried:&lt;/p&gt;
&lt;pre&gt;&lt;code&gt;    viewToMove.Frame.Offset(0, movement);
&lt;/code&gt;&lt;/pre&gt;
&lt;p&gt;But it doesn't do anything&lt;/p&gt;</t>
  </si>
  <si>
    <t>2018-01-26 19:48:52.363000+00:00</t>
  </si>
  <si>
    <t>2018-01-26 20:22:54.313000+00:00</t>
  </si>
  <si>
    <t>2018-01-26 19:56:29.797000+00:00</t>
  </si>
  <si>
    <t>ios|xamarin|xamarin.ios|frame|cgrect</t>
  </si>
  <si>
    <t>Docopt function argument issues</t>
  </si>
  <si>
    <t>&lt;p&gt;Im not entirely sure how to call my &lt;code&gt;tasklist&lt;/code&gt; function with all the required arguments. Im guessing im getting the syntax wrong. Can anyone point out my stupidity please?&lt;/p&gt;
&lt;p&gt;&lt;strong&gt;CODE&lt;/strong&gt;&lt;/p&gt;
&lt;pre&gt;&lt;code&gt;#!/usr/bin/python
"""
Description:
Used for checking users logged into a list of servers.
Usage:
  hunter.py (-u &amp;lt;username&amp;gt;) (-p &amp;lt;password&amp;gt;) (-d &amp;lt;domain&amp;gt;) (-s &amp;lt;FILE&amp;gt;)
  hunter.py -h | --help
  hunter.py --version
Options:
  -u --username
  -h --help     Show this screen.
  --version     Show version.
  -p --password
  -d --domain
  -s --serverfile=FILE
  """
from docopt import docopt
import subprocess
from subprocess import CalledProcessError
def tasklist(serverlist, domain, username):
    for serverl in serverlist():
        try:
            print "%s Services Listed Below" % serverl
            cmd = 'tasklist /V /S %s -u%s\%s /FI "USERNAME eq $s"' % serverl, domain, username, domain
            print cmd
            subprocess.check_output(cmd)
        except CalledProcessError as e:
            print(e.returncode)
def getservers(servers):
        slist = open(servers).readlines()
        return [s.replace('\n', '') for s in slist]
if __name__ == "__main__":
    arguments = docopt(__doc__, version='0.1a')
    print arguments
    serverlist = getservers(arguments['--serverfile'])
    print serverlist
    tasklist(serverlist,(arguments['&amp;lt;domain&amp;gt;'], ['&amp;lt;username&amp;gt;']))
&lt;/code&gt;&lt;/pre&gt;
&lt;p&gt;&lt;strong&gt;COMMANDLINE EXAMPLE&lt;/strong&gt;&lt;/p&gt;
&lt;p&gt;&lt;code&gt;c:\Python27&amp;gt;hunter.py -u xpuser -p xpuser -d WORKGROUP -s servers.txt&lt;/code&gt;&lt;/p&gt;
&lt;p&gt;&lt;strong&gt;TRACEBACK&lt;/strong&gt;&lt;/p&gt;
&lt;pre&gt;&lt;code&gt;{'--domain': True,
 '--help': False,
 '--password': True,
 '--serverfile': 'servers.txt',
 '--username': True,
 '--version': False,
 '&amp;lt;domain&amp;gt;': 'WORKGROUP',
 '&amp;lt;password&amp;gt;': 'xpuser',
 '&amp;lt;username&amp;gt;': 'xpuser'}
['192.168.1.122', '192.168.1.121']
Traceback (most recent call last):
  File "C:\Python27\hunter.py", line 44, in &amp;lt;module&amp;gt;
    tasklist(serverlist,(arguments['&amp;lt;domain&amp;gt;'], ['&amp;lt;username&amp;gt;']))
TypeError: tasklist() takes exactly 3 arguments (2 given)
&lt;/code&gt;&lt;/pre&gt;</t>
  </si>
  <si>
    <t>2014-03-22 04:22:37.807000+00:00</t>
  </si>
  <si>
    <t>2014-03-22 04:41:34.300000+00:00</t>
  </si>
  <si>
    <t>ConnectionRequest when the app is in the background</t>
  </si>
  <si>
    <t>&lt;p&gt;I've tested Geofence example by cn1 where it sets local notification. When the app is closed(get destroyed), it still gives notification. But I want to get location through GPS and run connectionRequest to save them in the server. I replaced the connectionRequest code instead of LocalNotification in following code but it doesnot work. What should I do to run the connectionRequest when the app is closed(not when it is minimized but destroyed) so that once the user installs and close (destroys) it, the app sent his/her location data in the server forever untill the app is uninstalled.&lt;/p&gt;
&lt;p&gt;Geofence gf = new Geofence("test", loc, 100, 100000);
LocationManager.getLocationManager().addGeoFencing(GeofenceListenerImpl.class, gf);&lt;/p&gt;
&lt;p&gt;Geofence with localNotification:&lt;/p&gt;
&lt;pre&gt;&lt;code&gt;public class GeofenceListenerImpl implements GeofenceListener {
    @Override
    public void onExit(String id) {
    }
    @Override
    public void onEntered(String id) {
        if(Display.getInstance().isMinimized()) {
            Display.getInstance().callSerially(() -&amp;gt; {
                Dialog.show("Welcome", "Thanks for arriving", "OK", null);
            });
        } else {
            LocalNotification ln = new LocalNotification();
            ln.setId("LnMessage");
            ln.setAlertTitle("Welcome");
            ln.setAlertBody("Thanks for arriving!");
            Display.getInstance().scheduleLocalNotification(ln, 10, LocalNotification.REPEAT_NONE);
        }
    }    
}
&lt;/code&gt;&lt;/pre&gt;
&lt;p&gt;Why the following doesnot work? (it only work when the app is running or is minimized but not when it is destroyed.)&lt;/p&gt;
&lt;pre&gt;&lt;code&gt;public class GeofenceListenerImpl implements GeofenceListener {
    @Override
    public void onExit(String id) {
       System.out.println("geofence onExit");
    }
    @Override
    public void onEntered(String id) {
        if(Display.getInstance().isMinimized()) {
            Display.getInstance().callSerially(() -&amp;gt; {
                System.out.println("geofence isMinimized");
            });
        } else {
            System.out.println("geofence when app is closed");
            //I want to run connectionRequest here but is not working
        }
    }    
}
&lt;/code&gt;&lt;/pre&gt;
&lt;p&gt;PS. I've used background fetch but it only works when the app is minimized.&lt;/p&gt;
&lt;p&gt;&lt;strong&gt;Update1: Demo of how I used connectionRequest outside of minimized() method...&lt;/strong&gt;&lt;/p&gt;
&lt;pre&gt;&lt;code&gt;public class GeofenceListenerImpl implements GeofenceListener {
    @Override
    public void onExit(String id) {
       System.out.println("geofence onExit");
    }
    @Override
    public void onEntered(String id) {
        if(Display.getInstance().isMinimized()) {
            Display.getInstance().callSerially(() -&amp;gt; {
            });
        } else {
            System.out.println("geofence when app is closed");
            Connection c = new Connection();
            c.liveTrackConnectionMethod("22" , "23");
        }
    }    
}
&lt;/code&gt;&lt;/pre&gt;
&lt;p&gt;Connection class&lt;/p&gt;
&lt;pre&gt;&lt;code&gt;public class Connection {
    ArrayList&amp;lt;Map&amp;lt;String, Object&amp;gt;&amp;gt; response;
    public void liveTrackConnectionMethod(String lat, String lon) {
        ConnectionRequest cr = new ConnectionRequest() {
            @Override
            protected void readResponse(InputStream input) throws IOException {
                JSONParser jSONParser = new JSONParser();
                Map parser = jSONParser.parseJSON(new InputStreamReader(input));
                response = null;
            }
        };
        cr.setPost(true);
        cr.setUrl("http://url.com");
        cr.addArgument("userid", Preferences.get(AllUrls.userIdPreference, null));
        cr.addArgument("lat", lat + "");
        cr.addArgument("long", lon + "");
        cr.addRequestHeader("Accept", "application/json");
        NetworkManager.getInstance().addToQueueAndWait(cr);
    }
}
&lt;/code&gt;&lt;/pre&gt;</t>
  </si>
  <si>
    <t>2017-08-30 05:40:33.440000+00:00</t>
  </si>
  <si>
    <t>2017-08-30 07:44:18.733000+00:00</t>
  </si>
  <si>
    <t>codenameone</t>
  </si>
  <si>
    <t>How can I build a GWT Loading Dialog?</t>
  </si>
  <si>
    <t>&lt;p&gt;I have a page with a mix of HTML and GWT components.  I'd like to not make the content viewable to the user until the content has completely loading (perhaps showing a simple loading dialog during the process).&lt;/p&gt;
&lt;p&gt;What is the easiest way of achieving this?&lt;/p&gt;</t>
  </si>
  <si>
    <t>2009-04-21 17:14:27.163000+00:00</t>
  </si>
  <si>
    <t>2009-04-29 02:44:46.910000+00:00</t>
  </si>
  <si>
    <t>java|gwt</t>
  </si>
  <si>
    <t>mysqli SUM and MAX results</t>
  </si>
  <si>
    <t>&lt;p&gt;hi guys im having trouble understanding how to get a MAX() and a SUM() from a Database&lt;/p&gt;
&lt;p&gt;my database have 3 colums id - stuff - score looks like this&lt;/p&gt;
&lt;p&gt;id-stuf-score&lt;/p&gt;
&lt;p&gt;1-1-2&lt;/p&gt;
&lt;p&gt;1-1-3&lt;/p&gt;
&lt;p&gt;1-2-1&lt;/p&gt;
&lt;p&gt;1-2-3&lt;/p&gt;
&lt;p&gt;1-3-1&lt;/p&gt;
&lt;p&gt;1-3-3&lt;/p&gt;
&lt;p&gt;i need to make a&lt;/p&gt;
&lt;p&gt;MAX(score) where stuff=1 and id = 1&lt;/p&gt;
&lt;p&gt;MAX(score) where stuff=2 and id = 1&lt;/p&gt;
&lt;p&gt;MAX(score) where stuff=3 and id = 1
.&lt;/p&gt;
&lt;p&gt;.&lt;/p&gt;
&lt;p&gt;etc&lt;/p&gt;
&lt;p&gt;and then a 
SUM(score) all the MAX(score)&lt;/p&gt;
&lt;p&gt;i have hundred of rows and i cant think of a way to make it happens    &lt;/p&gt;</t>
  </si>
  <si>
    <t>2015-08-19 23:24:47.667000+00:00</t>
  </si>
  <si>
    <t>2015-08-20 00:12:24.933000+00:00</t>
  </si>
  <si>
    <t>2015-08-19 23:37:19.233000+00:00</t>
  </si>
  <si>
    <t>Different Facebook Payment Issue</t>
  </si>
  <si>
    <t>&lt;p&gt;I new here at stackexchange and I would like to ask a question about Facebook Payment Issue. I am trying to Buy Gold in a game on facebook (GodsWar Online) and trying to pay using mobile payment but notice a big difference in my payment. The game gold for 2,000 gold cost P450.00 in my friends facebook account and in my account it's P500.00. I tried to contact the game and the facebook support and boku. But they all say that they don't know the issue they keep saying please contact boku, please contact facebook. If anyone know how to solve this issue please help me. Thank you very much.&lt;/p&gt;</t>
  </si>
  <si>
    <t>2015-05-01 19:57:15.563000+00:00</t>
  </si>
  <si>
    <t>2015-05-01 20:23:43.750000+00:00</t>
  </si>
  <si>
    <t>facebook</t>
  </si>
  <si>
    <t>Can't read txt file from sdcard AVD emulator Android</t>
  </si>
  <si>
    <t>&lt;p&gt;I'm trying to read a file from sd but I can't.
This is my code.&lt;/p&gt;
&lt;p&gt;My manifest:&lt;/p&gt;
&lt;pre&gt;&lt;code&gt;&amp;lt;?xml version="1.0" encoding="utf-8"?&amp;gt;
&lt;/code&gt;&lt;/pre&gt;
&lt;p&gt;&lt;/p&gt;
&lt;pre&gt;&lt;code&gt;&amp;lt;application
    android:allowBackup="true"
    android:icon="@mipmap/ic_launcher"
    android:label="@string/app_name"
    android:theme="@style/MyMaterialTheme" &amp;gt;
    &amp;lt;activity
        android:name=".MainActivity"
        android:label="@string/app_name" &amp;gt;
        &amp;lt;intent-filter&amp;gt;
            &amp;lt;action android:name="android.intent.action.MAIN" /&amp;gt;
            &amp;lt;category android:name="android.intent.category.LAUNCHER" /&amp;gt;
        &amp;lt;/intent-filter&amp;gt;
    &amp;lt;/activity&amp;gt;
&amp;lt;/application&amp;gt;
&amp;lt;uses-permission android:name="android.permission.WRITE_EXTERNAL_STORAGE"
    android:maxSdkVersion="18" /&amp;gt;
&lt;/code&gt;&lt;/pre&gt;
&lt;p&gt;&lt;/p&gt;
&lt;p&gt;My class for read file:&lt;/p&gt;
&lt;pre&gt;&lt;code&gt;public ParsingFromTxt(String nomeFile, ArrayList&amp;lt;Squadra&amp;gt; squadre) throws IOException
{
    //Find the directory for the SD Card using the API
    //*Don't* hardcode "/sdcard"
    File sdcard = Environment.getExternalStorageDirectory();
    //Get the text file
    File file = new File(sdcard, "07-01.txt");
    if(file.exists())
        Log.d("log", "esiste");
    Log.d("log", file.getAbsolutePath());
    try
    {
        BufferedReader br = new BufferedReader(new FileReader(file));
        String line;
        Log.d("log", br.readLine());
        while ((line = br.readLine()) != null) 
        { ...
        }
    }
    catch(Exception exc)
    {
         Log.d("log", "errore"); 
    }
&lt;/code&gt;&lt;/pre&gt;
&lt;p&gt;This is what I read in the console:&lt;/p&gt;
&lt;pre&gt;&lt;code&gt;11-05 16:32:25.980 2144-2144/prova.myapplication D/log: esiste
11-05 16:32:25.980 2144-2144/prova.myapplication D/log: /storage/12EA-101E/07-01.txt
11-05 16:32:25.980 2144-2144/prova.myapplication D/log: Errore
&lt;/code&gt;&lt;/pre&gt;
&lt;p&gt;Help me to find the error. &lt;/p&gt;</t>
  </si>
  <si>
    <t>2015-11-05 16:40:42.713000+00:00</t>
  </si>
  <si>
    <t>2018-11-12 16:28:46.650000+00:00</t>
  </si>
  <si>
    <t>@ManyToMany NamingStrategy</t>
  </si>
  <si>
    <t>&lt;p&gt;There is the following case:&lt;/p&gt;
&lt;pre&gt;&lt;code&gt;@javax.persistence.Entity
@javax.persistence.Table(name = "another_table")
public class Table {
...
@javax.persistence.ManyToMany
    public java.util.Set&amp;lt;sth&amp;gt; getSth() {
        return this.sth;
    }
&lt;/code&gt;&lt;/pre&gt;
&lt;p&gt;While making the query JPA thinks correcly that there is many to many table "another_table_sth" but expects to find column "table_id" in it as defined by the class name. However, there is actually a column another_table_id as defined by the @javax.persistence.Table annotation. &lt;/p&gt;
&lt;p&gt;How to define this case in the naming strategy?&lt;/p&gt;</t>
  </si>
  <si>
    <t>2016-12-13 17:22:56.743000+00:00</t>
  </si>
  <si>
    <t>java|jpa</t>
  </si>
  <si>
    <t>ffmpeg - compilation problem with g++</t>
  </si>
  <si>
    <t>&lt;p&gt;I am trying to run a program which uses ffmpeg libraries to decode a mp3 file. I am using following options for compiling the program:&lt;/p&gt;
&lt;pre&gt;&lt;code&gt;g++ -c play.cpp -o play.o
g++ -o play play.o -L/usr/local/lib -lavutil -lavcodec -lavformat -lavdevice \
                   -lavfilter -ldl -lasound -L/usr/lib -lSDL -lpthread -lz -lswscale -lm
&lt;/code&gt;&lt;/pre&gt;
&lt;p&gt;But while linking I am gettign following errors:&lt;/p&gt;
&lt;pre&gt;&lt;code&gt;play.cpp:(.text+0x49): undefined reference to `av_dup_packet(AVPacket*)'
play.cpp:(.text+0x66): undefined reference to `av_malloc(unsigned int)'
play.cpp:(.text+0x324): undefined reference to `avcodec_decode_audio3(AVCodecContext*, short*, int*, AVPacket*)'
play.cpp:(.text+0x387): undefined reference to `av_free_packet(AVPacket*)'
&lt;/code&gt;&lt;/pre&gt;
&lt;p&gt;and so on...
These reported functions are available in the libavcodec.a etc. which i have already specified with the link options.
Can anyone please tell me what could be wrong here or suggest how to approach debugging this? &lt;/p&gt;</t>
  </si>
  <si>
    <t>2011-09-22 11:47:54.323000+00:00</t>
  </si>
  <si>
    <t>2014-08-22 08:48:14.317000+00:00</t>
  </si>
  <si>
    <t>2011-09-22 11:49:07.490000+00:00</t>
  </si>
  <si>
    <t>c++|ffmpeg</t>
  </si>
  <si>
    <t>Multiline UILabel height increases even when the text is one line long</t>
  </si>
  <si>
    <t>&lt;p&gt;I am using a &lt;code&gt;UILabel&lt;/code&gt; within a &lt;code&gt;tableViewCell&lt;/code&gt;. Some of the cells have texts that are one line, and some 2 lines. I have set the trailing space, leading space and top space from superview constraints to the label. Following are the settings:&lt;/p&gt;
&lt;ul&gt;
&lt;li&gt;lines = 0&lt;/li&gt;
&lt;li&gt;Line Breaks: Word Wrap  (tried other options as well)&lt;/li&gt;
&lt;/ul&gt;
&lt;p&gt;If the text crosses a particular length, for some reason, the label height seems to have increased to accommodate 2 lines, though the text is only one line. As show below (background is red for reference):
&lt;img src="https://i.stack.imgur.com/uzkMq.png" alt="enter image description here"&gt;&lt;/p&gt;
&lt;p&gt;For example, In the first row, the actual text is one line, but the height is increased when compared to the other rows. &lt;/p&gt;
&lt;p&gt;Is there any reason why it might be happening so? I am not setting the height anywhere from the code.&lt;/p&gt;
&lt;p&gt;&lt;strong&gt;EDIT&lt;/strong&gt;&lt;/p&gt;
&lt;p&gt;Also, I have set a custom font for UILabel throughout out the App using the following:&lt;/p&gt;
&lt;pre&gt;&lt;code&gt;[[UILabel appearance] setFont:myFont];
&lt;/code&gt;&lt;/pre&gt;
&lt;p&gt;I am not sure if that should cause any issue..&lt;/p&gt;
&lt;p&gt;Also, the screen shot of the constraints set are:&lt;/p&gt;
&lt;p&gt;&lt;img src="https://i.stack.imgur.com/zSEYN.png" alt="enter image description here"&gt;&lt;/p&gt;</t>
  </si>
  <si>
    <t>2014-11-18 17:14:50.020000+00:00</t>
  </si>
  <si>
    <t>2016-03-31 19:40:26.250000+00:00</t>
  </si>
  <si>
    <t>2014-11-19 05:01:18.447000+00:00</t>
  </si>
  <si>
    <t>ios|objective-c|uilabel</t>
  </si>
  <si>
    <t>Phonegap not rendering page after splash screen</t>
  </si>
  <si>
    <t>&lt;p&gt;I have a phonegap application in the store which I had had to update recently. I made changes to only javascript and html file and tried to build again making changes to build setting so that I was able to build the application for iPhone 5s (64 bit). But now the problem is it runs with the new changes that I made in iPad (32 bit) but it does not display anything after splash screen in iPhone 5s. I can download and run the application from store in iPhone 5s which was build for previous versions of iPhone but when I build and run using Xcode; this problem appear. &lt;/p&gt;
&lt;p&gt;If you have come across such problem; I would like  to kindly request your solution or suggestion.Thanks in advance &lt;/p&gt;
&lt;ul&gt;
&lt;li&gt;Note: I am using the latest Xcode and phonegap 2.7.0&lt;/li&gt;
&lt;/ul&gt;</t>
  </si>
  <si>
    <t>2014-06-09 14:27:38.440000+00:00</t>
  </si>
  <si>
    <t>2014-06-25 10:51:22.660000+00:00</t>
  </si>
  <si>
    <t>ios|iphone|cordova|xcode5|cordova-2.7.0</t>
  </si>
  <si>
    <t>Defining a tracking area for the Kinect</t>
  </si>
  <si>
    <t>&lt;p&gt;Is it possible to specify a (rectangular) area for skeleton tracking with the Kinect (using any of the available SDKs)? I want to make sure that only users inside that designated area are tracked and that the sensor is not distracted by people outside it. Think of a game zone, in which a player interacts with the Kinect and where bystanders outside of the zone should be ignored lest they confuse the sensor.&lt;/p&gt;
&lt;p&gt;The reason I want this is that many times the Kinect "locks" onto someone or even something, whether it should or not, and then it's difficult for the sensor to track other individuals, who come into tracking range. I want to avoid that by defining this zone.&lt;/p&gt;</t>
  </si>
  <si>
    <t>2018-07-04 10:37:05.017000+00:00</t>
  </si>
  <si>
    <t>2018-07-04 16:58:14.450000+00:00</t>
  </si>
  <si>
    <t>kinect</t>
  </si>
  <si>
    <t>Failure while connecting to MS SQL server</t>
  </si>
  <si>
    <t>&lt;p&gt;Trying to connect o MS SQL server that runs on the same Win 10 machine with my project in Eclipse: &lt;/p&gt;
&lt;pre&gt;&lt;code&gt; String url = "jdbc:sqlserver://GOLD\\SQLEXPRESS;databaseName=PrintLog;";
 Connection conn = DriverManager.getConnection(url ,"user","passwd");
&lt;/code&gt;&lt;/pre&gt;
&lt;p&gt;But got exception:&lt;/p&gt;
&lt;pre&gt;&lt;code&gt;com.microsoft.sqlserver.jdbc.SQLServerException: The connection to the host GOLD, named instance sqlexpress failed. Error: "java.net.SocketTimeoutException: Receive timed out". Verify the server and instance names and check that no firewall is blocking UDP traffic to port 1434.  For SQL Server 2005 or later, verify that the SQL Server Browser Service is running on the host.
&lt;/code&gt;&lt;/pre&gt;
&lt;p&gt;Computer name is &lt;code&gt;GOLD&lt;/code&gt;. I can connect to DB from C# without problem. Authentication is enabled both windows and SQL server. I'm expecting to get Windows authentication while connect&lt;/p&gt;
&lt;p&gt;SQL server properties:
&lt;a href="https://i.stack.imgur.com/Va2MK.png" rel="nofollow noreferrer"&gt;&lt;img src="https://i.stack.imgur.com/Va2MK.png" alt="enter image description here"&gt;&lt;/a&gt;&lt;/p&gt;
&lt;p&gt;How to find the problem?&lt;/p&gt;
&lt;p&gt;UPD&lt;/p&gt;
&lt;p&gt;I got better result by adding port number to connect string:&lt;/p&gt;
&lt;pre&gt;&lt;code&gt;String url = "jdbc:sqlserver://GOLD\\SQLEXPRESS:1433;databaseName=PrintLog;";
&lt;/code&gt;&lt;/pre&gt;
&lt;p&gt;Does it means that default port number is different?&lt;/p&gt;</t>
  </si>
  <si>
    <t>2018-06-24 14:41:28.920000+00:00</t>
  </si>
  <si>
    <t>2018-06-25 11:02:32.280000+00:00</t>
  </si>
  <si>
    <t>java|sql-server|jdbc</t>
  </si>
  <si>
    <t>Verify custom table in magento for custom module</t>
  </si>
  <si>
    <t>&lt;p&gt;I have made the redirect  from the question i have posted &lt;a href="https://stackoverflow.com/questions/33627684/database-getting-updated-wrong-from-custom-module-form-after-validation"&gt;here&lt;/a&gt;
Now i have another form in the redirected page where i need to enter name and mobile number and if it matches in my db table &lt;strong&gt;helloworld&lt;/strong&gt; it will go to one page or else to another&lt;/p&gt;
&lt;pre&gt;&lt;code&gt;&amp;lt;p&amp;gt;You have successfully registered&amp;lt;/p&amp;gt;
&amp;lt;div&amp;gt;
    &amp;lt;label&amp;gt;Login&amp;lt;/label&amp;gt;
&amp;lt;/div&amp;gt;
&amp;lt;div&amp;gt;
    &amp;lt;form action="" method="post"&amp;gt;
        &amp;lt;label&amp;gt; Username &amp;lt;/label&amp;gt;
        &amp;lt;strong&amp;gt;:&amp;lt;/strong&amp;gt;
        &amp;lt;input class="input-text required-entry" type="text" name="fname" maxlength="20"&amp;gt;
        &amp;lt;label&amp;gt;Mobile No&amp;lt;/label&amp;gt;
        &amp;lt;strong&amp;gt;:&amp;lt;/strong&amp;gt;
        &amp;lt;input class="required-entry" type="number" maxlength="10" name="mobileno"&amp;gt;
        &amp;lt;input type="submit" name="login" value="Login"&amp;gt;&amp;amp;nbsp;&amp;amp;nbsp;&amp;amp;nbsp;&amp;amp;nbsp;
        &amp;lt;input type="button" name="cancel" value="Cancel"&amp;gt;
    &amp;lt;/form&amp;gt;
&amp;lt;/div&amp;gt;
&lt;/code&gt;&lt;/pre&gt;
&lt;p&gt;Can any one help me how no i can verify it with existing data in db and make this work ? Shall I start it with using index controller or is there any magento way?&lt;/p&gt;
&lt;p&gt;&lt;strong&gt;Update:&lt;/strong&gt;&lt;/p&gt;
&lt;p&gt;this is my Indexcontroler.php after below answer update&lt;/p&gt;
&lt;pre&gt;&lt;code&gt;&amp;lt;?php
class MyCustom_Helloworld_IndexController extends  Mage_Core_Controller_Front_Action
{
/*
* this method privides default action.
*/
public function indexAction()
{
if($this-&amp;gt;getRequest()-&amp;gt;getParams()) {
$param = $this-&amp;gt;getRequest()-&amp;gt;getParams();
echo $firstname = $param['fname'];
$lastname = $param['lname'];
$address = $param['address'];
$state = $param['state'];
$city = $param['city'];
$mobile = $param['mobileno'];
$model = Mage::getModel('helloworld/helloworld');
// $model-&amp;gt;setTitle($title);
$model-&amp;gt;setFirstname($firstname);
$model-&amp;gt;setLastname($lastname);
$model-&amp;gt;setAddress($address);
$model-&amp;gt;setState($state);
$model-&amp;gt;setCity($city); 
$model-&amp;gt;setMobileno($mobile); 
$model-&amp;gt;save();   
$this-&amp;gt;_redirect('helloworld/index/login');
// $this-&amp;gt;_redirectReferer();
}else {
/*
* Initialization of Mage_Core_Model_Layout model
*/
$this-&amp;gt;loadLayout();
/*
* Building page according to layout confuration
*/
$this-&amp;gt;renderLayout();
}
}
public function loginAction()
{
$this-&amp;gt;loadLayout();     
$this-&amp;gt;renderLayout();
}
public function loginnAction()
  {
  if($this-&amp;gt;getRequest()-&amp;gt;getParams()) {
  $param = $this-&amp;gt;getRequest()-&amp;gt;getParams();
      $username = $param['fname'];
      $mobile = $param['mobileno'];
      $check = Mage::getModel('helloworld/helloworld')
                -&amp;gt;AddFieldToFilter('mobileno', array('eq' =&amp;gt; $mobile))
                -&amp;gt;AddFieldToFilter('fname', array('eq' =&amp;gt; $username));
 if(count($check)==1) {
 $this-&amp;gt;_redirectReferer();
 }else {
 $this-&amp;gt;_redirect('helloworld/index/login');
  }
}
}
}
&lt;/code&gt;&lt;/pre&gt;</t>
  </si>
  <si>
    <t>2015-11-17 10:06:05.417000+00:00</t>
  </si>
  <si>
    <t>2015-11-17 13:09:54.547000+00:00</t>
  </si>
  <si>
    <t>2017-05-23 12:30:14+00:00</t>
  </si>
  <si>
    <t>php|magento|module</t>
  </si>
  <si>
    <t>Error message while trying to open VS 2010 solution</t>
  </si>
  <si>
    <t>&lt;p&gt;I am getting an error message while trying to open a VS 2010 solution file in VS 2010. Error message- "THE SELECTED FILE IS A SOLUTION FILE, BUT IT WAS CREATED BY A NEWER VERSION OF THE APPLICATION AND CANNOT BE OPENED". I searched in web but was not successful. Please help.&lt;/p&gt;</t>
  </si>
  <si>
    <t>2014-03-20 11:19:33.910000+00:00</t>
  </si>
  <si>
    <t>2014-03-20 11:24:58.910000+00:00</t>
  </si>
  <si>
    <t>visual-studio-2010</t>
  </si>
  <si>
    <t>Trying to create eventDrops SAMPLE but not Succeeded</t>
  </si>
  <si>
    <t>&lt;p&gt;Iam using d3 version 4.12.2
and eventDrops.js downloaded from this below link
&lt;a href="https://gist.githubusercontent.com/thoka/ca508531e9a016fb815477621f9d6aae/raw/32b3a1e79208a840666882fec60804c68a96bf7f/eventdrops.js" rel="nofollow noreferrer"&gt;https://gist.githubusercontent.com/thoka/ca508531e9a016fb815477621f9d6aae/raw/32b3a1e79208a840666882fec60804c68a96bf7f/eventdrops.js&lt;/a&gt;
and my code is&lt;/p&gt;
&lt;pre&gt;&lt;code&gt;&amp;lt;html&amp;gt;
&amp;lt;head&amp;gt;&amp;lt;title&amp;gt;asdasd&amp;lt;/title&amp;gt;
    &amp;lt;script src="./d3.js"&amp;gt;&amp;lt;/script&amp;gt;
    &amp;lt;script src="./eventDrops.js"&amp;gt;&amp;lt;/script&amp;gt;
    &amp;lt;script lang="javascript"&amp;gt;
        function test() {
            var hardData = [{
name: 'sensor1',
dates: [
    new Date(1458068401000),
    new Date(1458068401000),
    new Date(1458068403000),
    new Date(1458068404000),
    new Date(1458068405000),
    new Date(1458068406000),
    new Date(1458068411000),
    new Date(1458068413000),
    new Date(1458068415000),
    new Date(1458068416000),
],}]; var eventDropsChart = d3.chart.eventDrops(); d3.select('body')
.datum(hardData)
.call(eventDropsChart);
        }
    &amp;lt;/script&amp;gt;
&amp;lt;/head&amp;gt;
&amp;lt;body onload="test()"&amp;gt;&amp;lt;/body&amp;gt;&amp;lt;/html&amp;gt;
&lt;/code&gt;&lt;/pre&gt;
&lt;p&gt;2). which version of d3 works with eventDrops?&lt;/p&gt;
&lt;p&gt;Thanks &amp;amp; Regards,&lt;/p&gt;
&lt;p&gt;Govardhan&lt;/p&gt;</t>
  </si>
  <si>
    <t>2018-01-22 15:01:23.940000+00:00</t>
  </si>
  <si>
    <t>2018-02-12 15:07:58.893000+00:00</t>
  </si>
  <si>
    <t>2018-01-23 05:03:27.330000+00:00</t>
  </si>
  <si>
    <t>d3.js</t>
  </si>
  <si>
    <t>Modifying default templates for FormView</t>
  </si>
  <si>
    <t>&lt;p&gt;I use the FormView control quite a bit, but I wish I had more control over the default templates.&lt;/p&gt;
&lt;p&gt;When I drag a FormView from the toolbox onto my page and point it to a DataSource control it prepopulates the ItemTemplate, EditItemTemplate and InsertItemTemplates, but it doesn't do it very well.&lt;/p&gt;
&lt;p&gt;For example, the InsertItemTemplate looks like this by default:&lt;/p&gt;
&lt;pre&gt;&lt;code&gt;&amp;lt;InsertItemTemplate&amp;gt;
id:
&amp;lt;asp:TextBox ID="IDTextBox" runat="server" Text='&amp;lt;%# Bind("id") %&amp;gt;' /&amp;gt;
&amp;lt;br /&amp;gt;
Name:
&amp;lt;asp:TextBox ID="NameTextBox" runat="server" Text='&amp;lt;%# Bind("Name") %&amp;gt;' /&amp;gt;
...
&amp;lt;/InsertItemTemplate&amp;gt;
&lt;/code&gt;&lt;/pre&gt;
&lt;p&gt;But what I would prefer is a good old fashioned html table&lt;/p&gt;
&lt;pre&gt;&lt;code&gt;&amp;lt;InsertItemTemplate&amp;gt;
&amp;lt;table&amp;gt;
 &amp;lt;tr&amp;gt;
   &amp;lt;td&amp;gt;
     id:
   &amp;lt;/td&amp;gt;
   &amp;lt;td&amp;gt;
    &amp;lt;asp:TextBox ID="IDTextBox" runat="server" Text='&amp;lt;%# Bind("id") %&amp;gt;' /&amp;gt;
    &amp;lt;/td&amp;gt;
  &amp;lt;tr&amp;gt;
  ...
&amp;lt;/table&amp;gt;
&amp;lt;/insertItemTemplate&amp;gt;
&lt;/code&gt;&lt;/pre&gt;
&lt;p&gt;I know I can use a DetailsView to get a table rendered out, but I end up modifying the form so much that I prefer to use the FormView. It's just that I would like Visual Studio to start me out a bit closer to where I want to end up.&lt;/p&gt;
&lt;p&gt;I would imagine that there is a T4 template somewhere in the guts of VS that I might be able to modify to get this done. &lt;/p&gt;
&lt;p&gt;Anybody had any luck with this kind of thing?&lt;/p&gt;</t>
  </si>
  <si>
    <t>2011-02-04 20:20:48.730000+00:00</t>
  </si>
  <si>
    <t>2011-02-04 21:22:20.020000+00:00</t>
  </si>
  <si>
    <t>asp.net|visual-studio-2010|t4</t>
  </si>
  <si>
    <t>Self-Deleting Script for both Linux Bash and Windows Batch</t>
  </si>
  <si>
    <t>&lt;p&gt;I have an uninstall script that cleans up an add-on tool used with an application.
Versions of the script run on both Windows and Linux.&lt;/p&gt;
&lt;p&gt;I'd like to be able to delete the uninstall script file and also the directory in which the script runs too (in both the case of a Windows batch file and also for the case of a Linux bash file). Right now everything but the script and the directory in which it runs remains after it runs.&lt;/p&gt;
&lt;p&gt;How can I delete the script and the script's directory?&lt;/p&gt;
&lt;p&gt;Thanks&lt;/p&gt;</t>
  </si>
  <si>
    <t>2011-08-25 23:14:00.420000+00:00</t>
  </si>
  <si>
    <t>2017-01-20 18:16:01.600000+00:00</t>
  </si>
  <si>
    <t>2011-10-20 10:39:24.650000+00:00</t>
  </si>
  <si>
    <t>windows|bash|batch-file|self-destruction</t>
  </si>
  <si>
    <t>Passing params into MailView or ActionMailer::Preview in Ruby on Rails</t>
  </si>
  <si>
    <t>&lt;p&gt;Is it possible when using the MailView gem or Rails 4.1 mail previews to pass parameters into the MailView? I would love to be able to use query string parameters in the preview URLs and access them in the MailView to dynamically choose which record to show in the preview.&lt;/p&gt;</t>
  </si>
  <si>
    <t>2014-09-26 21:32:55.607000+00:00</t>
  </si>
  <si>
    <t>2017-04-26 10:44:09.713000+00:00</t>
  </si>
  <si>
    <t>ruby-on-rails</t>
  </si>
  <si>
    <t>Run cucumber headlessly with spork</t>
  </si>
  <si>
    <t>&lt;p&gt;I have my cucumber tests running fine without Spork using the webkit driver for my javascript scenarios.&lt;/p&gt;
&lt;p&gt;I have the following in my env.rb file&lt;/p&gt;
&lt;pre&gt;&lt;code&gt;if(ENV["WEBKIT"])
  Capybara.javascript_driver = :webkit
else
  Capybara.javascript_driver = :selenium
end
&lt;/code&gt;&lt;/pre&gt;
&lt;p&gt;When I run my features without spork from the terminal&lt;/p&gt;
&lt;pre&gt;&lt;code&gt;WEBKIT=true cucumber
&lt;/code&gt;&lt;/pre&gt;
&lt;p&gt;The tests run correctly using the webkit driver.  But as soon as I try adding in spork with the --drb option, every javascript feature starts spinning up Firefox again using the Selenium driver.&lt;/p&gt;
&lt;pre&gt;&lt;code&gt;WEBKIT=true cucumber --drb
&lt;/code&gt;&lt;/pre&gt;</t>
  </si>
  <si>
    <t>2013-06-10 16:24:02.903000+00:00</t>
  </si>
  <si>
    <t>2013-06-10 19:33:50.280000+00:00</t>
  </si>
  <si>
    <t>ruby-on-rails|cucumber|spork</t>
  </si>
  <si>
    <t>Navbar going up and down in a loop automatically</t>
  </si>
  <si>
    <t>&lt;p&gt;&lt;a href="https://i.stack.imgur.com/VTLUs.gif" rel="nofollow noreferrer"&gt;&lt;img src="https://i.stack.imgur.com/VTLUs.gif" alt="enter image description here"&gt;&lt;/a&gt;&lt;/p&gt;
&lt;p&gt;This is a website I designed for a TEDx Event at my school. It works for a desktop. However, on an iPhone, the bootstrap navbar I've made is going up and down in a loop. My guess is that this is happening on the home page because I added a Codepen code for a gift box opening animation. After I click any link, the website keeps loading infinitely (page keeps refreshing but webpage is never loaded). I've tried the metatag for specifying refresh, but it doesn't work&lt;/p&gt;
&lt;p&gt;Here is the link for the website:
&lt;a href="http://tedxyouthjpis.com" rel="nofollow noreferrer"&gt;http://tedxyouthjpis.com&lt;/a&gt;&lt;/p&gt;
&lt;p&gt;The animation on the home page is the code I borrowed from Codepen. &lt;/p&gt;</t>
  </si>
  <si>
    <t>2017-11-06 10:30:15.157000+00:00</t>
  </si>
  <si>
    <t>2017-11-06 10:33:16.050000+00:00</t>
  </si>
  <si>
    <t>javascript|html|twitter-bootstrap|navbar</t>
  </si>
  <si>
    <t>I want to use Repl.it in Ruby programming and read an UNICODE text file but it does not work. It makes ERROR message</t>
  </si>
  <si>
    <t>&lt;p&gt;So,&lt;/p&gt;
&lt;p&gt;There is a text file with hungarian letters, but the compiler does not want to execute my code. How can I solve it. I uploaded a text file and want to modify it, but it does not read in because it is not US-ASCII. &lt;/p&gt;
&lt;p&gt;Does anybody else met with this probleme?&lt;/p&gt;
&lt;p&gt;The error message:&lt;/p&gt;
&lt;p&gt;"\xC3" on US-ASCII
(repl):4:in &lt;code&gt;puts'
(repl):4:in&lt;/code&gt;puts'
(repl):4:in &lt;code&gt;block in &amp;lt;main&amp;gt;'
(repl):2:in&lt;/code&gt;each'
(repl):2:in `'&lt;/p&gt;
&lt;p&gt;MY CODE IS:&lt;/p&gt;
&lt;pre&gt;&lt;code&gt;file="2014.txt"
&lt;/code&gt;&lt;/pre&gt;
&lt;p&gt;File.readlines(file).each do |line|
a= "2014.evi.nyomtatvanyok/" + line
puts a
end&lt;/p&gt;
&lt;p&gt;the text file contais that:&lt;/p&gt;
&lt;p&gt;Bevall��s ipar��z��si ad��felt��lt��si k��telezetts��gr��l 2013&lt;br&gt;
G��pj��rm��ad��-kedvezm��ny mentess��g bevall��s 2013&lt;br&gt;
Helyi ipar��z��si ad��bevall��s 2013&lt;br&gt;
Idegenforgalmi ad��bevall��s 2013 
Kommun��lis ad��bevall��s 2013 
Talajterhel��si d��j bevall��s 2013&lt;/p&gt;</t>
  </si>
  <si>
    <t>2018-08-16 14:02:06.103000+00:00</t>
  </si>
  <si>
    <t>2018-08-18 02:45:44.883000+00:00</t>
  </si>
  <si>
    <t>2018-08-16 16:10:27.083000+00:00</t>
  </si>
  <si>
    <t>ruby|unicode|ascii|repl.it</t>
  </si>
  <si>
    <t>Best practices - what kind of file for saving api keys?</t>
  </si>
  <si>
    <t>&lt;p&gt;What is the proper way to store API client id/secret information in a separate file? There are many approaches, but there seems to be a lack of convention. If picking an approach for saving volatile strings is highly subjective, what are the deciding factors one should consider that go into making the decision and when is appropriate to use the String type vs a configuration library? &lt;/p&gt;
&lt;p&gt;I see a couple of simple options to implement this that could be adapted to potentially follow the DRY principle:&lt;/p&gt;
&lt;p&gt;&lt;strong&gt;String variables&lt;/strong&gt;&lt;/p&gt;
&lt;pre&gt;&lt;code&gt;-- define string variables in keys.hs
mykey :: String
mykey = "key here"
-- then in the main file import these keys
import keys
&lt;/code&gt;&lt;/pre&gt;
&lt;p&gt;&lt;strong&gt;Raw text file&lt;/strong&gt;&lt;/p&gt;
&lt;pre&gt;&lt;code&gt;keyFile :: String
keyFile = "keys.txt"
getKeyFromFile :: IO B.ByteString
getKeyFromFile = B.readFile keyFile
&lt;/code&gt;&lt;/pre&gt;
&lt;p&gt;Also, one could potentially use a library and of course for when you need to manage more keys:&lt;/p&gt;
&lt;p&gt;&lt;strong&gt;&lt;a href="http://hackage.haskell.org/package/authenticate-oauth" rel="nofollow"&gt;OAuth Authentication library&lt;/a&gt;&lt;/strong&gt;&lt;/p&gt;
&lt;pre&gt;&lt;code&gt;-- Define a data structure for each set
myoauth :: OAuth
myoauth =
  newOAuth { oauthServerName     = "api.server.com"
           , oauthConsumerKey    = "key here"
           , oauthConsumerSecret = "secret here"
           }
&lt;/code&gt;&lt;/pre&gt;
&lt;p&gt;&lt;strong&gt;&lt;a href="http://hackage.haskell.org/package/configurator" rel="nofollow"&gt;Configuration manager&lt;/a&gt;&lt;/strong&gt; and use their config format&lt;/p&gt;
&lt;pre&gt;&lt;code&gt;--taken from their example
my-group
 {
   a = 1
   # groups support nesting
   nested {
     b = "yay!"
   }
 }
&lt;/code&gt;&lt;/pre&gt;</t>
  </si>
  <si>
    <t>2014-05-11 19:20:06.557000+00:00</t>
  </si>
  <si>
    <t>2014-05-13 19:08:16.443000+00:00</t>
  </si>
  <si>
    <t>2014-05-13 06:08:01.510000+00:00</t>
  </si>
  <si>
    <t>Open pdf files in simple Node.js web page</t>
  </si>
  <si>
    <t>&lt;p&gt;I am trying to create a web page in node.js which lists all pdf files in a folder defined by a variable in the URL. When a user clicks on one pdf link, the file should open.&lt;/p&gt;
&lt;p&gt;Sadly, being a total node.js/javascript beginner, I can't figure out how to do it.&lt;/p&gt;
&lt;pre&gt;&lt;code&gt;URL: http://127.0.0.1:3000/?id=1001
OS: Windows Server 2012 R2
&lt;/code&gt;&lt;/pre&gt;
&lt;p&gt;Steps which should be done:&lt;/p&gt;
&lt;ol&gt;
&lt;li&gt;The "id" variable has to be read from the URL&lt;/li&gt;
&lt;li&gt;Then, only the .PDF files in the directory ./files/id/ have to be read and listed -- where "id" is the variable from 1.&lt;/li&gt;
&lt;li&gt;Then, when the user clicks one of them, it should open in the browser (Chrome)&lt;/li&gt;
&lt;/ol&gt;
&lt;p&gt;What I managed to do:&lt;/p&gt;
&lt;ul&gt;
&lt;li&gt;set up the web server&lt;/li&gt;
&lt;li&gt;parse the URL for the id value&lt;/li&gt;
&lt;li&gt;dir the id folder&lt;/li&gt;
&lt;li&gt;display the files&lt;/li&gt;
&lt;/ul&gt;
&lt;p&gt;Below the code:&lt;/p&gt;
&lt;pre&gt;&lt;code&gt;const
  http = require('http'),
  hostname = '127.0.0.1',
  port = 3000,
  querystring = require('querystring'),
  url = require('url'),
  fs = require('fs');
const server = http.createServer((req, res) =&amp;gt; {
const params = querystring.parse(url.parse(req.url).query);
  if ('id' in params) {
    let html = "Test page\n"
    html += "id: " + params.id + "\n";
    const pdfdir = "./files/" + params.id + "/";
    console.log(pdfdir);
    let files = fs.readdirSync(pdfdir);
    files.forEach(file =&amp;gt; {
      const filepath = __dirname + pdfdir + file;
      console.log(filepath);
      html += "File: " + pdfdir + file + "\n";
    });
    res.write(html);
  }
  else {
    res.write('Incorrect link');
  }
res.end();
});
server.listen(port, hostname, () =&amp;gt; {
  console.log(`Server running at http://${hostname}:${port}/`);
});
&lt;/code&gt;&lt;/pre&gt;
&lt;p&gt;Can somebody please guide me with the next steps?&lt;/p&gt;</t>
  </si>
  <si>
    <t>2018-04-02 22:58:44.513000+00:00</t>
  </si>
  <si>
    <t>2018-04-03 00:56:38.787000+00:00</t>
  </si>
  <si>
    <t>Deleting Jenkins jobs through GUI does not delete their workspaces in slaves</t>
  </si>
  <si>
    <t>&lt;p&gt;I recently deleted 2 job from Jenkins (via GUI). When I log into slaves afterwards I still see workspace of those 2 jobs lying around. Is this behavior normal? &lt;/p&gt;
&lt;p&gt;Notes:&lt;/p&gt;
&lt;ul&gt;
&lt;li&gt;Jenkins master and slaves are all running on Windows environment. &lt;/li&gt;
&lt;li&gt;Master runs on Windows Server 2003 and slaves run on Windows Server 2008 R2.&lt;/li&gt;
&lt;li&gt;Jenkins version is 1.509.2&lt;/li&gt;
&lt;/ul&gt;
&lt;p&gt;Regards,
Benil&lt;/p&gt;</t>
  </si>
  <si>
    <t>2013-12-12 00:24:14.780000+00:00</t>
  </si>
  <si>
    <t>2015-09-05 08:10:29.647000+00:00</t>
  </si>
  <si>
    <t>jenkins</t>
  </si>
  <si>
    <t>How to load file privakey file types is pem</t>
  </si>
  <si>
    <t>&lt;p&gt;I load private (private.pem) 
my code is:&lt;/p&gt;
&lt;pre&gt;&lt;code&gt;    FileReader fileReader = new FileReader(new File(private.pem));
    PEMReader r = new PEMReader(fileReader, new DefaultPasswordFinder("mypass".toCharArray()));
    try {
        KeyPair kp = (KeyPair) r.readObject();
    } catch (IOException ex) {
        throw new IOException("The private key could not be decrypted", ex);
    } finally {
        r.close();
        fileReader.close();
    }
&lt;/code&gt;&lt;/pre&gt;
&lt;p&gt;error is : 
Caused by: &lt;/p&gt;
&lt;pre&gt;&lt;code&gt;java.io.IOException: problem creating RSA private key: java.security.NoSuchProviderException: No such provider: BC at org.bouncycastle.openssl.PEMReader.readObject(Unknown Source)
&lt;/code&gt;&lt;/pre&gt;
&lt;p&gt;thanks.&lt;/p&gt;</t>
  </si>
  <si>
    <t>2012-08-10 08:17:54.570000+00:00</t>
  </si>
  <si>
    <t>2014-07-17 19:25:20.460000+00:00</t>
  </si>
  <si>
    <t>java|cryptography|rsa|rsacryptoserviceprovider</t>
  </si>
  <si>
    <t>Recommended way for using Express.js with React.js?</t>
  </si>
  <si>
    <t>&lt;p&gt;I have found two ways to combine React and Express:&lt;/p&gt;
&lt;h3&gt;[OPTION 1] ExpressJS serve React static files&lt;/h3&gt;
&lt;p&gt;Fundamentally, the idea here is to have pre-compiled JavaScript files at your disposal before spinning up the server. And then in Express middleware:&lt;/p&gt;
&lt;p&gt;&lt;code&gt;app.use(express.static(path.join(__dirname, '../client/build')));&lt;/code&gt;&lt;/p&gt;
&lt;p&gt;And then in tandem have other endpoints that execute logic on server-side.&lt;/p&gt;
&lt;h3&gt;[OPTION 2] Host React files separately&lt;/h3&gt;
&lt;p&gt;Basically, decouple the logic in entirety of Frontend and Backend with one server just for serving static JS files. And then another Express server for running any queries against the database. And returning simple JSON responses.&lt;/p&gt;
&lt;p&gt;Which one is the recommended way? Is there an advantage of using one approach over the other?&lt;/p&gt;</t>
  </si>
  <si>
    <t>2018-11-07 18:30:10.560000+00:00</t>
  </si>
  <si>
    <t>2018-11-07 21:45:59.677000+00:00</t>
  </si>
  <si>
    <t>node.js|reactjs|express|webpack|microservices</t>
  </si>
  <si>
    <t>ViewRootImpl: ViewPostImeInputStage processPointer 0 on OnItemClick of Listview in android</t>
  </si>
  <si>
    <t>&lt;p&gt;I have a &lt;code&gt;cart_layout&lt;/code&gt; like this:&lt;/p&gt;
&lt;pre&gt;&lt;code&gt;&amp;lt;?xml version="1.0" encoding="utf-8"?&amp;gt;
    &amp;lt;LinearLayout xmlns:android="http://schemas.android.com/apk/res/android"
    android:layout_width="match_parent"
    android:layout_height="match_parent"
    android:orientation="vertical"&amp;gt;
    &amp;lt;ListView
        android:layout_width="match_parent"
        android:layout_height="0dp"
        android:layout_weight="9"
        android:id="@+id/cart_listview"
        android:layout_gravity="center_horizontal"
        android:background="@color/whiteBg"/&amp;gt;
    &amp;lt;LinearLayout
        android:orientation="horizontal"
        android:layout_width="match_parent"
        android:layout_height="0dp"
        android:layout_weight="1"
        android:layout_gravity="bottom"
        android:padding="5dp"
        android:gravity="bottom"
        android:background="@color/whiteBg"&amp;gt;
        &amp;lt;!-- this layout contains a button and a textview which I don't think is the problem --&amp;gt;
    &amp;lt;/LinearLayout&amp;gt;
&amp;lt;/LinearLayout&amp;gt;
&lt;/code&gt;&lt;/pre&gt;
&lt;p&gt;And the java code for it in &lt;code&gt;Cart.java&lt;/code&gt; :&lt;/p&gt;
&lt;pre&gt;&lt;code&gt;protected void onCreate(@Nullable Bundle savedInstanceState) {
    super.onCreate(savedInstanceState);
    setContentView(R.layout.cart_layout);
    getSupportActionBar().setDisplayShowTitleEnabled(false);
    getSupportActionBar().setDisplayHomeAsUpEnabled(true);
    dbhandler = new DatabaseHandler(this);
    product_all = dbhandler.getProduct();
    total = (TextView)findViewById(R.id.cart_total_textview);
    listview = (ListView)findViewById(R.id.cart_listview);
    cart_adapter = new Custom_Cart_Adapter(this,product_all);
    listview.setAdapter(cart_adapter);
    listview.setOnItemClickListener(new AdapterView.OnItemClickListener() {
        @Override
        public void onItemClick(AdapterView&amp;lt;?&amp;gt; parent, View view, int position, long id) {
            Log.v("ITEM CLICK","CLICKED ITEM POSITION: "+position);
            Intent intent = new Intent(Cart.this, Item_edit_details.class);
            intent.putExtra("the_product", product_all.get(position));
            startActivity(intent);
        }
    });
}
&lt;/code&gt;&lt;/pre&gt;
&lt;p&gt;I just want to make an OnItemClick event but everytime I tap the item, even when the &lt;code&gt;listview.setOnItemClickListener&lt;/code&gt; is there or not, Logcat shows&lt;/p&gt;
&lt;blockquote&gt;
  &lt;p&gt;ViewRootImpl: ViewPostImeInputStage processPointer 0&lt;/p&gt;
  &lt;p&gt;ViewRootImpl: ViewPostImeInputStage processPointer 1&lt;/p&gt;
&lt;/blockquote&gt;
&lt;p&gt;and nothing happens.&lt;/p&gt;
&lt;p&gt;I also see a strange log like this, sometime it said "true" sometime it said "false":&lt;/p&gt;
&lt;blockquote&gt;
  &lt;p&gt;ActivityThread: updateVisibility : ActivityRecord{3308191 token=android.os.BinderProxy@c7ed098 {com.iwant.namhhgames.newiwant/com.iwant.namhhgames.newiwant.Listing_items}} show : false&lt;/p&gt;
&lt;/blockquote&gt;
&lt;p&gt;I don't know if it related to the problem, and  I have no idea when the problem occurs, maybe after I messed something up.&lt;/p&gt;
&lt;p&gt;And the Logcat is shown for real device only. With AVD, there is nothing shown.&lt;/p&gt;
&lt;p&gt;Thank you for your valuable time.&lt;/p&gt;</t>
  </si>
  <si>
    <t>2016-05-01 17:28:10.963000+00:00</t>
  </si>
  <si>
    <t>2018-04-26 05:08:14.433000+00:00</t>
  </si>
  <si>
    <t>java|android|listview|onitemclicklistener</t>
  </si>
  <si>
    <t>Want requests.get to wait for redirection during some time</t>
  </si>
  <si>
    <t>&lt;p&gt;I have experienced some problems concerning a fix period of time before the redirects to the other. I have already searched in StackOverflow for some way to make requests.get wait for let's say 7 seconds and get all history of redirects during this time, but nothing found.&lt;/p&gt;
&lt;p&gt;The only thing I found that is near (even if far) to I want was timeout option of requests.&lt;/p&gt;
&lt;pre&gt;&lt;code&gt;requests.get('http://github.com', timeout=0.001)
&lt;/code&gt;&lt;/pre&gt;
&lt;p&gt;According to requests docs:&lt;/p&gt;
&lt;blockquote&gt;
  &lt;p&gt;timeout is not a time limit on the entire response download&lt;/p&gt;
&lt;/blockquote&gt;
&lt;p&gt;I think what I need is to give it this limit, to make it wait until 7 seconds, but couldn't even find where to change requests package.&lt;/p&gt;</t>
  </si>
  <si>
    <t>2017-01-13 00:10:36.630000+00:00</t>
  </si>
  <si>
    <t>python|redirect|python-requests</t>
  </si>
  <si>
    <t>App still referencing previous version of assembly</t>
  </si>
  <si>
    <t>&lt;p&gt;I am having little trouble with the GAC/my application. I have been previously using Version 9.0.2.3951 for iAnywhere.Data.AsaClient assembly reference but now I have uninstalled that by going into C:\Windows\Assembly. Currently there is version 9.0.2.3924 in the GAC but when I run application it still looking for version 9.0.2.3951 instead of 3924. &lt;/p&gt;
&lt;p&gt;I tried going into Assembly.cs file in my project to see if it has any entry for 3951 but it doesn't even mention that, then I tried to go into App.Config file to see if it has any entry but it doesn't. I have also removed the references from the project and re-added the reference to 3924 file version. &lt;/p&gt;
&lt;p&gt;How can I make my app to look for 3924 instead of 3951 file version. &lt;/p&gt;
&lt;p&gt;&lt;img src="https://i.stack.imgur.com/rv2o9.png" alt="App still referencing newer version although there is no references"&gt;&lt;/p&gt;</t>
  </si>
  <si>
    <t>2012-03-22 19:52:35.393000+00:00</t>
  </si>
  <si>
    <t>2012-03-23 20:30:21.010000+00:00</t>
  </si>
  <si>
    <t>c#|visual-studio-2010|gac</t>
  </si>
  <si>
    <t>Uncaught TypeError: Failed to execute 'putImageData' on 'CanvasRenderingContext2D': The provided double value is non-finite</t>
  </si>
  <si>
    <t>&lt;p&gt;So I'm trying to do the following using Chrome on the local computer (not on a server).&lt;/p&gt;
&lt;pre&gt;&lt;code&gt;var timg = ctx1.getImageData(0,0,1920,1080);
y=0;
b=1;
clickImgChange();
var clickImgChange = function()
{
    y=y+a;
    b=b+1;
    ctx1.putImageData(timg,0,y);
    if(y&amp;lt;1080)
        requestAnimationFrame(clickImgChange);
}
&lt;/code&gt;&lt;/pre&gt;
&lt;p&gt;and I get the following:&lt;/p&gt;
&lt;pre&gt;&lt;code&gt;Uncaught TypeError: Failed to execute 'putImageData' on 'CanvasRenderingContext2D': The provided double value is non-finite.
&lt;/code&gt;&lt;/pre&gt;
&lt;p&gt;The canvas is 1920x1080 in size, and then shrunk to fit using &lt;code&gt;CSS&lt;/code&gt; (&lt;code&gt;width:100%;&lt;/code&gt;). The &lt;code&gt;drawImage&lt;/code&gt; that I've done is using an image from the local folder. Chrome has been started using &lt;code&gt;google-chrome --allow-file-access-from-files index.html&lt;/code&gt;.&lt;/p&gt;</t>
  </si>
  <si>
    <t>2018-02-20 03:43:50.337000+00:00</t>
  </si>
  <si>
    <t>javascript|html5-canvas|putimagedata</t>
  </si>
  <si>
    <t>Volume Control With UISlider Swift3</t>
  </si>
  <si>
    <t>&lt;p&gt;I'm creating a music app and I'm using an &lt;code&gt;UISlider&lt;/code&gt; for the music volume control. the problem is when I press the volume button on the iPhone / iPad &lt;code&gt;UISlider&lt;/code&gt; does not change or move. Please help me I've been looking for where to get no referrals.&lt;br&gt;
This is the code I use:&lt;/p&gt;
&lt;pre&gt;&lt;code&gt;override func viewDidLoad() {
        super.viewDidLoad()
        DispatchQueue.main.async {
            self.slider.setValue(AVAudioSession.sharedInstance().outputVolume, animated: true)
        }
}
@IBAction func volumeControlSlider(_ sender: UISlider) {
        slider = (MPVolumeView().subviews.filter { NSStringFromClass($0.classForCoder) == "MPVolumeSlider" }.first as! UISlider)
        slider.setValue(sender.value, animated: false)
    }
&lt;/code&gt;&lt;/pre&gt;</t>
  </si>
  <si>
    <t>2017-12-12 04:31:31.860000+00:00</t>
  </si>
  <si>
    <t>2017-12-12 05:31:22.420000+00:00</t>
  </si>
  <si>
    <t>ios|swift3|uislider</t>
  </si>
  <si>
    <t>The Podfile does not contain any dependencies</t>
  </si>
  <si>
    <t>&lt;p&gt;Cocoapod 1.1.1&lt;/p&gt;
&lt;p&gt;Xcode 8.1 beta&lt;/p&gt;
&lt;p&gt;Want to add Firebase/Core pod&lt;/p&gt;
&lt;p&gt;Podfile&lt;/p&gt;
&lt;pre&gt;&lt;code&gt;# Uncomment the next line to define a global platform for your project
platform :ios, '9.0'
target 'AddPodAdMob' do
source 'https://github.com/CocoaPods/Specs.git' do
use_frameworks!
pod 'Firebase/Core'
end
end
&lt;/code&gt;&lt;/pre&gt;
&lt;p&gt;Without adding source it was not creating &lt;code&gt;.xcworkspace&lt;/code&gt; file.&lt;/p&gt;
&lt;p&gt;Now showing this after pod install command.&lt;/p&gt;
&lt;pre&gt;&lt;code&gt;Pod installation complete! There are 0 dependencies from the Podfile and 0 total pods installed.
[!] The Podfile does not contain any dependencies.
&lt;/code&gt;&lt;/pre&gt;
&lt;p&gt;Any help please...&lt;/p&gt;</t>
  </si>
  <si>
    <t>2016-10-25 12:16:45.283000+00:00</t>
  </si>
  <si>
    <t>2016-10-25 17:27:58.427000+00:00</t>
  </si>
  <si>
    <t>ios|xcode|firebase|cocoapods|swift3</t>
  </si>
  <si>
    <t>How can one specify the window title for a console application started with System.Diagnostics.Process.Start()?</t>
  </si>
  <si>
    <t>&lt;p&gt;I am starting a new instance of a console application from my .NET code using the &lt;code&gt;Process.Start()&lt;/code&gt; method. I was wondering if I can specify the title of the console window hosting the spawned process. Could not find anything suitable in &lt;code&gt;ProcessStartInfo&lt;/code&gt;.&lt;/p&gt;
&lt;p&gt;As a last resort I can P/Invoke to talk to Win32 API directly, but I'd rather not.&lt;/p&gt;
&lt;p&gt;Any ideas?&lt;/p&gt;
&lt;p&gt;Thanks.&lt;/p&gt;</t>
  </si>
  <si>
    <t>2009-12-02 16:24:23.223000+00:00</t>
  </si>
  <si>
    <t>2015-10-12 16:26:49.713000+00:00</t>
  </si>
  <si>
    <t>.net|processstartinfo</t>
  </si>
  <si>
    <t>Wordpress 404 page nightmare</t>
  </si>
  <si>
    <t>&lt;p&gt;I've created my first custom theme and I wanted to style my 404.php page so that consist theme remains site wide. I have permalinks that all work fine using the /%postname%/ option but cannot for the life of me get my 404 page, or any other to load.&lt;/p&gt;
&lt;p&gt;If I type in mysite.com/i-dont-exist or mysite.com/i-dont-exist.php it seems that I am redirected somewhere else, but I don't know where, I can not find the associated file. On top of that the page doesn't load correctly.&lt;/p&gt;
&lt;p&gt;At the very top of the page I have the following random left over code&lt;/p&gt;
&lt;pre&gt;&lt;code&gt;nt_entries"&amp;gt;
&lt;/code&gt;&lt;/pre&gt;
&lt;p&gt;Then the page has the main headings 'Recent Posts', 'Most Used Categories', 'Archives', 'Tags'. Then seems to load in my themes footer file, but without any of its css styles.&lt;/p&gt;
&lt;p&gt;To aid with debugging of my theme in each file I chucked in a h1 tag with the filename inside of it so I could see when each theme file was used and how they interacted with each other. Theoretically the page that I'm seeing should display the headings 'header.php', '404.php' and 'footer.php' but all I'm seeing is the 'footer.php' heading, there isn't even a page heading from any of the other files I've created and I have test in the same manor to see if it was the generic root based index.php file and it isn't.&lt;/p&gt;
&lt;p&gt;It seems to me that whatever page is being called, its not calling in my themes header file with the link to the style sheet, and nor is it finding my custom 404 file.&lt;/p&gt;
&lt;p&gt;My htaccess file is as follows, but even without the errordocument line it still gives the same results&lt;/p&gt;
&lt;pre&gt;&lt;code&gt;# BEGIN WordPress
&amp;lt;IfModule mod_rewrite.c&amp;gt;
ErrorDocument 404 /index.php?error=404
RewriteEngine On
RewriteBase /
RewriteRule ^index\.php$ - [L]
RewriteCond %{REQUEST_FILENAME} !-f
RewriteCond %{REQUEST_FILENAME} !-d
RewriteRule . /index.php [L]
&amp;lt;/IfModule&amp;gt;
# END WordPress
&lt;/code&gt;&lt;/pre&gt;
&lt;p&gt;Does anyone know what might be going on? I'm at a complete loss, swiching themes made no real difference.&lt;/p&gt;</t>
  </si>
  <si>
    <t>2013-02-10 15:25:58.180000+00:00</t>
  </si>
  <si>
    <t>2013-02-16 17:46:43.783000+00:00</t>
  </si>
  <si>
    <t>wordpress|error-handling|wordpress-theming</t>
  </si>
  <si>
    <t>Binding in WPF ListBox not updating TextBox, when data is changed</t>
  </si>
  <si>
    <t>&lt;p&gt;I have a list of buildings. Buildings have their own class (&lt;code&gt;core&lt;/code&gt;), and are saved in an &lt;code&gt;ObservableCollection&lt;/code&gt;. Building are displayed in the list, but when I change a variable which is visible in the list, that variable doesn't change in xaml.&lt;/p&gt;
&lt;p&gt;Here is the source of class:&lt;/p&gt;
&lt;pre&gt;&lt;code&gt;public class core
    {
        // core ----------------------------------------------
        static public ObservableCollection&amp;lt;core&amp;gt; cores { get; set; } = new ObservableCollection&amp;lt;core&amp;gt;();
        string namef = "building";
public core()
        {
            cores.Add(this);
        }
public string Namef
        {
            get { return namef; }
            set { namef = value; }
        }
}
&lt;/code&gt;&lt;/pre&gt;
&lt;p&gt;In wpf - xaml:&lt;/p&gt;
&lt;pre&gt;&lt;code&gt;&amp;lt;Page x:Class="idle.pages.game"
  xmlns="http://schemas.microsoft.com/winfx/2006/xaml/presentation"
  xmlns:x="http://schemas.microsoft.com/winfx/2006/xaml"
  xmlns:mc="http://schemas.openxmlformats.org/markup-compatibility/2006" 
  xmlns:d="http://schemas.microsoft.com/expression/blend/2008" 
  xmlns:local="clr-namespace:idle.pages"
  mc:Ignorable="d" 
  d:DesignHeight="454.259" d:DesignWidth="757.012"
  Title="game"&amp;gt;
&amp;lt;Grid Margin="0" x:Name="gridx"&amp;gt;
    &amp;lt;Grid.RowDefinitions&amp;gt;
        &amp;lt;RowDefinition/&amp;gt;
    &amp;lt;/Grid.RowDefinitions&amp;gt;
    &amp;lt;Grid.ColumnDefinitions&amp;gt;
        &amp;lt;ColumnDefinition/&amp;gt;
    &amp;lt;/Grid.ColumnDefinitions&amp;gt;
    &amp;lt;TabControl x:Name="tabControl"&amp;gt;
        &amp;lt;TabItem Header="Budovy"&amp;gt;
            &amp;lt;Grid Background="#FFE5E5E5"&amp;gt;
                &amp;lt;Grid.ColumnDefinitions&amp;gt;
                    &amp;lt;ColumnDefinition Width="300"/&amp;gt;
                    &amp;lt;ColumnDefinition Width="*"/&amp;gt;
                &amp;lt;/Grid.ColumnDefinitions&amp;gt;
                &amp;lt;ListBox x:Name="listBox"&amp;gt;
                    &amp;lt;ListBox.ItemTemplate&amp;gt;
                        &amp;lt;DataTemplate&amp;gt;
                            &amp;lt;Grid Margin="10,7" HorizontalAlignment="Stretch" Height="100"&amp;gt;
                                &amp;lt;Grid.ColumnDefinitions&amp;gt;
                                    &amp;lt;ColumnDefinition Width="100" /&amp;gt;
                                    &amp;lt;ColumnDefinition Width="*" /&amp;gt;
                                &amp;lt;/Grid.ColumnDefinitions&amp;gt;
                                &amp;lt;Grid.RowDefinitions&amp;gt;
                                    &amp;lt;RowDefinition Height="*"/&amp;gt;
                                    &amp;lt;RowDefinition Height="*"/&amp;gt;
                                    &amp;lt;RowDefinition Height="*"/&amp;gt;
                                    &amp;lt;RowDefinition Height="*"/&amp;gt;
                                &amp;lt;/Grid.RowDefinitions&amp;gt;
                                &amp;lt;Border Grid.Column="0" Grid.Row="0" Grid.RowSpan="3" CornerRadius="2"/&amp;gt;
                                &amp;lt;TextBlock Grid.Column="1" Grid.Row="0" Text="{Binding Namef}" /&amp;gt;
                            &amp;lt;/Grid&amp;gt;
                        &amp;lt;/DataTemplate&amp;gt;
                   &amp;lt;/ListBox.ItemTemplate&amp;gt;
                &amp;lt;/ListBox&amp;gt;
                &amp;lt;Frame x:Name="frame" Content="Frame" Grid.Column="1" NavigationUIVisibility="Hidden" Source="/idle;component/pages/Building.xaml"/&amp;gt;
            &amp;lt;/Grid&amp;gt;
        &amp;lt;/TabItem&amp;gt;
    &amp;lt;/TabControl&amp;gt;
&amp;lt;/Grid&amp;gt;
&lt;/code&gt;&lt;/pre&gt;
&lt;p&gt;
and in wpf - c#:&lt;/p&gt;
&lt;pre&gt;&lt;code&gt;public partial class game : Page
{
    public game()
    {
        InitializeComponent();
        new core() { Namef = "b1"};
        new core() { Namef = "b2"};
        new core() { Namef = "b3"};
        core.start(this);
        listBox.ItemsSource = xxx;
    }
    public ObservableCollection&amp;lt;core&amp;gt; xxx { get; set; }
}
&lt;/code&gt;&lt;/pre&gt;
&lt;p&gt;Im sure, that the variable inside of the class is being changed, but xaml not. What's wrong?&lt;/p&gt;</t>
  </si>
  <si>
    <t>2016-05-26 18:36:13.270000+00:00</t>
  </si>
  <si>
    <t>2016-05-27 07:12:54.697000+00:00</t>
  </si>
  <si>
    <t>c#|wpf|xaml|listbox</t>
  </si>
  <si>
    <t>How can I pass a variable into a directive?</t>
  </si>
  <si>
    <t>&lt;p&gt;I have this directive:&lt;/p&gt;
&lt;pre&gt;&lt;code&gt;app.directive('dropdown', ['$timeout',function ($timeout) {
    return {
        require: '^ngModel',
        restrict: 'E',
        template: '&amp;lt;div id="dropdownDirective" class="btn-group" dropdown&amp;gt;' +
        '&amp;lt;button class="btn dropdown-toggle" ng-disabled="ngDisabled" dropdown-toggle&amp;gt;' +
        '{{ items[ngModel].name }}' +
        '&amp;lt;span class="caret"&amp;gt;&amp;lt;/span&amp;gt;' +
        '&amp;lt;/button&amp;gt;' +
        '&amp;lt;ul class="dropdown-menu" role ="menu" aria-label="dLabel"&amp;gt;' +
        '&amp;lt;li ng-repeat="item in items"&amp;gt;' +
        '&amp;lt;a href="#" ng-bind="item.name" ng-click="select(item)" &amp;gt;&amp;lt; / a &amp;gt;' +
        '&amp;lt;/li&amp;gt;' +
        '&amp;lt;/ul&amp;gt;' +
        '&amp;lt;/div&amp;gt;',
        scope: {
            ngModel: '=', // selected item
            items: '=',   // items to select from
            ngDisabled: '=',
            ngChange: '&amp;amp;'
        },
        link: function (scope: any, element, attrs, ngModelCtlr) {
            // selection changed handler
            scope.select = function (item, ngModel) {
                scope.ngModel = item.id;
                $timeout(scope.ngChange, 0);
                ngModelCtlr.$setDirty();
            };
        }
    }
}]);
&lt;/code&gt;&lt;/pre&gt;
&lt;p&gt;I call it like this:&lt;/p&gt;
&lt;pre&gt;&lt;code&gt;&amp;lt;dropdown ng-model="phs.phrases[row.index].posId"
          items="phs.phrasePosShortNames"&amp;gt;
&amp;lt;/dropdown&amp;gt;
&lt;/code&gt;&lt;/pre&gt;
&lt;p&gt;What I would like to do is to be able to call the directive and pass in a parameter called noButtonBorder.  Then I would like the class "noBorder" to be added to the button if that parameter is passed.&lt;/p&gt;</t>
  </si>
  <si>
    <t>2016-08-07 07:44:40.200000+00:00</t>
  </si>
  <si>
    <t>2016-08-07 08:03:36.537000+00:00</t>
  </si>
  <si>
    <t>Facebook login and user_likes stopped working without any code change</t>
  </si>
  <si>
    <t>&lt;p&gt;I have a facebook login implementation which takes user permission for user_likes and we check if the user has liked a certain page or not. The code has been working without any problem for last 6 months or so. &lt;/p&gt;
&lt;p&gt;Suddenly about 2 weeks back it stooped working and was not giving any values for the user_likes. The facebook app was created before April 2014 so API V2.0 constrains does not apply.&lt;/p&gt;
&lt;p&gt;My base code for facebook access is this &lt;/p&gt;
&lt;pre&gt;&lt;code&gt;$facebook = new Facebook(array(
    'appId'         =&amp;gt; $app_id,
    'secret'        =&amp;gt; $app_secret,
    ));
$user = $facebook-&amp;gt;getUser();
if($user){
   try{
            // Proceed knowing you have a logged in user who's authenticated.
            $user_profile = $facebook-&amp;gt;api('/me');
    }catch(FacebookApiException $e){
            error_log($e);
            $user = NULL;
    }
}
if($user){
    $logoutUrl = $facebook-&amp;gt;getLogoutUrl();
}else{
    // Get login URL
    $loginUrl = $facebook-&amp;gt;getLoginUrl(array(
            'scope'                 =&amp;gt; 'user_likes, user_birthday, user_location, user_work_history, user_hometown, user_photos,email',
            'redirect_uri'  =&amp;gt; $site_url,
            ));
}
if($user){
    // Save your method calls into an array
    $fields='id,name,first_name,last_name,email,username,gender,location,birthday,link,locale';
    $queries = array(
            array('method' =&amp;gt; 'GET', 'relative_url' =&amp;gt; '/me?fields='.$fields),
            array('method' =&amp;gt; 'GET', 'relative_url' =&amp;gt; '/'.$user.'/friends'),
            array('method' =&amp;gt; 'GET', 'relative_url' =&amp;gt; '/'.$user.'/likes'),
            array('method' =&amp;gt; 'GET', 'relative_url' =&amp;gt; '/'.$user.'/interests'),
            );
    // POST your queries to the batch endpoint on the graph.
    try{
            $batchResponse = $facebook-&amp;gt;api('?batch='.json_encode($queries), 'POST');
    }catch(Exception $o){
            error_log($o);
    }
&lt;/code&gt;&lt;/pre&gt;
&lt;p&gt;It was showing "csrf state token does not match one provided" error in the logs so I updated the PHP-SDK hoping it will fix things for me, and it did. Everything started working fine, however after 3-4 days it stopped working again, now I cant even get users to login with facebook. &lt;/p&gt;
&lt;p&gt;Does anyone has any idea why is this happening ?&lt;/p&gt;</t>
  </si>
  <si>
    <t>2014-07-18 11:15:05.983000+00:00</t>
  </si>
  <si>
    <t>php|facebook|facebook-graph-api|facebook-like|facebook-php-sdk</t>
  </si>
  <si>
    <t>how to pass a variable in to controller using jquery ajax from url</t>
  </si>
  <si>
    <t>&lt;p&gt;I want to pass an id to a function in controller any suggestion. It shows cannot find the method in the controller&lt;/p&gt;
&lt;p&gt;This is my view&lt;/p&gt;
&lt;pre&gt;&lt;code&gt;function Delete1(id) {
        if (confirm("are u sure !")) {
            $.ajax({
                type: "POST",
                url: '/Register/Delete?id',
                dataType: 'JSON',
                success: function (result) {
                    if (result == "success") {
                        alert("Your account deleted successfully");
                        window.location.href = "/Register/Index";
                    }
                }
            });
        }
    }
&lt;/code&gt;&lt;/pre&gt;
&lt;p&gt;This is  my controller&lt;/p&gt;
&lt;pre&gt;&lt;code&gt;  public JsonResult Delete(int id) {
        userTable x = db.userTables.Where(y =&amp;gt; y.ID == id).FirstOrDefault&amp;lt;userTable&amp;gt;();
        db.userTables.Remove(x);
        db.SaveChanges();
        Session.Clear();
        Session.Abandon();
        return Json("success", JsonRequestBehavior.AllowGet);
    }
&lt;/code&gt;&lt;/pre&gt;</t>
  </si>
  <si>
    <t>2018-11-17 03:46:55.133000+00:00</t>
  </si>
  <si>
    <t>2018-11-18 08:41:18.063000+00:00</t>
  </si>
  <si>
    <t>2018-11-17 06:21:09.157000+00:00</t>
  </si>
  <si>
    <t>javascript|c#|jquery|.net|ajax</t>
  </si>
  <si>
    <t>C# wpf programming at backend</t>
  </si>
  <si>
    <t>&lt;p&gt;How can I convert the lat lon into x and y coordinates? 
My canvas size is 700��700 .
I have tried it as &lt;/p&gt;
&lt;pre&gt;&lt;code&gt;double x = earthRadius*Math.Cos(lat)*Math.Cos(lon);
double y = earthRadiis*Math.Cos(lat)*Math.Sin(lon);
&lt;/code&gt;&lt;/pre&gt;</t>
  </si>
  <si>
    <t>2018-06-25 06:12:26.063000+00:00</t>
  </si>
  <si>
    <t>2018-06-25 06:49:38.130000+00:00</t>
  </si>
  <si>
    <t>visual-studio-2015</t>
  </si>
  <si>
    <t>Is date +%s result in local time zone or in UTC?</t>
  </si>
  <si>
    <t>&lt;p&gt;When I type &lt;code&gt;date +%s&lt;/code&gt; into a terminal, is the resulting timestamp given in &lt;code&gt;UTC&lt;/code&gt; or is it dependent on my system locale setting?  Is there a way to check?&lt;/p&gt;
&lt;p&gt;Is there a standard for this across OS's?&lt;/p&gt;</t>
  </si>
  <si>
    <t>2015-03-09 16:49:36.130000+00:00</t>
  </si>
  <si>
    <t>2015-11-13 14:59:23.727000+00:00</t>
  </si>
  <si>
    <t>date|unix|timestamp|utc</t>
  </si>
  <si>
    <t>Can't display search results from query in Java</t>
  </si>
  <si>
    <t>&lt;p&gt;I am still fairly new to programming and am needing some help with finishing a program.&lt;/p&gt;
&lt;p&gt;It is a simple enough program, written in Bluej, that takes inputs from the user which is to then be displayed or searched for. &lt;/p&gt;
&lt;p&gt;I am struggling with both of these methods (display and search) as I keep getting the message displayed that I implemented to display that there were no records to display.&lt;/p&gt;
&lt;pre&gt;&lt;code&gt;public class Collection extends Dvd
{
//private ArrayList&amp;lt;Dvd&amp;gt; dvds;
//private int[] array;
private Dvd dvd1;
private Dvd dvd2;
private Dvd dvd3;
/**
 * Constructor for objects of class Collection
 */
public Collection()
{
    //array = new int[2];
    //dvd1 = dvd1;
    //dvd2 = dvd2;
    //dvd3 = dvd3;
    dvd1 = new Dvd();
    dvd2 = new Dvd();
    dvd3 = new Dvd(); 
}
public static void main(String args[])
{    
     //creates an instance of the collection class 
    Collection collection = new Collection();
    collection.menu();
}
public void displayDvds()
{
    float totalPrice = 0;
    totalPrice = dvd1.getDvdPrice() + dvd2.getDvdPrice() + dvd3.getDvdPrice();
    double totalRunTime = 0;
    totalRunTime = dvd1.getRunTime() + dvd2.getRunTime() + dvd3.getRunTime();
    if (dvd1.getTitle() == "" || dvd1.getDirector() == "" || dvd1.getLead() == "" || dvd1.getRunTime() == 0 || dvd1.getDvdPrice() == 0 || dvd2.getTitle() == "" || 
        dvd2.getDirector() == "" || dvd2.getLead() == "" || dvd2.getRunTime() == 0 || dvd2.getDvdPrice() == 0 || dvd3.getTitle() == ""|| dvd3.getDirector() == ""
        ||dvd3.getLead() == "" ||dvd3.getRunTime() == 0 ||dvd3.getDvdPrice() == 0)
        {
           System.out.println("Sorry, there were no search results to display.");
        }
         else  
         {
    System.out.println(" \nDvd Collection:\n DVD1:\n Title: " + dvd1.getTitle() + " \nDirector: "
                        + dvd1.getDirector() + " \nLead Act: " + dvd1.getLead() + " \nRun Time: " + dvd1.getRunTime() + " \nPrice: "
                        + dvd1.getDvdPrice());
    System.out.println(" \nDvd Collection:\n DVD1:\n Title: " + dvd2.getTitle() + " \nDirector: "
                        + dvd2.getDirector() + " \nLead Act: " + dvd2.getLead() + " \nRun Time: " + dvd2.getRunTime() + " \nPrice: "
                        + dvd2.getDvdPrice());
    System.out.println(" \nDvd Collection:\n DVD1:\n Title: " + dvd3.getTitle() + " \nDirector: "
                        + dvd3.getDirector() + " \nLead Act: " + dvd3.getLead() + " \nRun Time: " + dvd3.getRunTime() + " \nPrice: "
                        + dvd3.getDvdPrice());
    System.out.println(" \nCombined cost of combined Dvd's: " + totalPrice);
    System.out.println(" \nCombined Run Time of combined Dvd's: " + totalRunTime);
}
}
public void searchDvd()
 {
    String temp = ""; // Temporary variable to hold title
    // Assign dvd 3's title to temp
    System.out.println ("\nPlease enter Title to search for: ");
    temp= Genio.getString();
    if(temp.equals(dvd1.getTitle()))
    {
        System.out.println("\nDvd is present in collection at location 1 (Dvd 1 in collection): " + dvd1.getTitle());
    }
     if(temp.equals(dvd2.getTitle()))
    {
        System.out.println("\nDvd is present in collection at location 2 (Dvd 2 in collection): " + dvd2.getTitle());
    }
     if(temp.equals(dvd3.getTitle()))
    {
        System.out.println("\nDvd is present in collection at location 3 (Dvd 3 in collection): " + dvd3.getTitle());
    }
    else 
     System.out.println("\nSorry, there were no search results to display.\n ");
}
public void menu()
      {
          //declare the option field
          int option;
               //start do while loop for the menu
               do
               {
                    //display the menu
                    System.out.println("1: Add (up to 3) Dvd's to Collection");
                    System.out.println("2: Display Dvd Collection");
                    System.out.println("3: Search Dvd Collection by collection");
                    System.out.println("4: Quit program");
                    //prompt user to enter a selection
                    System.out.println("Please select an option (1 - 4): ");
                    //use genio to get the user input
                    option=Genio.getInteger();
                    // Option 1 allows user to add up to 3 Dvd's
                    if (option == 1) 
                    { 
                        dvd1.getInputs();
                        dvd2.getInputs();
                        dvd3.getInputs();
                    }
                    // Option 2 allows user to display Dvd collection
                    if (option == 2)
                        displayDvds();
                    //i Option 3 allows the user to search the Dvd collection by title
                    if (option == 3)
                        searchDvd();
               }
               // Option 4 will print a message that tells that the program may be exited
                    while (option != 4);
                    System.out.println("You may now close the program");
}
&lt;/code&gt;&lt;/pre&gt;
&lt;p&gt;Entire Dvd Class:&lt;/p&gt;
&lt;pre&gt;&lt;code&gt;public Dvd( )
{
  dvdTitle = ""; 
  dvdDirector = ""; 
  dvdLead = ""; 
  dvdRunTime = 0; 
  dvdPrice = 0;
}
public void getInputs()
{
    System.out.println("Please enter the Dvd Title: ");
    dvdTitle=Genio.getString();
    System.out.println("Please enter the Dvd Director: ");    
    dvdDirector=Genio.getString();
    System.out.println("Please enter the Dvd Lead Actor/Actress: ");      
    dvdLead=Genio.getString();
    System.out.println("Please enter the Dvd Run Time: ");    
    dvdRunTime=Genio.getInteger();
    System.out.println("Please enter the Dvd Cost: ");      
    dvdRunTime=Genio.getInteger();
}
   public String getTitle(){
     return dvdTitle;
   }
   public String getDirector(){
     return dvdDirector;
   }
   public String getLead(){
     return dvdLead;
   }
   public double getRunTime()
   {
     return dvdRunTime;
   }
   public float getDvdPrice()
   {
     return dvdPrice;
   }      
&lt;/code&gt;&lt;/pre&gt;
&lt;p&gt;}&lt;/p&gt;
&lt;p&gt;Genio Class: &lt;/p&gt;
&lt;pre&gt;&lt;code&gt;public class Genio
{
/**
 * Constructor for objects of class genio, but nothing needing constructed!
 */
public Genio()
{
}
/** 
 * getStr()  is a private method which safely returns a string for use
 * by the public methods getString() and getCharacter() in the class.
 * 
 * @return String for further processing withing the class
 */
private static String getStr() 
{
    String inputLine = "";
    BufferedReader reader = 
        new BufferedReader(new InputStreamReader(System.in));
    try 
    {
        inputLine = reader.readLine();
    }
    catch(Exception exc) 
    {
        System.out.println ("There was an error during reading: "
                            + exc.getMessage());
    }
    return inputLine;
}
/** 
 * getInteger() returns an integer value. Exception handling is used to trap
 * invalid data - including floating point numbers, non-numeric characters
 * and no data. In the event of an exception, the user is prompted to enter
 * the correct data in the correct format.
 * 
 * @return validated int value 
 */
public static int getInteger()
{
    int temp=0;
    boolean OK = false;
    BufferedReader keyboard = new BufferedReader(new InputStreamReader(System.in));
    do 
    {
        try
        {
            temp = Integer.parseInt(keyboard.readLine());
            OK = true;
        }
        catch (Exception eRef)
        {
            if (eRef instanceof NumberFormatException) 
            {
                System.out.print("Integer value needed: ");
            }
            else
            {
                System.out.println("Please report this error: "+eRef.toString());
            }
        }
    } while(OK == false);
    return(temp);
 }
/** 
 * getFloat() returns a floating point value. Exception handling is used to trap
 * invalid data - including non-numeric characters and no data.
 * In the event of an exception (normally no data or alpha), the user is prompted to enter
 * data in the correct format
 * 
 * @return validated float value
 */        
public static float getFloat()
{
    float temp=0;
    boolean OK = false;
    BufferedReader keyboard = new BufferedReader(new InputStreamReader(System.in));
    do 
    {
        try
        {
            temp = Float.parseFloat(keyboard.readLine());
            OK = true;
        }
        catch (Exception eRef)
        {
            if (eRef instanceof NumberFormatException) 
            {
                System.out.print("Number needed: ");
            } 
            else
            {
                System.out.println("Please report this error: "+eRef.toString());
            }
        }
    } while(OK == false);
    return(temp);
 }
/** 
 * getDouble() returns a double precision floating point value. 
 * Exception handling is used to trap invalid data - including non-numeric
 * characters and no data.
 * In the event of an exception, the user is prompted to enter
 * data in the correct format
 * 
 * @return validated double precision value
 */        
public static double getDouble()
{
    double temp=0;
    boolean OK = false;
    BufferedReader keyboard = new BufferedReader(new InputStreamReader(System.in));
    do 
    {
        try
        {
            temp = Double.parseDouble(keyboard.readLine());
            OK = true;
        }
        catch (Exception eRef)
        {
            if (eRef instanceof NumberFormatException) 
            {
                System.out.print("Number needed: ");
            }
            else
            {
                System.out.println("Please report this error: "+eRef.toString());
            }
        }
    } while(OK == false);
    return(temp);
 }
/** 
 * getCharacter() returns a character from the keyboard. It does this by 
 * reading a string then taking the first character read. Subsequent characters
 * are discarded without raising an exception.
 * The method checks to ensure a character has been entered, and prompts 
 * if it has not.
 * 
 * @return validated character value
 */
 public static char getCharacter()
 {
     String tempStr="";
     char temp=' ';
     boolean OK = false;
     do 
     {
         try
         {
             tempStr = getStr();
             temp = tempStr.charAt(0);
             OK = true;
         }
         catch (Exception eRef)
         {
             if (eRef instanceof StringIndexOutOfBoundsException)
             {
                 // means nothing was entered so prompt ...
                 System.out.print("Enter a character: ");
             }            
             else 
             {
                 System.out.println("Please report this error: "+eRef.toString());
             }
         }
     } while(OK == false);
     return(temp);
 }
 /** 
  * getString() returns a String entered at the keyboard.
  * @return String value
  */
 public static String getString()
 {
    String temp="";
    try
    {
        temp = getStr();
    }
    catch (Exception eRef)
    {
        System.out.println("Please report this error: "+eRef.toString());
    }
    return(temp);
 }     
&lt;/code&gt;&lt;/pre&gt;
&lt;p&gt;}
I apologise if my code is written terribly but my methods do work when I invoke them individually.&lt;/p&gt;
&lt;p&gt;As mentioned, the problem is that when I select display or search (after adding records), I only get the message "Sorry, there were no search results to display."&lt;/p&gt;</t>
  </si>
  <si>
    <t>2014-10-16 18:55:18.300000+00:00</t>
  </si>
  <si>
    <t>2014-10-16 19:44:51.287000+00:00</t>
  </si>
  <si>
    <t>2014-10-16 19:28:16.837000+00:00</t>
  </si>
  <si>
    <t>Resampling a saddle DataFrame to hourly 15min and 5min periods in Scala</t>
  </si>
  <si>
    <t>&lt;p&gt;I'm trying to use some stock tick data in the format ["unixtime", "price", "amount"]&lt;/p&gt;
&lt;p&gt;It's simple to load the CSV file with CsvParser, but how do I go about resampling the data to use olhc (open, high, low, close) for the price and sum for the amount, for a specific period in Julia (hourly, 15min, 5 min, etc...)?&lt;/p&gt;
&lt;p&gt;he DataFrame after converting the unixtime to a date is something like:&lt;/p&gt;
&lt;pre&gt;&lt;code&gt;DataFrame:
                           date price  amount
[1,]    2011-09-13T13:53:36 UTC   5.8     1.0
[2,]    2011-09-13T13:53:44 UTC  5.83     3.0
[3,]    2011-09-13T13:53:49 UTC   5.9     1.0
[4,]    2011-09-13T13:53:54 UTC   6.0    20.0
[5,]    2011-09-13T14:32:53 UTC  5.95 12.4521
[6,]    2011-09-13T14:35:04 UTC  5.88   7.458
&lt;/code&gt;&lt;/pre&gt;
&lt;p&gt;Is there any outside package to resample the data or is there any function in saddle that accomplishes this?&lt;/p&gt;</t>
  </si>
  <si>
    <t>2013-12-29 18:57:19.230000+00:00</t>
  </si>
  <si>
    <t>2013-12-29 19:26:23.793000+00:00</t>
  </si>
  <si>
    <t>scala|dataframe|resampling|saddle</t>
  </si>
  <si>
    <t>Why does System.Threading.Timer stop on its own?</t>
  </si>
  <si>
    <t>&lt;p&gt;I'm doing a small test project before I use &lt;code&gt;System.Threading.Timer&lt;/code&gt; in a Windows Service project. It's working wonderfully, however the timer stops on its own after a minute or two.&lt;/p&gt;
&lt;p&gt;The full source for the test project is:&lt;/p&gt;
&lt;pre&gt;&lt;code&gt;using System;
using System.Windows.Forms;
using System.Threading;
namespace studyTimers {
    public partial class Form1 : Form {
        public Form1() {
            InitializeComponent();
        }
        private void Form1_Load(object sender, EventArgs e) {
            TimerCallback timerDelegate = new TimerCallback(tick);
            System.Threading.Timer testTimer = new System.Threading.Timer(timerDelegate, null, 1000, 1000);
        }
        void tick(Object obj) {
            if (label1.InvokeRequired) {
                label1.Invoke(new MethodInvoker(() =&amp;gt; tick(obj)));
            } else {
                label1.Text = DateTime.Now.ToString();
            }
        }
    }
}
&lt;/code&gt;&lt;/pre&gt;
&lt;p&gt;The goal is obviously to update a label with the current time. I am noticing that updating stops after a bit. Why would this be?&lt;/p&gt;</t>
  </si>
  <si>
    <t>2010-02-04 01:43:09.700000+00:00</t>
  </si>
  <si>
    <t>2014-08-22 17:04:06.150000+00:00</t>
  </si>
  <si>
    <t>2010-02-04 02:12:43.283000+00:00</t>
  </si>
  <si>
    <t>c#|.net|service|timer</t>
  </si>
  <si>
    <t>How to convert Date into UTC in MongoMapper &amp; Ruby/Rails?</t>
  </si>
  <si>
    <t>&lt;p&gt;I added this line of code &lt;/p&gt;
&lt;pre&gt;&lt;code&gt;self.auth_history.push [start_date, self.coupon_code]
&lt;/code&gt;&lt;/pre&gt;
&lt;p&gt;And got this error message &lt;/p&gt;
&lt;pre&gt;&lt;code&gt;Date is not currently supported; use a UTC Time instance instead.
&lt;/code&gt;&lt;/pre&gt;
&lt;p&gt;I also tried &lt;code&gt;start_date.utc&lt;/code&gt;, but it didn't work either.&lt;/p&gt;
&lt;p&gt;Please help.  Thanks.&lt;/p&gt;</t>
  </si>
  <si>
    <t>2011-01-27 19:23:01.633000+00:00</t>
  </si>
  <si>
    <t>2015-10-06 16:55:32.897000+00:00</t>
  </si>
  <si>
    <t>2014-10-01 00:25:50.003000+00:00</t>
  </si>
  <si>
    <t>ruby-on-rails|mongodb|date|utc</t>
  </si>
  <si>
    <t>Serial Communication over Desktop to Arduino</t>
  </si>
  <si>
    <t>&lt;p&gt;I have a USB 2 Serial adapter and the device is working fine. I see the device perfectly configured in my System.&lt;/p&gt;
&lt;p&gt;I have connected the TX0 pin of Arduino to DB 2 pin (read pin) of the adapter. Below is my Arduino code:&lt;/p&gt;
&lt;pre&gt;&lt;code&gt;int i = 0;
void setup()
{
  Serial.begin(9600);
}
void loop()
{
  for(i=0;i&amp;lt;6;i++)
  {
  Serial.write('H');
  delay(100);
  }
}
&lt;/code&gt;&lt;/pre&gt;
&lt;p&gt;But when I try to read thru terminal software of data received at my COM port I see some junk character incoming. I am pretty sure that I am using same baud rate / flow setting both side. Why am I facing this issue - do I need to connect any other pins also as I just need to receive data at system side?&lt;/p&gt;</t>
  </si>
  <si>
    <t>2014-11-30 04:29:16.797000+00:00</t>
  </si>
  <si>
    <t>2014-11-30 11:26:56.543000+00:00</t>
  </si>
  <si>
    <t>arduino</t>
  </si>
  <si>
    <t>Add trusted sites to windows registry for all users</t>
  </si>
  <si>
    <t>&lt;p&gt;I want to add trusted web sites to the windows registry for all users using a VBScript. I currently have a script with me and its given below. I'm neither a Windows guy nor a Visual Basic guy, so I have absolutely no idea whether the script would run or not and would it meet my needs or not. Could someone please explain the script and check whether would it run as expected. &lt;/p&gt;
&lt;pre&gt;&lt;code&gt;On Error Resume Next
Const HKEY_CURRENT_USER = &amp;amp;H80000001
strComputer = "."
Set objReg = GetObject("winmgmts:" _
  &amp;amp; "{impersonationLevel=impersonate}\\" &amp;amp; strComputer &amp;amp; _
  "\root\default:StdRegProv")
strKeyPath = "Software\Microsoft\Windows\CurrentVersion\Internet Settings\" _
  &amp;amp; "ZoneMap\EscDomains\google.com"
objReg.CreateKey HKEY_CURRENT_USER,strKeyPath
strKeyPath = "Software\Microsoft\Windows\CurrentVersion\Internet Settings\" _
  &amp;amp; "ZoneMap\EscDomains\google.com\www"
objReg.CreateKey HKEY_CURRENT_USER,strKeyPath
strValueName = "https"
dwValue = 2
objReg.SetDWORDValue HKEY_CURRENT_USER,strKeyPath,strValueName,dwValue
strKeyPath = "Software\Microsoft\Windows\CurrentVersion\Internet Settings\" _
  &amp;amp; "ZoneMap\Domains\google.com"
objReg.CreateKey HKEY_CURRENT_USER,strKeyPath
strKeyPath = "Software\Microsoft\Windows\CurrentVersion\Internet Settings\" _
  &amp;amp; "ZoneMap\Domains\google.com\www"
objReg.CreateKey HKEY_CURRENT_USER,strKeyPath
strValueName = "https"
dwValue = 2
objReg.SetDWORDValue HKEY_CURRENT_USER,strKeyPath,strValueName,dwValue
strKeyPath = "Software\Microsoft\Windows\CurrentVersion\Internet Settings\" _
  &amp;amp; "ZoneMap\EscDomains\hotmail.com"
objReg.CreateKey HKEY_CURRENT_USER,strKeyPath
strValueName = "https"
dwValue = 1
objReg.SetDWORDValue HKEY_CURRENT_USER,strKeyPath,strValueName,dwValue
strKeyPath = "Software\Microsoft\Windows\CurrentVersion\Internet Settings\" _
  &amp;amp; "ZoneMap\Domains\hotmail.com"
objReg.CreateKey HKEY_CURRENT_USER,strKeyPath
strValueName = "https"
dwValue = 1
objReg.SetDWORDValue HKEY_CURRENT_USER,strKeyPath,strValueName,dwValue
&lt;/code&gt;&lt;/pre&gt;
&lt;p&gt;If you feel this is an inappropiate script, please share the VBScript which you feel that would work.&lt;/p&gt;</t>
  </si>
  <si>
    <t>2016-03-19 14:34:42.790000+00:00</t>
  </si>
  <si>
    <t>2016-03-19 22:30:25.967000+00:00</t>
  </si>
  <si>
    <t>2016-03-19 22:05:36.563000+00:00</t>
  </si>
  <si>
    <t>windows|vbscript</t>
  </si>
  <si>
    <t>certbot renew in nginx/varnish reverse proxy</t>
  </si>
  <si>
    <t>&lt;p&gt;I have a site that's using both http (for browsing public pages) and https (for accessing internal stuff). I want to use varnish cache for the public part, so I have configured varnish in port 80 that's forwarding the request to the backend server (IIS). To handle the https part, I have configured nginx in the same server as varnish in port 443 and use it as reverse proxy to pass the request also to the backend server (IIS).&lt;/p&gt;
&lt;p&gt;This is working fine, however I have trouble setting up certbot for automatic renewal. Most articles in  internet have the setup that nginx is handling both http and https traffic and that's easy to handle by using a location directory for .well-known.&lt;/p&gt;
&lt;p&gt;In my case when the challenge for renew comes to the server it goes to varnish, which forwards it to backend server which does not have any file letsencrypt is expecting.&lt;/p&gt;
&lt;p&gt;Any one with a similar scenario and how it can be handled?&lt;/p&gt;
&lt;p&gt;Thanx&lt;/p&gt;</t>
  </si>
  <si>
    <t>2018-03-19 20:49:46.647000+00:00</t>
  </si>
  <si>
    <t>nginx|varnish|lets-encrypt|certbot</t>
  </si>
  <si>
    <t>easy_install ignores the system config file</t>
  </si>
  <si>
    <t>&lt;p&gt;I have an easy_install global config file at C:\Python27\Lib\distutils\distutils.cfg
It is being ignored when running easy_install and am looking for help.
What could cause this problem?&lt;/p&gt;
&lt;p&gt;Setup:
I have installed the official python 2.7.14 distribution for windows 32 bit system.
This came with setuptools 28.0
I later installed pip 9.0.1 using this easy_install and using pip I updated setuptools to version 39.0
Then I created global config file (I have no user/project config file) for easy_install and a user config file for pip.
The one for pip works (also if I use a system one instead) and for easy_install does not (it doesn't work for user config as well) .&lt;/p&gt;</t>
  </si>
  <si>
    <t>2018-05-16 07:17:01.743000+00:00</t>
  </si>
  <si>
    <t>configuration|easy-install</t>
  </si>
  <si>
    <t>Function to Round Variable Values - PHP</t>
  </si>
  <si>
    <t>&lt;p&gt;I need to change several variable values by rounding them, and while it works if I specify each variable individually I'm having trouble getting it to do the same thing in a function. &lt;/p&gt;
&lt;p&gt;&lt;strong&gt;Single Variable&lt;/strong&gt; 
Result = 9.5 &lt;em&gt;(Works correctly)&lt;/em&gt;&lt;/p&gt;
&lt;pre&gt;&lt;code&gt;$var = 9.54;
If ($var != NULL AND $var !== "") {
   $var = round($var , 1, PHP_ROUND_HALF_EVEN); 
}
echo $var;
&lt;/code&gt;&lt;/pre&gt;
&lt;p&gt;&lt;strong&gt;Function&lt;/strong&gt; Result = 9.54 &lt;em&gt;(Doesn't work correctly)&lt;/em&gt;&lt;/p&gt;
&lt;pre&gt;&lt;code&gt;$a = 9.54;
function RoundDecimal($var) {
   If ($var != NULL AND $var !== "") {
      $var = round($var , 1, PHP_ROUND_HALF_EVEN); 
   }
}
RoundDecimal($a); // Calls function
echo $a;
&lt;/code&gt;&lt;/pre&gt;</t>
  </si>
  <si>
    <t>2015-03-29 19:39:38.673000+00:00</t>
  </si>
  <si>
    <t>php|function|rounding</t>
  </si>
  <si>
    <t>Storing images - SQL DB vs Azure Blob storage</t>
  </si>
  <si>
    <t>&lt;p&gt;I am writing a new application at the moment and certain entities in the application have images (just used for display purposes on the website).&lt;/p&gt;
&lt;p&gt;I want to host my application on azure later and I am trying to figure out whether it would be better to use Azure Blob storage to store all images or just store them in the DB?&lt;/p&gt;
&lt;p&gt;What is better performance wise when loading the images on the website?&lt;/p&gt;
&lt;ul&gt;
&lt;li&gt;SQL: Controller -&gt; DB -&gt; VIEW&lt;/li&gt;
&lt;li&gt;Azure Blob: Controller -&gt; Webcall to Azure DB -&gt; VIEW&lt;/li&gt;
&lt;/ul&gt;
&lt;p&gt;Could someone please explain benefits of either solution to me so that I can make up my mind?&lt;/p&gt;</t>
  </si>
  <si>
    <t>2016-09-22 22:51:52.630000+00:00</t>
  </si>
  <si>
    <t>2017-12-20 20:48:47.440000+00:00</t>
  </si>
  <si>
    <t>sql|azure|azure-sql-database|azure-storage|azure-storage-blobs</t>
  </si>
  <si>
    <t>node.js node-http-proxy not receiving trailers</t>
  </si>
  <si>
    <t>&lt;p&gt;I'm adding a trailer to a response in Node and I just can't seem to get the trailer to be received as part of the message. I want to use it to send timing information back to a load balancer I've written in Node, so it can monitor if requests are queuing for a long time in a particular worker.&lt;/p&gt;
&lt;p&gt;I'm trying with just a basic app to get it working first, which I've taken from the documentation for &lt;a href="https://nodejs.org/dist/latest-v4.x/docs/api/http.html#http_response_addtrailers_headers" rel="nofollow"&gt;addTrailers&lt;/a&gt;:&lt;/p&gt;
&lt;pre&gt;&lt;code&gt;var http = require("http");
var server = http.createServer(function (req, res) {
     var fileData = "Hello World!";
     res.writeHead(200, { 'Content-Type': 'text/plain',
     'Trailer': 'my-trailer' });
     res.write(fileData);
     res.write("\r\n");
     res.addTrailers({'my-trailer': 'test'});
     res.end();
});
server.listen(12345);
&lt;/code&gt;&lt;/pre&gt;
&lt;p&gt;I'm using node-http-proxy in the load balancer and it doesn't receive the trailers, Charles Proxy doesn't show them and neither does curl 7.35.  However, wireshark does show the data at the end of the packet:&lt;/p&gt;
&lt;pre&gt;&lt;code&gt;c
Hello World!
2
0
my-trailer: test
&lt;/code&gt;&lt;/pre&gt;
&lt;p&gt;Does anyone know what you have to do to get Node to parse a trailer from a message rather than discard it?&lt;/p&gt;</t>
  </si>
  <si>
    <t>2016-01-13 14:38:43.390000+00:00</t>
  </si>
  <si>
    <t>2016-01-15 10:22:56.143000+00:00</t>
  </si>
  <si>
    <t>node.js|node-http-proxy</t>
  </si>
  <si>
    <t>PayPal Integration, how would I define the receiver account?</t>
  </si>
  <si>
    <t>&lt;p&gt;I'm working on a very small ecommerce software that allows users to put their products up in order to get customers to see them and buy them.&lt;/p&gt;
&lt;p&gt;I would like to offer the paypal option and therefore working on creating a module for it. &lt;/p&gt;
&lt;p&gt;I started out with this:&lt;/p&gt;
&lt;p&gt;&lt;a href="http://sanwebe.com/assets/paypal-express-checkout/" rel="noreferrer"&gt;http://sanwebe.com/assets/paypal-express-checkout/&lt;/a&gt;&lt;/p&gt;
&lt;p&gt;Which got me started pretty good, but my "problem" is now that the receiver is automatically the API username? &lt;/p&gt;
&lt;p&gt;That is what i can see in the RECEIVEREMAIL parameter value from the response that I get from paypal after an payment.&lt;/p&gt;
&lt;p&gt;I would like the receiver to be my users email which i got in the db. So that they get the payment directly into their account.&lt;/p&gt;
&lt;p&gt;So I would need to specify the email/paypal account email somewhere in the code?&lt;/p&gt;
&lt;p&gt;Hope somebody can explain me how this would be done, I can understand it may not be possible doing while in sandbox mode - but can someone clarify that API information is one thing and receiver is another? &lt;/p&gt;
&lt;p&gt;&lt;strong&gt;Update: I just found out I can have&lt;/strong&gt;&lt;/p&gt;
&lt;pre&gt;&lt;code&gt;&amp;amp;PAYMENTREQUEST_0_SELLERPAYPALACCOUNTID=receiver@email.com
&lt;/code&gt;&lt;/pre&gt;
&lt;p&gt;in my call to PayPal. Although this still does not work, it still shows the dev. api username.&lt;/p&gt;
&lt;p&gt;Here's another with the same question, but left unanswered:&lt;/p&gt;
&lt;p&gt;&lt;a href="https://stackoverflow.com/questions/21350216/doesnt-the-sellerpaypalaccountid-work-in-the-sandbox"&gt;Doesn&amp;#39;t the SELLERPAYPALACCOUNTID work in the sandbox?&lt;/a&gt;&lt;/p&gt;</t>
  </si>
  <si>
    <t>2014-03-22 00:19:06.143000+00:00</t>
  </si>
  <si>
    <t>2018-11-15 16:17:52.200000+00:00</t>
  </si>
  <si>
    <t>2017-05-23 11:52:43.910000+00:00</t>
  </si>
  <si>
    <t>php|paypal</t>
  </si>
  <si>
    <t>Read text from image iPhone SDK</t>
  </si>
  <si>
    <t>&lt;p&gt;I have an image on my device which I capture from camera. The image has readable text. I want to convert that image into text i.e. get the text of image and display it.&lt;/p&gt;
&lt;p&gt;I went through &lt;a href="https://github.com/nolanbrown/Tesseract-iPhone-Demo" rel="nofollow noreferrer"&gt;Tesseract&lt;/a&gt; demo, but not all the text of image is converted into text. I know that there are few paid SDK's like &lt;a href="http://www.abbyy.com/mobileocr/ios/?source=products" rel="nofollow noreferrer"&gt;ABBY SDK&lt;/a&gt; available for this, but I was looking for some free source.&lt;/p&gt;
&lt;p&gt;Are there other SDKs available for the same?  &lt;/p&gt;</t>
  </si>
  <si>
    <t>2012-07-23 09:32:56.207000+00:00</t>
  </si>
  <si>
    <t>2017-09-17 08:19:24.990000+00:00</t>
  </si>
  <si>
    <t>iphone|ios|image|text|ocr</t>
  </si>
  <si>
    <t>Using if inside of fold</t>
  </si>
  <si>
    <t>&lt;p&gt;I need to count the length of a vector of &lt;code&gt;(bool, i32)&lt;/code&gt; where if the &lt;code&gt;bool&lt;/code&gt; is true I increment count. I'm using fold to do this:&lt;/p&gt;
&lt;pre&gt;&lt;code&gt;fn main() {
    let domain = [(true, 1), (false, 2), (true, 3)];
    let dom_count = domain.iter()
        .fold(0, |count, &amp;amp;(exists, _)| if exists {count + 1});
    println!("dom_count: {}", dom_count);
}
&lt;/code&gt;&lt;/pre&gt;
&lt;p&gt;The compiler complained saying:&lt;/p&gt;
&lt;pre class="lang-none prettyprint-override"&gt;&lt;code&gt;.fold(0, |count, &amp;amp;(exists, _)| if exists {count + 1})
                               ^^^^^^^^^^^^^^^^^^^^^ expected (), found integral variable
&lt;/code&gt;&lt;/pre&gt;
&lt;p&gt;So I added a &lt;code&gt;;&lt;/code&gt; and got this:&lt;/p&gt;
&lt;pre class="lang-none prettyprint-override"&gt;&lt;code&gt;.fold(0, |count, &amp;amp;(exists, _)| if exists {count + 1;})
                               ^^^^^^^^^^^^^^^^^^^^^^ expected integral variable, found ()
&lt;/code&gt;&lt;/pre&gt;
&lt;p&gt;How do you correctly use an &lt;code&gt;if&lt;/code&gt; statement inside of &lt;code&gt;fold&lt;/code&gt;?&lt;/p&gt;</t>
  </si>
  <si>
    <t>2016-11-28 02:35:05.780000+00:00</t>
  </si>
  <si>
    <t>2016-11-28 13:01:31.087000+00:00</t>
  </si>
  <si>
    <t>2016-11-28 05:49:14.967000+00:00</t>
  </si>
  <si>
    <t>if-statement|rust|fold</t>
  </si>
  <si>
    <t>Flash audio visualizer with computeSpectrum has stopped working</t>
  </si>
  <si>
    <t>&lt;p&gt;Has something been changed in Flash? I made a music visualizer not long ago for a website I am developing. It uses SoundMixer.computeSpectrum to grab the levels of all the frequencies in the audio. It was working great for me, it was even playing audio from other flash objects on the page which worked fine for me and saved me the trouble of trying to somehow pipe the audio from various player objects to the visualizer.&lt;/p&gt;
&lt;p&gt;Well now it doesn't work anymore. I have made changes to the website since I last tested it but I don't think that is the issue. The visualizer no longer has any response to any audio even from within the same flash instance. But when I do play audio within the visualizer, in any browser the framerate noticeably drops. If I preview the swf from the Flash Professional CS3, which uses Flash Player 9 it works fine but for Flash 11.3 in the browser it doesn't. Can someone explain what has changed and what I need to do to make things work?&lt;/p&gt;
&lt;p&gt;Update:&lt;/p&gt;
&lt;p&gt;Here are some of the pertinent bits of code.&lt;/p&gt;
&lt;pre&gt;&lt;code&gt;var ba:ByteArray = new ByteArray();
addEventListener(Event.ENTER_FRAME,timerHandler);
function timerHandler(event:Event):void {   
   SoundMixer.computeSpectrum(ba, true);
}
&lt;/code&gt;&lt;/pre&gt;
&lt;p&gt;I also use readFloat and writeFloat with the byte array. Of course there is plenty of other code but it all works fine in Flash 9.&lt;/p&gt;</t>
  </si>
  <si>
    <t>2012-09-05 06:22:20.530000+00:00</t>
  </si>
  <si>
    <t>2013-06-19 22:45:46.443000+00:00</t>
  </si>
  <si>
    <t>2012-09-14 07:13:33.940000+00:00</t>
  </si>
  <si>
    <t>flash</t>
  </si>
  <si>
    <t>Improve MySQL Query Performance</t>
  </si>
  <si>
    <t>&lt;p&gt;I have the following query which joins 5 InnoDB related tables to get the desired result set of 10 rows, I did my best to solve the issue by adding indexes and re-writing the query in many different ways but I ended up either unexpected result or a very slow query.&lt;/p&gt;
&lt;p&gt;HERE IS THE QUERY &lt;/p&gt;
&lt;pre&gt;&lt;code&gt;SELECT 
    a.*,
    c.id as category_id,
    c.title as catname,
    CONCAT(u.fname, ' ', u.lname) as username,
    DATE_FORMAT(a.created, '%W %M %d, %Y - %T') as long_date,
    DATE_FORMAT(a.created, '%d/%m/%Y - %T') as short_date,
    (SELECT 
            COUNT(article_id)
        FROM
            comment
        WHERE 
            article_id = a.id) as totalcomments,
    YEAR(a.created) as year,
    MONTH(a.created) as month,
    DAY(a.created) as day
FROM
    article as a
        INNER JOIN
    article_related_categories rc ON a.id = rc.article_id
        LEFT JOIN
    category as c ON c.id = rc.category_id
        LEFT JOIN
    user as u ON u.id = a.user_id
WHERE
    rc.category_id = 1
        AND a.created &amp;lt;= NOW()
        AND (a.expire = '0000-00-00 00:00:00'
        OR a.expire &amp;gt;= NOW())
        AND a.published IS NOT NULL
ORDER BY a.created DESC
LIMIT 0 , 10
&lt;/code&gt;&lt;/pre&gt;
&lt;p&gt;&lt;a href="http://oi42.tinypic.com/11c624j.jpg" rel="nofollow"&gt;Click Here to see the explain screenshot&lt;/a&gt;&lt;/p&gt;
&lt;p&gt;Currently there are over 13,000 rows in the article table and a rapid growth is expected.&lt;/p&gt;
&lt;p&gt;The trouble is, this query can take a significant amount of time to execute and it takes about 3-4 seconds. I suspect that the INNER JION causes most of the issue, but I thought I would ask here if anyone had any ideas for improving the performance of this query.&lt;/p&gt;</t>
  </si>
  <si>
    <t>2014-01-22 23:22:45.930000+00:00</t>
  </si>
  <si>
    <t>2014-01-23 02:02:58.597000+00:00</t>
  </si>
  <si>
    <t>How to move from an array to a set of files in python?</t>
  </si>
  <si>
    <t>&lt;p&gt;I try to make some analysis in a set of data, I find a helpful tutorial to make those analysis. This tutorial requires the use of one file which contains concatenated data from a set of files &lt;/p&gt;
&lt;pre&gt;&lt;code&gt;tempTraces = np.load(r'C:\\Users\\user\\2016.06.01-09.41.16_traces.npy')
    for i in range(len(tempTraces)):
        HW = tempHW[i]
        print (tempTraces[i])
        tempTracesHW[HW].append(tempTraces[i])
    print(tempTracesHW)
    # Switch to numpy arrays
    tempTracesHW = [np.array(tempTracesHW[HW]) for HW in range(9)]
    print (len(tempTracesHW[8]))
&lt;/code&gt;&lt;/pre&gt;
&lt;p&gt;The result is:&lt;/p&gt;
&lt;pre&gt;&lt;code&gt;[ array([[ 0.06835938,  0.0390625 ,  0.07519531, ...,  0.0546875 ,
         0.08886719,  0.02734375],
       [ 0.06542969,  0.04199219,  0.07714844, ...,  0.06152344,
         0.07324219,  0.09472656],
       [ 0.06640625,  0.04101562,  0.07714844, ...,  0.10742188,
         0.13574219,  0.03222656],
       [ 0.06445312,  0.03613281,  0.07519531, ...,  0.14160156,
         0.1171875 ,  0.14257812],
       [ 0.06347656,  0.04003906,  0.07519531, ...,  0.05566406,
         0.08300781,  0.02539062],
       [ 0.06542969,  0.0390625 ,  0.08105469, ...,  0.03222656,
         0.06738281,  0.07714844]]), 
 array([[ 0.06640625,  0.04199219,  0.07519531, ...,  0.02148438,
         0.0859375 ,  0.12695312],
       [ 0.06640625,  0.04199219,  0.078125  , ...,  0.08886719,
         0.02734375,  0.02734375],
       [ 0.06738281,  0.04394531,  0.07910156, ...,  0.06347656,
         0.08496094,  0.02050781],
       ..., 
       [ 0.0546875 ,  0.03320312,  0.07519531, ...,  0.14355469,
         0.0390625 ,  0.06738281],
       [ 0.06152344,  0.03808594,  0.07421875, ...,  0.04882812,
         0.04296875,  0.09082031],
       [ 0.06640625,  0.03515625,  0.07617188, ...,  0.14355469,
         0.04003906,  0.06542969]]), ...]
len(tempTracesHW[8]) = 7
&lt;/code&gt;&lt;/pre&gt;
&lt;p&gt;In my case data are not concatenated, and I prefer to not concatenate them because it requires a lot of memory, it represents for me a big problem, so I try to convert this code in order to use it with a set of files: &lt;/p&gt;
&lt;pre&gt;&lt;code&gt;path ='C:\\Users\\user\\Traces'
traces= os.listdir(path)
for i in range(len(traces)):
   HW = tempHW[i]
   tempTracesHW.append([np.load(os.path.join(path, trace)) for trace in traces])
print (tempTracesHW)
&lt;/code&gt;&lt;/pre&gt;
&lt;p&gt;The result  that I have is  wrong: &lt;/p&gt;
&lt;pre&gt;&lt;code&gt;[[], [], [], [], [], [], [], [], [], array([[ 0.01437869,  0.01506449,  0.01579909, ...,  0.04166172,
         0.0417285 ,  0.04172079]], dtype=float32), array([[ 0.01437869,  0.01506449,  0.01579909, ...,  0.04166172,
         0.0417285 ,  0.04172079]], dtype=float32), array([[ 0.01437869,  0.01506449,  0.01579909, ...,  0.04166172,
         0.0417285 ,  0.04172079]], dtype=float32),...
len(tempTracesHW[8])=0
&lt;/code&gt;&lt;/pre&gt;
&lt;p&gt;I really need help. &lt;/p&gt;</t>
  </si>
  <si>
    <t>2017-04-26 10:37:14.790000+00:00</t>
  </si>
  <si>
    <t>2017-04-26 11:58:01.913000+00:00</t>
  </si>
  <si>
    <t>2017-04-26 11:38:54.663000+00:00</t>
  </si>
  <si>
    <t>Zend Framework 3 access_filter</t>
  </si>
  <si>
    <t>&lt;p&gt;Something unusual is happening with my access filtering l have the following:&lt;/p&gt;
&lt;pre&gt;&lt;code&gt;'access_filter' =&amp;gt; [
            'options'=&amp;gt;['mode'=&amp;gt;'restrictive'],
            Controller\IndexController::class =&amp;gt; [
                    ['actions' =&amp;gt; ['index','signup','login'], 'allow' =&amp;gt; '*'],
                    ['actions' =&amp;gt; ['registration','search'], 'allow' =&amp;gt; '@']
            ],
            'controllers' =&amp;gt; [
            Controller\VehicleController::class =&amp;gt; [
                // Give access to "index", "add", "edit", "view", "changePassword" actions to authorized users only.
                    ['actions' =&amp;gt; ['results','index'], 'allow' =&amp;gt; '@']
            ],
            Controller\AuthController::class =&amp;gt; [
                // Allow anyone to visit "index" and "about" actions
                ['actions' =&amp;gt; ['login','logout'], 'allow' =&amp;gt; '*'],
            ],
            Controller\IndexController::class =&amp;gt; [
                    ['actions' =&amp;gt; ['index','signup'], 'allow' =&amp;gt; '*'],
                    ['actions' =&amp;gt; ['registration','search'], 'allow' =&amp;gt; '@']
            ],
        ],
               ],
&lt;/code&gt;&lt;/pre&gt;
&lt;p&gt;In Module.php&lt;/p&gt;
&lt;pre&gt;&lt;code&gt;    public function onDispatch(MvcEvent $event)
    {
        // Get controller and action to which the HTTP request was dispatched.
        $controller = $event-&amp;gt;getTarget();
        $controllerName = $event-&amp;gt;getRouteMatch()-&amp;gt;getParam('controller', null);
        $actionName = $event-&amp;gt;getRouteMatch()-&amp;gt;getParam('action', null);
        // Convert dash-style action name to camel-case.
        $actionName = str_replace('-', '', lcfirst(ucwords($actionName, '-')));
        // Get the instance of AuthManager service.
        $authManager = $event-&amp;gt;getApplication()-&amp;gt;getServiceManager()-&amp;gt;get(AuthManager::class);
        // Execute the access filter on every controller except
        // (to avoid infinite redirect).
        if (($controllerName!=SignupController::class &amp;amp;&amp;amp; $controllerName!=AuthController::class) &amp;amp;&amp;amp;
            !$authManager-&amp;gt;filterAccess($controllerName, $actionName)) {
            // Remember the URL of the page the user tried to access. We will
            // redirect the user to that URL after successful login.
            $uri = $event-&amp;gt;getApplication()-&amp;gt;getRequest()-&amp;gt;getUri();
            // Make the URL relative (remove scheme, user info, host name and port)
            // to avoid redirecting to other domain by a malicious user.
            $uri-&amp;gt;setScheme(null)
                -&amp;gt;setHost(null)
                -&amp;gt;setPort(null)
                -&amp;gt;setUserInfo(null);
            $redirectUrl = $uri-&amp;gt;toString();
            // Redirect the user to the "Login" page.
           return $controller-&amp;gt;redirect()-&amp;gt;toRoute('login', [], 
                   ['query'=&amp;gt;['redirectUrl'=&amp;gt;$redirectUrl]]);
        }
    }
&lt;/code&gt;&lt;/pre&gt;
&lt;p&gt;In Auth Manager:&lt;/p&gt;
&lt;pre&gt;&lt;code&gt;/**
         * Authentication service.
         * @var \Zend\Authentication\AuthenticationService
         */
        private $authService;
        /**
         * Session manager.
         * @var Zend\Session\SessionManager
         */
        private $sessionManager;
        /**
         * Contents of the 'access_filter' config key.
         * @var array 
         */
        private $config;
        /**
         * Constructs the service.
         */
        public function __construct($authService, $sessionManager, $config) 
        {
            $this-&amp;gt;authService = $authService;
            $this-&amp;gt;sessionManager = $sessionManager;
            $this-&amp;gt;config = $config;
        }   
        /**
     * Performs user logout.
     */
    public function logout()
    {
       /**
     * Performs a login attempt. If $rememberMe argument is true, it forces the session
     * to last for one month (otherwise the session expires on one hour).
     */
        // Allow to log out only when user is logged in.
        if ($this-&amp;gt;authService-&amp;gt;getIdentity()==null) {
            //throw new \Exception('The user is not logged in');
        }
        // Remove identity from session.
        $this-&amp;gt;authService-&amp;gt;clearIdentity();               
    }
    public function login($email, $password, $rememberMe)
    {   
        // Check if user has already logged in. If so, do not allow to log in 
        // twice.
        if ($this-&amp;gt;authService-&amp;gt;getIdentity()!=null) {
          //throw new \Exception('Already logged in');
        }
        // Authenticate with login/password.
        $authAdapter = $this-&amp;gt;authService-&amp;gt;getAdapter();
        $authAdapter-&amp;gt;setUsername($email);
        $authAdapter-&amp;gt;setPassword($password);
        $result = $this-&amp;gt;authService-&amp;gt;authenticate();
        // If user wants to "remember him", we will make session to expire in 
        // one month. By default session expires in 1 hour (as specified in our 
        // config/global.php file).
        if ($result-&amp;gt;getCode()==Result::SUCCESS &amp;amp;&amp;amp; $rememberMe) {
            // Session cookie will expire in 1 month (30 days).
            $this-&amp;gt;sessionManager-&amp;gt;rememberMe(60*60*24*30);
        }
        return $result;
    }
     /**
         * This is a simple access control filter. It is able to restrict unauthorized
         * users to visit certain pages.
         * 
         * This method uses the 'access_filter' key in the config file and determines
         * whenther the current visitor is allowed to access the given controller action
         * or not. It returns true if allowed; otherwise false.
         */
        public function filterAccess($controllerName, $actionName)
        {
            // Determine mode - 'restrictive' (default) or 'permissive'. In restrictive
            // mode all controller actions must be explicitly listed under the 'access_filter'
            // config key, and access is denied to any not listed action for unauthorized users. 
            // In permissive mode, if an action is not listed under the 'access_filter' key, 
            // access to it is permitted to anyone (even for not logged in users.
            // Restrictive mode is more secure and recommended to use.
            $mode = isset($this-&amp;gt;config['options']['mode'])?$this-&amp;gt;config['options']['mode']:'restrictive';
            if ($mode!='restrictive' &amp;amp;&amp;amp; $mode!='permissive')
                throw new \Exception('Invalid access filter mode (expected either restrictive or permissive mode');
            if (isset($this-&amp;gt;config['controllers'][$controllerName])) {
                $items = $this-&amp;gt;config['controllers'][$controllerName];
                foreach ($items as $item) {
                    $actionList = $item['actions'];
                    $allow = $item['allow'];
                    if (is_array($actionList) &amp;amp;&amp;amp; in_array($actionName, $actionList) ||
                        $actionList=='*') {
                        if ($allow=='*')
                            return true; // Anyone is allowed to see the page.
                        else if ($allow=='@' &amp;amp;&amp;amp; $this-&amp;gt;authService-&amp;gt;hasIdentity()) {
                            return true; // Only authenticated user is allowed to see the page.
                        } else {                    
                            return false; // Access denied.
                        }
                    }
                }            
            }
            // In restrictive mode, we forbid access for unauthorized users to 
    any 
            // action not listed under 'access_filter' key (for security 
    reasons).
            if ($mode=='restrictive' &amp;amp;&amp;amp; !$this-&amp;gt;authService-&amp;gt;hasIdentity())
                return false;
            // Permit access to this page.
            return true;
        }
&lt;/code&gt;&lt;/pre&gt;
&lt;p&gt;take for example the url registration action in the index controller is set to /application/registration, if l use this url in the browser it doesnt redirect me to the login page , it just serves the page.&lt;/p&gt;
&lt;p&gt;What could be wrong with my access filtering?
Thank you in advance&lt;/p&gt;</t>
  </si>
  <si>
    <t>2017-10-10 06:11:26.117000+00:00</t>
  </si>
  <si>
    <t>2017-10-10 09:13:46.433000+00:00</t>
  </si>
  <si>
    <t>php|zend-framework</t>
  </si>
  <si>
    <t>Rails_admin gem filter has_many through association</t>
  </si>
  <si>
    <t>&lt;p&gt;I'd like to be able to use the "Add Filter" dropdown so admins can search for posts that have been flagged a particular name.&lt;/p&gt;
&lt;p&gt;My Post model&lt;/p&gt;
&lt;pre&gt;&lt;code&gt;class Post &amp;lt; ActiveRecord::Base
    belongs_to :user
    has_many :post_flags
    has_many :flags, through: :post_flags
&lt;/code&gt;&lt;/pre&gt;
&lt;p&gt;&lt;strong&gt;config/initializers/rails_admin.rb&lt;/strong&gt;&lt;/p&gt;
&lt;pre&gt;&lt;code&gt;config.model 'Post' do
    exclude_fields :rank, :embedded_url, :attached_picture, :updated_at
    object_label do
        "#{bindings[:post].user.name}"
      end
    list do
      field :text_content
      field :created_at
      field :user_id
      field :likes_number
      field :post_flags 
    end
 end
&lt;/code&gt;&lt;/pre&gt;
&lt;p&gt;I've tried adding "searchable" to the field :post_flags to no avail. Any help would be much appreciated. &lt;/p&gt;
&lt;p&gt;&lt;img src="https://i.stack.imgur.com/P59SC.png" alt="screenshot"&gt;&lt;/p&gt;</t>
  </si>
  <si>
    <t>2015-06-30 23:08:45.937000+00:00</t>
  </si>
  <si>
    <t>2015-07-09 02:42:32.810000+00:00</t>
  </si>
  <si>
    <t>ruby-on-rails|ruby|associations|rails-admin</t>
  </si>
  <si>
    <t>Counting Total Number of Occurrences of Each Type in a Table Column</t>
  </si>
  <si>
    <t>&lt;p&gt;I have a table and it looks like this:&lt;/p&gt;
&lt;p&gt;&lt;a href="https://i.stack.imgur.com/A1wOo.png" rel="nofollow noreferrer"&gt;&lt;img src="https://i.stack.imgur.com/A1wOo.png" alt="enter image description here"&gt;&lt;/a&gt;&lt;/p&gt;
&lt;p&gt;When I save this data as a CSV file and upload it to my Rails application, my app takes this data and stores it in a database table called "fruitnames." It then redirects back to the homepage where it shows the data in a table. &lt;/p&gt;
&lt;p&gt;What I'm trying to do is list the number of each type of fruit above the table. So for example, an output in the view might be:&lt;/p&gt;
&lt;ul&gt;
&lt;li&gt;apple: 3&lt;/li&gt;
&lt;li&gt;orange: 1&lt;/li&gt;
&lt;li&gt;blueberry: 1&lt;/li&gt;
&lt;li&gt;pineapple: 1&lt;/li&gt;
&lt;/ul&gt;
&lt;p&gt;And then if a user uploads another CSV that contains a different fruit like an avocado, then the list above should be updated. &lt;/p&gt;
&lt;p&gt;I'm really not sure how to go about this. I tried to start off writing a query, but I'm not sure if it's right:&lt;/p&gt;
&lt;pre&gt;&lt;code&gt;SELECT ClassName, COUNT(*) 
FROM fruitnames
GROUP BY ClassName
&lt;/code&gt;&lt;/pre&gt;
&lt;p&gt;The above query obviously won't work in Rails (I'd need to write something like fruitnames.distinct.count('ClassName') or something like that). So my question is, &lt;strong&gt;how can I count the number of occurrences of each ClassName and have the count show up in my view?&lt;/strong&gt; &lt;/p&gt;
&lt;p&gt;My guess would involve creating a def in my controller and then inside of it, allocating a variable to the query and then embedding that variable in my erb file with a loop of some kind.&lt;/p&gt;
&lt;p&gt;&lt;strong&gt;FURTHER CLARIFICATION:&lt;/strong&gt;
When I type "rails c" into my command line, it opens up the IRB. If I type "fruitnames.distinct.count('ClassName')," it will find the number of distinct values in ClassName which is 4 in this case. For starters, how can I get this number to show up in my view?&lt;/p&gt;</t>
  </si>
  <si>
    <t>2016-05-28 18:12:39.530000+00:00</t>
  </si>
  <si>
    <t>2016-05-29 07:01:11.220000+00:00</t>
  </si>
  <si>
    <t>ruby-on-rails-4</t>
  </si>
  <si>
    <t>show different slice text compared to legend in google pie chart</t>
  </si>
  <si>
    <t>&lt;p&gt;I want to show slightly changed text on each google pie chart slice.&lt;/p&gt;
&lt;p&gt;In above below you will see we have legends as &lt;/p&gt;
&lt;p&gt;&lt;strong&gt;work,eat,commute,watch tv,sleep&lt;/strong&gt;&lt;/p&gt;
&lt;p&gt;and we have same text on slices&lt;/p&gt;
&lt;p&gt;&lt;strong&gt;work,eat,commute,watch tv,sleep&lt;/strong&gt;&lt;/p&gt;
&lt;p&gt;all i want is show different text on each slice
e.g.&lt;/p&gt;
&lt;p&gt;&lt;strong&gt;work-daily,eat-3times,commute-once a day,watch tv-daily,sleep-daily&lt;/strong&gt;&lt;/p&gt;
&lt;p&gt;but legends text should remain as mentioned above.&lt;/p&gt;
&lt;p&gt;I don't have option to draw legends outside the chart using jquery. &lt;/p&gt;
&lt;p&gt;Any help will be appreciated.&lt;/p&gt;
&lt;p&gt;&lt;div class="snippet" data-lang="js" data-hide="false"&gt;_x000D_
&lt;div class="snippet-code"&gt;_x000D_
&lt;pre class="snippet-code-js lang-js prettyprint-override"&gt;&lt;code&gt;      google.setOnLoadCallback(drawChart);_x000D_
      function drawChart() {_x000D_
_x000D_
        var data = google.visualization.arrayToDataTable([_x000D_
          ['Task', 'Hours per Day'],_x000D_
          ['Work',     11],_x000D_
          ['Eat',      2],_x000D_
          ['Commute',  2],_x000D_
          ['Watch TV', 2],_x000D_
          ['Sleep',    7]_x000D_
        ]);_x000D_
_x000D_
        var options = {_x000D_
          title: 'My Daily Activities',_x000D_
            pieSliceText: 'label',_x000D_
        };_x000D_
_x000D_
        var chart = new google.visualization.PieChart(document.getElementById('piechart'));_x000D_
_x000D_
        chart.draw(data, options);_x000D_
      }&lt;/code&gt;&lt;/pre&gt;_x000D_
&lt;pre class="snippet-code-html lang-html prettyprint-override"&gt;&lt;code&gt;&amp;lt;script type="text/javascript" src="https://www.google.com/jsapi?autoload={'modules':[{'name':'visualization','version':'1.1','packages':['corechart']}]}"&amp;gt;&amp;lt;/script&amp;gt;_x000D_
       &amp;lt;div id="piechart" style="width: 900px; height: 500px;"&amp;gt;&amp;lt;/div&amp;gt;_x000D_
   &lt;/code&gt;&lt;/pre&gt;_x000D_
&lt;/div&gt;_x000D_
&lt;/div&gt;_x000D_
&lt;/p&gt;</t>
  </si>
  <si>
    <t>2015-06-23 13:47:16.573000+00:00</t>
  </si>
  <si>
    <t>2015-06-23 19:08:10.947000+00:00</t>
  </si>
  <si>
    <t>charts|google-visualization</t>
  </si>
  <si>
    <t>Find substring with Jquery?</t>
  </si>
  <si>
    <t>&lt;p&gt;How would our group find out if a particular string contains a certain substring? Only with the help of &lt;a href="/questions/tagged/jquery" class="post-tag" title="show questions tagged &amp;#39;jquery&amp;#39;" rel="tag"&gt;jquery&lt;/a&gt;, please.&lt;/p&gt;</t>
  </si>
  <si>
    <t>2010-05-18 04:13:54.790000+00:00</t>
  </si>
  <si>
    <t>2015-05-22 17:08:55.667000+00:00</t>
  </si>
  <si>
    <t>user336502</t>
  </si>
  <si>
    <t>Codeigniter 3 user guide compile</t>
  </si>
  <si>
    <t>&lt;p&gt;I'm missing one step on compiling codeigniter 3 user_guide in windows.
I followed the steps described &lt;a href="https://github.com/EllisLab/CodeIgniter/tree/develop/user_guide_src" rel="nofollow"&gt;here&lt;/a&gt;.&lt;/p&gt;
&lt;p&gt;&lt;strong&gt;Installation&lt;/strong&gt;&lt;/p&gt;
&lt;p&gt;Step 1 - Install easy_install&lt;/p&gt;
&lt;p&gt;Step 2 - easy_install sphinx&lt;/p&gt;
&lt;p&gt;Step 3 - easy_install sphinxcontrib-phpdomain&lt;/p&gt;
&lt;p&gt;Step 4 - Install the CI Lexer which allows PHP, HTML, CSS, and JavaScript syntax highlighting in code examples (see cilexer/README)&lt;/p&gt;
&lt;p&gt;Step 5 - cd user_guide_src&lt;/p&gt;
&lt;p&gt;Step 6 - make html (here i have a problem. i get a message saying.. 'make' it not recognized as an internal or external command)&lt;/p&gt;
&lt;p&gt;To run easy_instal like on other steps, i added "C:\Python27\Scripts" into Path environment variable. But i don't know how to do same thing for 'make' command to be available.&lt;/p&gt;
&lt;p&gt;Step 6 is the only thing it's missing, all others ran successfuly.&lt;/p&gt;
&lt;p&gt;Thanks in advance&lt;/p&gt;</t>
  </si>
  <si>
    <t>2014-04-12 14:54:43.920000+00:00</t>
  </si>
  <si>
    <t>2014-06-01 05:51:33.267000+00:00</t>
  </si>
  <si>
    <t>windows|python-2.7|user-guide|codeigniter-3</t>
  </si>
  <si>
    <t>const member function can modify data member</t>
  </si>
  <si>
    <t>&lt;p&gt;&lt;strong&gt;The question:&lt;/strong&gt; Why can a const member function sometimes modify a data member and sometimes not?&lt;/p&gt;
&lt;p&gt;&lt;strong&gt;The explanation:&lt;/strong&gt; The code below is an excerpt from working code in my baseline at work. &lt;/p&gt;
&lt;p&gt;I have a Calculator class that owns a data member called "theLayout" (Header and Implementation defined below). The calculator class has a const member function called "Parms()" which returns a smart pointer to a Parms object that theLayout owns (by calling its own Parms() function).&lt;/p&gt;
&lt;p&gt;The calculator class has a const member function called calculateStart() which sets (i.e. modifies) the reference returned from calling the Parms() function in the Calculator class.&lt;/p&gt;
&lt;p&gt;This seems to contradict the meaning of const to me. If the const member function cannot modify the this pointer, then why can it set a value on one of the data members (theLayout) that it owns? Doesn't this "modify" the this pointer of the Calculator instance, and thus contradict the meaning of a const member function? Does this work because theLayout is a pointer?&lt;/p&gt;
&lt;p&gt;&lt;strong&gt;Calculator Class&lt;/strong&gt;&lt;/p&gt;
&lt;pre&gt;&lt;code&gt;//Header
class Calculator
{
public:
   Calculator();
   //ParmsPtr is refcounted smart pointer
   const ParmsPtr&amp;amp; parms() const {return theLayout-&amp;gt;parms();} 
protected:
   void calculateStart() const; //Why does this work?
   //It seems more intuitive that this should be declared as:
   void calculateStart() //with no const modifier.
   Layout&amp;amp;  theLayout;
}
//Implementation
void Calculator::calculateStart() const
{
   parms()-&amp;gt;setStart(1);
}
&lt;/code&gt;&lt;/pre&gt;
&lt;p&gt;&lt;strong&gt;Layout Class&lt;/strong&gt;&lt;/p&gt;
&lt;pre&gt;&lt;code&gt;//Header
class Layout : public RefCountedObject
{
public:
   Layout();
   //ParmsPtr is refcounted smart pointer 
   inline const ParmsPtr&amp;amp; parms() const;
private:
   ParmsPtr theParms;
}
//Implementation
inline const ParmsPtr&amp;amp; Layout::parms() const
{
   if (!theParms)
   {
      Layout* nonConstThis = const_cast&amp;lt;Layout*&amp;gt;(this);
      ParmsPtr parms = new Parms();
      nonConstThis-&amp;gt;setParms(parms);
   }
   return theParms;
}
&lt;/code&gt;&lt;/pre&gt;</t>
  </si>
  <si>
    <t>2016-04-20 19:02:00.767000+00:00</t>
  </si>
  <si>
    <t>2016-04-20 21:12:26.303000+00:00</t>
  </si>
  <si>
    <t>2016-04-20 19:35:30.983000+00:00</t>
  </si>
  <si>
    <t>Regular expression that avoids punctuation or any unwanted characters between two search words</t>
  </si>
  <si>
    <t>&lt;p&gt;Here is the text that I am using as an example.&lt;/p&gt;
&lt;p&gt;" the dogs went to the house. 
The Dogs, went to the house.
The Dog went to the house-wife."&lt;/p&gt;
&lt;p&gt;I want to use regular expression to get the string starting from "dog"  and ending with "house". I do not want the second of third lines as they both have punctuation. I do want to pick up dogs and houses.&lt;/p&gt;
&lt;p&gt;The regex that I am came up with is:&lt;/p&gt;
&lt;pre&gt;&lt;code&gt;/(D|d)og.[^\p{P}|s]{0,40}house.{0,1}(\s|\.)/
&lt;/code&gt;&lt;/pre&gt;
&lt;p&gt;However, it does not seem to work. Here is the error I get:&lt;/p&gt;
&lt;pre&gt;&lt;code&gt;Error: Parse error on line 4:
... [
        "1,10,0,1,/(C|c)limb
---------------------^
Expecting 'STRING', 'NUMBER', 'NULL', 'TRUE', 'FALSE', '{', '[', ']', got 'undefined'
validated by jsonlint
&lt;/code&gt;&lt;/pre&gt;
&lt;p&gt;I am in economics, not computer programming so please go easy on me.
Let me know if I am missing anything or need to provide additional information.
Thank you.&lt;/p&gt;</t>
  </si>
  <si>
    <t>2014-07-13 01:00:59.770000+00:00</t>
  </si>
  <si>
    <t>2014-07-13 02:13:51.473000+00:00</t>
  </si>
  <si>
    <t>tomcat in Eclipse: Deploy more than one project</t>
  </si>
  <si>
    <t>&lt;p&gt;I am deploying a dynamic web project in Eclipse. But this project needs to talk with another project which does not get deployed, that project is always deployed if i start tomcat outside eclipse but then again i don't know how to deploy my dynamic web project outside Eclipse.&lt;/p&gt;
&lt;p&gt;I appreciate any help.&lt;/p&gt;</t>
  </si>
  <si>
    <t>2013-03-17 07:35:20.030000+00:00</t>
  </si>
  <si>
    <t>2016-03-12 15:46:44.973000+00:00</t>
  </si>
  <si>
    <t>2016-03-12 15:18:09.690000+00:00</t>
  </si>
  <si>
    <t>java|eclipse|web-services|tomcat</t>
  </si>
  <si>
    <t>Vlookup on range upto last row available from another workbook</t>
  </si>
  <si>
    <t>&lt;p&gt;I am trying to &lt;code&gt;vlookup&lt;/code&gt; data from the workbook &lt;code&gt;Daily_Report BOE.xlsx&lt;/code&gt; to workbook &lt;code&gt;Sales wk02.xlsx&lt;/code&gt;. &lt;/p&gt;
&lt;p&gt;Thing is, the number of rows in &lt;code&gt;Daily_Report BOE.xlsx&lt;/code&gt; could change.
So looking this information up with specific row number would not work. Could you help? &lt;/p&gt;
&lt;p&gt;&lt;strong&gt;My code:&lt;/strong&gt;&lt;/p&gt;
&lt;pre&gt;&lt;code&gt;Windows("Sales wk02.xlsx").Activate
Range("C2").Select
ActiveCell.FormulaR1C1 = _
    "=VLOOKUP(RC[-2],'[Daily_Report BOE.xlsx]Nocturne'!R4C1:R105C13,13,0)"
&lt;/code&gt;&lt;/pre&gt;
&lt;p&gt;Is there anyway I could select up to the last row with data available ?&lt;/p&gt;</t>
  </si>
  <si>
    <t>2018-01-15 12:46:46.120000+00:00</t>
  </si>
  <si>
    <t>2018-01-15 13:48:43.780000+00:00</t>
  </si>
  <si>
    <t>excel|vba|vlookup</t>
  </si>
  <si>
    <t>Jackson JSON Can not construct instance of "About" : deserialize issue</t>
  </si>
  <si>
    <t>&lt;p&gt;I've make HttpsURLConnection to receive some information about my server.
The result of response is : &lt;/p&gt;
&lt;pre&gt;&lt;code&gt;{"about":{"title":"NiFi","version":"1.1.0","uri":"https://localhost:443/api/","contentViewerUrl":"/nifi-content-viewer/","timezone":"CET"}}
&lt;/code&gt;&lt;/pre&gt;
&lt;p&gt;How is possible to extract all attributes and key/value ?&lt;/p&gt;
&lt;h1&gt;About.class file&lt;/h1&gt;
&lt;pre&gt;&lt;code&gt;public class About {
private List&amp;lt;AboutObject&amp;gt; about;
public About()
{
//  this.about = about;
}
public List&amp;lt;AboutObject&amp;gt; getAbout() {
    return this.about;
}
public void setAbout(List&amp;lt;AboutObject&amp;gt; about) {
    this.about = about;
}
}
&lt;/code&gt;&lt;/pre&gt;
&lt;h1&gt;AboutObject.class&lt;/h1&gt;
&lt;pre&gt;&lt;code&gt;public class AboutObject {
private String title;
private String uri;
private String contentViewerUrl;
private String timezone;
public String getTitle()
{
    return this.title;
}
public void setTitle(String title)
{
    this.title = title;
}
public String getUri()
{
    return this.uri;
}
public void setUri(String uri)
{
    this.uri = uri;
}
public String getContentViewerUrl()
{
    return this.contentViewerUrl;
}
public void setContentViewerUrl(String contentViewerUrl)
{
    this.contentViewerUrl = contentViewerUrl;
}
public String getTimeZone()
{
    return this.timezone;
}
public void setTimeZone(String timezone)
{
    this.timezone = timezone;
}
}
&lt;/code&gt;&lt;/pre&gt;
&lt;h1&gt;Main.class&lt;/h1&gt;
&lt;pre&gt;&lt;code&gt;HttpsURLConnection con = (HttpsURLConnection) obj.openConnection();
// optional default is GET
con.setRequestMethod("GET");
//add request header
con.setRequestProperty("User-Agent", USER_AGENT);
int responseCode = con.getResponseCode();
System.out.println("\nSending 'GET' request to URL : " + url);
System.out.println("Response Code : " + responseCode);
BufferedReader in = new BufferedReader(
        new InputStreamReader(con.getInputStream()));
String inputLine;
StringBuffer response = new StringBuffer();
while ((inputLine = in.readLine()) != null) {
    response.append(inputLine);
}
in.close();
//print result
System.out.println(response.toString());
System.out.println("Contenu de in = " + in.toString());
ObjectMapper mapper = new ObjectMapper();
//Staff objStaff = new Staff();
System.out.println("Object to JSON in file");
mapper.writeValue(new File("output/file.json"), response);
System.out.println("Convert JSON string from file to Object");
//String about = mapper.readValue(new File("output/file.json"), String.class);
About about = mapper.readValue(new File("output/file.json"), About.class);
&lt;/code&gt;&lt;/pre&gt;
&lt;h1&gt;Error&lt;/h1&gt;
&lt;pre&gt;&lt;code&gt;Exception in thread "main" com.fasterxml.jackson.databind.JsonMappingException: Can not construct instance of About: no String-argument constructor/factory method to deserialize from String value ('{"about":{"title":"NiFi","version":"1.1.0","uri":"https://localhost:443/api/","contentViewerUrl":"/nifi-content-viewer/","timezone":"CET"}}') at [Source: output/file.json; line: 1, column: 1]
&lt;/code&gt;&lt;/pre&gt;
&lt;p&gt;Thanks for you help&lt;/p&gt;</t>
  </si>
  <si>
    <t>2017-02-13 14:21:18.547000+00:00</t>
  </si>
  <si>
    <t>2017-02-14 03:57:12.700000+00:00</t>
  </si>
  <si>
    <t>json|jackson</t>
  </si>
  <si>
    <t>Type-specific static state in generic classes</t>
  </si>
  <si>
    <t>&lt;p&gt;Consider this code:&lt;/p&gt;
&lt;pre&gt;&lt;code&gt;public class Person
{
    public string Name { get; set; }
}
public class Animal
{ 
    public string Name { get; set; }
}
public interface IHandler&amp;lt;T&amp;gt;
{
    T Handle(T eventData);
}
public class UpdatePersonHandler : IHandler&amp;lt;Person&amp;gt;
{
    public Person Handle(Person eventData)
    {
        var test = eventData.Name;
        return eventData;
    }
}
public class UpdatePersonHandler2 : IHandler&amp;lt;Person&amp;gt;
{
    public Person Handle(Person eventData)
    {
        var test = eventData.Name;
        return eventData;
    }
}
public class UpdateAnimalHandler : IHandler&amp;lt;Animal&amp;gt;
{
    public Animal Handle(Animal eventData)
    {
        var test = eventData.Name;
        return eventData;
    }
}
public class Bus&amp;lt;T&amp;gt;
{
    public static readonly IList&amp;lt;IHandler&amp;lt;T&amp;gt;&amp;gt; Handlers = new List&amp;lt;IHandler&amp;lt;T&amp;gt;&amp;gt;();
    public static void Register(IHandler&amp;lt;T&amp;gt; handler)
    {
        if (handler != null)
            Handlers.Add(handler);
    }
    public static void Raise(T eventData)
    {
        foreach (var handler in Handlers)
        {
            handler.Handle(eventData);
        }
    }
}
&lt;/code&gt;&lt;/pre&gt;
&lt;p&gt;and this test code:&lt;/p&gt;
&lt;pre&gt;&lt;code&gt;[TestMethod]
public void TestRegister()
{
    Bus&amp;lt;Person&amp;gt;.Register(new UpdatePersonHandler());
    Bus&amp;lt;Person&amp;gt;.Register(new UpdatePersonHandler());
    Bus&amp;lt;Person&amp;gt;.Register(new UpdatePersonHandler2());
    Bus&amp;lt;Animal&amp;gt;.Register(new UpdateAnimalHandler());
    Debug.Print(Bus&amp;lt;Person&amp;gt;.Handlers.Count.ToString());
    Debug.Print(Bus&amp;lt;Animal&amp;gt;.Handlers.Count.ToString());
}
&lt;/code&gt;&lt;/pre&gt;
&lt;p&gt;The output of this test is:&lt;/p&gt;
&lt;pre&gt;&lt;code&gt;3
1
&lt;/code&gt;&lt;/pre&gt;
&lt;p&gt;What is going on here?  &lt;/p&gt;
&lt;p&gt;It looks as if the Framework is new-ing up a Bus class for each type that is presented to it through the &lt;code&gt;static&lt;/code&gt; Register method.  To do that, it must have called the default constructor on &lt;code&gt;Bus&amp;lt;T&amp;gt;&lt;/code&gt; for each new type.&lt;/p&gt;
&lt;p&gt;But why?  How does this work?&lt;/p&gt;
&lt;p&gt;Does this have any practical utility, or is it merely an interesting but obscure curiosity of C# that should be avoided in production code?&lt;/p&gt;</t>
  </si>
  <si>
    <t>2016-08-17 23:05:17.033000+00:00</t>
  </si>
  <si>
    <t>2016-08-17 23:40:31.023000+00:00</t>
  </si>
  <si>
    <t>2016-08-17 23:17:33.207000+00:00</t>
  </si>
  <si>
    <t>c#|generics|static|static-methods</t>
  </si>
  <si>
    <t>d3.js v4 drag and drop, collapsible tree</t>
  </si>
  <si>
    <t>&lt;p&gt;Does anyone know how to build, or has anyone seen a DND and Collapsible Tree (denododiagram) for v4 or v5 of d3.js? Here's a great example with v3:
&lt;a href="http://bl.ocks.org/robschmuecker/7926762" rel="nofollow noreferrer"&gt;http://bl.ocks.org/robschmuecker/7926762&lt;/a&gt;&lt;/p&gt;
&lt;p&gt;There are plenty of examples of static trees, but I haven't been able to update this code to v4 successfully.&lt;/p&gt;</t>
  </si>
  <si>
    <t>2018-11-15 16:58:01.580000+00:00</t>
  </si>
  <si>
    <t>2018-11-26 16:40:10.387000+00:00</t>
  </si>
  <si>
    <t>javascript|d3.js</t>
  </si>
  <si>
    <t>Replicate recent location</t>
  </si>
  <si>
    <t>&lt;p&gt;I have table like below&lt;/p&gt;
&lt;pre&gt;&lt;code&gt;ID User Date        Location
1  Tom  6-Mar-2012  US
2  Tom  4-Feb-2012  UK
3  Tom  6-Jan-2012  Uk
4  Bob  6-Mar-2012  UK
5  Bob  4-Feb-2012  UK
6  Bob  6-Jan-2012  AUS
7  Dev  6-Mar-2012  US
8  Dev  4-Feb-2012  AUS
9  Nic  6-Jan-2012  US
&lt;/code&gt;&lt;/pre&gt;
&lt;p&gt;I have to get each employee recent location in same table.&lt;/p&gt;
&lt;pre&gt;&lt;code&gt;ID User Date        Location CurrentLocation
1  Tom  6-Mar-2012  US       US
2  Tom  4-Feb-2012  UK       US
3  Tom  6-Jan-2012  Uk       US
4  Bob  6-Mar-2012  UK       UK
5  Bob  4-Feb-2012  UK       UK
6  Bob  6-Jan-2012  AUS      UK
7  Dev  6-Mar-2012  US       US
8  Dev  4-Feb-2012  AUS      US
9  Nic  6-Jan-2012  US       US
&lt;/code&gt;&lt;/pre&gt;
&lt;p&gt;I have tired with temp tables. can I get this done using single query. This is in middle of implementation. I have already created many temp tables.&lt;/p&gt;
&lt;p&gt;Thanks in Advance.&lt;/p&gt;</t>
  </si>
  <si>
    <t>2012-05-10 10:41:43.717000+00:00</t>
  </si>
  <si>
    <t>2012-05-11 15:32:51.843000+00:00</t>
  </si>
  <si>
    <t>2012-05-10 10:47:36.467000+00:00</t>
  </si>
  <si>
    <t>Trait not registered - Rspec - Factory Girl</t>
  </si>
  <si>
    <t>&lt;p&gt;I have this folder structure:&lt;/p&gt;
&lt;pre&gt;&lt;code&gt;.
  spec
    factories
      category.rb
      service.rb
&lt;/code&gt;&lt;/pre&gt;
&lt;p&gt;But when I call category from service, I get &lt;code&gt;Trait not registered&lt;/code&gt; error, because &lt;code&gt;category.rb&lt;/code&gt; is not loaded before &lt;code&gt;service.rb&lt;/code&gt;.&lt;/p&gt;
&lt;p&gt;I suppose to write this in service:&lt;/p&gt;
&lt;pre&gt;&lt;code&gt;require_relative 'category'
&lt;/code&gt;&lt;/pre&gt;
&lt;p&gt;would work, however is there a simpler way to do this, because I would have to &lt;code&gt;require_relative&lt;/code&gt; in each file and several times in each file, since each model has many associations.&lt;/p&gt;
&lt;h1&gt;Update&lt;/h1&gt;
&lt;p&gt;I can't do what I mentioned in my last paragraph:&lt;/p&gt;
&lt;pre&gt;&lt;code&gt;require_relative 'category'
FactoryGirl.define do
  factory :service do
    category
  end
end
&lt;/code&gt;&lt;/pre&gt;
&lt;p&gt;results in:&lt;/p&gt;
&lt;pre&gt;&lt;code&gt;Factory already registered: category (FactoryGirl::DuplicateDefinitionError)
&lt;/code&gt;&lt;/pre&gt;</t>
  </si>
  <si>
    <t>2013-08-03 13:58:43.617000+00:00</t>
  </si>
  <si>
    <t>2013-08-04 18:51:08.053000+00:00</t>
  </si>
  <si>
    <t>2013-08-03 15:39:51.410000+00:00</t>
  </si>
  <si>
    <t>ruby-on-rails|rspec|factory-bot</t>
  </si>
  <si>
    <t>Remotely turn off Sharing Wizard in Windows 7</t>
  </si>
  <si>
    <t>&lt;p&gt;I am trying to figure out the registry key in Windows 7 that will turn off Sharing Wizard for a computer (not just a user).&lt;/p&gt;
&lt;p&gt;Is this the key?&lt;/p&gt;
&lt;pre&gt;&lt;code&gt;HKEY_LOCAL_MACHINE\SOFTWARE\Microsoft\Windows\CurrentVersion\Explorer\Advanced\Folder\SharingWizardOn
&lt;/code&gt;&lt;/pre&gt;
&lt;p&gt;But here is my problem, there are many values, and I don't know which one to change to Disable the Sharing Wizard on the Windows 7 computer&lt;/p&gt;
&lt;p&gt;&lt;img src="https://i.stack.imgur.com/BffA6.png" alt="enter image description here"&gt;&lt;/p&gt;
&lt;p&gt;Which key do I change to 0?&lt;/p&gt;</t>
  </si>
  <si>
    <t>2014-06-12 13:54:32.987000+00:00</t>
  </si>
  <si>
    <t>2016-05-18 23:33:06.713000+00:00</t>
  </si>
  <si>
    <t>2014-06-12 14:19:21.600000+00:00</t>
  </si>
  <si>
    <t>windows|remote-access|sharing|registrykey</t>
  </si>
  <si>
    <t>Open a dashboard activity from anywhere in android app(any activity) on left swipe</t>
  </si>
  <si>
    <t>&lt;p&gt;I have a dashboard activity . I Want this activity to open from any screen of my app (from any activity) on left swipe. I want a global gesture to listen the swipe event from apl the activities.pls give some idea&lt;/p&gt;</t>
  </si>
  <si>
    <t>2017-10-28 12:53:40.750000+00:00</t>
  </si>
  <si>
    <t>android|android-activity|layout|scroll|swipe</t>
  </si>
  <si>
    <t>What exactly is number of operations in jmh?</t>
  </si>
  <si>
    <t>&lt;p&gt;The Javadoc of annotation @OperationsPerInvocation in the Java Microbenchmarking harness (jmh) states:&lt;/p&gt;
&lt;blockquote&gt;
  &lt;p&gt;value public abstract int value &lt;/p&gt;
  &lt;p&gt;Returns: Number of operations per single Benchmark call. Default: 1&lt;/p&gt;
&lt;/blockquote&gt;
&lt;p&gt;Being new to jmh I am wondering what type of operation (byte code operation, assembly code operation, java operation ... ) is meant here.&lt;/p&gt;
&lt;p&gt;EDIT (to further clarify): This question naturally refers to all places in jmh (documentation, output, comments ...) where the term 'operation' is used. (e.g. operation/time unit or time unit/operation). For a concise explanation, see accepted answer below. &lt;/p&gt;</t>
  </si>
  <si>
    <t>2015-09-11 15:40:09.417000+00:00</t>
  </si>
  <si>
    <t>2015-09-12 08:13:56.963000+00:00</t>
  </si>
  <si>
    <t>java|benchmarking|jmh</t>
  </si>
  <si>
    <t>Losing form values during model binding</t>
  </si>
  <si>
    <t>&lt;p&gt;I have a data entry screen where we enter in records of promotional deals. On my development laptop, the page functions as expected without issue.&lt;/p&gt;
&lt;p&gt;However, in our production environment, the behaviour is different when my page has many records. If I post 50 records - each consisting of about a couple dozen form inputs - to my MVC action, I see that only 42 records are actually being model-bound, and the 42nd record has missing data.&lt;/p&gt;
&lt;p&gt;While remote debugging this action, I entered &lt;code&gt;this.Request.Form.Count&lt;/code&gt; into the immediate window and I get 1000 as the response. That number is a little too round for my liking. Sure enough, if I interrogate &lt;code&gt;this.Request.Form[999]&lt;/code&gt;, the value corresponds to a piece of data for the 42nd record.&lt;/p&gt;
&lt;p&gt;When I am posting more than 1000 form fields to my production website, I am losing any past the 1000th. &lt;/p&gt;
&lt;p&gt;My production environment is Windows 2003, IIS 5.0. Is there some setting in IIS or my web.config I can apply to bump up this limit? As I say, when I run my site with Visual Studio, I have no issue.&lt;/p&gt;</t>
  </si>
  <si>
    <t>2013-09-26 17:06:59.883000+00:00</t>
  </si>
  <si>
    <t>2013-09-26 17:10:44.590000+00:00</t>
  </si>
  <si>
    <t>asp.net|asp.net-mvc|iis</t>
  </si>
  <si>
    <t>What is __aeabi_unwind_cpp_pr1' and how can I avoid it?</t>
  </si>
  <si>
    <t>&lt;p&gt;I have a bunch of arm assembly, C and C++ files. gcc is trying to link them, but these are for an embedded project. &lt;/p&gt;
&lt;p&gt;I am not using any external libraries, all code that is being used was written by me. An error seems to happen because I have a function called &lt;code&gt;int kernel_main(void)&lt;/code&gt; defined in &lt;code&gt;main.c&lt;/code&gt; that is trying to call &lt;code&gt;set_LED(int value)&lt;/code&gt; defined in &lt;code&gt;mailbox.cpp&lt;/code&gt; which includes the header &lt;code&gt;mailbox.h&lt;/code&gt; (I did include the header in the main.c file).&lt;/p&gt;
&lt;p&gt;The exact error is:&lt;/p&gt;
&lt;pre&gt;&lt;code&gt;undefined reference to `__aeabi_unwind_cpp_pr1'
&lt;/code&gt;&lt;/pre&gt;
&lt;p&gt;The way I am making my project is:
-compile all source files (.s, .c, .cpp) into object files (.o) without linking (-c), then link them all together with the use of a custom linker script.&lt;/p&gt;
&lt;p&gt;Edit: I am going to add some information to make things more clear.&lt;/p&gt;
&lt;p&gt;First changing all files so that all of them are C files (no cpp extensions) yields:&lt;/p&gt;
&lt;pre&gt;&lt;code&gt;undefined reference to `set_LED'
&lt;/code&gt;&lt;/pre&gt;
&lt;p&gt;It is unlikely that the issue itself is name mangling an it probably has nothing to do with CPP and C differences.&lt;/p&gt;
&lt;p&gt;The problem is very likely to be a linker issue&lt;/p&gt;
&lt;p&gt;This is the build process:&lt;/p&gt;
&lt;p&gt;Compile c files, Example: &lt;/p&gt;
&lt;pre&gt;&lt;code&gt;arm-none-eabi-g++ -O0 -march=armv8-a source/MainFiles/mailbox.cpp -nostartfiles -c -o objects/MainFiles/mailbox.o
&lt;/code&gt;&lt;/pre&gt;
&lt;p&gt;(Compiling a C++ file would be identical except for the use of g++ instead of gcc)&lt;/p&gt;
&lt;p&gt;Link everything:&lt;/p&gt;
&lt;pre&gt;&lt;code&gt;arm-none-eabi-ld object1 object2... -o build/kernel.elf -T ./source/kernel.ld -I include_directory_1 -I include_directory_2 -L include_directory_1 -L indlude_directory_2
&lt;/code&gt;&lt;/pre&gt;
&lt;p&gt;Include directories are all directories under the current one&lt;/p&gt;
&lt;p&gt;Edit:
The error came back. Ignore the parts of this question relevant to name mangling. The error I need to fix is:&lt;/p&gt;
&lt;pre&gt;&lt;code&gt;./objects/Hardware/mailbox.o:(.ARM.exidx+0x18): undefined reference to `__aeabi_unwind_cpp_pr1'
&lt;/code&gt;&lt;/pre&gt;
&lt;p&gt;So far all I know is that this has something to do with unwinding the stack and exceptions. It seems the function is defined in libgcc. However I have used &lt;code&gt;-nostdlib&lt;/code&gt;, I have omitted it, and in both cases the error persists. I have tried changing file extensions to .c whenever possible and to .cpp whenever possible, alas the error is always there.&lt;/p&gt;
&lt;p&gt;It got fixed only as long as I had exactly 1 cpp file and the rest of my files were C files (this is no longer true, I tried). What triggered the error again was that I was refactoring the code and I wanted to move a couple of functions to new files.&lt;/p&gt;
&lt;p&gt;In other words, without deleting a single file, declaring a function named &lt;code&gt;wait(uint32_t time)&lt;/code&gt; in mailbox.cpp works, declaring it in a file called time.c (or cpp) with it's respective header declaration and including the header in mailbox.cpp breaks things. Note I don't delete the files when moving the function I simply delete the function declaration inside each file.&lt;/p&gt;
&lt;p&gt;Adding a stub like this:&lt;/p&gt;
&lt;pre&gt;&lt;code&gt;void __aeabi_unwind_cpp_pr1()
{
}
&lt;/code&gt;&lt;/pre&gt;
&lt;p&gt;Fixes the problem and the code works. But I don't like this solution. I don't want a useless stub being called mysteriously in my code. I don't need nor want this function in my current implementation, how can I tell the compiler or the linker that they are to omit whatever they are doing that requires this function?&lt;/p&gt;</t>
  </si>
  <si>
    <t>2017-05-26 22:16:29.293000+00:00</t>
  </si>
  <si>
    <t>2017-12-21 04:55:57.430000+00:00</t>
  </si>
  <si>
    <t>c++|c|gcc</t>
  </si>
  <si>
    <t>Boost serialization of template derived class</t>
  </si>
  <si>
    <t>&lt;p&gt;I have a templated base class &lt;code&gt;Base&lt;/code&gt; and a templated derived class &lt;code&gt;Derived&lt;/code&gt; which I want to serialize.&lt;br&gt;
The below simplified code compiles and run but do not serialize data members from base class. &lt;/p&gt;
&lt;pre&gt;&lt;code&gt;#include &amp;lt;vector&amp;gt;
#include &amp;lt;string&amp;gt;
#include &amp;lt;iostream&amp;gt;
#include &amp;lt;sstream&amp;gt;
#include &amp;lt;boost/archive/xml_iarchive.hpp&amp;gt;
#include &amp;lt;boost/archive/xml_oarchive.hpp&amp;gt;
#include &amp;lt;boost/serialization/access.hpp&amp;gt;
#include &amp;lt;boost/serialization/nvp.hpp&amp;gt;
#include &amp;lt;boost/serialization/export.hpp&amp;gt;
template&amp;lt;class U, class V&amp;gt;
struct Base {
    Base(U uu, V vv) : u(uu), v(vv) {}
    U u;
    V v;
};
template&amp;lt;class V, class T&amp;gt;
struct Derived : public Base&amp;lt;V, int&amp;gt;, public Base&amp;lt;V, std::string&amp;gt; {
    Derived(T tt) : Base&amp;lt;V, int&amp;gt;(2.0, 4), Base&amp;lt;V, std::string&amp;gt;(3.0, std::string("hello")), t(tt) {}
    T t;
};
// does not work
//BOOST_CLASS_EXPORT(Derived);
namespace boost { namespace serialization {
template&amp;lt;class Archive, class U, class V&amp;gt;
void serialize(Archive &amp;amp; ar, Base&amp;lt;U,V&amp;gt; &amp;amp;obj, const unsigned int version) {
    ar&amp;amp; BOOST_SERIALIZATION_NVP(obj.u);
    ar&amp;amp; BOOST_SERIALIZATION_NVP(obj.v);
}
template&amp;lt;class Archive, class V, class T&amp;gt;
void serialize(Archive &amp;amp; ar, Derived&amp;lt;V,T&amp;gt; &amp;amp;obj, const unsigned int version) {
    boost::serialization::make_nvp("Base1", 
        boost::serialization::base_object&amp;lt;Base&amp;lt;V, int&amp;gt;&amp;gt;(obj) );
    boost::serialization::make_nvp("Base2", 
        boost::serialization::base_object&amp;lt;Base&amp;lt;V, std::string&amp;gt;&amp;gt;(obj) );
    // does not work
    // ar&amp;amp; BOOST_SERIALIZATION_BASE_OBJECT_NVP(Base&amp;lt;V, int&amp;gt;); 
    // ar&amp;amp; BOOST_SERIALIZATION_BASE_OBJECT_NVP(Base&amp;lt;V, std::string&amp;gt;);
    ar&amp;amp; BOOST_SERIALIZATION_NVP(obj.t);
}
}} // end namespace
int main() {
    Derived&amp;lt;double, int&amp;gt; a(10);
    std::ostringstream archive_ostream;
    boost::archive::xml_oarchive oa(archive_ostream);
    oa &amp;lt;&amp;lt; BOOST_SERIALIZATION_NVP(a); 
    std::cout &amp;lt;&amp;lt; archive_ostream.str() &amp;lt;&amp;lt; std::endl;
}
&lt;/code&gt;&lt;/pre&gt;
&lt;p&gt;&lt;strong&gt;Demo : &lt;kbd&gt;&lt;a href="http://coliru.stacked-crooked.com/a/82b650e83563cd1c" rel="noreferrer"&gt;Live On Coliru&lt;/a&gt;&lt;/kbd&gt;&lt;/strong&gt;&lt;/p&gt;
&lt;p&gt;Output is only :&lt;/p&gt;
&lt;pre&gt;&lt;code&gt;&amp;lt;?xml version="1.0" encoding="UTF-8" standalone="yes" ?&amp;gt;
&amp;lt;!DOCTYPE boost_serialization&amp;gt;
&amp;lt;boost_serialization signature="serialization::archive" version="12"&amp;gt;
&amp;lt;a class_id="0" tracking_level="0" version="0"&amp;gt;
    &amp;lt;obj.t&amp;gt;10&amp;lt;/obj.t&amp;gt;
&amp;lt;/a&amp;gt;
&lt;/code&gt;&lt;/pre&gt;
&lt;p&gt;So how can I get the serialization of &lt;code&gt;Base::u&lt;/code&gt; and &lt;code&gt;Base::v&lt;/code&gt; ? I have tried using &lt;code&gt;BOOST_CLASS_EXPORT(Derived);&lt;/code&gt; without success.&lt;/p&gt;
&lt;p&gt;&lt;em&gt;Bonus question&lt;/em&gt; : How can I also use the macro &lt;code&gt;BOOST_SERIALIZATION_BASE_OBJECT_NVP&lt;/code&gt; in this case ?&lt;/p&gt;</t>
  </si>
  <si>
    <t>2015-07-06 15:34:20.973000+00:00</t>
  </si>
  <si>
    <t>2018-07-31 11:47:13.527000+00:00</t>
  </si>
  <si>
    <t>c++|serialization|boost|polymorphism</t>
  </si>
  <si>
    <t>Which block of code is 'better'?</t>
  </si>
  <si>
    <t>&lt;p&gt;In order to promote good programming habits and increase the efficiency of my code (Read: "My brother and I are arguing over some code"), I propose this question to experienced programmers:&lt;/p&gt;
&lt;p&gt;Which block of code is "better"?
For those who can't be bothered to read the code, is it worth putting a conditional within a for-loop to decrease the amount of redundant code than to put it outside and make 2 for-loops? Both pieces of code work, the question is efficiency vs. readability.&lt;/p&gt;
&lt;pre&gt;&lt;code&gt;    - (NSInteger)eliminateGroup {
            NSMutableArray *blocksToKill = [[NSMutableArray arrayWithCapacity:rowCapacity*rowCapacity] retain];
            NSInteger numOfBlocks = (NSInteger)[self countChargeOfGroup:blocksToKill];
            Block *temp;
            NSInteger chargeTotal = 0;
//Start paying attention here
            if (numOfBlocks &amp;gt; 3) 
                for (NSUInteger i = 0; i &amp;lt; [blocksToKill count]; i++) {
                    temp = (Block *)[blocksToKill objectAtIndex:i];
                    chargeTotal += temp.charge;
                    [temp eliminate];
                    temp.beenCounted = NO;
                }
            }
            else {
                for (NSUInteger i = 0; i &amp;lt; [blocksToKill count]; i++) {
                    temp = (Block *)[blocksToKill objectAtIndex:i];
                    temp.beenCounted = NO;
                }
            }   
            [blocksToKill release];
            return chargeTotal;
        }
&lt;/code&gt;&lt;/pre&gt;
&lt;p&gt;Or...&lt;/p&gt;
&lt;pre&gt;&lt;code&gt;        - (NSInteger)eliminateGroup {
            NSMutableArray *blocksToKill = [[NSMutableArray arrayWithCapacity:rowCapacity*rowCapacity] retain];
            NSInteger numOfBlocks = (NSInteger)[self countChargeOfGroup:blocksToKill];
            Block *temp;
            NSInteger chargeTotal = 0;
//Start paying attention here
            for (NSUInteger i = 0; i &amp;lt; [blocksToKill count]; i++) {
                temp = (Block *)[blocksToKill objectAtIndex:i];
                if (numOfBlocks &amp;gt; 3) {
                    chargeTotal += temp.charge;
                    [temp eliminate];
                }
                temp.beenCounted = NO;
            }
            [blocksToKill release];
            return chargeTotal;
        }
&lt;/code&gt;&lt;/pre&gt;
&lt;p&gt;Keep in mind that this is for a game. The method is called anytime the user double-taps the screen and the for loop normally runs anywhere between 1 and 15 iterations, 64 at maximum. I understand that it really doesn't matter that much, this is mainly for helping me understand exactly how costly conditional statements are. (Read: I just want to know if I'm right.)&lt;/p&gt;</t>
  </si>
  <si>
    <t>2009-06-29 04:33:32.260000+00:00</t>
  </si>
  <si>
    <t>2009-07-16 04:15:13.190000+00:00</t>
  </si>
  <si>
    <t>objective-c|iphone|performance|for-loop|conditional</t>
  </si>
  <si>
    <t>Strange error when pushing app to heroku</t>
  </si>
  <si>
    <t>&lt;p&gt;I'm new to pushing an app to production. I chose Heroku as my production environment. When I try to &lt;code&gt;git push heroku master&lt;/code&gt;, I get the following error log. Any ideas on what might be causing this?&lt;/p&gt;
&lt;pre&gt;&lt;code&gt;remote: -----&amp;gt; Preparing app for Rails asset pipeline
remote:        Running: rake assets:precompile
remote:        PG::UndefinedTable: ERROR:  relation "steps" does not exist
remote:        LINE 5:                WHERE a.attrelid = '"steps"'::regclass
remote:        ^
remote:        :               SELECT a.attname, format_type(a.atttypid, a.atttypmod),
remote:        pg_get_expr(d.adbin, d.adrelid), a.attnotnull, a.atttypid, a.atttypmod
remote:        FROM pg_attribute a LEFT JOIN pg_attrdef d
remote:        ON a.attrelid = d.adrelid AND a.attnum = d.adnum
remote:        WHERE a.attrelid = '"steps"'::regclass
remote:        AND a.attnum &amp;gt; 0 AND NOT a.attisdropped
remote:        ORDER BY a.attnum
remote:        rake aborted!
&lt;/code&gt;&lt;/pre&gt;
&lt;p&gt;I do have a table called &lt;code&gt;steps&lt;/code&gt; defined in my migration files, and the site is working perfectly on development.&lt;/p&gt;</t>
  </si>
  <si>
    <t>2016-01-19 12:28:01.260000+00:00</t>
  </si>
  <si>
    <t>2016-01-19 13:39:10.133000+00:00</t>
  </si>
  <si>
    <t>ruby-on-rails|heroku</t>
  </si>
  <si>
    <t>Why do very large If statements cause a stack overflow</t>
  </si>
  <si>
    <t>&lt;p&gt;I have coded an if statement spanning a few thousand lines that contains many other nested if statements within. I get a stack overflow error when I don't comment out a lot of it. I know it's due to size because I found that this particular if statement can only handle 6 different blocks of code [the block that says "if (mainmenu1.equipment1A) ] [there are 10 of these per if ((mainmenu1.player1equipment &amp;amp;&amp;amp; (Player1.job == 1)) ||... block] and it doesn't matter which blocks are un-commented out if there are 7 no matter which 7 it will give me this following error. It is strange though, This code is part of the code in a game I am working on and the code is in an entirely different gamestate case in a switch statement, and upon startup this code should not be read. I do not receive a compile error when building with none of the code commented out, but upon startup i get this error. Shouln't it be a run time error instead? But in that case, I should not get the error until the program reads the code. I will include a sample of the code, it is about 70,000 lines in all but it is repetitive so imagine this following code times 70.&lt;/p&gt;
&lt;p&gt;First-chance exception at 0x103B38B7 (ig7icd32.dll) in SFML.exe: 0xC00000FD: Stack overflow (parameters: 0x00000000, 0x01072000).
Unhandled exception at 0x103B38B7 (ig7icd32.dll) in SFML.exe: 0xC00000FD: Stack overflow (parameters: 0x00000000, 0x01072000).&lt;/p&gt;
&lt;p&gt;First-chance exception at 0x101AC0BE (ig7icd32.dll) in SFML.exe: 0xC0000005: Access violation writing location 0x0107091C.
Unhandled exception at 0x101AC0BE (ig7icd32.dll) in SFML.exe: 0xC0000005: Access violation writing location 0x0107091C.&lt;/p&gt;
&lt;pre&gt;&lt;code&gt;//equipment text
    if (mainmenu1.equipmentmenu2)
    {
        if (executeequipmenttextonce)
        {
            executeequipmenttextonce = false;
            if (mainmenu1.rightselected)
            {
            if ((mainmenu1.player1equipment &amp;amp;&amp;amp; (Player1.job == 1)) || (mainmenu1.player2equipment &amp;amp;&amp;amp; (Player2.job == 1)) || (mainmenu1.player3equipment &amp;amp;&amp;amp; (Player3.job == 1)))
            {
                if (mainmenu1.equipment1A)
                {
                    if (!mainmenu1.knightweapon1displayed &amp;amp;&amp;amp; mainmenu1.knightweapon1)
                    {
                        mainmenu1.equipment1A = false;
                        mainmenu1.knightweapon1displayed = true;
                        textDisplay16.text.setString("Broadsword");
                        textDisplay16.text.setPosition(view1.getCenter().x - window.getSize().x / 2 + equipmentPositionX1, view1.getCenter().y - window.getSize().y / 2 + equipmentPositionY1);
                        textDisplayArray16.push_back(textDisplay16);
                        textDisplay16.text.setString(to_string(mainmenu1.knightw1));
                        textDisplay16.text.setPosition(view1.getCenter().x - window.getSize().x / 2 + equipmentPositionX1 + equipmentstockpositionx, view1.getCenter().y - window.getSize().y / 2 + equipmentPositionY1);
                        textDisplayArray16.push_back(textDisplay16);
                    }
                    else if (!mainmenu1.knightweapon2displayed &amp;amp;&amp;amp; mainmenu1.knightweapon2)
                    {
                        mainmenu1.equipment1A = false;
                        mainmenu1.knightweapon2displayed = true;
                        textDisplay16.text.setString("Ea");
                        textDisplay16.text.setPosition(view1.getCenter().x - window.getSize().x / 2 + equipmentPositionX1, view1.getCenter().y - window.getSize().y / 2 + equipmentPositionY1);
                        textDisplayArray16.push_back(textDisplay16);
                        textDisplay16.text.setString(to_string(mainmenu1.knightw2));
                        textDisplay16.text.setPosition(view1.getCenter().x - window.getSize().x / 2 + equipmentPositionX1 + equipmentstockpositionx, view1.getCenter().y - window.getSize().y / 2 + equipmentPositionY1);
                        textDisplayArray16.push_back(textDisplay16);
                    }
                    else if (!mainmenu1.knightweapon3displayed &amp;amp;&amp;amp; mainmenu1.knightweapon3)
                    {
                        mainmenu1.equipment1A = false;
                        mainmenu1.knightweapon3displayed = true;
                        textDisplay16.text.setString("Zangetsu");
                        textDisplay16.text.setPosition(view1.getCenter().x - window.getSize().x / 2 + equipmentPositionX1, view1.getCenter().y - window.getSize().y / 2 + equipmentPositionY1);
                        textDisplayArray16.push_back(textDisplay16);
                        textDisplay16.text.setString(to_string(mainmenu1.knightw3));
                        textDisplay16.text.setPosition(view1.getCenter().x - window.getSize().x / 2 + equipmentPositionX1 + equipmentstockpositionx, view1.getCenter().y - window.getSize().y / 2 + equipmentPositionY1);
                        textDisplayArray16.push_back(textDisplay16);
                    }
                    else if (!mainmenu1.knightweapon4displayed &amp;amp;&amp;amp; mainmenu1.knightweapon4)
                    {
                        mainmenu1.equipment1A = false;
                        mainmenu1.knightweapon4displayed = true;
                        textDisplay16.text.setString("Silver Fleurette");
                        textDisplay16.text.setPosition(view1.getCenter().x - window.getSize().x / 2 + equipmentPositionX1, view1.getCenter().y - window.getSize().y / 2 + equipmentPositionY1);
                        textDisplayArray16.push_back(textDisplay16);
                        textDisplay16.text.setString(to_string(mainmenu1.knightw4));
                        textDisplay16.text.setPosition(view1.getCenter().x - window.getSize().x / 2 + equipmentPositionX1 + equipmentstockpositionx, view1.getCenter().y - window.getSize().y / 2 + equipmentPositionY1);
                        textDisplayArray16.push_back(textDisplay16);
                    }
                    else if (!mainmenu1.knightweapon5displayed &amp;amp;&amp;amp; mainmenu1.knightweapon5)
                    {
                        mainmenu1.equipment1A = false;
                        mainmenu1.knightweapon5displayed = true;
                        textDisplay16.text.setString("Lawliet");
                        textDisplay16.text.setPosition(view1.getCenter().x - window.getSize().x / 2 + equipmentPositionX1, view1.getCenter().y - window.getSize().y / 2 + equipmentPositionY1);
                        textDisplayArray16.push_back(textDisplay16);
                        textDisplay16.text.setString(to_string(mainmenu1.knightw5));
                        textDisplay16.text.setPosition(view1.getCenter().x - window.getSize().x / 2 + equipmentPositionX1 + equipmentstockpositionx, view1.getCenter().y - window.getSize().y / 2 + equipmentPositionY1);
                        textDisplayArray16.push_back(textDisplay16);
                    }
                    else if (!mainmenu1.knightweapon6displayed &amp;amp;&amp;amp; mainmenu1.knightweapon6)
                    {
                        mainmenu1.equipment1A = false;
                        mainmenu1.knightweapon6displayed = true;
                        textDisplay16.text.setString("Luminous Edge");
                        textDisplay16.text.setPosition(view1.getCenter().x - window.getSize().x / 2 + equipmentPositionX1, view1.getCenter().y - window.getSize().y / 2 + equipmentPositionY1);
                        textDisplayArray16.push_back(textDisplay16);
                        textDisplay16.text.setString(to_string(mainmenu1.knightw6));
                        textDisplay16.text.setPosition(view1.getCenter().x - window.getSize().x / 2 + equipmentPositionX1 + equipmentstockpositionx, view1.getCenter().y - window.getSize().y / 2 + equipmentPositionY1);
                        textDisplayArray16.push_back(textDisplay16);
                    }
                    else if (!mainmenu1.knightweapon7displayed &amp;amp;&amp;amp; mainmenu1.knightweapon7)
                    {
                        mainmenu1.equipment1A = false;
                        mainmenu1.knightweapon7displayed = true;
                        textDisplay16.text.setString("Heaven's Saber");
                        textDisplay16.text.setPosition(view1.getCenter().x - window.getSize().x / 2 + equipmentPositionX1, view1.getCenter().y - window.getSize().y / 2 + equipmentPositionY1);
                        textDisplayArray16.push_back(textDisplay16);
                        textDisplay16.text.setString(to_string(mainmenu1.knightw7));
                        textDisplay16.text.setPosition(view1.getCenter().x - window.getSize().x / 2 + equipmentPositionX1 + equipmentstockpositionx, view1.getCenter().y - window.getSize().y / 2 + equipmentPositionY1);
                        textDisplayArray16.push_back(textDisplay16);
                    }
                    else if (!mainmenu1.knightweapon8displayed &amp;amp;&amp;amp; mainmenu1.knightweapon8)
                    {
                        mainmenu1.equipment1A = false;
                        mainmenu1.knightweapon8displayed = true;
                        textDisplay16.text.setString("Crystal Edge");
                        textDisplay16.text.setPosition(view1.getCenter().x - window.getSize().x / 2 + equipmentPositionX1, view1.getCenter().y - window.getSize().y / 2 + equipmentPositionY1);
                        textDisplayArray16.push_back(textDisplay16);
                        textDisplay16.text.setString(to_string(mainmenu1.knightw8));
                        textDisplay16.text.setPosition(view1.getCenter().x - window.getSize().x / 2 + equipmentPositionX1 + equipmentstockpositionx, view1.getCenter().y - window.getSize().y / 2 + equipmentPositionY1);
                        textDisplayArray16.push_back(textDisplay16);
                    }
                    else if (!mainmenu1.knightweapon9displayed &amp;amp;&amp;amp; mainmenu1.knightweapon9)
                    {
                        mainmenu1.equipment1A = false;
                        mainmenu1.knightweapon9displayed = true;
                        textDisplay16.text.setString("Triple Zoro");
                        textDisplay16.text.setPosition(view1.getCenter().x - window.getSize().x / 2 + equipmentPositionX1, view1.getCenter().y - window.getSize().y / 2 + equipmentPositionY1);
                        textDisplayArray16.push_back(textDisplay16);
                        textDisplay16.text.setString(to_string(mainmenu1.knightw9));
                        textDisplay16.text.setPosition(view1.getCenter().x - window.getSize().x / 2 + equipmentPositionX1 + equipmentstockpositionx, view1.getCenter().y - window.getSize().y / 2 + equipmentPositionY1);
                        textDisplayArray16.push_back(textDisplay16);
                    }
                    else if (!mainmenu1.knightweapon10displayed &amp;amp;&amp;amp; mainmenu1.knightweapon10)
                    {
                        mainmenu1.equipment1A = false;
                        mainmenu1.knightweapon10displayed = true;
                        textDisplay16.text.setString("Elsword");
                        textDisplay16.text.setPosition(view1.getCenter().x - window.getSize().x / 2 + equipmentPositionX1, view1.getCenter().y - window.getSize().y / 2 + equipmentPositionY1);
                        textDisplayArray16.push_back(textDisplay16);
                        textDisplay16.text.setString(to_string(mainmenu1.knightw10));
                        textDisplay16.text.setPosition(view1.getCenter().x - window.getSize().x / 2 + equipmentPositionX1 + equipmentstockpositionx, view1.getCenter().y - window.getSize().y / 2 + equipmentPositionY1);
                        textDisplayArray16.push_back(textDisplay16);
                    }
                }
                else if (mainmenu1.equipment2A)
                {
                    if (!mainmenu1.knightweapon1displayed &amp;amp;&amp;amp; mainmenu1.knightweapon1)
                    {
                        mainmenu1.equipment2A = false;
                        mainmenu1.knightweapon1displayed = true;
                        textDisplay16.text.setString("Broadsword");
                        textDisplay16.text.setPosition(view1.getCenter().x - window.getSize().x / 2 + equipmentPositionX1, view1.getCenter().y - window.getSize().y / 2 + equipmentPositionY2);
                        textDisplayArray16.push_back(textDisplay16);
                        textDisplay16.text.setString(to_string(mainmenu1.knightw1));
                        textDisplay16.text.setPosition(view1.getCenter().x - window.getSize().x / 2 + equipmentPositionX1 + equipmentstockpositionx, view1.getCenter().y - window.getSize().y / 2 + equipmentPositionY2);
                        textDisplayArray16.push_back(textDisplay16);
                    }
                    else if (!mainmenu1.knightweapon2displayed &amp;amp;&amp;amp; mainmenu1.knightweapon2)
                    {
                        mainmenu1.equipment2A = false;
                        mainmenu1.knightweapon2displayed = true;
                        textDisplay16.text.setString("Ea");
                        textDisplay16.text.setPosition(view1.getCenter().x - window.getSize().x / 2 + equipmentPositionX1, view1.getCenter().y - window.getSize().y / 2 + equipmentPositionY2);
                        textDisplayArray16.push_back(textDisplay16);
                        textDisplay16.text.setString(to_string(mainmenu1.knightw2));
                        textDisplay16.text.setPosition(view1.getCenter().x - window.getSize().x / 2 + equipmentPositionX1 + equipmentstockpositionx, view1.getCenter().y - window.getSize().y / 2 + equipmentPositionY2);
                        textDisplayArray16.push_back(textDisplay16);
                    }
                    else if (!mainmenu1.knightweapon3displayed &amp;amp;&amp;amp; mainmenu1.knightweapon3)
                    {
                        mainmenu1.equipment2A = false;
                        mainmenu1.knightweapon3displayed = true;
                        textDisplay16.text.setString("Zangetsu");
&lt;/code&gt;&lt;/pre&gt;</t>
  </si>
  <si>
    <t>2016-04-04 19:45:43.820000+00:00</t>
  </si>
  <si>
    <t>2016-04-04 20:11:28.803000+00:00</t>
  </si>
  <si>
    <t>c++|runtime-error|stack-overflow|sfml</t>
  </si>
  <si>
    <t>Change data-theme in jQuery mobile</t>
  </si>
  <si>
    <t>&lt;p&gt;I'd like to provide my user some persistent feedback after they've pressed a button (like it's indented or something). I tried:&lt;/p&gt;
&lt;pre&gt;&lt;code&gt;$(this).data('theme','b');
&lt;/code&gt;&lt;/pre&gt;
&lt;p&gt;But that doesn't work.&lt;/p&gt;
&lt;p&gt;Q: Is there a way to show an indented button, or change it's &lt;code&gt;data-theme&lt;/code&gt; on the fly?&lt;/p&gt;</t>
  </si>
  <si>
    <t>2011-10-05 20:53:43.973000+00:00</t>
  </si>
  <si>
    <t>2014-05-10 06:14:40.330000+00:00</t>
  </si>
  <si>
    <t>2012-11-13 16:52:58.537000+00:00</t>
  </si>
  <si>
    <t>jquery-mobile|data-theme</t>
  </si>
  <si>
    <t>Android KitKat HttpURLConnection disconnect AsyncTask</t>
  </si>
  <si>
    <t>&lt;p&gt;In my application, I download a file using an &lt;a href="http://developer.android.com/reference/java/net/HttpURLConnection.html"&gt;HttpURLConnection&lt;/a&gt; in an &lt;a href="http://developer.android.com/reference/android/os/AsyncTask.html"&gt;AsyncTask&lt;/a&gt;.  If the file takes too long to download, then I want cancel it; and I do this by closing the stream and calling &lt;a href="http://developer.android.com/reference/java/net/HttpURLConnection.html#disconnect%28%29"&gt;disconnect()&lt;/a&gt; on the &lt;code&gt;HttpURLConnection&lt;/code&gt; object.  The code has worked flawlessly for years in Android.  However, now that KitKat is out, issues have popped up.  Specifically, the &lt;code&gt;disconnect()&lt;/code&gt; call itself takes several seconds or more to complete.  In pre-KitKat devices, it took a millisecond or less.  What is really strange is that when I perform the disconnect call on a separate thread, then it is really fast again.  So it has to be an issue with calling it in the &lt;code&gt;AsyncTask&lt;/code&gt;'s &lt;code&gt;doInBackground&lt;/code&gt; method.  One thing to note is that my &lt;code&gt;AsyncTask&lt;/code&gt; does have a &lt;code&gt;Looper.prepare()&lt;/code&gt; call.&lt;/p&gt;
&lt;p&gt;Does anyone know what the difference between KitKat and other Android versions is?  I combed through the change lists and did not see anything related to this issue.&lt;/p&gt;</t>
  </si>
  <si>
    <t>2013-11-20 18:49:22.083000+00:00</t>
  </si>
  <si>
    <t>2014-03-19 14:53:18.323000+00:00</t>
  </si>
  <si>
    <t>android|android-asynctask|httpurlconnection|android-4.4-kitkat</t>
  </si>
  <si>
    <t>Get latest post from facebook from iPhone?</t>
  </si>
  <si>
    <t>&lt;p&gt;Goal of the application is get latest post from facebook, it is possible if the user give his username and password and getting token id from facebook, using this continuously we can get and post values from facebook at a session. If the session expires we can't get the values from facebook. is there any other way to make the session alive. that is, i don't want to ask username and password from the user?&lt;/p&gt;
&lt;p&gt;Sri&lt;/p&gt;</t>
  </si>
  <si>
    <t>2011-03-09 17:48:41.277000+00:00</t>
  </si>
  <si>
    <t>2011-03-09 18:34:28.823000+00:00</t>
  </si>
  <si>
    <t>iphone|facebook</t>
  </si>
  <si>
    <t>Yii2 Sluggable Behavior update existing rows in DB</t>
  </si>
  <si>
    <t>&lt;p&gt;I have a table&lt;/p&gt;
&lt;pre&gt;&lt;code&gt;--------------------
 id |title   | slug
--------------------
 1  | name_1 | 
--------------------
 1  | name_2 | 
--------------------
&lt;/code&gt;&lt;/pre&gt;
&lt;p&gt;How can i update column slug from colunm "title" using yii2 sluggable behavior&lt;/p&gt;
&lt;p&gt;Code bellow don't work&lt;/p&gt;
&lt;pre&gt;&lt;code&gt;$this-&amp;gt;update('event', ['slug' =&amp;gt; (new Expression(Inflector::slug('title')))]);
&lt;/code&gt;&lt;/pre&gt;</t>
  </si>
  <si>
    <t>2016-08-03 10:15:05.027000+00:00</t>
  </si>
  <si>
    <t>2017-03-14 07:31:48.387000+00:00</t>
  </si>
  <si>
    <t>2016-08-03 10:38:06.030000+00:00</t>
  </si>
  <si>
    <t>yii2|behavior</t>
  </si>
  <si>
    <t>innerHTML doesn't loop table</t>
  </si>
  <si>
    <t>&lt;p&gt;Right now I have a table in my web application:&lt;/p&gt;
&lt;pre&gt;&lt;code&gt;&amp;lt;tr class="inner2-top"&amp;gt;
&amp;lt;/tr&amp;gt;
&lt;/code&gt;&lt;/pre&gt;
&lt;p&gt;The table's data is filled by looping through elements from my web database and adding that data accordingly.&lt;/p&gt;
&lt;pre&gt;&lt;code&gt;      for (var i = 0; i &amp;lt; results.length; i++) { 
      var object = results[i];
        (function($) {
        $('.inner2-top').append('&amp;lt;tr&amp;gt;&amp;lt;td class="name1"&amp;gt;&amp;lt;a href="#"&amp;gt;'+ 
              object.get('username') + '&amp;lt;/a&amp;gt;&amp;lt;/td&amp;gt;&amp;lt;td class="company1"&amp;gt;' + 
              object.get('dot') + '&amp;lt;/td&amp;gt;&amp;lt;td&amp;gt;');            
      })(jQuery);
    }
&lt;/code&gt;&lt;/pre&gt;
&lt;p&gt;I then display the username from the table in a popover.&lt;/p&gt;
&lt;pre&gt;&lt;code&gt;        $(document).on('click', '.name1 a', function(e){
        $('#para').html($('td.name1').html());
            $('.popup1').lightbox_me({
    });
&lt;/code&gt;&lt;/pre&gt;
&lt;p&gt;What I am noticing is that the popup is only displaying the name for the first item in the table and not the second. For example, say the table is structured like so:&lt;/p&gt;
&lt;p&gt;Row 1: Anthony&lt;/p&gt;
&lt;p&gt;Row 2: David&lt;/p&gt;
&lt;p&gt;When I select row 1, Anthony shows in the popover.&lt;/p&gt;
&lt;p&gt;When I select row 2, Anthony also shows in the popover.&lt;/p&gt;
&lt;p&gt;Any ideas why this is occuring?&lt;/p&gt;</t>
  </si>
  <si>
    <t>2014-07-12 01:14:40.123000+00:00</t>
  </si>
  <si>
    <t>2014-07-12 01:37:48.393000+00:00</t>
  </si>
  <si>
    <t>Chrome extension - JQuery Ajax with Auth fails on Chrome beta</t>
  </si>
  <si>
    <t>&lt;p&gt;I am working on a chrome extension with jquery which works on chrome stable channel, but breaks with the beta channel (version 19)&lt;/p&gt;
&lt;p&gt;The issue is that I create a JQuery ajax request with authentication:&lt;/p&gt;
&lt;p&gt;In chrome stable (18) - First request is replied with 401 Unauthorized and the second includes the Authorization: Basic header and succeeds.&lt;/p&gt;
&lt;p&gt;In chrome beta (19) - First request returns 401, there is no second request and the call fails.&lt;/p&gt;
&lt;p&gt;Has anyone encountered or can explain such behavior?&lt;/p&gt;
&lt;p&gt;Thanks&lt;/p&gt;</t>
  </si>
  <si>
    <t>2012-04-17 15:30:41.297000+00:00</t>
  </si>
  <si>
    <t>google-chrome|jquery|google-chrome-extension</t>
  </si>
  <si>
    <t>Django models unique bank cheque number 6 digits</t>
  </si>
  <si>
    <t>&lt;p&gt;I try to set unique 6 digit cheque number by help of django doc. but still i dont want desired result means it accept any number or character but i want this will accept only 6 integer and also make sure that number should be unique for all users  &lt;/p&gt;
&lt;p&gt;models.py&lt;/p&gt;
&lt;pre&gt;&lt;code&gt;from django.db import models
from django.contrib.auth.models import User
from datetime import datetime
from uuid import uuid4
import string
from string import digits
class Mvouchar(models.Model):
cheque_no = models.CharField(max_length=6, null=True, blank=True, unique=True)
dated = models.DateTimeField(auto_now_add=True,null=True, blank=True)
def id_generator(size=6, chars=string.digits):
        return ''.join(random.choice(chars) for _ in range(size))
    def save(self):
        if not self.cheque_no:
            self.cheque_no = id_generator()
            while Mvouchar.objects.filter(cheque_no=self.cheque_no).exists():
                self.cheque_no = id_generator()
                self.dated = datetime.now()
        super(Mvouchar, self).save()    
    def __str__(self):
        if self.related:
            return self.related.relation.username.title()
        else:
            return 'no related!'
    class Meta:
            verbose_name_plural = "Single Cheque Multiple Vouchar Of Users"
&lt;/code&gt;&lt;/pre&gt;
&lt;p&gt;views.py&lt;/p&gt;
&lt;pre&gt;&lt;code&gt;def mvouchar(request):
            if request.method == "POST":
                userdata = User.objects.get(username = request.user)
                accountdata = Signs.objects.get(relation_id=userdata.id)
        chq_no = request.POST['chequeno']
        mini = Mvouchar(related_id=accountdata.id,  cheque_no = chq_no)
                mini.save()
                messages.success(request, "Your Cheque is Created") 
                return HttpResponseRedirect("/mvouchar/")           
            return render(request, 'cheque/mvouchar.html', {})
&lt;/code&gt;&lt;/pre&gt;</t>
  </si>
  <si>
    <t>2018-10-16 06:35:30.360000+00:00</t>
  </si>
  <si>
    <t>2018-10-22 05:40:36.487000+00:00</t>
  </si>
  <si>
    <t>2018-10-16 07:52:42.957000+00:00</t>
  </si>
  <si>
    <t>django|django-models|django-forms|django-templates|django-views</t>
  </si>
  <si>
    <t>Mixing audio from files with generated sound</t>
  </si>
  <si>
    <t>&lt;p&gt;I'm using the example found here: &lt;a href="https://developer.xamarin.com/samples/monotouch/MultichannelMixer/" rel="nofollow noreferrer"&gt;https://developer.xamarin.com/samples/monotouch/MultichannelMixer/&lt;/a&gt;&lt;/p&gt;
&lt;p&gt;I modified the example to add a third input to the mixer that is a simple sine wave. I want to have the two audio files play alongside the sine wave. I do this by specifying a separate &lt;code&gt;AudioStreamBasicDescription&lt;/code&gt; for the sine wave and code inside the &lt;code&gt;HandleRenderDelegate&lt;/code&gt; of the mixer to generate it's samples.&lt;/p&gt;
&lt;p&gt;The problem I'm facing is that this only works if I use an audio format with float samples instead of signed integers for the sine wave. If I try using integers, the result is that the sound from the audio files is heavily distorted and there is no sine wave.&lt;/p&gt;
&lt;p&gt;here is code I'm using for the float format (which works)&lt;/p&gt;
&lt;pre&gt;&lt;code&gt;                desc = new AudioStreamBasicDescription()
                {
                    BitsPerChannel = 32,
                    Format = AudioFormatType.LinearPCM,
                    FormatFlags = AudioFormatFlags.IsFloat | AudioFormatFlags.IsPacked,
                    SampleRate = 44100,
                    ChannelsPerFrame = 1,
                    FramesPerPacket = 1,
                    BytesPerFrame = 2,
                    BytesPerPacket = 2
                };
&lt;/code&gt;&lt;/pre&gt;
&lt;p&gt;Generating the sine wave in the &lt;code&gt;HandleRenderDelegate&lt;/code&gt;&lt;/p&gt;
&lt;pre&gt;&lt;code&gt;    if (busNumber == 2) { // generate sine wave
        var outL = (float*)data[0].Data;
        var outR = (float*)data[1].Data;
        float s;
        for (int i = 0; i &amp;lt; numberFrames; i++) {
            s = (float)(Math.Sin((double)pitchSample / (44100 / 440) * 2 * Math.PI)) * .2f;
            pitchSample++;
            outL[i] = outR[i] = s;
        }
        return AudioUnitStatus.OK;
    }
&lt;/code&gt;&lt;/pre&gt;
&lt;p&gt;The code above is working as expected, but now I want to use a signed-integer format for the sine wave. So I modify the format:&lt;/p&gt;
&lt;pre&gt;&lt;code&gt;                desc = new AudioStreamBasicDescription()
                {
                    BitsPerChannel = 32,
                    Format = AudioFormatType.LinearPCM,
                    FormatFlags = AudioFormatFlags.IsSignedInteger | AudioFormatFlags.IsPacked,
                    SampleRate = 44100,
                    ChannelsPerFrame = 1,
                    FramesPerPacket = 1,
                    BytesPerFrame = 2,
                    BytesPerPacket = 2
                };
&lt;/code&gt;&lt;/pre&gt;
&lt;p&gt;And the wave generator:&lt;/p&gt;
&lt;pre&gt;&lt;code&gt;if (busNumber == 2) {
    var outL = (int*)data[0].Data;
    var outR = (int*)data[1].Data;
    short s;
    for (int i = 0; i &amp;lt; numberFrames; i++) {
        s = (short)(Math.Sin((double)pitchSample / (44100 / 440) * 2 * Math.PI) * .2 * Int16.MaxValue);
        pitchSample++;
        outL[i] = outR[i] = s;
    }
    return AudioUnitStatus.OK;
}
&lt;/code&gt;&lt;/pre&gt;
&lt;p&gt;With the modified code I get distorted sounding audio files and no sine wave.&lt;/p&gt;
&lt;p&gt;Why does it work with float samples but not integers?&lt;/p&gt;</t>
  </si>
  <si>
    <t>2017-07-01 22:28:05.837000+00:00</t>
  </si>
  <si>
    <t>2017-07-01 23:02:14.413000+00:00</t>
  </si>
  <si>
    <t>ios|xamarin.ios|core-audio</t>
  </si>
  <si>
    <t>fetchRequest is return empty array</t>
  </si>
  <si>
    <t>&lt;p&gt;I am trying to fetch Request from my DB. but i am getting nil in the response. The fetch is ok because when i use this method i am getting "sometimes" Values. (i know that i have data in the DB ). i think that this is somehow related to threads issue or because i am using Multi-Context. So my Question is basically generic.&lt;/p&gt;
&lt;ol&gt;
&lt;li&gt;&lt;p&gt;if i am saving some data in specific MOC let's call it MOC1 and then i want to fetch that data that i just save .. i can use any MOC ? ( assuming that i save the child and parent and i can see the change on the DB )&lt;/p&gt;&lt;/li&gt;
&lt;li&gt;&lt;p&gt;if i save data with MOC that use NSPrivateQueueConcurrencyType can i fetch with MOC NSMainQueueConcurrencyType? and the opposite way.. ? &lt;/p&gt;&lt;/li&gt;
&lt;li&gt;&lt;p&gt;i can fetch data on background thread or i have to fetch on the main Thread? &lt;/p&gt;&lt;/li&gt;
&lt;li&gt;&lt;p&gt;what is the connection between the Main thread and NSMainQueueConcurrencyType &lt;/p&gt;&lt;/li&gt;
&lt;li&gt;&lt;p&gt;what is the connection between the Background thread and NSPrivateQueueConcurrencyType 
Thanks,&lt;/p&gt;&lt;/li&gt;
&lt;/ol&gt;
&lt;p&gt;&lt;strong&gt;UPDATE:&lt;/strong&gt;&lt;/p&gt;
&lt;p&gt;The thing is that i fetch some entity and change some flag to isSync = YES when i want to save it i use my save method:&lt;/p&gt;
&lt;pre&gt;&lt;code&gt;-(void)saveDataToDBWithCompletionWithManagedObjectContext:(NSManagedObjectContext*)managedObjectContext withCompletion:(void (^)(BOOL succeeded ,NSError *error))completion {
if (managedObjectContext != nil) {
    [managedObjectContext performBlockAndWait:^{
        NSError *errorMsg = nil;
        if ([managedObjectContext hasChanges] &amp;amp;&amp;amp; ![managedObjectContext save:&amp;amp;errorMsg]) {
            // do some real error handling
            NSLog(@"couldn't save Background Context, error %@, %@", errorMsg, [errorMsg userInfo]);
            if (completion) {
                completion(NO, errorMsg);
            }
        } else {
            if (completion) {
                completion(YES, nil);
            }
        }
    }];
} else {
    if (completion) {
        completion(NO, nil);
    }
}
&lt;/code&gt;&lt;/pre&gt;
&lt;p&gt;}&lt;/p&gt;
&lt;p&gt;This method get the NSManagedObjectContext, and save it in to the relevant NSManagedObjectContext. then i run my master save:&lt;/p&gt;
&lt;pre&gt;&lt;code&gt;-(void)saveMasterDataToDBWithSync:(BOOL)toDoSync WithCompletion:(void (^)(BOOL succeeded ,NSError *error))completion {
NSError *errorMsg = nil;
if (self.masterManagedObjectContext != nil) {
    if ([self.masterManagedObjectContext hasChanges] &amp;amp;&amp;amp; ![self.masterManagedObjectContext save:&amp;amp;errorMsg]) {
        if (completion) {
            completion(NO, errorMsg);
        }
    } else {
        if (toDoSync) {
          // DO sync with Parse
        }
        if (completion) {
            completion(YES, nil);
        }
    }
} else {
    if (completion) {
        completion(NO, nil);
    }
}
&lt;/code&gt;&lt;/pre&gt;
&lt;p&gt;}&lt;/p&gt;
&lt;p&gt;When i check my DB the data is there! but when i will try to fetch it i can not see any thing. &lt;/p&gt;</t>
  </si>
  <si>
    <t>2014-07-27 15:43:05.557000+00:00</t>
  </si>
  <si>
    <t>2014-07-27 16:55:28.443000+00:00</t>
  </si>
  <si>
    <t>ios|objective-c|core-data</t>
  </si>
  <si>
    <t>Golang Map YAML Objects</t>
  </si>
  <si>
    <t>&lt;p&gt;I have a yaml configuration file that contains sets of configuration commands to send to network devices. Inside of each set, there are vendor-specific keys and the values for each vendor key can be either a configuration command string, a list of configuration command strings, or a list of key-value pairs mapping a vendor-specific model string to a configuration command string. Below is an example:&lt;/p&gt;
&lt;pre&gt;&lt;code&gt;# example.yml
---
cmds:
  setup:
    cisco: "terminal length 0"
  config:
    cisco:
      - basic  : "show version"
      - basic  : "show boot"
        "3560" : "3560 boot command"
        "2960x": "2960x boot command"
      - basic  : "dir flash:"
        "3560" : "3560 dir command"
  cleanup:
    cisco: ["terminal no length", "quit"]
&lt;/code&gt;&lt;/pre&gt;
&lt;p&gt;I want to combine these commands into a map like so:&lt;/p&gt;
&lt;pre&gt;&lt;code&gt;var cmdMap = map[string][]string{
    "cisco": []string{
        "terminal length 0",
        "show version",
        "show boot",
        "dir flash:",
        "terminal no length",
        "quit",
    },
    "cisco.3560": []string{
        "terminal length 0",
        "show version",
        "3560 boot command",
        "3560 dir command",
        "terminal no length",
        "quit",
    },
    "cisco.2960x": []string{
        "terminal length 0",
        "show version",
        "2960x boot command",
        "dir flash:",
        "terminal no length",
        "quit",
    }
}
&lt;/code&gt;&lt;/pre&gt;
&lt;p&gt;I am using &lt;a href="https://github.com/spf13/viper" rel="nofollow noreferrer"&gt;spf13/viper&lt;/a&gt; to handle parsing the yaml file and have been able to add the specific commands to each vendor and model, but adding the commands that apply to both vendor &lt;em&gt;and&lt;/em&gt; specific model is where I am stuck. This is the actual output of my program followed by my code:&lt;/p&gt;
&lt;pre&gt;&lt;code&gt;$ go run main.go example.yml 
cmdMap["cisco"]
terminal length 0
show version
show boot
dir flash:
terminal no length
quit
# missing terminal length 0, show version, etc.
cmdMap["cisco.3560"]
3560 boot command
3560 dir command
# missing terminal length 0, show version, etc.
cmdMap["cisco.2960x"]
2960x boot command
&lt;/code&gt;&lt;/pre&gt;
&lt;p&gt;My code:&lt;/p&gt;
&lt;pre&gt;&lt;code&gt;package main
import (
    "github.com/spf13/viper"
    "fmt"
    "flag"
    "log"
)
func main() {
    flag.Parse()
    cfgFile := flag.Arg(0)
    v := viper.New()
    v.SetConfigType("yaml")
    v.SetConfigFile(cfgFile)
    if err := v.ReadInConfig(); err != nil {
        log.Fatal(err)
    }
    for k, v := range MapCfgCmds(v.GetStringMap("cmds")) {
        fmt.Printf("cmdMap[\"%s\"]\n", k)
        for _, cmd := range v {
            fmt.Println(cmd)
        }
        fmt.Println()
    }
}
func MapCfgCmds(cfgCmds map[string]interface{}) map[string][]string {
    cmdMap := make(map[string][]string)
    for _, cmdSet := range cfgCmds {
        cmdSet, _ := cmdSet.(map[string]interface{})
        for vendor, cmdList := range cmdSet {
            switch cmds := cmdList.(type) {
            case string:
                // single string command (i.e., vendor: cmd)
                cmdMap[vendor] = append(cmdMap[vendor], cmds)
            case []interface{}:
                for _, cmd := range cmds {
                    switch c := cmd.(type) {
                    case string:
                        // list of strings (i.e., vendor: [cmd1,cmd2,...,cmdN])
                        cmdMap[vendor] = append(cmdMap[vendor], c)
                    case map[interface{}]interface{}:
                        // This is where I am stuck
                        //
                        // list of key-value pairs (i.e., vendor: {model: modelCmd})
                        for model, modelCmd := range c {
                            modelCmd, _ := modelCmd.(string)
                            if model == "basic" {
                                cmdMap[vendor] = append(cmdMap[vendor], modelCmd)
                                continue
                            }
                            modelKey := fmt.Sprintf("%s.%s", vendor, model)
                            cmdMap[modelKey] = append(cmdMap[modelKey], modelCmd)
                        }
                    }
                }
            }
        }
    }
    return cmdMap
}
&lt;/code&gt;&lt;/pre&gt;
&lt;p&gt;&lt;strong&gt;How can I combine the "universal" and model-specific commands to get the expected &lt;code&gt;cmdMap&lt;/code&gt; value from above?&lt;/strong&gt;&lt;/p&gt;</t>
  </si>
  <si>
    <t>2018-07-10 17:05:49.193000+00:00</t>
  </si>
  <si>
    <t>2018-07-11 08:33:12.060000+00:00</t>
  </si>
  <si>
    <t>dictionary|go|configuration</t>
  </si>
  <si>
    <t>Project Euler #19 in R</t>
  </si>
  <si>
    <t>&lt;p&gt;I need help understanding why I am getting the wrong answer for Problem 19 of Project Euler.
The problem is: 
You are given the following information, but you may prefer to do some research for yourself.&lt;/p&gt;
&lt;blockquote&gt;
  &lt;p&gt;1 Jan 1900 was a Monday.
  Thirty days has September,
  April, June and November.
  All the rest have thirty-one,
  Saving February alone,
  Which has twenty-eight, rain or shine.
  And on leap years, twenty-nine.
  A leap year occurs on any year evenly divisible by 4, but not on a century unless it is divisible by 400.
  How many Sundays fell on the first of the month during the twentieth century (1 Jan 1901 to 31 Dec 2000)?&lt;/p&gt;
&lt;/blockquote&gt;
&lt;pre&gt;&lt;code&gt;#rm(list=ls())
days=seq(from=as.Date("1900/1/1"), to=as.Date("2000/12/31"), by="month")
firstSundays=days[weekdays(as.Date(days))=="Sunday"&amp;amp;months(as.Date(days))=="January"]
length(firstSundays)
&lt;/code&gt;&lt;/pre&gt;
&lt;p&gt;The answer it gives me is 14 and when I look at firstSundays it gives me:&lt;/p&gt;
&lt;pre&gt;&lt;code&gt;[1] "1905-01-01" "1911-01-01" "1922-01-01" "1928-01-01" "1933-01-01"
[6] "1939-01-01" "1950-01-01" "1956-01-01" "1961-01-01" "1967-01-01"
[11] "1978-01-01" "1984-01-01" "1989-01-01" "1995-01-01"
&lt;/code&gt;&lt;/pre&gt;
&lt;p&gt;I don't understand what is going on here. Could someone please explain? I am fairly new to R and I'm not sure what I am doing wrong.&lt;/p&gt;</t>
  </si>
  <si>
    <t>2016-01-03 09:59:57.970000+00:00</t>
  </si>
  <si>
    <t>2016-01-09 10:29:42.333000+00:00</t>
  </si>
  <si>
    <t>Best DataType to store Isdeleted column</t>
  </si>
  <si>
    <t>&lt;p&gt;I want to add a new column for Isdeleted which can have two values Yes Or No. so which data type is best to use:-&lt;/p&gt;
&lt;ol&gt;
&lt;li&gt;&lt;p&gt;to use char(1) and store two values Y or N.&lt;/p&gt;&lt;/li&gt;
&lt;li&gt;&lt;p&gt;Bit. and store 1 or 0 . then i can on the application level to say that 1 means Yes and 0 means No.&lt;/p&gt;&lt;/li&gt;
&lt;li&gt;&lt;p&gt;varchar(3). and store Yes or No in the database , without the need to handle the display on the application level ?&lt;/p&gt;&lt;/li&gt;
&lt;/ol&gt;
&lt;p&gt;i am confused abotu which dataTpe to use, and how to balance between storage used (best if Bit) and simpliciy (when using char(3)).&lt;/p&gt;
&lt;p&gt;Best Regards&lt;/p&gt;
&lt;p&gt;&lt;strong&gt;EDIT&lt;/strong&gt;&lt;/p&gt;
&lt;p&gt;i tried Bit but when i manually insert 1 or 0 inside the Sql server database i got the following error:-Invalid value for cell (row 42, column 17). The changed value in this cell was not recognized as valid. .Net Framework Data Type: Boolean Error Message: String was not recognized as a valid Boolean."" &lt;/p&gt;</t>
  </si>
  <si>
    <t>2013-06-27 22:36:57.887000+00:00</t>
  </si>
  <si>
    <t>2013-06-27 22:51:10.053000+00:00</t>
  </si>
  <si>
    <t>2013-06-27 22:45:11.053000+00:00</t>
  </si>
  <si>
    <t>sql-server|datatable</t>
  </si>
  <si>
    <t>Parsing XML response in PHP (and/or Zend Framework)</t>
  </si>
  <si>
    <t>&lt;p&gt;I am using the Zend Framework and using &lt;code&gt;Zend_Http_Client&lt;/code&gt; to make a POST request to a third party API. &lt;/p&gt;
&lt;pre&gt;&lt;code&gt;$client = new Zend_Http_Client('http://api.com');
$client-&amp;gt;setParameterPost(array(
    'param1' =&amp;gt; 'value'
));
$response = $client-&amp;gt;request('POST');
echo $response-&amp;gt;getBody();
&lt;/code&gt;&lt;/pre&gt;
&lt;p&gt;This API returns an XML document as its response. &lt;/p&gt;
&lt;pre&gt;&lt;code&gt;&amp;lt;?xml version="1.0" ?&amp;gt;
&amp;lt;registration&amp;gt;
    &amp;lt;id&amp;gt;12345&amp;lt;/id&amp;gt;
&amp;lt;/registration&amp;gt;
&lt;/code&gt;&lt;/pre&gt;
&lt;p&gt;How can I turn the response into something I can work with?&lt;/p&gt;</t>
  </si>
  <si>
    <t>2010-10-25 21:16:23.597000+00:00</t>
  </si>
  <si>
    <t>2012-07-11 19:49:33.063000+00:00</t>
  </si>
  <si>
    <t>2012-01-05 11:27:31.660000+00:00</t>
  </si>
  <si>
    <t>php|xml|zend-framework|parsing</t>
  </si>
  <si>
    <t>Copy vector element of a vector to another vector</t>
  </si>
  <si>
    <t>&lt;p&gt;I have this vector,&lt;/p&gt;
&lt;pre&gt;&lt;code&gt;std::vector &amp;lt;std::vector&amp;lt;std::string&amp;gt; &amp;gt; gname;
gname.push_back(std::vector&amp;lt;std::string&amp;gt;({"John","jake"}));
gname.push_back(std::vector&amp;lt;std::string&amp;gt;({"May", "harold}));
&lt;/code&gt;&lt;/pre&gt;
&lt;p&gt;and I want to put all the values from gname to,&lt;/p&gt;
&lt;pre&gt;&lt;code&gt;std:vector&amp;lt;std::string&amp;gt; cname;
&lt;/code&gt;&lt;/pre&gt;
&lt;p&gt;It this possible using c++11?&lt;/p&gt;</t>
  </si>
  <si>
    <t>2015-11-02 00:24:33.590000+00:00</t>
  </si>
  <si>
    <t>2015-11-02 01:04:41.877000+00:00</t>
  </si>
  <si>
    <t>2015-11-02 00:26:37.893000+00:00</t>
  </si>
  <si>
    <t>c++|c++11</t>
  </si>
  <si>
    <t>Multiple minimum spanning tree graph</t>
  </si>
  <si>
    <t>&lt;p&gt;I am stuck over a condition. I want to know what are the cases where a graph can have multiple minimum spanning tree?
Can anyone help me with this?&lt;/p&gt;</t>
  </si>
  <si>
    <t>2015-09-20 06:25:49.780000+00:00</t>
  </si>
  <si>
    <t>2016-05-30 08:41:58.450000+00:00</t>
  </si>
  <si>
    <t>graph</t>
  </si>
  <si>
    <t>C++ &amp; Boost: I'm trying to find an example TCP program with a server that accepts connections from multiple clients</t>
  </si>
  <si>
    <t>&lt;p&gt;A chat program would be a good enough example.
Just need a server that can accept multiple connections from the clients, and the server needs to be able to send messages to individual clients.&lt;/p&gt;
&lt;p&gt;I plan to turn this into a distributed computing program to work with multiple Neural Networks.&lt;/p&gt;</t>
  </si>
  <si>
    <t>2011-04-17 17:03:55.907000+00:00</t>
  </si>
  <si>
    <t>2011-04-18 05:34:05.670000+00:00</t>
  </si>
  <si>
    <t>c++|networking|tcp|network-programming|client-server</t>
  </si>
  <si>
    <t>in controller can't showing content in popup with ng-repeat?</t>
  </si>
  <si>
    <t>&lt;p&gt;I'm using daypilot scheduler i want to show details of an event in popup when clicked..     how can I get some information of 1 event and set in popup ?&lt;/p&gt;
&lt;p&gt;&lt;a href="https://i.stack.imgur.com/TJvLP.png" rel="nofollow noreferrer"&gt;screenshot&lt;/a&gt;
&lt;div class="snippet" data-lang="js" data-hide="false" data-console="true" data-babel="false"&gt;_x000D_
&lt;div class="snippet-code"&gt;_x000D_
&lt;pre class="snippet-code-js lang-js prettyprint-override"&gt;&lt;code&gt;$scope.schedulerConfig.onEventClicked = function(args){_x000D_
   var dp = $scope.scheduler;_x000D_
   var modal = new DayPilot.Modal({_x000D_
   onClosed: function(args) {_x000D_
      if (args.result) {_x000D_
         loadEvents();_x000D_
      }_x000D_
      //else console.log("error");_x000D_
      dp.clearSelection();_x000D_
   }  _x000D_
});_x000D_
modal.showHtml("&amp;lt;h1&amp;gt;Details&amp;lt;/h1&amp;gt;&amp;lt;div ng-repeat='event in events' ng-_x000D_
               if='event.id == 1490'&amp;gt;&amp;lt;div &amp;gt;{{ event.id }}&amp;lt;/div&amp;gt;&amp;lt;div &amp;gt;{{ event.text }}&amp;lt;/div&amp;gt;_x000D_
               &amp;lt;div &amp;gt;{{ event.start }}&amp;lt;/div&amp;gt; &amp;lt;div &amp;gt;{{ event.end }}&amp;lt;/div&amp;gt;&amp;lt;div &amp;gt;{{ event.resource }}&amp;lt;/div&amp;gt;&amp;lt;/div&amp;gt;");_x000D_
}&lt;/code&gt;&lt;/pre&gt;_x000D_
&lt;/div&gt;_x000D_
&lt;/div&gt;_x000D_
&lt;/p&gt;</t>
  </si>
  <si>
    <t>2017-02-23 11:00:48.867000+00:00</t>
  </si>
  <si>
    <t>2017-02-23 12:47:31.727000+00:00</t>
  </si>
  <si>
    <t>2017-02-23 12:32:02.033000+00:00</t>
  </si>
  <si>
    <t>javascript|html|angularjs|daypilot-scheduler</t>
  </si>
  <si>
    <t>Move Git Repo to submodule of itself</t>
  </si>
  <si>
    <t>&lt;p&gt;I have cloned a (gui) library repo into a local repo and now find I think a better structure would be to have that as a sub module, where my main code lives in the parent directory/repo. &lt;/p&gt;
&lt;p&gt;What is the best way to move the files that currently live in the repo to be moved to a sub-module repo? Or maybe the I should be adding a repo as a parent? (Preserving the existing name and submodule with a new name).&lt;/p&gt;
&lt;p&gt;now:&lt;/p&gt;
&lt;ul&gt;
&lt;li&gt;library Repo (Repo1)&lt;/li&gt;
&lt;/ul&gt;
&lt;p&gt;after:&lt;/p&gt;
&lt;ul&gt;
&lt;li&gt;&lt;p&gt;My Code in (Repo1)&lt;/p&gt;
&lt;ul&gt;
&lt;li&gt;Library Repo in (Repo1-Submodule1)&lt;/li&gt;
&lt;/ul&gt;&lt;/li&gt;
&lt;/ul&gt;
&lt;p&gt;This is the simple case where I currently have not custom code in the repo. So everything that currently lives in it needs to move (or become a child of parent repo).&lt;/p&gt;</t>
  </si>
  <si>
    <t>2016-04-15 22:08:27.190000+00:00</t>
  </si>
  <si>
    <t>2016-04-16 00:18:18.593000+00:00</t>
  </si>
  <si>
    <t>git|git-submodules</t>
  </si>
  <si>
    <t>In SQL is there a difference between count(*) and count(&lt;fieldname&gt;)</t>
  </si>
  <si>
    <t>&lt;p&gt;Pretty self explanatory question. Is there any reason to use one or the other?&lt;/p&gt;</t>
  </si>
  <si>
    <t>2009-01-11 22:50:55.077000+00:00</t>
  </si>
  <si>
    <t>2009-07-31 04:49:55.703000+00:00</t>
  </si>
  <si>
    <t>Spencer Ruport</t>
  </si>
  <si>
    <t>Get resources folder path c#</t>
  </si>
  <si>
    <t>&lt;p&gt;Some resources I have in my project are fine and working Ok using string paths but what if I move the project to another directory or to another computer, it will stop working.&lt;/p&gt;
&lt;p&gt;Please I need to get the path of the resources folder of my project in a string variable,&lt;/p&gt;
&lt;p&gt;Something like this&lt;/p&gt;
&lt;pre&gt;&lt;code&gt;C:\Users\User1\Documents\&amp;lt;projects folder&amp;gt;\&amp;lt;project name&amp;gt;\Resources\
&lt;/code&gt;&lt;/pre&gt;
&lt;p&gt;Thanks in advance.&lt;/p&gt;</t>
  </si>
  <si>
    <t>2014-11-28 04:10:45.890000+00:00</t>
  </si>
  <si>
    <t>2018-04-27 05:15:46.500000+00:00</t>
  </si>
  <si>
    <t>c#|path</t>
  </si>
  <si>
    <t>working LocationClient always returns null after turning location services on and off again</t>
  </si>
  <si>
    <t>&lt;p&gt;OK, so this is really freaky...&lt;/p&gt;
&lt;p&gt;I switch from the old locationmanager to the new shiny locationclient a while back. Works fine, but i noticed a very strange thing while testing fringe settings cases:&lt;/p&gt;
&lt;p&gt;As i said, working positoning app using google play's LocationClient as per examples etc.&lt;/p&gt;
&lt;p&gt;I start my app, get a couple of positions, all work fine. (You could say that i have a button that fetches locations when you click on it)&lt;/p&gt;
&lt;p&gt;I go into settings/location. I disable "Google location services", go back into app, get nothing. I then go back and reenable the setting!&lt;/p&gt;
&lt;p&gt;However - i get nothing. ever. Even if i restart my app i never get a location it times out every time.&lt;/p&gt;
&lt;p&gt;Only if i restart the phone i start getting positions again.&lt;/p&gt;
&lt;p&gt;Anybody have any ideas? Thoughts would be appreciated.&lt;/p&gt;</t>
  </si>
  <si>
    <t>2014-02-02 22:53:29.497000+00:00</t>
  </si>
  <si>
    <t>android|google-play-services|location-client</t>
  </si>
  <si>
    <t>DataTables Data Manager (CRUD) Add-on for Google App Engine</t>
  </si>
  <si>
    <t>&lt;p&gt;I found &lt;a href="http://jquery-datatables-editable.googlecode.com/svn/trunk/index.html" rel="nofollow"&gt;DataTables Data Manager (CRUD) Add-on&lt;/a&gt; by Google. I wonder if this add-on can work with Google App Engine (python) because my site is developed by GAE. &lt;/p&gt;</t>
  </si>
  <si>
    <t>2013-01-12 01:18:26.400000+00:00</t>
  </si>
  <si>
    <t>2013-09-19 18:59:52.583000+00:00</t>
  </si>
  <si>
    <t>jquery|google-app-engine|jquery-datatables</t>
  </si>
  <si>
    <t>Object reference not set to an instance of an object - exception</t>
  </si>
  <si>
    <t>&lt;pre&gt;&lt;code&gt;XmlDocument xml = new XmlDocument();
XDocument doc = XDocument.Load(@"C:\Xml.xml");
&lt;/code&gt;&lt;/pre&gt;
&lt;p&gt;I am trying to load a XML document, but I get an exception:&lt;/p&gt;
&lt;blockquote&gt;
  &lt;p&gt;Object reference not set to an instance of an object&lt;/p&gt;
&lt;/blockquote&gt;
&lt;p&gt;The main purpose is to make a list from all the objects in the xml with&lt;/p&gt;
&lt;pre&gt;&lt;code&gt;AllUsers = doc.Descendants("EventUser").Select(d =&amp;gt;
                    new EventUser
                    {
                        Name = d.Element("Name").Value,
                        Day = doc.Element("Day").Value,
                        Month = doc.Element("Month").Value,
                        Year = doc.Element("Year").Value
                    }).ToList();
&lt;/code&gt;&lt;/pre&gt;</t>
  </si>
  <si>
    <t>2015-11-30 17:38:10.740000+00:00</t>
  </si>
  <si>
    <t>2015-11-30 18:06:59.603000+00:00</t>
  </si>
  <si>
    <t>2015-11-30 17:48:35.330000+00:00</t>
  </si>
  <si>
    <t>xml|deserialization|xml-deserialization</t>
  </si>
  <si>
    <t>Add ascending index to each document using mongodb Java driver 3.6+</t>
  </si>
  <si>
    <t>&lt;p&gt;I want to add the field named as &lt;code&gt;index&lt;/code&gt; with &lt;a href="http://mongodb.github.io/mongo-java-driver/3.7/driver/tutorials/indexes/" rel="nofollow noreferrer"&gt;ascending value&lt;/a&gt; to each document like:&lt;/p&gt;
&lt;pre&gt;&lt;code&gt;    _id:454dfddf34
    field:"..."
    field:"..."
    field:"..."
    index:1
    _id:5bcf47c460
    field:"..."
    field:"..."
    field:"..."
    index:2
     _id:433jkdc46
    field:"..."
    field:"..."
    field:"..."
    index:3
&lt;/code&gt;&lt;/pre&gt;
&lt;p&gt;And so on. &lt;/p&gt;
&lt;p&gt;So, I'm writing the code for adding:&lt;/p&gt;
&lt;pre&gt;&lt;code&gt;Document found = database.getCollection("name").find(new Document("field", "...")
                .append("field", "...")
                .append("field", "...")
                .append("field", "...")).first();
        if (found == null) {
            collection.createIndex(Indexes.ascending("index"));
            collection.insertOne(new Document("field", "...")
                    .append("field", "...")
                    .append("field", "...")
                    .append("field", "...")
                    .append("index", 1));
        }
&lt;/code&gt;&lt;/pre&gt;
&lt;p&gt;But the result is:&lt;/p&gt;
&lt;pre&gt;&lt;code&gt;_id:454dfddf34
field:"..."
field:"..."
field:"..."
index:1
_id:5bcf47c460
field:"..."
field:"..."
field:"..."
index:1
 _id:433jkdc46
field:"..."
field:"..."
field:"..."
index:1
&lt;/code&gt;&lt;/pre&gt;
&lt;p&gt;Why it happens? Correct me, please.&lt;/p&gt;</t>
  </si>
  <si>
    <t>2018-10-23 22:50:36.737000+00:00</t>
  </si>
  <si>
    <t>2018-10-24 18:06:27.457000+00:00</t>
  </si>
  <si>
    <t>java|mongodb</t>
  </si>
  <si>
    <t>Draw a CGRect with Cocos2d</t>
  </si>
  <si>
    <t>&lt;p&gt;I'm using CGRect's for hitboxes, and my collisions seem to be a bit off. I want to quickly see where my hitboxes actually are.&lt;/p&gt;
&lt;p&gt;I tried a bunch of different approaches but most of them seem to be outdated, or just didn't work for me. &lt;/p&gt;
&lt;p&gt;I tried &lt;a href="https://stackoverflow.com/questions/7730417/simple-way-to-display-the-borders-of-a-cgrect"&gt;this&lt;/a&gt; already and a bunch of similar approaches. &lt;/p&gt;
&lt;p&gt;What is the simplest way to show the borders of a CGRect?&lt;/p&gt;</t>
  </si>
  <si>
    <t>2013-07-19 02:10:42.877000+00:00</t>
  </si>
  <si>
    <t>2013-07-19 08:09:04.230000+00:00</t>
  </si>
  <si>
    <t>2017-05-23 12:03:29.383000+00:00</t>
  </si>
  <si>
    <t>objective-c|cocos2d-iphone</t>
  </si>
  <si>
    <t>getopt_long not printing error message</t>
  </si>
  <si>
    <t>&lt;p&gt;I am using getopt and getopt_long to parse the arguments of a c++ program. When the arguments are given correctly, I dont have a problem. Also, when wrong short arguments are given, the error message is printed correctly. But when a wrong long argument is given, I am not getting its error message.&lt;/p&gt;
&lt;p&gt;Here is the code:&lt;/p&gt;
&lt;pre&gt;&lt;code&gt;#include &amp;lt;stdio.h&amp;gt;
#include &amp;lt;ctype.h&amp;gt;
#include &amp;lt;getopt.h&amp;gt;
static struct option long_options[] = {
    {"aa", no_argument,  0,  'a' },
    {"bb", no_argument,  0,  'b' },
    {0,    0,            0,  0 }
};
int main (int argc, char **argv)
{
  int c;
  int option_index;
    opterr = 0;
    while ((c = getopt_long (argc, argv, "ab",
                    long_options, &amp;amp;option_index)) != -1)
        switch (c) {
            case 0:
                printf ("option %s", long_options[option_index].name);
                if (optarg)
                    printf (" with arg %s", optarg);
                printf ("\n");
                break;
            case 'a':
                printf("got option a\n");
                break;
            case 'b':
                printf("got option b\n");
                break;
            case '?':
                if (isprint (optopt))
                    printf ("Unknown option `-%c'.\n", optopt);
                else
                    printf ("Unknown option character `\\x%x'.\n", optopt);
                return 1;
            default:
                printf("?? getopt_long returned character code 0%o ??\n", c);
                return 1;
        }
    if (optind &amp;lt; argc) {
        printf("non-option ARGV-elements: ");
        while (optind &amp;lt; argc)
            printf("%s ", argv[optind++]);
        printf("\n");
    }
    return 0;
}
&lt;/code&gt;&lt;/pre&gt;
&lt;p&gt;Here are the runs:&lt;/p&gt;
&lt;pre&gt;&lt;code&gt;$ ./a.exe -ab --aa --bb # works correctly
    got option a
    got option b
    got option a
    got option b
$ ./a.exe -z      # prints error message correctly
    Unknown option `-z'.
$ ./a.exe --zz    # not getting the error message for "--zz"
    Unknown option character `\x0'.
&lt;/code&gt;&lt;/pre&gt;
&lt;p&gt;How to print error message that --zz is an unknown option?&lt;/p&gt;</t>
  </si>
  <si>
    <t>2018-02-15 15:25:34.110000+00:00</t>
  </si>
  <si>
    <t>2018-02-15 16:13:41.707000+00:00</t>
  </si>
  <si>
    <t>c++|getopt|getopt-long</t>
  </si>
  <si>
    <t>Error message '/usr/bin/ld: cannot find -lIL'; how do I install that library?</t>
  </si>
  <si>
    <t>&lt;p&gt;I am installing OpenFEC (www.openfec.org) on Ubuntu by first running &lt;code&gt;cmake ..&lt;/code&gt; from inside the directory &lt;em&gt;build&lt;/em&gt;; and then running the command &lt;code&gt;sudo make&lt;/code&gt;.
It goes fine until the following occurs:&lt;/p&gt;
&lt;pre&gt;&lt;code&gt;Linking C shared library ../../bin/Release/libopenfec.so
/usr/bin/ld: cannot find -lIL
&lt;/code&gt;&lt;/pre&gt;
&lt;p&gt;What library is that and how do I install it?&lt;/p&gt;
&lt;p&gt;&lt;strong&gt;Answer to the question:&lt;/strong&gt;
I found it here: &lt;a href="http://packages.ubuntu.com/search?arch=i386&amp;amp;searchon=contents&amp;amp;keywords=libIL.so.1" rel="nofollow"&gt;Link&lt;/a&gt;.&lt;/p&gt;
&lt;p&gt;On Ubuntu it is installed by running the command: 
&lt;code&gt;sudo apt-get install libdevil1c2 libdevil-dev&lt;/code&gt;&lt;/p&gt;</t>
  </si>
  <si>
    <t>2012-05-01 09:23:35.527000+00:00</t>
  </si>
  <si>
    <t>2012-05-09 10:44:54.650000+00:00</t>
  </si>
  <si>
    <t>2012-05-01 09:38:30.553000+00:00</t>
  </si>
  <si>
    <t>ubuntu|cmake</t>
  </si>
  <si>
    <t>Get date Minus 1 day but at exacty 4 AM</t>
  </si>
  <si>
    <t>&lt;p&gt;I have the following sql server &lt;code&gt;WHERE&lt;/code&gt; clause:&lt;/p&gt;
&lt;blockquote&gt;
  &lt;p&gt;WHERE (DateCreated &gt;= CONVERT(datetime, GETDATE(), 111) - 1)&lt;/p&gt;
&lt;/blockquote&gt;
&lt;p&gt;This gets the date (where today is 2015-06-09) &lt;code&gt;2015-06-08&lt;/code&gt;. I need to add a time to this as well like &lt;code&gt;2015-06-08 04:00:00&lt;/code&gt; in 24H format. the time will always be the same bat every time the SQL command is executed, it should only be from yesterday at 4 AM to the current date and time.&lt;/p&gt;
&lt;p&gt;how can this be achieved?&lt;/p&gt;</t>
  </si>
  <si>
    <t>2015-06-09 11:39:47.570000+00:00</t>
  </si>
  <si>
    <t>2015-06-09 11:51:05.403000+00:00</t>
  </si>
  <si>
    <t>sql-server|visual-studio-2013</t>
  </si>
  <si>
    <t>Why this function is returning nil?</t>
  </si>
  <si>
    <t>&lt;p&gt;I'm studying Clojure and Functional Programming, in order to practice, I am working on the 4clojure problems. &lt;/p&gt;
&lt;p&gt;this function, (not the best approach..  I know) is working. 
(Reverse interleave) However, the function is retuning nil. &lt;/p&gt;
&lt;pre&gt;&lt;code&gt;(defn reverse_interleave
  [coll ss]
  (let [xx (dec ss)]
    (loop [coll (reverse coll) s xx _ss ss ret `()]
      (if (nil? (first coll)) (do (println :ret ret) ret))
      (when-let [x (first coll)]
                        (recur 
                          (rest coll)
                          (if (zero? s) xx (dec s))
                          (if (or (= 1 _ss) (zero? _ss)) 0 (dec _ss))
                          (if (zero? _ss)
                            (map-indexed #(if (= % s) (cons x %2) %2) ret)
                            (cons (list x) ret))
                            ))
      )) ret)
(reverse_interleave (range 9) 3)
&lt;/code&gt;&lt;/pre&gt;
&lt;p&gt;The question is... Why? &lt;/p&gt;</t>
  </si>
  <si>
    <t>2015-02-21 18:08:34.383000+00:00</t>
  </si>
  <si>
    <t>2015-02-21 19:11:28.577000+00:00</t>
  </si>
  <si>
    <t>clojure</t>
  </si>
  <si>
    <t>Database design for a chat app</t>
  </si>
  <si>
    <t>&lt;p&gt;I'm trying to create a web chat app using AJAX, PHP and mySQL. I'm having trouble with the database structure.. Here's what I've thought :&lt;/p&gt;
&lt;p&gt;A users table: Contains basic user's info&lt;/p&gt;
&lt;p&gt;A Chat table: Contains basic columns like 'to', 'from' 'timestamp' etc..&lt;/p&gt;
&lt;p&gt;The problem:&lt;/p&gt;
&lt;p&gt;I think that this will get pretty messy very quickly since lots of users will be querying the same table. Not to mention some security issues. I want to create a separate table for each conversation. Is this a good idea? What would be your preferred structure?&lt;/p&gt;</t>
  </si>
  <si>
    <t>2016-01-24 22:45:07.753000+00:00</t>
  </si>
  <si>
    <t>2016-01-24 23:11:39.273000+00:00</t>
  </si>
  <si>
    <t>2016-01-24 22:50:18.893000+00:00</t>
  </si>
  <si>
    <t>php|mysql|database-design</t>
  </si>
  <si>
    <t>NVD3 chart top margin ensuring space for chart title does not work</t>
  </si>
  <si>
    <t>&lt;p&gt;I want to have title text similar as described at &lt;a href="https://stackoverflow.com/a/16459669/337621"&gt;this answer&lt;/a&gt;. I wanted to specify top margin to ensure place for it. However the margin.top seems to have no effect at all.&lt;/p&gt;
&lt;p&gt;I specify the margin like this in javascript:&lt;/p&gt;
&lt;pre&gt;&lt;code&gt;chart.margin({
        top: 1000,
        right: 100,
        bottom: 0,
        left: 100
    });
&lt;/code&gt;&lt;/pre&gt;
&lt;p&gt;All other margins are working as expected. Try my short demo at &lt;a href="http://jsfiddle.net/6DgVP/2/" rel="nofollow noreferrer"&gt;http://jsfiddle.net/6DgVP/2/&lt;/a&gt; (credits go to the &lt;a href="http://jsfiddle.net/rustybailey/z4aZ4/" rel="nofollow noreferrer"&gt;original example&lt;/a&gt; I modified) . All margins are working except top.&lt;/p&gt;
&lt;p&gt;Is it a known issue? Can I fix it somehow?&lt;/p&gt;</t>
  </si>
  <si>
    <t>2014-04-28 10:25:08.063000+00:00</t>
  </si>
  <si>
    <t>2014-04-28 10:53:07.600000+00:00</t>
  </si>
  <si>
    <t>2017-05-23 12:05:10.740000+00:00</t>
  </si>
  <si>
    <t>javascript|d3.js|charts|nvd3.js</t>
  </si>
  <si>
    <t>UIImageView half moon slice</t>
  </si>
  <si>
    <t>&lt;p&gt;I'm trying to create an app with groups you can switch between. My idea was to pick the first 3 photo's of the members in the group, and lay the images over each other. Adding three images over each other is not really difficult, the difficult part for me is to make the other two images show up like a "half moon" beneath the other images. See the attached image for an example. &lt;/p&gt;
&lt;p&gt;&lt;a href="https://i.stack.imgur.com/pfsoa.png" rel="nofollow noreferrer"&gt;&lt;img src="https://i.stack.imgur.com/pfsoa.png" alt="enter image description here"&gt;&lt;/a&gt;&lt;/p&gt;</t>
  </si>
  <si>
    <t>2016-03-19 16:32:49.730000+00:00</t>
  </si>
  <si>
    <t>2016-03-19 23:19:37.827000+00:00</t>
  </si>
  <si>
    <t>2016-03-19 22:58:21.190000+00:00</t>
  </si>
  <si>
    <t>objective-c|uiimageview</t>
  </si>
  <si>
    <t>How to output filesize in integer format in batch script</t>
  </si>
  <si>
    <t>&lt;p&gt;I am trying to loop through files in a folder and get all files greater than 100MB.  &lt;/p&gt;
&lt;p&gt;Now, if I do this, I can get the size of the files to output in bytes: &lt;/p&gt;
&lt;pre&gt;&lt;code&gt;for %%f in (%FOLDER_PATH%\*) do (
  set /p val=&amp;lt;%%f
  echo %%~z%f
)
&lt;/code&gt;&lt;/pre&gt;
&lt;p&gt;While I can echo that value, I cannot assign it to a variable or run a comparison with it: &lt;/p&gt;
&lt;pre&gt;&lt;code&gt;for %%f in (%FOLDER_PATH%\*) do (
  set /p val=&amp;lt;%%f
  if %%~z%f GTR 104857600(
  echo file meets criteria
  )
)
&lt;/code&gt;&lt;/pre&gt;
&lt;p&gt;The above code returns: 
&lt;code&gt;The syntax of the command is incorrect.&lt;/code&gt;&lt;/p&gt;</t>
  </si>
  <si>
    <t>2017-08-22 05:09:35.670000+00:00</t>
  </si>
  <si>
    <t>2017-08-23 04:48:59.837000+00:00</t>
  </si>
  <si>
    <t>windows|batch-file|scripting</t>
  </si>
  <si>
    <t>database sqlite couldnt run,</t>
  </si>
  <si>
    <t>&lt;p&gt;I am using this simple code to create a table User in my database.&lt;/p&gt;
&lt;pre&gt;&lt;code&gt;@Override 
public void onCreate(SQLiteDatabase db) {
   String create_t_user = 
                   "CREATE TABLE IF NOT EXISTS user ("+
                   "ID int(10) NOT NULL AUTO_INCREMENT,"+
                   "username varchar(20) NOT NULL,"+
                   "password varchar(20) NOT NULL,"+
                   "connected binary(1) NOT NULL,"+
                   "PRIMARY KEY (ID));";
   db.execSQL(create_t_user);
   // ...
&lt;/code&gt;&lt;/pre&gt;
&lt;p&gt;The logcat shows me an error when I try to run that code. It says &lt;/p&gt;
&lt;blockquote&gt;
  &lt;p&gt;"04-28 02:49:57.146: E/AndroidRuntime(10649):
  android.database.sqlite.SQLiteException: near "AUTO_INCREMENT": syntax
  error: CREATE TABLE user (ID int(10) NOT NULL AUTO_INCREMENT,username
  varchar(20) NOT NULL,password varchar(20) NOT NULL,connected binary(1)
  NOT NULL,PRIMARY KEY (ID))"&lt;/p&gt;
&lt;/blockquote&gt;</t>
  </si>
  <si>
    <t>2014-04-28 01:56:21.100000+00:00</t>
  </si>
  <si>
    <t>2017-02-12 22:22:06.807000+00:00</t>
  </si>
  <si>
    <t>android|sqlite</t>
  </si>
  <si>
    <t>new[] / delete[] and throwing constructors / destructors in C++</t>
  </si>
  <si>
    <t>&lt;p&gt;What happens, in the following code, if construction / destruction of some array element throws?&lt;/p&gt;
&lt;pre&gt;&lt;code&gt;X* x = new X[10]; // (1)
delete[] x;       // (2)
&lt;/code&gt;&lt;/pre&gt;
&lt;p&gt;I know that memory leaks are prevented, but additionally:&lt;/p&gt;
&lt;ol&gt;
&lt;li&gt;&lt;p&gt;Ad (1), are the previously constructed elements destructed? If yes, what happens if destructor throws in such a case?&lt;/p&gt;&lt;/li&gt;
&lt;li&gt;&lt;p&gt;Ad (2), are the not-yet-destructed elements destructed? If yes, what happens if destructor throws again?&lt;/p&gt;&lt;/li&gt;
&lt;/ol&gt;</t>
  </si>
  <si>
    <t>2017-07-17 15:57:05.063000+00:00</t>
  </si>
  <si>
    <t>2017-07-18 20:16:24.497000+00:00</t>
  </si>
  <si>
    <t>c++|arrays|exception|new-operator|delete-operator</t>
  </si>
  <si>
    <t>How does automatic migrations work internally in Entity Framework 4.3</t>
  </si>
  <si>
    <t>&lt;p&gt;I want to know that how does automatic migrations work internally in Entity Framework 4.3 ? &lt;/p&gt;
&lt;p&gt;i.e. when i add a new property in my Model and Run the ���Update-Database��� command in Package Manager Console then Code First Migrations will update my database and will include the new column(for the new property). &lt;/p&gt;
&lt;p&gt;Now i want to know how does 'Update-Database' command internally works ? &lt;/p&gt;</t>
  </si>
  <si>
    <t>2012-03-13 10:41:33.747000+00:00</t>
  </si>
  <si>
    <t>2012-03-13 12:02:04.310000+00:00</t>
  </si>
  <si>
    <t>c#|asp.net-mvc|entity-framework</t>
  </si>
  <si>
    <t>array.indexOf in TypeScript/JavaScript</t>
  </si>
  <si>
    <t>&lt;p&gt;&lt;strong&gt;UPDATE: Although this question is marked as duplicated with &lt;a href="https://stackoverflow.com/questions/8668174/indexof-method-in-an-object-array"&gt;this&lt;/a&gt;. But @ssube's way is neat and much smarter.&lt;/strong&gt;&lt;/p&gt;
&lt;p&gt;&lt;strong&gt;UPDATE2: Seems there is new way to do it in the comment by @Grungondola.&lt;/strong&gt;&lt;/p&gt;
&lt;p&gt;I am using Typescript.&lt;/p&gt;
&lt;p&gt;This works well.&lt;/p&gt;
&lt;pre&gt;&lt;code&gt;var array1 = [];
array1.push(5);
array1.push(6);
console.log("a", array2.indexOf(6));
&lt;/code&gt;&lt;/pre&gt;
&lt;p&gt;But this does not work well. Because array2.indexOf returns -1 which means it does not find it.&lt;/p&gt;
&lt;pre&gt;&lt;code&gt;var array2 = [];
array2.push({aa:5,bb:5});
array2.push({aa:6,bb:6});
console.log(array2.indexOf({aa:6,bb:6}));
&lt;/code&gt;&lt;/pre&gt;
&lt;p&gt;Looks like indexOf does not support Object. Does TypeScript have its own ways to deal with this kind of problem? Thanks.&lt;/p&gt;</t>
  </si>
  <si>
    <t>2016-02-04 17:02:09.113000+00:00</t>
  </si>
  <si>
    <t>2018-10-31 15:33:13.670000+00:00</t>
  </si>
  <si>
    <t>javascript|typescript</t>
  </si>
  <si>
    <t>Access a file created by a separate thread</t>
  </si>
  <si>
    <t>&lt;p&gt;I have a problem aith multithreading when copying and accessing files.&lt;/p&gt;
&lt;p&gt;I have a service, that downloads and unpacks a Zip archive, then it copies a file from unzipped folder to the right location:&lt;/p&gt;
&lt;pre&gt;&lt;code&gt;//Download, and uzip archive...
//Copy a needed file to its right location
File.Copy(fileName, fileDestination);
&lt;/code&gt;&lt;/pre&gt;
&lt;p&gt;Then I start a separate thread, that needs to access the copied files:&lt;/p&gt;
&lt;pre&gt;&lt;code&gt;TheadPool.QueueUserWorkItem(s =&amp;gt; processCopiedFile(fileDestination));
&lt;/code&gt;&lt;/pre&gt;
&lt;p&gt;Here's the code fragment from ProcessCopiedFile:&lt;/p&gt;
&lt;pre&gt;&lt;code&gt;private void ProcessCopiedFile(string filePath)
{
    ...
    //Load the file, previously copied here
    var xml = XDocument.Load(filePath);
    ...
    //Do other work...
}
&lt;/code&gt;&lt;/pre&gt;
&lt;p&gt;The XDoument.Load call fails with exception:&lt;/p&gt;
&lt;pre&gt;&lt;code&gt;The process cannot access the file &amp;lt;FileName&amp;gt; because it is used by another process.
&lt;/code&gt;&lt;/pre&gt;
&lt;p&gt;Seems like File.Copy keeps the result file locked. When do all work synchronuously, it works without errors.
Have you any thoughts?
Thx.&lt;/p&gt;</t>
  </si>
  <si>
    <t>2011-10-24 14:18:54.743000+00:00</t>
  </si>
  <si>
    <t>2011-10-24 15:55:10.577000+00:00</t>
  </si>
  <si>
    <t>c#|multithreading|io|file-copying</t>
  </si>
  <si>
    <t>Jquery mobile multiple click events when go back into page</t>
  </si>
  <si>
    <t>&lt;p&gt;I have just upgraded jquery mobile to beta 2(from beta 1) and I am now receiving multiple click events if i go back into a page after pressing back, each time I go back in it adds another to the click so the alert fires however many times you go into the page&lt;/p&gt;
&lt;p&gt;I have also noticed that clicks/taps seem to go through the current page and clicking on pages hidden by view - seems really strange but I am thinking they are probably linked.&lt;/p&gt;
&lt;p&gt;It is as if it is creating multiple versions of the same page and when you go back into it loads a new one causing there to be two click events.&lt;/p&gt;
&lt;p&gt;Here is a snippet of the code which is being fired &lt;/p&gt;
&lt;pre&gt;&lt;code&gt;$('#click_me').live('vclick', function() {
    alert('clicked');
});
&lt;/code&gt;&lt;/pre&gt;
&lt;p&gt;Hopefully this makes sense and anyone can shed any light on what might be going on?&lt;/p&gt;</t>
  </si>
  <si>
    <t>2011-08-17 10:27:01.910000+00:00</t>
  </si>
  <si>
    <t>2011-09-24 17:08:16.583000+00:00</t>
  </si>
  <si>
    <t>android|click|jquery-mobile</t>
  </si>
  <si>
    <t>Haskell - Optimizing differential equation solver</t>
  </si>
  <si>
    <t>&lt;p&gt;I'm learning Haskell and am trying to write code as fast as I can do in C. For this exercise, I'm writing a &lt;a href="http://en.wikipedia.org/wiki/Euler_method" rel="noreferrer"&gt;Euler integrator&lt;/a&gt; for a simple one-dimensional physical system.&lt;/p&gt;
&lt;ul&gt;
&lt;li&gt;The C code is compiled with GCC 4.5.4 and &lt;code&gt;-O3&lt;/code&gt;. It runs in &lt;b&gt;1.166&lt;/b&gt; seconds.&lt;/li&gt;
&lt;li&gt;The Haskell code is compiled with GHC 7.4.1 and &lt;code&gt;-O3&lt;/code&gt;. It runs in &lt;b&gt;21.3&lt;/b&gt; seconds.&lt;/li&gt;
&lt;li&gt;If I compile Haskell with &lt;code&gt;-O3 -fllvm&lt;/code&gt;, it runs in &lt;b&gt;4.022&lt;/b&gt; seconds.&lt;/li&gt;
&lt;/ul&gt;
&lt;p&gt;So, am I missing something to optimize my Haskell code?&lt;/p&gt;
&lt;p&gt;&lt;b&gt;PS.:&lt;/b&gt; I used the following arguments: &lt;code&gt;1e-8 5&lt;/code&gt;.&lt;/p&gt;
&lt;p&gt;C code:&lt;/p&gt;
&lt;pre&gt;&lt;code&gt;#include &amp;lt;stdio.h&amp;gt;
double p, v, a, t;
double func(double t) {
  return t * t;
}
void euler(double dt) {
  double nt = t + dt;
  double na = func(nt);
  double nv = v + na * dt;
  double np = p + nv * dt;
  p = np;
  v = nv;
  a = na;
  t = nt;
}
int main(int argc, char ** argv) {
  double dt, limit;
  sscanf(argv[1], "%lf", &amp;amp;dt);
  sscanf(argv[2], "%lf", &amp;amp;limit);
  p = 0.0;
  v = 0.0;
  a = 0.0;
  t = 0.0;
  while(t &amp;lt; limit) euler(dt);
  printf("%f %f %f %f\n", p, v, a, t);
  return 0;
}
&lt;/code&gt;&lt;/pre&gt;
&lt;p&gt;Haskell Code:&lt;/p&gt;
&lt;pre&gt;&lt;code&gt;import System.Environment (getArgs)
data EulerState = EulerState !Double !Double !Double !Double deriving(Show)
type EulerFunction = Double -&amp;gt; Double
main = do
  [dt, l] &amp;lt;- fmap (map read) getArgs
  print $ runEuler (EulerState 0 0 0 0) (**2) dt l
runEuler :: EulerState -&amp;gt; EulerFunction -&amp;gt; Double -&amp;gt; Double -&amp;gt; EulerState
runEuler s@(EulerState _ _ _ t) f dt limit = let s' = euler s f dt
                                             in case t `compare` limit of
                                                  LT -&amp;gt; s' `seq` runEuler s' f dt limit
                                                  _ -&amp;gt; s'
euler :: EulerState -&amp;gt; EulerFunction -&amp;gt; Double -&amp;gt; EulerState
euler (EulerState p v a t) f dt = (EulerState p' v' a' t')
    where t' = t + dt
          a' = f t'
          v' = v + a'*dt
          p' = p + v'*dt
&lt;/code&gt;&lt;/pre&gt;</t>
  </si>
  <si>
    <t>2012-10-11 02:09:06.707000+00:00</t>
  </si>
  <si>
    <t>2012-10-11 13:23:05.893000+00:00</t>
  </si>
  <si>
    <t>haskell|ode|differential-equations</t>
  </si>
  <si>
    <t>Lightbox Jquery Library / HTML5 popstate issue</t>
  </si>
  <si>
    <t>&lt;p&gt;I have the lightbox Jquery library which is loaded in at the top of the index.php page:&lt;/p&gt;
&lt;pre&gt;&lt;code&gt;&amp;lt;script src="&amp;lt;?php echo WORKING_URL;?&amp;gt;/js/lightbox-plus-jquery.js"&amp;gt;&amp;lt;/script&amp;gt;
&lt;/code&gt;&lt;/pre&gt;
&lt;p&gt;The whole site is a Single Page Application that uses AJAX for everything. The first time you make an AJAX call, the lightbox works fine and the images will show pictures of the product full screen. However when you click the browser back button and then try and look at a different image. The following console error occurs:&lt;/p&gt;
&lt;pre&gt;&lt;code&gt;(index):11331 Uncaught TypeError: Cannot read property 'width' of undefined
at Lightbox.sizeOverlay ((index):11331)
at Lightbox.start ((index):11196)
at HTMLAnchorElement.&amp;lt;anonymous&amp;gt; ((index):11077)
at HTMLBodyElement.dispatch ((index):5940)
at HTMLBodyElement.elemData.handle ((index):5748)
&lt;/code&gt;&lt;/pre&gt;
&lt;p&gt;Is there a way to reinitialise the Lightbox JQuery library when the popstate eventlistener is called?&lt;/p&gt;
&lt;p&gt;Below is my code for the HTML5 pushState and onpopstate calls. Note that the URL never changes - this was a deliberate decision:&lt;/p&gt;
&lt;pre&gt;&lt;code&gt;$(document).ajaxComplete(function(ev, jqXHR, settings) {
var stateObj = { url: settings.url, innerhtml: document.body.innerHTML }; //document.documentElement.innerHTML
window.history.pushState(stateObj, settings.url, '&amp;lt;?php echo AJAX_NAVIGATION_ROOT;?&amp;gt;');
});
window.onpopstate = function (event) {
    var currentState = history.state;
    document.body.innerHTML = currentState.innerhtml;
};
window.addEventListener('popstate', function(e) {
// get my datepicker and reinitalize it
&amp;lt;?php //include (WEB_PORTAL_AJAX_POPSTATE_REINITIALIZE);?&amp;gt;
});
&lt;/code&gt;&lt;/pre&gt;</t>
  </si>
  <si>
    <t>2018-05-15 15:47:59.137000+00:00</t>
  </si>
  <si>
    <t>jquery|ajax|html5|twitter-bootstrap|lightbox</t>
  </si>
  <si>
    <t>Collapsing dict keys into one key: Python</t>
  </si>
  <si>
    <t>&lt;p&gt;So I have a bunch of dictionaries in a list, whose keys are numbers and values are string objects. something like &lt;code&gt;[{0:'tom',1:'cat',2:'apache',3:'server',4:'open', 5:'now'},...]&lt;/code&gt; and I like to get something like &lt;/p&gt;
&lt;p&gt;&lt;code&gt;[{0: 'tom cat apache', 1:'server',2:'open',3:'now'},...]&lt;/code&gt; by collapsing the first 3 keys into 1 keys and adding their values. The keys may or may not be always consecutive or starting at zero.&lt;/p&gt;
&lt;p&gt;I can do this with for loops and if statement, but my implementation seems messy. I'm sure there's a pythonic way. Thanks!&lt;/p&gt;</t>
  </si>
  <si>
    <t>2012-12-24 03:05:57.577000+00:00</t>
  </si>
  <si>
    <t>2012-12-24 04:32:41.113000+00:00</t>
  </si>
  <si>
    <t>2012-12-24 03:26:35.317000+00:00</t>
  </si>
  <si>
    <t>Android app doesn't work correctly</t>
  </si>
  <si>
    <t>&lt;p&gt;Faced with error when my simple android java parsing app isn't working. It only shows "Error" text (caught exception) instead of single element of the page. The filter is ok as app was working on other emulator, but now i can't remember the specs of that AVD.&lt;/p&gt;
&lt;pre&gt;&lt;code&gt;package com.example.untitled5;
import android.app.Activity;
import android.os.Bundle;
import android.widget.TextView;
import org.jsoup.Jsoup;
import org.jsoup.nodes.Document;
import org.jsoup.select.Elements;
public class MyActivity extends Activity {
    /**
     * Called when the activity is first created.
     */
    static final String BLOG_URL = "[here is correct link]";
    @Override
    public void onCreate(Bundle savedInstanceState) {
        // set layout view
        super.onCreate(savedInstanceState);
        setContentView(R.layout.main);
        // process
        try {
            ((TextView)findViewById(R.id.tv)).setText(getBlogStats());
        } catch (Exception ex) {
            ((TextView)findViewById(R.id.tv)).setText("Error");
        }
    }
    protected String getBlogStats() throws Exception {
        String result = "";
        // get html document structure
        Document document = Jsoup.connect(BLOG_URL).get();
        // selector query
        //while (!document.)
        Elements nodeBlogStats = document.select(".ttElement");
        // check results
        if(nodeBlogStats.size() &amp;gt; 0) {
            // get value
            result = nodeBlogStats.get(0).text();
        }
        // return
        return result;
    }
}
&lt;/code&gt;&lt;/pre&gt;
&lt;p&gt;AndroidManifest:
    &lt;/p&gt;
&lt;pre&gt;&lt;code&gt;    &amp;lt;uses-sdk
        android:minSdkVersion="10"
        android:targetSdkVersion="19"/&amp;gt;
    &amp;lt;permission android:name="android.permission.INTERNET"/&amp;gt;
    &amp;lt;application
        android:label="@string/app_name"&amp;gt;
        &amp;lt;activity
            android:name="MyActivity"
            android:label="@string/app_name"&amp;gt;
            &amp;lt;intent-filter&amp;gt;
                &amp;lt;action android:name="android.intent.action.MAIN"/&amp;gt;
                &amp;lt;category android:name="android.intent.category.LAUNCHER"/&amp;gt;
            &amp;lt;/intent-filter&amp;gt;
        &amp;lt;/activity&amp;gt;
    &amp;lt;/application&amp;gt;
&amp;lt;/manifest&amp;gt;
&lt;/code&gt;&lt;/pre&gt;
&lt;p&gt;main.xml:&lt;/p&gt;
&lt;pre&gt;&lt;code&gt;&amp;lt;?xml version="1.0" encoding="utf-8"?&amp;gt;
&amp;lt;LinearLayout xmlns:android="http://schemas.android.com/apk/res/android"
              android:orientation="vertical"
              android:layout_width="fill_parent"
              android:layout_height="fill_parent"
    &amp;gt;
    &amp;lt;TextView
        android:id="@+id/tv"
        android:layout_width="fill_parent"
        android:layout_height="wrap_content"
        /&amp;gt;
&amp;lt;/LinearLayout&amp;gt;
&lt;/code&gt;&lt;/pre&gt;
&lt;p&gt;logcat:&lt;/p&gt;
&lt;pre&gt;&lt;code&gt;02-18 20:34:38.021       91-130/system_process I/ActivityManager��� Displayed com.example.untitled5/.MyActivity: +2s702ms
02-18 20:34:43.221      390-390/com.android.defcontainer D/dalvikvm��� GC_EXPLICIT freed 6K, 54% free 2537K/5511K, external 1625K/2137K, paused 46ms
02-18 20:34:47.537       91-204/system_process D/SntpClient��� request time failed: java.net.SocketException: Address family not supported by protocol
&lt;/code&gt;&lt;/pre&gt;
&lt;p&gt;update: slightly rework the code with your hints&lt;/p&gt;
&lt;pre&gt;&lt;code&gt;public class MyActivity extends Activity {
    /**
     * Called when the activity is first created.
     */
    static final String BLOG_URL = "link";
    @Override
    public void onCreate(Bundle savedInstanceState) {
        // set layout view
        super.onCreate(savedInstanceState);
        setContentView(R.layout.main);
        // async task start
        new FillText().execute();
    }
    private class FillText extends AsyncTask &amp;lt;Void, Void, String&amp;gt; {
        @Override
        protected String doInBackground(Void... params) {
            String result = "";
            // get html document structure
            Document document = null;
            try {
                document = Jsoup.connect(BLOG_URL).get();
            } catch (IOException e) {
                e.printStackTrace();
            }
            // selector query
            Elements nodeBlogStats = document.select(".ttElement");
            // check results
            if(nodeBlogStats.size() &amp;gt; 0) {
                // get value
                result = nodeBlogStats.get(0).text();
            }
            // return
            return result;
        }
        @Override
        protected void onPostExecute(String myText){
            super.onPostExecute(myText);
            ((TextView)findViewById(R.id.tv)).setText(doInBackground());
        }
    }
}
&lt;/code&gt;&lt;/pre&gt;
&lt;p&gt;now i'm getting next error:&lt;/p&gt;
&lt;pre&gt;&lt;code&gt;02-18 23:17:26.371      688-697/com.example.untitled5 E/AndroidRuntime��� FATAL EXCEPTION: AsyncTask #1
    java.lang.RuntimeException: An error occured while executing doInBackground()
            at android.os.AsyncTask$3.done(AsyncTask.java:200)
            at java.util.concurrent.FutureTask$Sync.innerSetException(FutureTask.java:274)
            at java.util.concurrent.FutureTask.setException(FutureTask.java:125)
            at java.util.concurrent.FutureTask$Sync.innerRun(FutureTask.java:308)
            at java.util.concurrent.FutureTask.run(FutureTask.java:138)
            at java.util.concurrent.ThreadPoolExecutor.runWorker(ThreadPoolExecutor.java:1088)
            at java.util.concurrent.ThreadPoolExecutor$Worker.run(ThreadPoolExecutor.java:581)
            at java.lang.Thread.run(Thread.java:1019)
     Caused by: java.lang.NullPointerException
            at com.example.untitled5.MyActivity$FillText.doInBackground(MyActivity.java:40)
            at com.example.untitled5.MyActivity$FillText.doInBackground(MyActivity.java:26)
&lt;/code&gt;&lt;/pre&gt;</t>
  </si>
  <si>
    <t>2014-02-18 20:37:22.317000+00:00</t>
  </si>
  <si>
    <t>2014-02-18 23:42:23.853000+00:00</t>
  </si>
  <si>
    <t>java|android|intellij-idea</t>
  </si>
  <si>
    <t>Are there any ways around default parameters needing to be declared at compliation in python?</t>
  </si>
  <si>
    <t>&lt;p&gt;So I was working on a bit of code and found that when defining things recursively you can't have a method with a default variable based off of a passed in variable. A bit of surface level research shows that Python requires these to be declared at compilation. As such the following is not allowed.&lt;/p&gt;
&lt;pre&gt;&lt;code&gt;    def foo(bar, potato = bar*bar):
        if(bar is 0): return potato
        potato -= bar
        return foo(bar-1, potato)
&lt;/code&gt;&lt;/pre&gt;
&lt;p&gt;The code is hogwash. But if it worked it would return (bar*(bar-1))/2.&lt;/p&gt;
&lt;p&gt;I know I could simply manually pass in potato, but are there other ways of making something similar to this work without using a global, or initially declaring potato? &lt;/p&gt;</t>
  </si>
  <si>
    <t>2017-12-19 06:52:36.997000+00:00</t>
  </si>
  <si>
    <t>2017-12-19 07:08:47.537000+00:00</t>
  </si>
  <si>
    <t>python|recursion|default-parameters</t>
  </si>
  <si>
    <t>Action in @HTML.ActionLink executing despite response from javascript window</t>
  </si>
  <si>
    <t>&lt;p&gt;The problem I am having is that the method in the HTML.ActionLink is executing despite the response from the javascript window being false.  I have a window asking the user to confirm if he wants to delete an element of page. Upon clicking on Yes, the method in the HTML.ActionLink should be called.  However, even if the user clicks on No, the method is called.  My codes are below:&lt;/p&gt;
&lt;p&gt;HTML.ActionLink:&lt;/p&gt;
&lt;pre&gt;&lt;code&gt;&amp;lt;div style="float: left; width: 40px; height: 10px; "&amp;gt; @Html.ActionLink("-Pg", "SupprimerPage", "Section", new { idpageId = @item.Id }, new { Onclick = "ConfirmDeletePage();", @class = "editLink", style = "width:30px" })&amp;lt;/div&amp;gt;
&lt;/code&gt;&lt;/pre&gt;
&lt;p&gt;Javascript window:&lt;/p&gt;
&lt;pre&gt;&lt;code&gt;    function ConfirmDeletePage() {
    var x = confirm("��tes-vous s��r de vouloir supprimer cette page?");
    if (x)
        return true;
    else
        event.preventDefault();
        return false;
}
&lt;/code&gt;&lt;/pre&gt;
&lt;p&gt;The method DeletePage is being called each time, no matter if the user has clicked on Yes or No.  Any idea of how to solve this?&lt;/p&gt;
&lt;p&gt;The div produced, with id added to a:&lt;/p&gt;
&lt;pre&gt;&lt;code&gt;&amp;lt;a onclick="ConfirmDeletePage();" class="editLink ui-button ui-widget ui-state-default ui-corner-all ui-button-text-only"
href="/Section/SupprimerPage?pageId=44" style="width:30px" role="button"
aria-disabled="false"&amp;gt;&amp;lt;span class="ui-button-text"&amp;gt;-Pg&amp;lt;/span&amp;gt;&amp;lt;/a&amp;gt;
&lt;/code&gt;&lt;/pre&gt;</t>
  </si>
  <si>
    <t>2015-11-17 05:09:15.520000+00:00</t>
  </si>
  <si>
    <t>2015-11-17 07:54:51.940000+00:00</t>
  </si>
  <si>
    <t>javascript|c#</t>
  </si>
  <si>
    <t>multi-threading safe usage with SerialPort controller</t>
  </si>
  <si>
    <t>&lt;p&gt;I have read dozens of articles about threading in c# and Application.DoEvents() ... Still can't use it properly to get my task done:
I have a controller connected to my COM, this controller works on command (i send command, need to wait few ms to get response from it), assume the response is a data that i want to plot every time interval using a loop:&lt;/p&gt;
&lt;ul&gt;
&lt;li&gt;start my loop.&lt;/li&gt;
&lt;li&gt;send command to controller via serialPort.
&lt;ul&gt;
&lt;li&gt;wait for response (wait let say 20 ms).&lt;/li&gt;
&lt;li&gt;obtain data.&lt;/li&gt;
&lt;/ul&gt;&lt;/li&gt;
&lt;li&gt;repeat this loop every let say 100 ms.&lt;/li&gt;
&lt;/ul&gt;
&lt;p&gt;this simply doesn't want to work!!  i tried to communicate with the data controller on other thread but it seems that it can't access the serialPort which belongs to the main thread (roughly speaking).&lt;/p&gt;
&lt;p&gt;any help is appreciated&lt;/p&gt;</t>
  </si>
  <si>
    <t>2013-11-15 01:34:55.723000+00:00</t>
  </si>
  <si>
    <t>2013-12-13 03:00:05.737000+00:00</t>
  </si>
  <si>
    <t>c#|multithreading|serial-port|doevents</t>
  </si>
  <si>
    <t>Maven exec:java -Xverify=none, profiler</t>
  </si>
  <si>
    <t>&lt;p&gt;I seem to be unable to get the &lt;code&gt;-Xverify:none&lt;/code&gt; to be effective in &lt;code&gt;mvn exec:java&lt;/code&gt;.&lt;/p&gt;
&lt;p&gt;This is what I tried in the &lt;code&gt;pom.xml&lt;/code&gt;:&lt;/p&gt;
&lt;pre&gt;&lt;code&gt;&amp;lt;build&amp;gt;
            &amp;lt;plugins&amp;gt;
                &amp;lt;plugin&amp;gt;
                    &amp;lt;groupId&amp;gt;org.codehaus.mojo&amp;lt;/groupId&amp;gt;
                    &amp;lt;artifactId&amp;gt;exec-maven-plugin&amp;lt;/artifactId&amp;gt;
                    &amp;lt;version&amp;gt;1.2.1&amp;lt;/version&amp;gt;
                    &amp;lt;executions&amp;gt;
                        &amp;lt;execution&amp;gt;
                            &amp;lt;goals&amp;gt;
                                &amp;lt;goal&amp;gt;java&amp;lt;/goal&amp;gt;
                            &amp;lt;/goals&amp;gt;
                        &amp;lt;/execution&amp;gt;
                    &amp;lt;/executions&amp;gt;
                    &amp;lt;configuration&amp;gt;
                        &amp;lt;mainClass&amp;gt;my.cool.Main&amp;lt;/mainClass&amp;gt;
                        &amp;lt;commandlineArgs&amp;gt;-keep-running&amp;lt;/commandlineArgs&amp;gt;
                        &amp;lt;arguments&amp;gt;
                            &amp;lt;argument&amp;gt;-Xverify:none&amp;lt;/argument&amp;gt;
                        &amp;lt;/arguments&amp;gt;                        
                    &amp;lt;/configuration&amp;gt;
                &amp;lt;/plugin&amp;gt;
            &amp;lt;/plugins&amp;gt;
        &amp;lt;/build&amp;gt;
&lt;/code&gt;&lt;/pre&gt;
&lt;p&gt;But it is not effective (I cannot properly attach a profiler, it keeps giving me &lt;code&gt;Profiler Agent Warning: Retransform failed with status 62&lt;/code&gt;)&lt;/p&gt;
&lt;p&gt;How can I pass the &lt;code&gt;-X&lt;/code&gt; so that it does work.&lt;/p&gt;</t>
  </si>
  <si>
    <t>2017-07-07 14:41:58.920000+00:00</t>
  </si>
  <si>
    <t>java|maven|pom.xml|profiler</t>
  </si>
  <si>
    <t>How do i get a TDataset to store empty string instead of null?</t>
  </si>
  <si>
    <t>&lt;p&gt;I have a required field in my database (NOT NULL), but empty strings are allowed. &lt;/p&gt;
&lt;p&gt;How do I get a delphi TDataset to work with this? With the required property of the field object set to either true or false it still seems to be trying to store null instead of an empty string.&lt;/p&gt;
&lt;p&gt;For info im using a TIBDataset and a TIBStringField.&lt;/p&gt;</t>
  </si>
  <si>
    <t>2013-09-26 10:22:00.263000+00:00</t>
  </si>
  <si>
    <t>2013-09-26 16:03:08.010000+00:00</t>
  </si>
  <si>
    <t>delphi|tdataset</t>
  </si>
  <si>
    <t>Step back by line in file</t>
  </si>
  <si>
    <t>&lt;p&gt;I'm iterating through a file and after some condition I have to step back by a line&lt;/p&gt;
&lt;p&gt;when file line match the regexp, the second while loop goes in and it iterates over a file until it match &lt;code&gt;while&lt;/code&gt;'s condition, after than my code have to STEP BACK by 1 line!&lt;/p&gt;
&lt;pre&gt;&lt;code&gt;while(my $line = &amp;lt;FL&amp;gt;){
 if($line =~ /some regexp/){
   while($line =~ /^\+/){
      $line = &amp;lt;FL&amp;gt;; #Step into next line
   }
   seek(FL, -length($line), 1); #This should get me back the previous line
   #Some tasks with previous line
 }
}
&lt;/code&gt;&lt;/pre&gt;
&lt;p&gt;actually &lt;code&gt;seek&lt;/code&gt; should work but it doesn't, it return me the same line... What is the problem?&lt;/p&gt;</t>
  </si>
  <si>
    <t>2014-08-14 14:23:46.737000+00:00</t>
  </si>
  <si>
    <t>2014-08-14 17:53:43.173000+00:00</t>
  </si>
  <si>
    <t>2014-08-14 17:01:31.857000+00:00</t>
  </si>
  <si>
    <t>perl|file|loops|iteration</t>
  </si>
  <si>
    <t>Are AppId and Package Id identical?</t>
  </si>
  <si>
    <t>&lt;p&gt;I want to open Windows Store of my current application (so the user can rate/review out app). In doing so, I need to get the App ID. However, I come across &lt;a href="https://stackoverflow.com/questions/34748044/why-currentappappid-take-so-long-in-windows-phone-10"&gt;this article in SO&lt;/a&gt; that says &lt;code&gt;CurrentApp.AppId&lt;/code&gt; takes a lot of time, and offer Package ID as substitution. I have never released a app on Windows Store before, and cannot test it now without a released/published app on Windows Store.&lt;/p&gt;
&lt;p&gt;Can anyone help me confirm about the following two lines of code?&lt;/p&gt;
&lt;pre&gt;&lt;code&gt;        //var appId = CurrentApp.AppId.ToString();
        var appId = Windows.ApplicationModel.Package.Current.Id;
&lt;/code&gt;&lt;/pre&gt;</t>
  </si>
  <si>
    <t>2016-03-10 15:10:56.757000+00:00</t>
  </si>
  <si>
    <t>2017-06-22 08:51:04.833000+00:00</t>
  </si>
  <si>
    <t>uwp|windows-store-apps|win-universal-app|windows-10-universal</t>
  </si>
  <si>
    <t>Android Location API weird behavior</t>
  </si>
  <si>
    <t>&lt;p&gt;I'm trying to fetch accurate location data for our android app and experiencing strange behavior of Location API (both old LocationListener API and new Fused Location API). &lt;/p&gt;
&lt;p&gt;I'm getting location changes for a certain amount of time (half a minute from the app start) trying to get the most accurate data available in this time interval.&lt;/p&gt;
&lt;p&gt;In case of LocationListener API everything is great until I use Google Maps in my Fragment. Without map location changes are frequent and accuracy is good, but when Map is shown, location frequency and accuracy are strongly affected. &lt;/p&gt;
&lt;p&gt;setMyLocationEnabled(boolean) is set to false;&lt;/p&gt;
&lt;p&gt;In case of Fused API I'm getting 10m accuracy inside any building, that's very weird too.&lt;/p&gt;
&lt;p&gt;Btw I can't use latest versions of Google Play Services because of backward compatibility with other parts of the app.&lt;/p&gt;
&lt;p&gt;Thanks in advance for any assistance.&lt;/p&gt;</t>
  </si>
  <si>
    <t>2016-07-27 08:32:38.503000+00:00</t>
  </si>
  <si>
    <t>2016-07-27 09:03:24.117000+00:00</t>
  </si>
  <si>
    <t>java|android|geolocation|android-location|fusedlocationproviderapi</t>
  </si>
  <si>
    <t>Is there a way to automatically start css transitions or animations on page load?</t>
  </si>
  <si>
    <t>&lt;p&gt;I want to change my box shadow from yellow to black and yellow again and just repeat that process. I don't mind if someone gives me a java script answer I just wanna know how to do it.&lt;/p&gt;</t>
  </si>
  <si>
    <t>2015-10-06 17:20:54.343000+00:00</t>
  </si>
  <si>
    <t>2015-10-06 17:29:02.007000+00:00</t>
  </si>
  <si>
    <t>user4975683</t>
  </si>
  <si>
    <t>javascript|html|css|box-shadow</t>
  </si>
  <si>
    <t>Is it possible to run android application from android application?</t>
  </si>
  <si>
    <t>&lt;p&gt;Is it possible to run android application from android application? For example, i have a button in application 1 and when i press that button i want application 2 to start. I'm developing application in react-native. &lt;/p&gt;
&lt;p&gt;I tried with Linking component but I'm getting this error "No Activity found to handle Intent". So i tried to edit AndroidManifest.xml, also without much success.&lt;/p&gt;
&lt;p&gt;Thanks in advance.&lt;/p&gt;</t>
  </si>
  <si>
    <t>2017-02-24 12:10:00.783000+00:00</t>
  </si>
  <si>
    <t>2017-02-24 12:17:10.917000+00:00</t>
  </si>
  <si>
    <t>android|android-intent|react-native</t>
  </si>
  <si>
    <t>MongoDB instance partitioned by date</t>
  </si>
  <si>
    <t>&lt;p&gt;I would like to have two mongo instances: the first one would store data from, let's assume, last 7 days and the other instance would contain all remaining data.&lt;/p&gt;
&lt;p&gt;Also, I have application which retrieves data from database. I expect full transparency ie. when I ask for data from 3 days it talks to first instance, but when I ask for 3 month old data it uses both instances to build query results.&lt;/p&gt;
&lt;p&gt;What technique should I employ to achieve this goal? I read about sharding, but did not found info about sharding by date dynamically. I mean I can partition by date, but key is constant, so I will have more and more data on first instance.&lt;/p&gt;</t>
  </si>
  <si>
    <t>2017-03-17 11:54:31.633000+00:00</t>
  </si>
  <si>
    <t>mongodb</t>
  </si>
  <si>
    <t>ORA-00920: invalid relational operator inserting from dual</t>
  </si>
  <si>
    <t>&lt;pre&gt;&lt;code&gt;INSERT INTO DIM_TEMPS (ID_DATE, DATE_DU_JOUR, ANNEE_CALENDAIRE,
  SEMESTRE, LIBELLE_SEMESTRE, TRIMESTRE, LIBELLE_TRIMESTRE,
  ANNEE_MOIS,MOIS, LIBELLE_MOIS, SEMAINE, JOUR, LIBELLE_JOUR,
  JOUR_FERIE, JOUR_OUVRE, QUANTIEME_JOUR)
SELECT TO_NUMBER(TO_CHAR(DT_CAL, "YYYYMMDD")) AS ID_CALENDRIER,
  DT_CAL AS DATE_DU_JOUR,
  TO_NUMBER(TO_CHAR(DT_CAL, "YYYY")) AS ANNEE_CALENDAIRE,
  ROUND(TO_NUMBER(TO_CHAR(DT_CAL, "Q"))/2) AS SEMESTRE,
  CASE ROUND(TO_NUMBER(TO_CHAR(DT_CAL, "Q"))/2)
    WHEN 1 THEN "1er semestre"
    ELSE "2��me semestre" END AS LIBELLE_SEMESTRE,
  TO_NUMBER(TO_CHAR(DT_CAL, "Q")) AS TRIMESTRE,
  CASE TO_NUMBER(TO_CHAR(DT_CAL, "Q"))
    WHEN 1 THEN "1er trimestre"
    ELSE TO_NUMBER(TO_CHAR(DT_CAL, "Q")) || "��me trimestre"
    END AS LIBELLE_TRIMESTRE,
  TO_NUMBER(TO_NUMBER(TO_CHAR(DT_CAL, "YYYY"))
    || LPAD(TO_CHAR(DT_CAL, "MM"), 2, "0")) AS ANNEE_MOIS,
  TO_NUMBER(TO_CHAR(DT_CAL, "MM")) AS MOIS,
  TO_CHAR(DT_CAL, "Month") AS LIBELLE_MOIS,
  TO_NUMBER(TO_CHAR(DT_CAL, "IW")) AS SEMAINE,
  TO_NUMBER(TO_CHAR(DT_CAL, "DD")) AS JOUR,
  TO_CHAR(DT_CAL, "Day") AS LIBELLE_JOUR,
  CASE WHEN TO_CHAR(DT_CAL, "D") IN ("6", "7")
    THEN "Oui" ELSE "Non" END AS JOUR_FERIE,
  CASE WHEN TO_CHAR(DT_CAL, "D") IN ("6", "7")
    THEN "Non" ELSE "Oui" END AS JOUR_OUVRE,
  NUM_JOUR AS QUANTIEME_JOUR
FROM (
  SELECT to_date("19000101","YYYYMMDD") + (rownum - 1) AS DT_CAL,
    rownum AS NUM_JOUR
  FROM dual connect BY to_date("19000101","YYYYMMDD") + (rownum - 1)
);
&lt;/code&gt;&lt;/pre&gt;</t>
  </si>
  <si>
    <t>2016-06-20 22:26:00.433000+00:00</t>
  </si>
  <si>
    <t>2016-06-21 21:31:14.287000+00:00</t>
  </si>
  <si>
    <t>2016-06-20 23:06:07.597000+00:00</t>
  </si>
  <si>
    <t>Google chart label</t>
  </si>
  <si>
    <t>&lt;p&gt;I have the column for the Annotation, but the annotation does not appear at the top of the bars? If the var view important to show the Label?&lt;/p&gt;
&lt;pre&gt;&lt;code&gt;google.load('visualization', '1.1', {'packages': ['bar']});
google.setOnLoadCallback(drawStuff);
function drawStuff() {
    var data = new google.visualization.DataTable();
    data.addColumn('string', 'Topping');
    data.addColumn('number', 'Nescafe Instant');
    data.addColumn({type: 'number', role: 'annotation'});
    data.addColumn('number', 'Folgers Instant');
    data.addColumn({type: 'number', role: 'annotation'})    
    data.addColumn('number', 'Nescafe Beans');
    data.addColumn({type: 'number', role: 'annotation'})    
    data.addRows([
        ['2001', 321, 150, 621, 500, 600, 816],
        ['2002', 163, 150, 231, 500, 600, 539] 
    ]);
    var options = {
        width: 800,
        height: 600,
        chart: {
            title: 'Year-by-year coffee consumption',
            subtitle: 'This data is not real'
        },
        vAxis: {
            viewWindow: {
                min: 0,
                max: 1500
            }
        },
        chartArea: { backgroundColor: '#F8F8F8' }
    };
    var chart = new google.charts.Bar(document.getElementById('chart_div'));
    chart.draw(data, google.charts.Bar.convertOptions(options));
};
&lt;/code&gt;&lt;/pre&gt;
&lt;p&gt;Thanks,
peXeq&lt;/p&gt;</t>
  </si>
  <si>
    <t>2016-07-14 14:17:08.627000+00:00</t>
  </si>
  <si>
    <t>2016-07-14 15:08:55.853000+00:00</t>
  </si>
  <si>
    <t>javascript|charts|google-visualization</t>
  </si>
  <si>
    <t>Popup window on clicking GirdView Cell</t>
  </si>
  <si>
    <t>&lt;p&gt;My Question is that When I click on a cell of Gridview then a Popup Window should be displayed where I could perform CRUD operations. Anyone, please Help me. Thank you!&lt;/p&gt;</t>
  </si>
  <si>
    <t>2018-05-18 17:40:04.037000+00:00</t>
  </si>
  <si>
    <t>2018-05-18 19:12:58.473000+00:00</t>
  </si>
  <si>
    <t>c#|asp.net|gridview|popupwindow</t>
  </si>
  <si>
    <t>Accent and deferred React's setState on input onChange</t>
  </si>
  <si>
    <t>&lt;p&gt;I'm creating a little utility where I need call a &lt;code&gt;setState&lt;/code&gt; deferred to next tick fired by an input's &lt;code&gt;onChange&lt;/code&gt; handler. Below a simple snippet showing the basic concept.&lt;/p&gt;
&lt;p&gt;&lt;a href="https://jsfiddle.net/samuelsimoes/q3p44sz1/" rel="nofollow noreferrer"&gt;https://jsfiddle.net/samuelsimoes/q3p44sz1/&lt;/a&gt;&lt;/p&gt;
&lt;pre&gt;&lt;code&gt;class MyComponent extends React.Component {
  constructor () {
    super(...arguments);
    this.state = {};
  }
  onChange (value) {
    setTimeout(v =&amp;gt; {
      this.setState({ name: v });
    }.bind(this, value), 0);
  }
  render () {
    return (
      &amp;lt;div&amp;gt;
        &amp;lt;input
          type="text"
          value={this.state.name}
          onChange={evt =&amp;gt; this.onChange(evt.target.value)} /&amp;gt;
      &amp;lt;/div&amp;gt;
    );
  }
};
ReactDOM.render(
  &amp;lt;MyComponent/&amp;gt;,
  document.getElementById("app-container")
);
&lt;/code&gt;&lt;/pre&gt;
&lt;p&gt;If you run this snippet in a browser on Mac OS and try to type some letter with an accent you get an awkward behavior different on each browser. On Chrome the accent only works for the first time, after the accent isn't applied anymore (take a look on the gif below). On Firefox, the accent and letter don't appear.&lt;/p&gt;
&lt;p&gt;&lt;a href="https://i.stack.imgur.com/2cgmi.gif" rel="nofollow noreferrer"&gt;&lt;img src="https://i.stack.imgur.com/2cgmi.gif" alt="Bug on Chrome"&gt;&lt;/a&gt;&lt;/p&gt;
&lt;p&gt;Do you guys have any clue about this?&lt;/p&gt;
&lt;p&gt;&lt;em&gt;p.s.: I tested this behavior on React 0.13, 0.14 and 15.0.2.&lt;/em&gt;&lt;/p&gt;</t>
  </si>
  <si>
    <t>2016-05-17 03:29:59.123000+00:00</t>
  </si>
  <si>
    <t>2016-06-03 21:32:45.777000+00:00</t>
  </si>
  <si>
    <t>2016-05-18 11:25:18.353000+00:00</t>
  </si>
  <si>
    <t>javascript|reactjs|deferred</t>
  </si>
  <si>
    <t>Inherit drawable selector</t>
  </si>
  <si>
    <t>&lt;p&gt;I have a custom button style as follows:&lt;/p&gt;
&lt;pre&gt;&lt;code&gt;&amp;lt;?xml version="1.0" encoding="utf-8"?&amp;gt;
&amp;lt;selector
    xmlns:android="http://schemas.android.com/apk/res/android" &amp;gt;
    &amp;lt;item android:state_checked="true" &amp;gt;
    &amp;lt;shape&amp;gt;
        &amp;lt;gradient
            android:startColor="@color/Shadow"
            android:endColor="@color/Highlight"
            android:angle="270" /&amp;gt;
        &amp;lt;stroke
            android:width="1dp"
            android:color="#000" /&amp;gt;
        &amp;lt;corners
            android:radius="3dp" /&amp;gt;
        &amp;lt;padding
            android:left="10dp"
            android:top="10dp"
            android:right="10dp"
            android:bottom="10dp" /&amp;gt;
    &amp;lt;/shape&amp;gt;
&amp;lt;/item&amp;gt;
&amp;lt;item android:state_pressed="true" &amp;gt;
    &amp;lt;shape&amp;gt;
        &amp;lt;gradient
            android:startColor="@color/Shadow"
            android:endColor="@color/Highlight"
            android:angle="270" /&amp;gt;
        &amp;lt;stroke
            android:width="1dp"
            android:color="#000" /&amp;gt;
        &amp;lt;corners
            android:radius="3dp" /&amp;gt;
        &amp;lt;padding
            android:left="10dp"
            android:top="10dp"
            android:right="10dp"
            android:bottom="10dp" /&amp;gt;
    &amp;lt;/shape&amp;gt;
&amp;lt;/item&amp;gt;
&amp;lt;item&amp;gt;        
    &amp;lt;shape&amp;gt;
        &amp;lt;gradient
            android:startColor="@color/Shadow"
            android:endColor="@color/Highlight"
            android:angle="90" /&amp;gt;
        &amp;lt;stroke
            android:width="1dp"
            android:color="#000" /&amp;gt;
        &amp;lt;corners
            android:radius="50dp" /&amp;gt;
        &amp;lt;padding
            android:top="10dp"
            android:bottom="10dp" /&amp;gt;
    &amp;lt;/shape&amp;gt;
&amp;lt;/item&amp;gt;
&amp;lt;/selector&amp;gt;
&lt;/code&gt;&lt;/pre&gt;
&lt;p&gt;I now want to create a button that look like this except the right corners aren't rounded. I know how to set corner radius individually but is there a way to inherit all the other properties of my custom button?&lt;/p&gt;
&lt;p&gt;I tried:&lt;/p&gt;
&lt;pre&gt;&lt;code&gt;&amp;lt;?xml version="1.0" encoding="utf-8"?&amp;gt;
&amp;lt;selector xmlns:android="http://schemas.android.com/apk/res/android"&amp;gt;    
&amp;lt;item android:drawable="@drawable/custom_button"&amp;gt;
    &amp;lt;shape&amp;gt;
          &amp;lt;corners android:topRightRadius="0dp"
              android:bottomRightRadius="0dp"/&amp;gt;
      &amp;lt;/shape&amp;gt;
&amp;lt;/item&amp;gt;
&amp;lt;/selector&amp;gt;
&lt;/code&gt;&lt;/pre&gt;
&lt;p&gt;but my corners tag seems to be completely ignored, the buttons just look like the custom_button. Any thoughts? &lt;/p&gt;</t>
  </si>
  <si>
    <t>2012-03-16 01:49:13.420000+00:00</t>
  </si>
  <si>
    <t>2012-09-18 21:51:18.843000+00:00</t>
  </si>
  <si>
    <t>2012-03-16 03:14:34.063000+00:00</t>
  </si>
  <si>
    <t>android|inheritance|selector</t>
  </si>
  <si>
    <t>Change Back Button Behaviour - Android</t>
  </si>
  <si>
    <t>&lt;p&gt;I have an application . The flow is -&lt;br/&gt;
&lt;strong&gt;Splash Screen ---&gt; Home Screen ---&gt; Item List Screen ---&gt; Item Details Screen&lt;/strong&gt; &lt;/p&gt;
&lt;p&gt;In my application i have &lt;strong&gt;home&lt;/strong&gt; button functionality on &lt;strong&gt;Item List Screen&lt;/strong&gt; and &lt;strong&gt;Item Details Screen&lt;/strong&gt;.&lt;br/&gt;&lt;/p&gt;
&lt;p&gt;When i press &lt;strong&gt;Home Button&lt;/strong&gt; on &lt;strong&gt;Item Details screen&lt;/strong&gt; it goes back to &lt;strong&gt;Home Screen&lt;/strong&gt; . This is expected behaviour. &lt;br/&gt;But when i press &lt;strong&gt;back button&lt;/strong&gt; on &lt;strong&gt;Home screen&lt;/strong&gt; , it takes me back to the &lt;strong&gt;Item Details Screen&lt;/strong&gt;.(&lt;em&gt;this is what i dont want&lt;/em&gt;)&lt;/p&gt;
&lt;p&gt;I tried killing the &lt;strong&gt;Item Details Screen&lt;/strong&gt; using &lt;strong&gt;finish()&lt;/strong&gt;, But then the last activity in the activity stack is Item List Screen. &lt;br/&gt;The Back button on Home screen now takes me to the Item List Screen . &lt;br/&gt;Is there any way to clear the activity stack when user is on Home Screen . Any help in this regard will be highly appreciated. &lt;/p&gt;</t>
  </si>
  <si>
    <t>2013-02-12 13:56:40.157000+00:00</t>
  </si>
  <si>
    <t>2013-02-12 14:04:51.640000+00:00</t>
  </si>
  <si>
    <t>android|android-activity|back</t>
  </si>
  <si>
    <t>Issue with EGOTableViewPullRefresh</t>
  </si>
  <si>
    <t>&lt;p&gt;When I use the EGOTableViewPullRefresh just like its demo&lt;/p&gt;
&lt;pre&gt;&lt;code&gt;- (void)reloadTableViewDataSource
{
      _reloading = YES;
      sleep(10);//something just like reload the data,here is a simple example
}
- (void)egoRefreshTableHeaderDidTriggerRefresh:(EGORefreshTableHeaderView*)view
{
      [self reloadTableViewDataSource];
      [self performSelector:@selector(doneLoadingTableViewData) withObject:nil afterDelay:0.0];
}
&lt;/code&gt;&lt;/pre&gt;
&lt;p&gt;There's a problem where it doesn't change state to EGOOPullRefreshLoading when &lt;code&gt;sleep(10)&lt;/code&gt;,so there still is the arrow down and the title is "Pull down to refresh " when reload data.&lt;/p&gt;
&lt;p&gt;How can I resolve the problem?&lt;/p&gt;</t>
  </si>
  <si>
    <t>2011-08-15 17:13:26.563000+00:00</t>
  </si>
  <si>
    <t>2013-04-11 14:14:51.863000+00:00</t>
  </si>
  <si>
    <t>ios|uitableview|uiscrollview|pull-to-refresh</t>
  </si>
  <si>
    <t>OSX : Prevent NSWindow from interacting parentwindow</t>
  </si>
  <si>
    <t>&lt;p&gt;In app, launching another &lt;code&gt;NSWindowController&lt;/code&gt; using &lt;code&gt;showWindow&lt;/code&gt; method, from my &lt;code&gt;main WindowController&lt;/code&gt;. &lt;/p&gt;
&lt;p&gt;So there is base &lt;code&gt;WindowController1&lt;/code&gt; from where on button &lt;code&gt;click&lt;/code&gt; I am opening another &lt;code&gt;WindowController2&lt;/code&gt; using &lt;code&gt;showWindow&lt;/code&gt; method.&lt;/p&gt;
&lt;p&gt;Now I wants to prevent user-interaction with &lt;code&gt;WindowController1&lt;/code&gt; until &lt;code&gt;WindowController2&lt;/code&gt; is open and wants to keep on focus to &lt;code&gt;WindowController2&lt;/code&gt; until user close is by clicking "Close" icon? &lt;/p&gt;
&lt;p&gt;I have search few things on Stackoverflow and Google but did not found helpful thing any idea on this?&lt;/p&gt;
&lt;p&gt;Thanks&lt;/p&gt;</t>
  </si>
  <si>
    <t>2017-07-25 12:04:40.750000+00:00</t>
  </si>
  <si>
    <t>2017-07-26 08:35:51.720000+00:00</t>
  </si>
  <si>
    <t>macos|cocoa|nswindow|nswindowcontroller</t>
  </si>
  <si>
    <t>Hibernate @OneToOne References an Unknown Entity Error</t>
  </si>
  <si>
    <t>&lt;p&gt;I'm having a hard time finding the root cause of an error where my @OneToOne mapping isn't working and is returning a "references an unknown entity" exception. &lt;/p&gt;
&lt;p&gt;To start with I ensured that both classes are properly annotated with the @Entity tag. Also it is worth noting my Product.java class (which you will see below) worked fine and only encounters a problem when I try to attach a foreign key to my Project.java class referencing the Product.java class.&lt;/p&gt;
&lt;p&gt;Java Code for Project.java and Product.java&lt;/p&gt;
&lt;pre&gt;&lt;code&gt;@Entity
@Table (name="project")
@SequenceGenerator(name="seq_project",sequenceName="BI**********.SEQ_PROJECT", allocationSize=1, initialValue=1)
public class Project {
    //Fields
    @Id
    @GeneratedValue(strategy=GenerationType.SEQUENCE, generator="seq_project")
    @Column(name="PROJECT_ID")
    private int id;
    @Column(name="PROJECT_CODE")
    private String projectCode;
    @Column(name="PRODUCT_ID")
    private int productId;
    @Column(name="DESCRIPTION")
    private String description;
    @OneToOne(cascade=CascadeType.ALL, fetch=FetchType.EAGER)
    //@PrimaryKeyJoinColumn
    @JoinColumn(name="PRODUCT.PRODUCT_ID")
    private Product product;
@Entity
@Table (name="PRODUCT")
@SequenceGenerator(name="seq_product",sequenceName="BI************.SEQ_PRODUCT", allocationSize=1, initialValue=1)
public class Product {
    //Fields
    @Id
    @GeneratedValue(strategy=GenerationType.SEQUENCE, generator="seq_product")
    @Column(name="PRODUCT_ID")
    private int productId;
    @Column(name="PRODUCT_NAME")
    private String productName;
    @Column(name="DESCRIPTION")
    private String description;
    @OneToOne(mappedBy="Project")
    @JoinColumn(name="PROJET_FK1")
    private Project project;
&lt;/code&gt;&lt;/pre&gt;
&lt;p&gt;Here is the error code I'm getting:&lt;/p&gt;
&lt;pre&gt;&lt;code&gt;Exception in thread "main" org.hibernate.AnnotationException: @OneToOne or @ManyToOne on com.manh.entries.Project.product references an unknown entity: com.manh.entries.Product
&lt;/code&gt;&lt;/pre&gt;
&lt;p&gt;Thanks for any help and advice. &lt;/p&gt;</t>
  </si>
  <si>
    <t>2016-06-08 19:21:39.160000+00:00</t>
  </si>
  <si>
    <t>2016-06-08 19:35:02.080000+00:00</t>
  </si>
  <si>
    <t>java|sql|oracle|hibernate|oracle11g</t>
  </si>
  <si>
    <t>No spaces between tokens in ANTLR</t>
  </si>
  <si>
    <t>&lt;p&gt;I'm writing a very simple subset of a C# grammar as an exercise.&lt;/p&gt;
&lt;p&gt;However, I have a rule which whitespaces are giving me some troubles.&lt;/p&gt;
&lt;p&gt;I want to distinguish the following:&lt;/p&gt;
&lt;pre&gt;&lt;code&gt;int a;
int? b;
&lt;/code&gt;&lt;/pre&gt;
&lt;p&gt;Where the the first is a "regular" int type and the second is a nullable int type.&lt;/p&gt;
&lt;p&gt;However, with my current grammar I'm not being able to parse this.&lt;/p&gt;
&lt;pre&gt;&lt;code&gt;type     : typeBase x='?'    -&amp;gt; { x == null } typeBase
                             -&amp;gt; ^('?' typeBase)
         ;
typeBase : 'int'
         | 'float'
         ;
&lt;/code&gt;&lt;/pre&gt;
&lt;p&gt;The thing is that whith these rules, it only works with a whitespace before '?', like this:&lt;/p&gt;
&lt;pre&gt;&lt;code&gt;int ? a;
&lt;/code&gt;&lt;/pre&gt;
&lt;p&gt;Which I'd don't want.&lt;/p&gt;
&lt;p&gt;Any ideas?&lt;/p&gt;</t>
  </si>
  <si>
    <t>2011-05-20 11:24:44.590000+00:00</t>
  </si>
  <si>
    <t>2011-05-20 11:47:49.210000+00:00</t>
  </si>
  <si>
    <t>antlr|antlr3</t>
  </si>
  <si>
    <t>Specify Minimum Password Length in Django Version &lt;= 1.8?</t>
  </si>
  <si>
    <t>&lt;p&gt;Is it possible to enforce a minimum password length if you're using Django 1.8 or under when a user is changing their password?  When a user creates their account in my website, I enforce a minimum password length using a custom validator in my signup form.  However, when a user wants to change their password, I call Django's auth_views.password_change method which specifies the form and validation criteria used.  &lt;/p&gt;
&lt;pre&gt;&lt;code&gt;# account/urls.py
from django.conf.urls import url
from django.contrib.auth import views as auth_views
urlpatterns = [
    ...
    url(r'^password_change/$',
        auth_views.password_change,
        {'template_name': 'password_change_form.html'},
        name='password_change'),
    ...
]
&lt;/code&gt;&lt;/pre&gt;
&lt;p&gt;Since I'm not validating their new password, users will be able to change it to one that doesn't meet my minimum length criteria.  Is there any way to do this validation other than monkey-patching?  This Stackover &lt;a href="https://stackoverflow.com/questions/9488078/how-can-i-set-a-minimum-password-length-when-using-the-built-in-django-auth-modu"&gt;question&lt;/a&gt; discusses an approach that works, but it's for the situation where you're implementing authentication whereas I'm only allowing an authenticated user to change their existing password.  I know Django 1.9 will provide this ability via an AUTH_PASSWORD_VALIDATORS setting but I won't have time to upgrade to 1.9 before my  site goes live.&lt;/p&gt;</t>
  </si>
  <si>
    <t>2016-07-15 14:33:45.590000+00:00</t>
  </si>
  <si>
    <t>2016-07-17 10:59:00.647000+00:00</t>
  </si>
  <si>
    <t>2017-05-23 12:08:08.997000+00:00</t>
  </si>
  <si>
    <t>django|django-authentication</t>
  </si>
  <si>
    <t>How to load data to gridview programmatically?</t>
  </si>
  <si>
    <t>&lt;p&gt;This is my  table&lt;/p&gt;
&lt;pre&gt;&lt;code&gt;A/C Type  A/c No  Mode    Amount  Balance
----------------------------------------                 C -&amp;gt; Credit
  A        101    C       500     1000                   D -&amp;gt; Debit
  B        102    D       1000    200
&lt;/code&gt;&lt;/pre&gt;
&lt;p&gt;I want to show it in a gridview as follows....&lt;/p&gt;
&lt;pre&gt;&lt;code&gt;A/C Type  A/c No  Credit   Debit     Balance
----------------------------------------
  A        101     500      -         1000
  B        102      -       1000      200
&lt;/code&gt;&lt;/pre&gt;
&lt;p&gt;This is my code and am using C# ASP.NET and  SQL SERVER...&lt;/p&gt;
&lt;pre&gt;&lt;code&gt;connstr = c.Get_ConnString(StrSubbrcode[I], ConfigurationManager.ConnectionStrings["dbcon"].ToString()); //Connection string
                if (connstr != "")
                {
                    c.dr = c.ProcExeReader("SELECT....", connstr);
                    if (c.dr.Read())
                    {
                        K = K + 1;
                        c.Connect(connstr);
                        SqlDataAdapter sda = new SqlDataAdapter("SELECT..", c.con);
                        sda.Fill(ds);
                        c.con.Close();
                    }
                }
if (K &amp;gt; 0)
            {
                gv_deposit.DataSource = ds;
                gv_deposit.DataBind();
            }
&lt;/code&gt;&lt;/pre&gt;
&lt;p&gt;Regards,&lt;/p&gt;</t>
  </si>
  <si>
    <t>2011-12-23 11:55:31.240000+00:00</t>
  </si>
  <si>
    <t>2011-12-24 06:41:01.320000+00:00</t>
  </si>
  <si>
    <t>c#|asp.net|sql-server-2005</t>
  </si>
  <si>
    <t>why is my visual basic excel code returning #value in my cell</t>
  </si>
  <si>
    <t>&lt;p&gt;why is my visual basic excel code returning #value in my cell? I am looking to extract the email address from cell A1. Below is my code&lt;/p&gt;
&lt;pre&gt;&lt;code&gt;Function ExtractEmailAddress(s As String) As String
    Dim AtSignLocation As Long
    Dim i As Long
    Dim TempStr As String
    Const CharList As String = "[A-Za-Z0-9._-]"
    'Get location of the @
    AtSignLocation = InStr(s, "@")
    If AtSignLocation = 0 Then
        ExtractEmailAddress = "" 'no email address is there
    Else
        TempStr = ""
        'Get 1st half of the email address
        For i = AtSignLocation - 1 To 1 Step -1
            If Mid(s, i, 1) Like CharList Then
                    TempStr = Mid(s, i, 1) &amp;amp; TempStr
            Else
                Exit For
            End If
        Next i
        If TempStr = "" Then Exit Function
        'get 2nd half of the email address
        TempStr = TempStr &amp;amp; "@"
        For i = AtSignLocation + 1 To Len(s)
            If Mid(s, i, 1) Like CharList Then
                TempStr = TempStr &amp;amp; Mid(s, i, 1)
            Else
                Exit For
            End If
        Next i
    End If
    'remove trailing period if there is any
    If Right(TempStr, 1) = "." Then TempStr = _
        Left(TempStr, Len(TempStr) - 1)
    ExtractEmailAddress = TempStr
End Function
&lt;/code&gt;&lt;/pre&gt;
&lt;p&gt;I have also included a screen shot of the excel VBA. &lt;/p&gt;
&lt;p&gt;ScreenShot:&lt;/p&gt;
&lt;p&gt;&lt;img src="https://i.stack.imgur.com/7KRri.png" alt="ScreenShot"&gt;&lt;/p&gt;
&lt;p&gt;Also, here is a screenshot of how its returning the value&lt;/p&gt;
&lt;p&gt;Returned value screenshot:&lt;/p&gt;
&lt;p&gt;&lt;img src="https://i.stack.imgur.com/qPepz.png" alt="returned value screenshot"&gt;&lt;/p&gt;</t>
  </si>
  <si>
    <t>2018-08-16 17:27:59.177000+00:00</t>
  </si>
  <si>
    <t>2018-08-16 17:46:07.510000+00:00</t>
  </si>
  <si>
    <t>2018-08-16 17:37:33.017000+00:00</t>
  </si>
  <si>
    <t>excel|vba</t>
  </si>
  <si>
    <t>strptime in windows?</t>
  </si>
  <si>
    <t>&lt;p&gt;I wrote this really nice app that works just fine in Linux.&lt;/p&gt;
&lt;p&gt;It uses strptime(). Windows doesn't have this.&lt;/p&gt;
&lt;p&gt;Is there a Windows alternative for this?&lt;/p&gt;
&lt;p&gt;My coworker needs to use this app.&lt;/p&gt;
&lt;p&gt;(I tried googling it already to no avail)&lt;/p&gt;</t>
  </si>
  <si>
    <t>2009-03-20 17:52:17.280000+00:00</t>
  </si>
  <si>
    <t>2016-10-20 15:48:41.147000+00:00</t>
  </si>
  <si>
    <t>mikelikespie</t>
  </si>
  <si>
    <t>c++|c|windows|visual-studio|linux</t>
  </si>
  <si>
    <t>ListView item not clickable, Single TextView inside</t>
  </si>
  <si>
    <t>&lt;p&gt;My ListView item click is not working. I am not able to figure out why. It is simple listview with only one TextView in each row. Please help.
I tried different options but none of them worked.My fragment is part of drawer activity in which i am replacing fragments depending on user click.&lt;/p&gt;
&lt;p&gt;fragment_first.xml&lt;/p&gt;
&lt;pre&gt;&lt;code&gt;&amp;lt;ListView xmlns:android="http://schemas.android.com/apk/res/android"
    android:layout_width="match_parent"
    android:layout_height="wrap_content"
    android:id="@+id/detailNoticeListView"/&amp;gt;
&lt;/code&gt;&lt;/pre&gt;
&lt;p&gt;item.xml&lt;/p&gt;
&lt;pre&gt;&lt;code&gt;&amp;lt;LinearLayout xmlns:android="http://schemas.android.com/apk/res/android"
    android:orientation="horizontal"
    android:layout_width="match_parent"
    android:layout_height="wrap_content"&amp;gt;
    &amp;lt;TextView
        android:layout_width="match_parent"
        android:text="@string/app_name"
        android:focusable="false"
        android:focusableInTouchMode="false"
        android:layout_height="wrap_content"
        android:id="@+id/detailNoticeText" /&amp;gt;
&amp;lt;/LinearLayout&amp;gt;
&lt;/code&gt;&lt;/pre&gt;
&lt;p&gt;Adapter:&lt;/p&gt;
&lt;p&gt;public class MyAdapter extends android.widget.BaseAdapter {&lt;/p&gt;
&lt;pre&gt;&lt;code&gt;private List&amp;lt;DataModel&amp;gt; dataModels;
private Activity activity;
public MyAdapter(List&amp;lt;DataModel&amp;gt; dataModels, Activity activity){
    this.dataModels = dataModels;
    this.activity = activity;
}
@Override
public int getCount() {
    return dataModels.size();
}
@Override
public Object getItem(int i) {
    return dataModels.get(i);
}
@Override
public long getItemId(int i) {
    return i;
}
@Override
public View getView(int i, View view, ViewGroup viewGroup) {
    if (view == null) {
        view = LayoutInflater.from(activity).
                inflate(R.layout.item, viewGroup, false);
    }
    DataModel currentItem = (DataModel) getItem(i);
    // get current item to be displayed
   TextView textViewItemName = (TextView)
            view.findViewById(R.id.detailNoticeText);
    textViewItemName.setText(currentItem.getText());
    return view;
}
@android.support.annotation.Nullable
@Override
public CharSequence[] getAutofillOptions() {
    return new CharSequence[0];
}
&lt;/code&gt;&lt;/pre&gt;
&lt;p&gt;}&lt;/p&gt;
&lt;p&gt;Fragment:&lt;/p&gt;
&lt;p&gt;public class MyFragment extends Fragment{&lt;/p&gt;
&lt;pre&gt;&lt;code&gt;private static final String ARG_PARAM1 = "param1";
private static final String ARG_PARAM2 = "param2";
java.util.ArrayList&amp;lt;DataModel&amp;gt; dataModels;
ListView listView;
private static MyAdapter adapter;
// TODO: Rename and change types of parameters
private String mParam1;
private String mParam2;
private OnFragmentInteractionListener mListener;
public MyFragment() {
    // Required empty public constructor
}
public static MyFragment newInstance(String param1, String param2) {
    MyFragment fragment = new MyFragment();
    Bundle args = new Bundle();
    args.putString(ARG_PARAM1, param1);
    args.putString(ARG_PARAM2, param2);
    fragment.setArguments(args);
    return fragment;
}
@Override
public void onCreate(Bundle savedInstanceState) {
    super.onCreate(savedInstanceState);
    if (getArguments() != null) {
        mParam1 = getArguments().getString(ARG_PARAM1);
        mParam2 = getArguments().getString(ARG_PARAM2);
    }
    dataModels= new java.util.ArrayList&amp;lt;&amp;gt;();
}
@Override
public View onCreateView(LayoutInflater inflater, ViewGroup container,
                         Bundle savedInstanceState) {
    // Inflate the layout for this fragment
    View view =  inflater.inflate(R.layout.fragment_first, container, false);
    listView=(ListView)view.findViewById(R.id.detailNoticeListView);
    dataModels.add(new DataModel(
            "1"));
    dataModels.add(new DataModel(
            "2"));
    dataModels.add(new DataModel(
            "3"));
    dataModels.add(new DataModel(
            "4"));
    adapter= new MyAdapter(dataModels, getActivity());
    listView.setAdapter(adapter);
    listView.setOnItemClickListener(new OnItemClickListener() {
        @Override
        public void onItemClick(android.widget.AdapterView&amp;lt;?&amp;gt; arg0, View arg1, int arg2,
                                long arg3) {
            // TODO Auto-generated method stub
            android.widget.Toast.makeText(getActivity(), "User logged out successfully", android.widget.Toast.LENGTH_SHORT).show();
        }
    });
    return view;
}
// TODO: Rename method, update argument and hook method into UI event
public void onButtonPressed(Uri uri) {
    if (mListener != null) {
        mListener.onFragmentInteraction(uri);
    }
}
@Override
public void onAttach(Context context) {
    super.onAttach(context);
    if (context instanceof OnFragmentInteractionListener) {
        mListener = (OnFragmentInteractionListener) context;
    } else {
        throw new RuntimeException(context.toString()
                + " must implement OnFragmentInteractionListener");
    }
}
@Override
public void onDetach() {
    super.onDetach();
    mListener = null;
}
public interface OnFragmentInteractionListener {
    // TODO: Update argument type and name
    void onFragmentInteraction(Uri uri);
}
}
&lt;/code&gt;&lt;/pre&gt;</t>
  </si>
  <si>
    <t>2018-07-24 12:10:26.127000+00:00</t>
  </si>
  <si>
    <t>2018-07-24 15:58:39.317000+00:00</t>
  </si>
  <si>
    <t>listview|android-fragments|textview|click</t>
  </si>
  <si>
    <t>Entity Framework 6 "DbContext has been disposed" exception</t>
  </si>
  <si>
    <t>&lt;p&gt;Something very strange is happening in production, and it only happens in production. I have a Web API running and in one of the APIs, there is a repository created in the constructor and used in the functions. This is how the flow of a request works:&lt;/p&gt;
&lt;ol&gt;
&lt;li&gt;HTTP request comes in&lt;/li&gt;
&lt;li&gt;MVC API controller decides which "worker" class to instantiate and creates it using Activator.CreateInstance&lt;/li&gt;
&lt;li&gt;API controller calls worker.OnExecute inside of a Task.Run() and returns the http response&lt;/li&gt;
&lt;li&gt;Worker calls _engine.Execute&lt;/li&gt;
&lt;/ol&gt;
&lt;p&gt;Each worker instantiates another "engine" class that has all of the logic.
The engine in case constructs 3 repositories created using a UnitOfWork that is created per engine instance, like so:&lt;/p&gt;
&lt;pre&gt;&lt;code&gt;public class MyWorker : Worker
{
    private readonly MyEngine _engine;
    public MyWorker()
    {
        _engine = new MyEngine();
    }
    protected override WorkerResult OnExecute(JObject data, CancellationToken cta)
    {
        return new WorkerResult(HttpStatusCode.OK, _engine.Execute(data));
    }
}
public class MyEngine : EngineBase
{
    private BaseRepository&amp;lt;Order&amp;gt; OrderRepo { get; set; }
    private BaseRepository&amp;lt;OrderItem&amp;gt; OrderItemRepo { get; set; }
    public MyEngine()
    {
        OrderRepo = new BaseRepository&amp;lt;Order&amp;gt;(MyUnitOfWork);
        OrderItemRepo = new BaseRepository&amp;lt;OrderItem&amp;gt;(MyUnitOfWork);
    }
    public string Execute(JObject data)
    {
        return IsOrderValid(data).ToString();
    }
    public bool IsOrderValid(JObject data)
    {
        var orderId = data.Value&amp;lt;int&amp;gt;("OrderId");
        // Without this line it crashes. With this line it crashes
        //OrderRepo = new BaseRepository&amp;lt;Order&amp;gt;(InternationalWork);
        // This is where it crashes
        Order order = OrderRepo.First(x =&amp;gt; x.OrderID == orderId);
        // more code
    }
}
public class EngineBase : UnitOfWorker, IDisposable
{
    private UnitOfWork _myUnitOfWork;
    public EngineBase() { }
    public UnitOfWork MyUnitOfWork
    {
        get
        {
            return _myUnitOfWork ?? (_myUnitOfWork = new UnitOfWork(new DbContextAdapter(new MyDbContext())));
        }
    }
}
&lt;/code&gt;&lt;/pre&gt;
&lt;p&gt;This is the actual stack trace:&lt;/p&gt;
&lt;pre&gt;&lt;code&gt;The operation cannot be completed because the DbContext has been disposed.
StackTrace1 
  at System.Data.Entity.Internal.LazyInternalContext.InitializeContext() 
  at System.Data.Entity.Internal.LazyInternalContext.get_ObjectContext() 
  at System.Data.Entity.Internal.Linq.InternalSet`1.CreateObjectQuery(Boolean asNoTracking, Nullable`1 streaming, IDbExecutionStrategy executionStrategy) 
  at System.Data.Entity.Internal.Linq.InternalSet`1.InitializeUnderlyingTypes(EntitySetTypePair pair) 
  at System.Data.Entity.Internal.Linq.InternalSet`1.get_InternalContext() 
  at System.Data.Entity.Infrastructure.DbQuery`1.System.Linq.IQueryable.get_Provider() 
  at System.Linq.Queryable.FirstOrDefault[TSource](IQueryable`1 source, Expression`1 predicate) 
&lt;/code&gt;&lt;/pre&gt;
&lt;p&gt;The stack trace shows "FirstOrDefault" because OrderRepo.First internally calls DbSet.FirstOrDefault, like so:&lt;/p&gt;
&lt;pre&gt;&lt;code&gt;public virtual T First(Expression&amp;lt;Func&amp;lt;T, bool&amp;gt;&amp;gt; query)
{
    return _dbSet.FirstOrDefault(query);
}
&lt;/code&gt;&lt;/pre&gt;
&lt;p&gt;I'm stumped because each worker is created per http request. Each DBContext is created per engine instance so I don't know how it could be disposed when it was just created in the constructor. And this only happens on the production web server where I presume it's being called more. Any tips would be greatly appreciated.&lt;/p&gt;</t>
  </si>
  <si>
    <t>2016-10-20 13:08:54.690000+00:00</t>
  </si>
  <si>
    <t>asp.net-web-api|entity-framework-6</t>
  </si>
  <si>
    <t>Adding Scope to OAuth Firebase Auth for Google and Facebook Login</t>
  </si>
  <si>
    <t>&lt;p&gt;Facebook gives &lt;code&gt;user_firends&lt;/code&gt; permission by default. But Firebase Facebook &lt;code&gt;SigninwithPopProvider&lt;/code&gt; method does not return any key containing the data of &lt;code&gt;user_friends&lt;/code&gt;.&lt;/p&gt;
&lt;p&gt;I have tried adding &lt;code&gt;provider.addScope('user_friends')&lt;/code&gt; before I make the method call, but it did not return a promise containing the friend data in the nor does it contain complete basic &lt;code&gt;public_profile&lt;/code&gt; data (&lt;em&gt;i.e age range&lt;/em&gt;) &lt;/p&gt;
&lt;p&gt;For testing I currently have 2 users signed in using Facebook method who are also friends on Facebook and for both, it did not return this data. &lt;/p&gt;
&lt;p&gt;Lastly the same question for Google Auth with &lt;code&gt;provider.addScope('https://www.googleapis.com/auth/plus.login')&lt;/code&gt;, will that returned promise contain users circle of friends data? &lt;/p&gt;
&lt;p&gt;Only thing I receive back from both Oauth Providers is:&lt;/p&gt;
&lt;pre&gt;&lt;code&gt;displayName:
email:
photoURL:
providerId:
uid:
&lt;/code&gt;&lt;/pre&gt;
&lt;p&gt;My guess is I may have to make a call to Facebook and Google after with access token to request data, is that correct? &lt;/p&gt;</t>
  </si>
  <si>
    <t>2016-09-13 08:12:23.197000+00:00</t>
  </si>
  <si>
    <t>2016-09-13 17:50:22.953000+00:00</t>
  </si>
  <si>
    <t>2016-09-13 09:06:34.797000+00:00</t>
  </si>
  <si>
    <t>facebook|firebase|facebook-login|firebase-authentication|google-oauth2</t>
  </si>
  <si>
    <t>how to convert values of list of list to int in python 2.7</t>
  </si>
  <si>
    <t>&lt;p&gt;I have a list of list, such as&lt;/p&gt;
&lt;pre&gt;&lt;code&gt;T =[[0.10113], [0.56325], [0.02563], [0.09602], [0.06406], [0.04807]]
&lt;/code&gt;&lt;/pre&gt;
&lt;p&gt;I would like to find the total sum of these numbers.&lt;/p&gt;
&lt;p&gt;I am new to python programming, when I try a simple &lt;code&gt;int(T[1])&lt;/code&gt; conversion, I get error &lt;/p&gt;
&lt;pre&gt;&lt;code&gt;TypeError: int() argument must be a string or a number, not 'list'
&lt;/code&gt;&lt;/pre&gt;
&lt;p&gt;I appreciate any input.&lt;/p&gt;</t>
  </si>
  <si>
    <t>2012-11-29 15:49:42.773000+00:00</t>
  </si>
  <si>
    <t>2012-11-29 16:29:31.500000+00:00</t>
  </si>
  <si>
    <t>2012-11-29 15:52:51.657000+00:00</t>
  </si>
  <si>
    <t>Getting black graph when using Matplotlib in my Python notebook</t>
  </si>
  <si>
    <t>&lt;p&gt;I'm testing different visualization tools from my python Jupyter Notebook, based on the following blog post comparison &lt;a href="http://pbpython.com/visualization-tools-1.html" rel="nofollow noreferrer"&gt;http://pbpython.com/visualization-tools-1.html&lt;/a&gt;&lt;/p&gt;
&lt;p&gt;First, I import libraries and check versions:&lt;/p&gt;
&lt;pre&gt;&lt;code&gt;import pandas as pd
import matplotlib
print "Pandas version: " + pd.__version__
print "Matplotlib version: " + matplotlib.__version__
&lt;/code&gt;&lt;/pre&gt;
&lt;p&gt;Which prints:&lt;/p&gt;
&lt;pre&gt;&lt;code&gt;Pandas version: 0.17.1
Matplotlib version: 1.5.1
&lt;/code&gt;&lt;/pre&gt;
&lt;p&gt;Then, I load the data from the CSV file (located at &lt;a href="https://dl.dropboxusercontent.com/u/2439854/tmp/mn-budget-detail-2014.csv" rel="nofollow noreferrer"&gt;https://dl.dropboxusercontent.com/u/2439854/tmp/mn-budget-detail-2014.csv&lt;/a&gt;):&lt;/p&gt;
&lt;pre&gt;&lt;code&gt;budget_full = pd.read_csv('https://dl.dropboxusercontent.com/u/2439854/tmp/mn-budget-detail-2014.csv')
budget = budget_full.sort_values(by = 'amount', ascending = False)[:10]
&lt;/code&gt;&lt;/pre&gt;
&lt;p&gt;Finally, I plot the data:&lt;/p&gt;
&lt;pre&gt;&lt;code&gt;matplotlib.style.use('ggplot')
budget_plot = budget.plot(kind = "bar", x = budget["detail"],
                      title = "MN Capital Budget - 2014",
                      legend = False)
&lt;/code&gt;&lt;/pre&gt;
&lt;p&gt;Unfortunately, this produces a little black figure&lt;/p&gt;
&lt;p&gt;&lt;a href="https://i.stack.imgur.com/WQD5a.png" rel="nofollow noreferrer"&gt;&lt;img src="https://i.stack.imgur.com/WQD5a.png" alt="enter image description here"&gt;&lt;/a&gt;&lt;/p&gt;
&lt;p&gt;My Python version is:&lt;/p&gt;
&lt;pre&gt;&lt;code&gt;Python 2.7.11 :: Continuum Analytics, Inc.
&lt;/code&gt;&lt;/pre&gt;
&lt;p&gt;I'm on a Mac OSX (El Capitan) and I'm managing my python environment using Anaconda Continuum Analytics.&lt;/p&gt;
&lt;p&gt;Thanks for your help.&lt;/p&gt;</t>
  </si>
  <si>
    <t>2016-03-12 08:04:23.823000+00:00</t>
  </si>
  <si>
    <t>2016-03-12 09:49:45.117000+00:00</t>
  </si>
  <si>
    <t>2016-03-12 08:45:21.277000+00:00</t>
  </si>
  <si>
    <t>Polyfilla for Object.defineProperty Getter/Setter</t>
  </si>
  <si>
    <t>&lt;p&gt;I was wondering if there's a backwards-compat fix for the newish Object.defineProperty API in ECMAScript 5(?) that allows you to have getter and setter functions?&lt;/p&gt;
&lt;p&gt;My initial thought is this is not possible to polyfill, given it happens at a lower level in the runtime than is possible to hook in to.. But I would love to be proved wrong in this case!&lt;/p&gt;
&lt;p&gt;So to summarise, how can I simulate the implicit getter and setter mechanism for older browsers?&lt;/p&gt;
&lt;p&gt;Many thanks&lt;/p&gt;</t>
  </si>
  <si>
    <t>2013-09-30 09:27:38.250000+00:00</t>
  </si>
  <si>
    <t>javascript|ecmascript-5</t>
  </si>
  <si>
    <t>How Can I modify a request header value from A to B by using Haproxy</t>
  </si>
  <si>
    <t>&lt;p&gt;Currently we are using Haproxy as a software loadbalancer.&lt;/p&gt;
&lt;p&gt;I have an assignment, where I need to inspect each and request coming into my application and I need to look for a specific header (let's say Accept header) and I need to modify the value of header from A --&gt; B.&lt;/p&gt;
&lt;p&gt;Could you please guide me how can I do this by using HAPROXY.&lt;/p&gt;
&lt;p&gt;Regards,
-Srini.&lt;/p&gt;</t>
  </si>
  <si>
    <t>2017-06-26 15:12:21.830000+00:00</t>
  </si>
  <si>
    <t>2017-06-26 17:00:04.837000+00:00</t>
  </si>
  <si>
    <t>haproxy</t>
  </si>
  <si>
    <t>[UINavigationController setManagedObjectContext:]: unrecognized selector sent to instance</t>
  </si>
  <si>
    <t>&lt;p&gt;I know it has been asked multiple times, but the answers won't help solve my problem.&lt;/p&gt;
&lt;p&gt;First of all I'm making a Tab based app with CoreData wich opens upon the press of a Button a TableViewController.&lt;/p&gt;
&lt;p&gt;The &lt;strong&gt;&lt;em&gt;main.storyboard&lt;/em&gt;&lt;/strong&gt; file in case it matters:
&lt;a href="http://www.pictureupload.de/originals/pictures/200215153130_Screen_Shot_2015-02-20_at_15.24.09.png" rel="nofollow"&gt;http://www.pictureupload.de/originals/pictures/200215153130_Screen_Shot_2015-02-20_at_15.24.09.png&lt;/a&gt;&lt;/p&gt;
&lt;p&gt;Everything works fine and it saves the data into the Database, but if I try to Display them in a TableViewController it suddenly crashes 
(&lt;strong&gt;&lt;em&gt;-[UINavigationController setManagedObjectContext:]: unrecognized selector sent to instance 0x79092b80&lt;/em&gt;&lt;/strong&gt;).&lt;/p&gt;
&lt;p&gt;&lt;strong&gt;AppDelgate.m&lt;/strong&gt; is just copy and paste from the core Data preset.
Just in case it matters:&lt;/p&gt;
&lt;pre&gt;&lt;code&gt;- (BOOL)application:(UIApplication *)application didFinishLaunchingWithOptions:(NSDictionary *)launchOptions {
return YES;
}
- (void)applicationWillResignActive:(UIApplication *)application {
// Sent when the application is about to move from active to inactive state. This can occur for certain types of temporary interruptions (such as an incoming phone call or SMS message) or when the user quits the application and it begins the transition to the background state.
// Use this method to pause ongoing tasks, disable timers, and throttle down OpenGL ES frame rates. Games should use this method to pause the game.
}
- (void)applicationDidEnterBackground:(UIApplication *)application {
// Use this method to release shared resources, save user data, invalidate timers, and store enough application state information to restore your application to its current state in case it is terminated later.
// If your application supports background execution, this method is called instead of applicationWillTerminate: when the user quits.
}
- (void)applicationWillEnterForeground:(UIApplication *)application {
// Called as part of the transition from the background to the inactive state; here you can undo many of the changes made on entering the background.
}
- (void)applicationDidBecomeActive:(UIApplication *)application {
// Restart any tasks that were paused (or not yet started) while the application was inactive. If the application was previously in the background, optionally refresh the user interface.
}
- (void)applicationWillTerminate:(UIApplication *)application {
// Called when the application is about to terminate. Save data if appropriate. See also applicationDidEnterBackground:.
// Saves changes in the application's managed object context before the application terminates.
[self saveContext];
}
#pragma mark - Core Data stack
- (NSURL *)applicationDocumentsDirectory {
// The directory the application uses to store the Core Data store file. This code uses a directory named "controwl.a" in the application's documents directory.
return [[[NSFileManager defaultManager] URLsForDirectory:NSDocumentDirectory inDomains:NSUserDomainMask] lastObject];
}
- (NSManagedObjectModel *)managedObjectModel {
// The managed object model for the application. It is a fatal error for the application not to be able to find and load its model.
if (_managedObjectModel != nil) {
    return _managedObjectModel;
}
NSURL *modelURL = [[NSBundle mainBundle] URLForResource:@"trackingData" withExtension:@"momd"];
_managedObjectModel = [[NSManagedObjectModel alloc] initWithContentsOfURL:modelURL];
return _managedObjectModel;
}
- (NSPersistentStoreCoordinator *)persistentStoreCoordinator {
// The persistent store coordinator for the application. This implementation creates and return a coordinator, having added the store for the application to it.
if (_persistentStoreCoordinator != nil) {
    return _persistentStoreCoordinator;
}
// Create the coordinator and store
_persistentStoreCoordinator = [[NSPersistentStoreCoordinator alloc] initWithManagedObjectModel:[self managedObjectModel]];
NSURL *storeURL = [[self applicationDocumentsDirectory] URLByAppendingPathComponent:@"timetracking.sqlite"];
NSError *error = nil;
NSString *failureReason = @"There was an error creating or loading the application's saved data.";
if (![_persistentStoreCoordinator addPersistentStoreWithType:NSSQLiteStoreType configuration:nil URL:storeURL options:nil error:&amp;amp;error]) {
    // Report any error we got.
    NSMutableDictionary *dict = [NSMutableDictionary dictionary];
    dict[NSLocalizedDescriptionKey] = @"Failed to initialize the application's saved data";
    dict[NSLocalizedFailureReasonErrorKey] = failureReason;
    dict[NSUnderlyingErrorKey] = error;
    error = [NSError errorWithDomain:@"YOUR_ERROR_DOMAIN" code:9999 userInfo:dict];
    // Replace this with code to handle the error appropriately.
    // abort() causes the application to generate a crash log and terminate. You should not use this function in a shipping application, although it may be useful during development.
    NSLog(@"Unresolved error %@, %@", error, [error userInfo]);
    abort();
}
return _persistentStoreCoordinator;
}
- (NSManagedObjectContext *)managedObjectContext {
// Returns the managed object context for the application (which is already bound to the persistent store coordinator for the application.)
if (_managedObjectContext != nil) {
    return _managedObjectContext;
}
NSPersistentStoreCoordinator *coordinator = [self persistentStoreCoordinator];
if (!coordinator) {
    return nil;
}
_managedObjectContext = [[NSManagedObjectContext alloc] init];
[_managedObjectContext setPersistentStoreCoordinator:coordinator];
return _managedObjectContext;
}
#pragma mark - Core Data Saving support
- (void)saveContext {
NSManagedObjectContext *managedObjectContext = self.managedObjectContext;
if (managedObjectContext != nil) {
    NSError *error = nil;
    if ([managedObjectContext hasChanges] &amp;amp;&amp;amp; ![managedObjectContext save:&amp;amp;error]) {
        // Replace this implementation with code to handle the error appropriately.
        // abort() causes the application to generate a crash log and terminate. You should not use this function in a shipping application, although it may be useful during development.
        NSLog(@"Unresolved error %@, %@", error, [error userInfo]);
        abort();
    }
}
}
&lt;/code&gt;&lt;/pre&gt;
&lt;p&gt;@end&lt;/p&gt;
&lt;p&gt;The TableViewController gets called by &lt;strong&gt;FirstViewController&lt;/strong&gt; by the &lt;strong&gt;btnBarAdd&lt;/strong&gt; function:&lt;/p&gt;
&lt;p&gt;&lt;strong&gt;&lt;em&gt;FirstViewController.m&lt;/em&gt;&lt;/strong&gt;&lt;/p&gt;
&lt;pre&gt;&lt;code&gt;@implementation FirstViewController
@synthesize context = _context;
- (void)viewDidLoad {
[super viewDidLoad];
_context = [(AppDelegate*)[[UIApplication sharedApplication]delegate] managedObjectContext];
}
- (IBAction)btnBarAdd:(id)sender {
[self performSegueWithIdentifier:@"FirstTableViewSegue" sender:sender];
}
- (void)prepareForSegue:(UIStoryboardSegue *)segue sender:(id)sender
{
if ([[segue identifier] isEqualToString:@"FirstTableViewSegue"]) {
    [[segue destinationViewController] setManagedObjectContext:_context];
}
}
@end
&lt;/code&gt;&lt;/pre&gt;
&lt;p&gt;Any help is appreciated!&lt;/p&gt;</t>
  </si>
  <si>
    <t>2015-02-20 14:37:04.557000+00:00</t>
  </si>
  <si>
    <t>2015-02-20 14:58:56.360000+00:00</t>
  </si>
  <si>
    <t>Conditionally Formatting in R based on starting with text</t>
  </si>
  <si>
    <t>&lt;p&gt;I have the following code&lt;/p&gt;
&lt;pre&gt;&lt;code&gt;library('XML')
url &amp;lt;- 'http://www.citact.org/politics-and-money-voting-records-and-
campaign-contributions/2016-indiana-general-assembly/news/2016-voting-
records'
small_url &amp;lt;- 'http://www.citact.org'
links_function &amp;lt;- function(url) 
{
  getLinks &amp;lt;- function() {
    links &amp;lt;- character()
    list(a = function(node, ...) {
      links &amp;lt;&amp;lt;- c(links, xmlGetAttr(node, "href"))
      node
    },
    links = function() links)
  }
  h1 &amp;lt;- getLinks()
  htmlTreeParse(url, handlers = h1)
  h1$links()
}
links &amp;lt;- links_function(url)
&lt;/code&gt;&lt;/pre&gt;
&lt;p&gt;Some of these links come across missing the beginning to the link(what I have called small_url). I was wondering if there is a way to paste small_url onto the links that do not have them. I thought this could be done using a conditional statement, but I haven't figured out how to create a conditional based upon starting with certain text.&lt;/p&gt;</t>
  </si>
  <si>
    <t>2017-07-24 16:29:40.270000+00:00</t>
  </si>
  <si>
    <t>r|xml|conditional</t>
  </si>
  <si>
    <t>How to create a sub frames with a specific layout?</t>
  </si>
  <si>
    <t>&lt;p&gt;I'm aiming to make a login program but the only part that confuses me is how to make the frames.I need 3 different frames but I neither know how to make a frame other the then like this:&lt;/p&gt;
&lt;pre&gt;&lt;code&gt;mainframe = ttk.Frame(root, padding="3 3 12 12")
mainframe.grid(column=0, row=0, sticky=(N, W, E, S))
mainframe.columnconfigure(0, weight=1)
mainframe.rowconfigure(0, weight=1)
&lt;/code&gt;&lt;/pre&gt;
&lt;p&gt;and I can only make labels and widgets using that single mainframe. As far as making another one, it is beyond me. I need to know exactly place widets inside of each frame and even after creating frames I don't know how to place stuff on the grid. Would I go for the overall grid, or does something change after making the grid. I'm using the following layout for making the frame. Basically i'm hoping for a crash course in frames. Any information i've gathered doesn't make sense to me, even after I tried to put it into code.&lt;/p&gt;
&lt;p&gt;&lt;a href="https://i.stack.imgur.com/P0yaj.jpg" rel="nofollow noreferrer"&gt;&lt;img src="https://i.stack.imgur.com/P0yaj.jpg" alt="enter image description here"&gt;&lt;/a&gt;&lt;/p&gt;
&lt;p&gt;I've got the coding part down just not the frame part.&lt;/p&gt;
&lt;pre&gt;&lt;code&gt;#Import tkinter to make gui
from tkinter import *
from tkinter import ttk
import codecs
def login(*args
          ):
    file = open("rot13.txt", "r")
    lines = file.readlines()
    uname = user.get()
    pword = pw.get()
    for i in lines:
        x = i.split()
        if codecs.encode(uname,'rot13') == x[0] and codecs.encode(pword,'rot13') == x[1]:
            result.set("Successful")
            break;
        else:
            result.set("Access Denied")
root = Tk()
root.title("Login")
#Configures column and row settings and sets padding
mainframe = ttk.Frame(root, padding="3 3 12 12")
mainframe.grid(column=0, row=0, sticky=(N, W, E, S))
mainframe.columnconfigure(0, weight=1)
mainframe.rowconfigure(0, weight=1)
user = StringVar()
pw = StringVar()
result = StringVar()
user_entry = ttk.Entry(mainframe, width=20, textvariable=user)
user_entry.grid(column=2, row=1, sticky=(W, E))
pw_entry = ttk.Entry(mainframe, width=20, textvariable=pw)
pw_entry.grid(column=2, row=2, sticky=(W, E))
ttk.Label(mainframe, text="Username ").grid(column=1, row=1, sticky=W)
ttk.Label(mainframe, text="Password ").grid(column=1, row=2, sticky=W)
ttk.Label(mainframe, text="").grid(column=1, row=3, sticky=W)
ttk.Label(mainframe, text="Result").grid(column=1, row=4, sticky=W)
ttk.Label(mainframe, text="").grid(column=1, row=5, sticky=W)
ttk.Button(mainframe, text="Login", command=login).grid(column=3, row=6, sticky=W)
#Makes a spot to put in result
ttk.Label(mainframe, textvariable=result).grid(column=2, row=4, sticky=(W, E))
#Opens up with item selected and allows you to enter username without having to click it
user_entry.focus()
#Runs calculate if click enter
root.bind('&amp;lt;Return&amp;gt;', login)
root.mainloop()
&lt;/code&gt;&lt;/pre&gt;</t>
  </si>
  <si>
    <t>2016-09-12 19:24:50.160000+00:00</t>
  </si>
  <si>
    <t>2016-09-12 21:19:09.910000+00:00</t>
  </si>
  <si>
    <t>python-3.x|tkinter</t>
  </si>
  <si>
    <t>Understanding how signal handlers attach to a process</t>
  </si>
  <si>
    <t>&lt;p&gt;I am trying to understand how signal handlers attach to a process and their scope for a process. &lt;/p&gt;
&lt;pre&gt;&lt;code&gt;class Main
  Signal.trap('USR1') do
      Process2.kill
  end
  def main_process
      #do something
      p = Process2.new
      output = p.give_output
      #then again do something
  end
end
class Process2
  Signal.trap('USR1') do
      Process2.kill
  end
  def self.kill
      if @@static_object.blank?
        #do nothing
      else
        #do something
      end
  end
  def give_output
     #do something
     @@static_object = true
     #do something
  end
end
&lt;/code&gt;&lt;/pre&gt;
&lt;p&gt;Now if I issue a &lt;code&gt;SIGUSR1&lt;/code&gt; to the process while &lt;code&gt;give_output&lt;/code&gt; is getting executed and &lt;code&gt;@@static_object&lt;/code&gt; is not nil, the handler should behave as expected. However, even after &lt;code&gt;give_output&lt;/code&gt; has finished execution, if a signal is sent, the handler inside &lt;code&gt;Process2&lt;/code&gt; will catch it. From what I understand, the handler gets attached to the process. Can we have two signal handlers for the same process for the same signal? For example - while &lt;code&gt;give_output&lt;/code&gt; is executing and a signal is issued, the handler inside &lt;code&gt;Process2&lt;/code&gt; should get control otherwise another signal handler defined in &lt;code&gt;Main&lt;/code&gt; should get control.&lt;/p&gt;</t>
  </si>
  <si>
    <t>2016-05-05 06:42:07.680000+00:00</t>
  </si>
  <si>
    <t>2016-05-10 06:18:47.623000+00:00</t>
  </si>
  <si>
    <t>2016-05-05 07:45:16.873000+00:00</t>
  </si>
  <si>
    <t>user2851669</t>
  </si>
  <si>
    <t>ruby|signals|signal-handling</t>
  </si>
  <si>
    <t>A issue with align the checkbox and text</t>
  </si>
  <si>
    <t>&lt;p&gt;I'm having some problems with my page, I'm using less css and one of atributes css is the line-height is not working so very well. On all browser appears the same mode but on the IE it appears different.&lt;/p&gt;
&lt;p&gt;This is the problem:
&lt;img src="https://i.stack.imgur.com/SqrAC.png" alt="enter image description here"&gt;&lt;/p&gt;
&lt;p&gt;If you take a look. will see that the IE shows the text more higher than the checkbox on IE&lt;/p&gt;
&lt;p&gt;I'm using a variable to define the line-height, so I'm wish know if exists some hack or trick to use two values to the same variable (i.e line-height = 20 - if any browser,  line-height = 25 - if IE browser, or some way to resolve this issue.&lt;/p&gt;
&lt;p&gt;I just want align the checkbox and the text.&lt;/p&gt;</t>
  </si>
  <si>
    <t>2013-03-02 10:56:49.853000+00:00</t>
  </si>
  <si>
    <t>2013-03-02 11:05:33.043000+00:00</t>
  </si>
  <si>
    <t>css|less</t>
  </si>
  <si>
    <t>PyQt : Prevent a window to be opened several times</t>
  </si>
  <si>
    <t>&lt;p&gt;I made the simple code below as example. It justs open a new window clicking on a button. I don't find a way to prevent this widget to be re-opened if it is already on the screen. I would like to open a QDialog warning if the window already exists and mainly to have the closeEvent method sending a signal to Mainwidget saying that the new window has been closed. This would allow to open the newWidget again.&lt;/p&gt;
&lt;pre&gt;&lt;code&gt;import sys
from PyQt4 import QtCore, QtGui
class NewWidget(QtGui.QWidget): 
    def __init__(self, parent=None):
        super(NewWidget,self).__init__(parent)
        self.lineEdit = QtGui.QLineEdit('new window',self)
        self.resize(200,50)
        self.show()
    def closeEvent(self,ev):
        self.Exit = QtGui.QMessageBox.question(self,
                  "Confirm Exit...",
                  "Are you sure you want to exit ?",
                  QtGui.QMessageBox.Yes| QtGui.QMessageBox.No)
        ev.ignore()
        if self.Exit  == QtGui.QMessageBox.Yes:            
            ev.accept()     
class MainWidget(QtGui.QWidget):
    def __init__(self, parent=None):
        super(MainWidget,self).__init__(parent)
        self.button = QtGui.QPushButton("button", self)
        self.button.clicked.connect(self.open_new)
    def open_new(self):
        self.new = NewWidget()
if __name__ == "__main__":
    app = QtGui.QApplication(sys.argv)
    main = MainWidget()
    main.resize(200,50)
    main.move(app.desktop().screen().rect().center() - main.rect().center())
    main.show()
    sys.exit(app.exec_())
&lt;/code&gt;&lt;/pre&gt;</t>
  </si>
  <si>
    <t>2014-02-03 14:09:32.557000+00:00</t>
  </si>
  <si>
    <t>2014-02-06 14:14:50.480000+00:00</t>
  </si>
  <si>
    <t>2014-02-03 18:38:55.327000+00:00</t>
  </si>
  <si>
    <t>python|events|window|pyqt4</t>
  </si>
  <si>
    <t>Iphone device software</t>
  </si>
  <si>
    <t>&lt;p&gt;I'm not sure this question can be asked here, but I dont really know where I can get information. I've been doing some research and nothing obvious came out.&lt;/p&gt;
&lt;p&gt;So here is the thing, I've developed a functionnality.&lt;/p&gt;
&lt;p&gt;It works fine on computer.
It works fine on the Android Api.&lt;/p&gt;
&lt;p&gt;But there is some bugs on the Iphone Api.&lt;/p&gt;
&lt;p&gt;The thing is: I don't have any Iphone, so I can't see what's happening. Jus know what people said to my boss.
So, I'm looking for a piece of software to be able to test the API like if I was using an Iphone. I'm not just looking for something that will simulate sizes like the view from navigator development functionnality.&lt;/p&gt;
&lt;p&gt;Do you know something like that ? It will be really helpfull thank you.&lt;/p&gt;</t>
  </si>
  <si>
    <t>2017-07-27 14:29:34.980000+00:00</t>
  </si>
  <si>
    <t>2017-07-27 14:33:59.967000+00:00</t>
  </si>
  <si>
    <t>user8238012</t>
  </si>
  <si>
    <t>ios|iphone|device</t>
  </si>
  <si>
    <t>Security scoped bookmarks don't resolve after moving document to another machine</t>
  </si>
  <si>
    <t>&lt;p&gt;I'm working with document based security scoped bookmark to store references to files  in a document.
I create them like so:&lt;/p&gt;
&lt;pre&gt;&lt;code&gt;_bookmark = [_url bookmarkDataWithOptions: NSURLBookmarkCreationWithSecurityScope 
           includingResourceValuesForKeys: nil
                            relativeToURL: relativeURL
                                    error: error];
&lt;/code&gt;&lt;/pre&gt;
&lt;p&gt;The &lt;code&gt;relativeURL&lt;/code&gt; contains the URL to the document that will store the bookmark.&lt;/p&gt;
&lt;p&gt;I later resolve the bookmark using:&lt;/p&gt;
&lt;pre&gt;&lt;code&gt;resolvedURL = [NSURL URLByResolvingBookmarkData: bookmark 
                                        options: NSURLBookmarkResolutionWithoutMounting | NSURLBookmarkResolutionWithSecurityScope
                                  relativeToURL: url 
                            bookmarkDataIsStale: &amp;amp;isStale
                                          error: error];
&lt;/code&gt;&lt;/pre&gt;
&lt;p&gt;This works as long as the document and referred files stay on the initial machine. I can then move and rename them and they keep working.&lt;/p&gt;
&lt;p&gt;On the other hand, if I zip up the folder containing the document and files, and extract them on another machine, the bookmarks don't resolve.&lt;/p&gt;
&lt;p&gt;The presented error is &lt;code&gt;code 4: File doesn't exist.&lt;/code&gt;
I verified that the document still contains its security scope attribute and it does. Of course both the document and referred file actually exist.&lt;/p&gt;
&lt;p&gt;I tried creating the bookmark data from relative URLs, but that doesn't change anything. Requesting the URL from the bookmark always shows an absolute URL.&lt;/p&gt;
&lt;p&gt;How can I make sure that the bookmarks resolve when the document and files are transferred to another machine?&lt;/p&gt;
&lt;p&gt;&lt;strong&gt;Update&lt;/strong&gt;&lt;/p&gt;
&lt;p&gt;This problem has been confirmed by Apple. It's tracked under &lt;code&gt;radar: 24126953&lt;/code&gt;. Unfortunately, I was told they internally do not agree on whether this should get fixed or not. I hope they will someday.&lt;/p&gt;</t>
  </si>
  <si>
    <t>2015-12-15 11:10:53.960000+00:00</t>
  </si>
  <si>
    <t>2017-08-12 09:18:56.993000+00:00</t>
  </si>
  <si>
    <t>macos|cocoa|sandbox|security-scoped-bookmarks</t>
  </si>
  <si>
    <t>RichTextBox in WPF not resizing contents correctly</t>
  </si>
  <si>
    <t>&lt;p&gt;I need to display text with colors and formatting in a &lt;code&gt;List&lt;/code&gt;. I'm using a &lt;code&gt;ListBox&lt;/code&gt; with a &lt;code&gt;RichTextControl&lt;/code&gt; to display the data. I also need the contents to size to the window, but the text does not need to wrap.&lt;/p&gt;
&lt;p&gt;When I make this simple example the text appears vertical and doesn't change as I size the window. If I set the &lt;code&gt;Width&lt;/code&gt; of the &lt;code&gt;RichTextBox&lt;/code&gt; to a fixed size like 100 then it works. &lt;/p&gt;
&lt;p&gt;Any ideas?  &lt;/p&gt;
&lt;pre&gt;&lt;code&gt;&amp;lt;Window x:Class="WpfApplication19.Window1"
        xmlns="http://schemas.microsoft.com/winfx/2006/xaml/presentation"
        xmlns:x="http://schemas.microsoft.com/winfx/2006/xaml"
        Title="Window1" Height="300" Width="300"&amp;gt;
    &amp;lt;Grid&amp;gt;
        &amp;lt;ListBox HorizontalContentAlignment="Stretch"&amp;gt;
            &amp;lt;ListBox.Items&amp;gt;
                &amp;lt;RichTextBox&amp;gt;
                    &amp;lt;FlowDocument&amp;gt;
                        &amp;lt;Paragraph&amp;gt;
                            &amp;lt;Run&amp;gt;this is a  test&amp;lt;/Run&amp;gt;
                        &amp;lt;/Paragraph&amp;gt;
                    &amp;lt;/FlowDocument&amp;gt;
                &amp;lt;/RichTextBox&amp;gt;
            &amp;lt;/ListBox.Items&amp;gt;                
        &amp;lt;/ListBox&amp;gt;
    &amp;lt;/Grid&amp;gt;
&amp;lt;/Window&amp;gt;
&lt;/code&gt;&lt;/pre&gt;
&lt;p&gt;If there is a better option for displaying text were parts of the text are different colors please let me know.&lt;/p&gt;</t>
  </si>
  <si>
    <t>2009-12-02 17:31:34.210000+00:00</t>
  </si>
  <si>
    <t>2011-08-31 16:58:00.623000+00:00</t>
  </si>
  <si>
    <t>wpf|resize|richtextbox</t>
  </si>
  <si>
    <t>How is the name of this feature?</t>
  </si>
  <si>
    <t>&lt;p&gt;I wanna have, when a user clicks an button, the screen should go black and in the middle should be a new webpage.&lt;/p&gt;
&lt;p&gt;I know this is very often used for Images, but I know it is possible with webpages too.&lt;/p&gt;
&lt;p&gt;How is the name of this feature and how I can get it for my asp.net page?&lt;/p&gt;</t>
  </si>
  <si>
    <t>2010-12-10 09:12:10.337000+00:00</t>
  </si>
  <si>
    <t>2010-12-10 09:16:16.357000+00:00</t>
  </si>
  <si>
    <t>asp.net</t>
  </si>
  <si>
    <t>Using Breeze with OData</t>
  </si>
  <si>
    <t>&lt;blockquote&gt;
  &lt;p&gt;How would I use breeze against an odata service using only the
  server's metadata to define the model?   Will the context still be
  able to handle crud operations to a non web api service? &lt;/p&gt;
  &lt;p&gt;I have seen &lt;/p&gt;
&lt;pre&gt;&lt;code&gt;// service name is route to the Web API controller
var serviceName = 'api/CarBones';
/*** dataservice proper ***/
// manager (aka context) is the service gateway and cache holder
var manager = new entityModel.EntityManager(serviceName);
&lt;/code&gt;&lt;/pre&gt;
  &lt;p&gt;Can I do something like replacing the serviceName with an oData uri
  and then continue using breeze as usual?&lt;/p&gt;
&lt;pre&gt;&lt;code&gt;var serviceName = "http://localhost:1234/Northwind.svc"
&lt;/code&gt;&lt;/pre&gt;
  &lt;p&gt;Thanks for your help!&lt;/p&gt;
&lt;/blockquote&gt;
&lt;p&gt;This question was posted by jpirok on our IdeaBlade forums. I am reposting the question and answer here since I think it will be useful to the Breeze Stack Overflow community.&lt;/p&gt;</t>
  </si>
  <si>
    <t>2012-11-29 00:14:53.397000+00:00</t>
  </si>
  <si>
    <t>2012-11-29 19:03:50.023000+00:00</t>
  </si>
  <si>
    <t>odata|breeze</t>
  </si>
  <si>
    <t>How do I check if a value is valid and then return it?</t>
  </si>
  <si>
    <t>&lt;p&gt;I am trying to receive some input, and then either return the value if it's valid or get input again if it's not. However, I'm running into borrow checker issues trying to both check the value and return it (new to Rust). Here's the code snippet:&lt;/p&gt;
&lt;pre&gt;&lt;code&gt;fn get_move(&amp;amp;self) -&amp;gt; (String, String) {
    let player = self.current_player();
    let mut mv;
    let mut is_valid = false;
    loop {
        mv = player.make_move();
        {
            is_valid = self.move_valid(mv);
        }
        match is_valid {
            true =&amp;gt; return mv,
            _ =&amp;gt; continue,
        }
    }
}
fn move_valid(&amp;amp;self, (_from,_to): (String, String)) -&amp;gt; bool {
    false
}
&lt;/code&gt;&lt;/pre&gt;
&lt;p&gt;Error returned is&lt;/p&gt;
&lt;pre&gt;&lt;code&gt;error[E0382]: use of moved value: `mv`
  --&amp;gt; src/game.rs:75:32
   |
72 |                 is_valid = self.move_valid(mv);
   |                                            -- value moved here
...
75 |                 true =&amp;gt; return mv,
   |                                ^^ value used here after move
   |
   = note: move occurs because `mv` has type `(std::string::String, std::string::String)`, which does not implement the `Copy` trait
&lt;/code&gt;&lt;/pre&gt;
&lt;p&gt;I tried adding the scope around &lt;code&gt;self.move_valid&lt;/code&gt;, but it the &lt;code&gt;move_valid&lt;/code&gt; method still appears to be owning &lt;code&gt;mv&lt;/code&gt; when I try and return it.&lt;/p&gt;
&lt;p&gt;Is there a standard Rust pattern for repeated input until the value is valid? How can I get this to work?&lt;/p&gt;</t>
  </si>
  <si>
    <t>2017-12-26 17:35:16.757000+00:00</t>
  </si>
  <si>
    <t>2017-12-27 04:46:17.887000+00:00</t>
  </si>
  <si>
    <t>rust</t>
  </si>
  <si>
    <t>How to initiate AngularJs directive when its name is set with ng-class</t>
  </si>
  <si>
    <t>&lt;p&gt;I have few AngularJS directives to show Highstock graphs(myGraphEff,myGraphEnergy,..).&lt;/p&gt;
&lt;p&gt;Now I need to display these graphs with a sidebar displaying the names of each graphs with "li" elements and while clicking them I load corresponding graph.&lt;/p&gt;
&lt;p&gt;Here's my controller.&lt;/p&gt;
&lt;pre&gt;&lt;code&gt;var app = angular.module('app', []); 
app.controller('myController', function($scope,$http) {
    $scope.showingGraphs= [{name:"My Graph Eff",dir:"my-graph-eff"},{name:"My Graph Energy",dir:"my-graph-energy"}];
    $scope.displaingGraph= $scope.showingGraphs[0].dir;
    $scope.loadData = function(graphType){
        $scope.displaingGraph= graphType;
        $http.get('/reports/get-graph-data',{params:{"chartType": graphType}})
        .then(function(response) {
             $scope.data = response.data;
        }); 
    }
});
&lt;/code&gt;&lt;/pre&gt;
&lt;p&gt;Here's my HTML code&lt;/p&gt;
&lt;pre&gt;&lt;code&gt;&amp;lt;div class="box-content"&amp;gt;
        &amp;lt;div class="span8"&amp;gt;
            &amp;lt;div ng-class="displaingGraph" items="data" style="height: 296px;"&amp;gt;&amp;lt;/div&amp;gt;
        &amp;lt;/div&amp;gt;
        &amp;lt;div class="sparkLineStats span4 widget green" onTablet="span5" onDesktop="span4" &amp;gt;
            &amp;lt;ul  class="unstyled onhover" &amp;gt;
                &amp;lt;li ng-repeat="graph in showingGraphs" ng-click="loadData(graph.dir);"&amp;gt;{{ graph .Name }}&amp;lt;/li&amp;gt;
            &amp;lt;/ul&amp;gt;
        &amp;lt;/div&amp;gt;
    &amp;lt;/div&amp;gt;
&lt;/code&gt;&lt;/pre&gt;
&lt;p&gt;My directive structure goes like this&lt;/p&gt;
&lt;pre&gt;&lt;code&gt;app.directive('myGraphEff', function () {
  return {
    restrict: 'C',
    replace: true,
    scope: {
      items: '='
    },
    controller: function ($scope, $element, $attrs) {
    },
    template: '&amp;lt;div id="container" style="margin: 0 auto"&amp;gt;not working&amp;lt;/div&amp;gt;',
    link: function (scope, element, attrs) {
      var chart = new Highcharts.stockChart({
        chart: {
          renderTo: 'container',
          type: 'area'
        },
        title: {
          text: 'my graph eff'
        }
      });
      scope.$watch("items", function (newValue) {
        chart.series[0].setData(newValue, true);
      }, true);
    }
  }
});
&lt;/code&gt;&lt;/pre&gt;
&lt;p&gt;Now the problem is if I load the directive with,&lt;/p&gt;
&lt;pre&gt;&lt;code&gt;&amp;lt;div class="my-graph-eff" items="data" style="height: 296px;"&amp;gt;&amp;lt;/div&amp;gt;
&lt;/code&gt;&lt;/pre&gt;
&lt;p&gt;The graph loads successfully.&lt;br/&gt;But if I load it with ng-class the content of the directive does not load.&lt;/p&gt;
&lt;pre&gt;&lt;code&gt;&amp;lt;div ng-class="displaingGraph" items="data" style="height: 296px;"&amp;gt;&amp;lt;/div&amp;gt;
&lt;/code&gt;&lt;/pre&gt;
&lt;p&gt;But when I check the rendered HTML on browser I can see following,&lt;/p&gt;
&lt;pre&gt;&lt;code&gt;&amp;lt;div ng-class="displaingGraph" items="data" style="height: 296px;" class="my-graph-eff"&amp;gt;&amp;lt;/div&amp;gt;
&lt;/code&gt;&lt;/pre&gt;
&lt;p&gt;Using ng-class to change the directive is not working.&lt;br/&gt;
Simply what I am trying to achieve is, change the graph when user click it's name.
What would be the reason for this and how can I fix this ?&lt;/p&gt;</t>
  </si>
  <si>
    <t>2016-12-02 03:29:53.100000+00:00</t>
  </si>
  <si>
    <t>2016-12-02 06:12:23.587000+00:00</t>
  </si>
  <si>
    <t>javascript|angularjs|highcharts|highstock</t>
  </si>
  <si>
    <t>Zipping excel spreadsheet in memory file</t>
  </si>
  <si>
    <t>&lt;p&gt;I am trying to zip an excel spreadsheet created by openpyxl along with other files as per code below however i receive the following error, any help&lt;/p&gt;
&lt;p&gt;&lt;strong&gt;Error:&lt;/strong&gt;&lt;/p&gt;
&lt;blockquote&gt;
  &lt;p&gt;Traceback (most recent call last):   File
  "C:\Python27\lib\site-packages\cherrypy_cprequest.py", line 670, in
  respond
      response.body = self.handler()   File "C:\Python27\lib\site-packages\cherrypy\lib\encoding.py", line 217, in
  &lt;strong&gt;call&lt;/strong&gt;
      self.body = self.oldhandler(*args, **kwargs)   File "C:\Python27\lib\site-packages\cherrypy_cpdispatch.py", line 60, in
  &lt;strong&gt;call&lt;/strong&gt;
      return self.callable(*self.args, **self.kwargs)   File "example.py", line 2282, in RPC_submit
      wb.save(iostream4)   File "C:\Python27\lib\site-packages\openpyxl\workbook\workbook.py", line
  345, in save
      save_workbook(self, filename)   File "C:\Python27\lib\site-packages\openpyxl\writer\excel.py", line 266, in
  save_workbook
      writer.save(filename)   File "C:\Python27\lib\site-packages\openpyxl\writer\excel.py", line 248, in
  save
      self.write_data()   File "C:\Python27\lib\site-packages\openpyxl\writer\excel.py", line 81, in
  write_data
      self._write_worksheets()   File "C:\Python27\lib\site-packages\openpyxl\writer\excel.py", line 211, in
  _write_worksheets
      self._write_comment(ws)   File "C:\Python27\lib\site-packages\openpyxl\writer\excel.py", line 181, in
  _write_comment
      vml = fromstring(self.workbook.vba_archive.read(ws.legacy_drawing))
  AttributeError: 'NoneType' object has no attribute 'read'&lt;/p&gt;
&lt;/blockquote&gt;
&lt;p&gt;&lt;strong&gt;Code:&lt;/strong&gt;&lt;/p&gt;
&lt;pre&gt;&lt;code&gt;file_name4 = 'SP' + kwargs['sp'] + '-'+ kwargs['WO'] + ' ' + kwargs['site'] + 'TE - ' + 'Asset Distribution' +'.xlsx'
file_path = path + "\\" + file_name4
wb.save(file_path)
iostream4 = StringIO.StringIO()
wb.save(iostream4)
zip_output = StringIO.StringIO()
file = zipfile.ZipFile(zip_output, "w")
file.writestr(file_name0, iostream.getvalue())
file.writestr(file_name4, iostream4.getvalue())
file.close()
cherrypy.response.headers['Content-Type'] = 'application/zip'
cherrypy.response.headers['Content-Disposition'] = (
 'attachment; filename={fname}.zip'.format(
     fname='SP' + kwargs['sp'] + '-'+ kwargs['WO'] + ' ' + kwargs['site'] + ' - ' + 'Request for PC Documentation'  +'.zip'
 )
 )
return zip_output.getvalue()
&lt;/code&gt;&lt;/pre&gt;</t>
  </si>
  <si>
    <t>2017-11-27 05:30:47.460000+00:00</t>
  </si>
  <si>
    <t>2017-11-28 00:08:03.947000+00:00</t>
  </si>
  <si>
    <t>python|excel</t>
  </si>
  <si>
    <t>Service Worker is "installing" with every page reload though the sw.js did not change</t>
  </si>
  <si>
    <t>&lt;p&gt;I am using a service worker to cache the JS and CSS files of a web app.
I mostly use the code from a Google Chrome example, the only thing I added is a notification and countdown that refreshes the window when "new or updated content is available".&lt;/p&gt;
&lt;p&gt;The Google example: &lt;a href="https://github.com/GoogleChrome/sw-precache/blob/5699e5d049235ef0f668e8e2aa3bf2646ba3872f/demo/app/js/service-worker-registration.js" rel="nofollow noreferrer"&gt;https://github.com/GoogleChrome/sw-precache/blob/5699e5d049235ef0f668e8e2aa3bf2646ba3872f/demo/app/js/service-worker-registration.js&lt;/a&gt;&lt;/p&gt;
&lt;p&gt;However, this happens far too often and I don't understand why.
There has definitely not been any changes to the files on the server, but still sometimes I see the notification and the window reloads.&lt;/p&gt;
&lt;p&gt;I expected this would only happen when any of the files governed by the service worker actually changes (they are all hashed via Webpack and have definitely not changed in between).&lt;/p&gt;
&lt;p&gt;This is the code I use, inlined in &lt;code&gt;index.html&lt;/code&gt;:&lt;/p&gt;
&lt;pre&gt;&lt;code&gt;/* eslint-env browser */
'use strict';
function reloadApp(delay) {
  var t = delay || 0;
  var message = 'New or updated content is available. Reloading app in {s} seconds';
  var getMessage = function() { return message.replace('{s}', t) }
  var div = document.createElement('div');
  div.id = 'update-notification';
  div.innerHTML = getMessage();
  document.body.appendChild(div);
  var intervalID = setInterval(function() {
    t = t - 1;
    if (t &amp;lt;= 0) {
      clearInterval(intervalID);
      window.location.reload();
    }
    else {
      div.innerHTML = getMessage();
    }
  }, 1000);
}
if ('serviceWorker' in navigator &amp;amp;&amp;amp; window.location.protocol === 'https:') {
  navigator.serviceWorker.register('/service-worker.js').then(function(reg) {
    console.info('serviceWorker registered');
    reg.onupdatefound = function() {
      var installingWorker = reg.installing;
      installingWorker.onstatechange = function() {
        switch (installingWorker.state) {
          case 'installed':
            if (navigator.serviceWorker.controller) {
              reloadApp(5);
            } else {
              console.log('Content is now available offline!');
            }
            break;
          case 'redundant':
            console.error('The installing service worker became redundant.');
            break;
        }
      };
    };
  }).catch(function(e) {
    console.error('Error during service worker registration:', e);
  });
}
&lt;/code&gt;&lt;/pre&gt;
&lt;p&gt;This is the change I made:&lt;/p&gt;
&lt;pre&gt;&lt;code&gt;switch (installingWorker.state) {
  case 'installed':
    if (navigator.serviceWorker.controller) {
      // At this point, the old content will have been purged and the fresh content will
      // have been added to the cache.
      // It's the perfect time to display a "New content is available; please refresh."
      // message in the page's interface.
      console.log('New or updated content is available.');
    } else {
&lt;/code&gt;&lt;/pre&gt;
&lt;p&gt;became:&lt;/p&gt;
&lt;pre&gt;&lt;code&gt;switch (installingWorker.state) {
  case 'installed':
    if (navigator.serviceWorker.controller) {
      reloadApp(5);
&lt;/code&gt;&lt;/pre&gt;
&lt;p&gt;The service worker itself is generated via &lt;code&gt;sw-precache-webpack-plugin&lt;/code&gt; and the hashed files look like this:&lt;/p&gt;
&lt;pre&gt;&lt;code&gt;var precacheConfig = [["cms.CrudFactory.144344a2.js","6a65526f764f3caa4b8c6e0b84c1b31b"],["cms.routes.c20796b4.js","f8018476ceffa8b8f6ec00b297a6492d"],["common.cms-main.0f2db9ff.js","92017e838aff992e9f47f721cb07b6f0"],["common.licensing-main.8000b17d.js","0d43abd063567d5edaccdcf9c0e4c362"],["common.mediaplayer-main.314be5d2.js","2061501465a56e82d968d7998b9ac364"],["common.ordering-main.783e8605.js","0531c4a90a0fa9ea63fbe1f82e86f8c6"],["common.shared-main.0224b0ea.js","956ae4d2ddbddb09fb51804c09c83b22"],["common.stores-main.98246b60.js","cbdc46bc3abeac89f37e8f64b1737a22"],["component.App.284fec19.js","07f1923f1a0098bf9eba28fc7b307c18"],["component.AppToolbar.00e371de.js","9b542d4a85bdeece9d36ee4e389f6206"],["component.DevToolbar.652bf856.js","1744126e32774a93796146ac878ddd8e"],["component.Grid.4b964e52.js","755819ca2c7f911805e372401d638351"],["component.MediaPlayer.54db6e85.js","d0d8ae269665e810d1b997b473005f76"],["component.Search.05476f89.js","0cae8928aff533a6726dfaeb0661456a"],["data.country-list.d54f29a7.js","e27746418e02f75593a93b958a60807e"],["dev.sendSlackMessage.da8e22f4.js","ccb10829f18a727b79a5e8631bc4b2a2"],["index.html","02ff43eabc33c600e98785cffe7597d9"],["lib.gemini-scrollbar.df2fbf63.js","3941036bacb4a1432d22151ea7da073b"],["lib.isotope-horizontal.1604d974.js","6ac56d4296468c4428b5b5301a65938a"],["lib.isotope-packery.fabb73c3.js","808061641596e4b0ea2158b42d65915a"],["lib.react-color.265a6de0.js","f23f63d7e6934e381ffdc0405ecb449a"],["lib.react-date-picker.0a81fec3.js","778d1626645e439ad01e182ee589971a"],["lib.react-select.c768cf77.js","c8782991a161790ef2c9a2c7677da313"],["main.43e29bc6.js","fe6a6277acaa2a369ef235961be7bbcf"],["route.admin.CleanupPage.8b4bbf8e.js","8ab20412329e1ba4adc327713135be97"],["route.app.CmsPage.8a4303fb.js","0bf1506869db24bb9789c8a46449c8ad"],["route.app.CmsPageWrapper.accdebcc.js","c91e77aa8b518e1878761269deac22b6"],["route.app.ContactPage.75693d32.js","a530b00a5230a44897c2bf0aa9f402a8"],["route.app.PasswordResetExpiredDialog.65431bae.js","b5eef791dbd68edd4769bd6da022a857"],["route.app.SeriesDetailsPage.11a6989b.js","c52178b57767ae1bf94a9594cb32718e"],["route.cms.MetadataFormsPage.636188d2.js","e1e592b7e3dd82af774ac215524465c0"],["route.cms.PermissionsListPage.0e1e3075.js","9a3cc340a64238a1ab3ba1c0d483b7bd"],["route.cms.PermissionsPage.78a69f60.js","4b18e646715d6268e7aba3932f4e04a9"],["route.cms.SysconfigPage.f699b871.js","79bd1275213478f2ff1970e0b7341c49"],["styles.43e29bc620615f854714.css","b2e9e55e9ee2def2ae577ee1aaebda8f"],["styles.e0c12bb1c77e645e92d3.css","626778177949d72221e83b601c6c2c0f"],["translations.en.83fced0e.js","7e5509c23b5aafc1744a28a85c2950bb"],["translations.nl.4ae0b3bb.js","515ec7be7352a0c61e4aba99f0014a39"],["vendor.e0c12bb1.js","36ce9e0a59c7b4577b2ac4a637cb4238"]];
var cacheName = 'sw-precache-v3-nisv-client-' + (self.registration ? self.registration.scope : '');
&lt;/code&gt;&lt;/pre&gt;
&lt;p&gt;&lt;strong&gt;Questions:&lt;/strong&gt;&lt;/p&gt;
&lt;ul&gt;
&lt;li&gt;Why is the 'new or updated content' case happening so often?  &lt;/li&gt;
&lt;li&gt;Is the assumption correct that &lt;code&gt;case 'installed': if (navigator.serviceWorker.controller) {&lt;/code&gt; means &lt;code&gt;New or updated content is available&lt;/code&gt;?  &lt;/li&gt;
&lt;li&gt;How should I debug the problem?&lt;/li&gt;
&lt;/ul&gt;</t>
  </si>
  <si>
    <t>2017-08-15 13:48:07.223000+00:00</t>
  </si>
  <si>
    <t>2018-02-20 05:13:26.493000+00:00</t>
  </si>
  <si>
    <t>2018-02-20 05:11:05.267000+00:00</t>
  </si>
  <si>
    <t>javascript|service-worker</t>
  </si>
  <si>
    <t>Replace substring from beginning given another string</t>
  </si>
  <si>
    <t>&lt;p&gt;I have two strings s1 &amp;amp; s2. I want to remove s2 from s1 if s1 starts with s2. s2 can be of variable length.&lt;/p&gt;
&lt;pre&gt;&lt;code&gt;For eg. s1 = 123456789 s2 = 123 output = 456789
For eg. s1 = 123456789 s2 = 12345 output = 6789
&lt;/code&gt;&lt;/pre&gt;
&lt;p&gt;Right now I do index calculation for s2 from s1 and then extract the substring.&lt;/p&gt;
&lt;p&gt;I am curious is there a better way of doing this? Regular expressions?&lt;/p&gt;</t>
  </si>
  <si>
    <t>2016-10-21 21:15:39.760000+00:00</t>
  </si>
  <si>
    <t>2016-10-21 21:33:06.613000+00:00</t>
  </si>
  <si>
    <t>Trying to make a progress bar that animates between two ints that change frequently</t>
  </si>
  <si>
    <t>&lt;p&gt;I have a little guess-the-hex-value game that I'm making for my first Android app that I am trying to display the percentage correct your guess is with a progress bar. I have the progress bar working fine, but I'm having trouble getting the animation to work.&lt;/p&gt;
&lt;p&gt;Here is my animation:&lt;/p&gt;
&lt;pre&gt;&lt;code&gt;protected ObjectAnimator progressAnimator;
&lt;/code&gt;&lt;/pre&gt;
&lt;p&gt;then on OnCreate..&lt;/p&gt;
&lt;pre&gt;&lt;code&gt;progressAnimator = ObjectAnimator.ofInt(percentageBar, "progress", percentageCorrectOld, percentageCorrectNew);
progressAnimator.setDuration(5000);
//i'm not sure where I should be starting this animation?
progressAnimator.start();
&lt;/code&gt;&lt;/pre&gt;
&lt;p&gt;And here I have a textChanged Listener that detects when the hex guess is updated where I set the &lt;code&gt;int percentageCorrect&lt;/code&gt;&lt;/p&gt;
&lt;pre&gt;&lt;code&gt;@Override
public void afterTextChanged(Editable s) {
//sets the old percentage correct, which is set to 0 on onCreate
percentageCorrectOld = percentageCorrect;
//calculates the percentageCorrect using color comparison deltaE equation (irrelevant)
percentageCorrect = 100 - (int) ((deltaE / 375.5955) * 100);
//sets the newly calculated percentageCorrect to the new value
percentageCorrectNew = percentageCorrect;
//sets the text of the progress bar to the new value
percentageBarText.setText(""+percentageCorrect);
//sets the progress of the bar
percentageBar.setProgress(percentageCorrect);
}
&lt;/code&gt;&lt;/pre&gt;
&lt;p&gt;Basically I am not sure where I should be starting the animation? Starting it in the &lt;code&gt;afterTextChanged&lt;/code&gt; listener seems wrong as it would just restart the animation over and over.. (also it doesn't work, tested it). Starting it on &lt;code&gt;onCreate&lt;/code&gt; doesn't work, either. I am getting the correct &lt;code&gt;percentageCorrectOld&lt;/code&gt; and &lt;code&gt;percentageCorrectNew&lt;/code&gt; values in the &lt;code&gt;afterTextChanged&lt;/code&gt; listener, but the animation just won't play when I need it to. &lt;/p&gt;
&lt;p&gt;Any help? I am really unsure of the best way to use this animation. Thanks!&lt;/p&gt;</t>
  </si>
  <si>
    <t>2015-02-13 23:25:06.260000+00:00</t>
  </si>
  <si>
    <t>android|progress-bar|objectanimator</t>
  </si>
  <si>
    <t>How to remove an Item from scope AngularJS</t>
  </si>
  <si>
    <t>&lt;pre&gt;&lt;code&gt;**This  is my drink list, with a delete button for each ingredient.**
![My Ingredient Page][1]
  [1]: http://i.stack.imgur.com/QPNHs.png
**1. Relevant template html:**
div.row.editRow(ng-repeat="drink in drinks | orderBy: 'name'")
  form(ng-submit="editDrink(drink)")
    div.col-md-3 
      input(value="{{drink.name}}", ng-model="drink.name")
    div.col-md-3
      input(value="{{drink.image}}", ng-model="drink.image")
    div.col-md-1.text-right 
      a(ng-click="addNewIngredient()") +
    div.col-md-4
      div.row(ng-repeat="ingredient in drink.ingredients")
        div.col-md-7
          select.mixers(value="{{ingredient.name}}", ng-model="ingredient.name", ng-options="i for i in ingredientsList")
        div.col-md-4
          input.addForm.ingredient(value="{{ingredient.amount}}", ng-model="ingredient.amount", style="width: 100px;")
        div.col-md-1 
          a(ng-click="removeIngredientEdit($index)") -
    div.col-md-1
      button.btn Save
&lt;/code&gt;&lt;/pre&gt;
&lt;p&gt;&lt;strong&gt;2. Relevant controller method:&lt;/strong&gt;&lt;/p&gt;
&lt;pre&gt;&lt;code&gt; $scope.removeIngredientEdit = function (index) { 
    $scope.newDrink.ingredients.splice(index);
     console.log('Removed ingredient at index ' );
  };
&lt;/code&gt;&lt;/pre&gt;
&lt;p&gt;When I do this nothing happens. I am using mongodb to store my drink information. I am new to Angular JS and do not know what to do.&lt;/p&gt;</t>
  </si>
  <si>
    <t>2014-11-07 23:30:19.223000+00:00</t>
  </si>
  <si>
    <t>2014-11-10 15:53:41.750000+00:00</t>
  </si>
  <si>
    <t>2014-11-07 23:49:26.567000+00:00</t>
  </si>
  <si>
    <t>javascript|angularjs|mongodb</t>
  </si>
  <si>
    <t>Switch Timezone for calculation</t>
  </si>
  <si>
    <t>&lt;p&gt;Our application is storing all dates in UTC Timezone. Our Major-Business Unit however is in "Europe/Berlin" Timezone (+2, +1 depending on daylight saving). Therefore, when we determine what "month" a certain Timespan should equal, we want to use THAT Timezone.&lt;/p&gt;
&lt;p&gt;I.e. The period given by the start &lt;code&gt;Thursday, 31 October 2013, 23:00:0 UTC&lt;/code&gt; and end &lt;code&gt;Friday, 29 November 2013, 23:00:00 UTC&lt;/code&gt; should bee globaly known as &lt;code&gt;Nov 13&lt;/code&gt;, as for our Major Business Unit, the Times would be &lt;code&gt;Friday, 1 November 2013, 00:00:00&lt;/code&gt; to &lt;code&gt;Friday, 30 November 2013, 00:00:00&lt;/code&gt;&lt;/p&gt;
&lt;p&gt;The Server itself is running in UTC, so we have to switch the timezone, while calculating periodnames. We are using Joda Datetime on the backend, and I always can do something like:&lt;/p&gt;
&lt;pre&gt;&lt;code&gt;DateTime now = new DateTime();
now.withZone(DateTimeZone.forID("Europe/Berlin"));
&lt;/code&gt;&lt;/pre&gt;
&lt;p&gt;However there are a lot of calculations going on, and i wonder if there is a better way, to do ALL calculations within a certain timezone?&lt;/p&gt;
&lt;p&gt;If it would be a stand alone application, one could use something like that:&lt;/p&gt;
&lt;pre&gt;&lt;code&gt;DateTimeZone old = DateTimeZone.getDefault();
DateTimeZone.setDefault(DateTimeZone.forID("Europe/Berlin"));
//do all work
DateTimeZone.setDefault(old);
&lt;/code&gt;&lt;/pre&gt;
&lt;p&gt;However since it is a server environment, modifying the default Timezone may lead to wrong results on other calculations happening on other threads.&lt;/p&gt;
&lt;p&gt;so, I wonder, if there is nothing like the c# using directive in java? Beside the wrong syntax i'm looking for something like this:&lt;/p&gt;
&lt;pre&gt;&lt;code&gt;using(DateTimeZone.forID("Europe/Berlin")){
   //do all work, where JUST all DateTime usings inside this using
   //Statement are affected
}
&lt;/code&gt;&lt;/pre&gt;
&lt;p&gt;Edit: Some Little Test shows the problem: Even when running on 2 Threads, the "Default" TimeZone is used in both threads. So, whatever timezone is set LAST will be used for both threads. (Of course that's what "default" Timezone is for.)&lt;/p&gt;
&lt;pre&gt;&lt;code&gt;@Test
    public final void testTimeZoneThreaded() {
        Thread EuropeThread = new Thread(new Runnable() {
            @Override
            public void run() {
                DateTimeZone.setDefault(DateTimeZone.forID("Europe/Berlin"));
                int i = 0;
                while (i++ &amp;lt; 10) {
                    DateTime now = new DateTime();
                    System.out.println("It is now " + now + " in TimeZone " + DateTimeZone.getDefault().toString());
                    try {
                        Thread.sleep(1000);
                    } catch (InterruptedException e) {
                        // TODO Auto-generated catch block
                        e.printStackTrace();
                    }
                }
            }
        });
        Thread UTCThread = new Thread(new Runnable() {
            @Override
            public void run() {
                DateTimeZone.setDefault(DateTimeZone.forID("UTC"));
                int i = 0;
                while (i++ &amp;lt; 10) {
                    DateTime now = new DateTime();
                    System.out.println("It is now " + now + " in TimeZone " + DateTimeZone.getDefault().toString());
                    try {
                        Thread.sleep(800);
                    } catch (InterruptedException e) {
                        // TODO Auto-generated catch block
                        e.printStackTrace();
                    }
                }
            }
        });
        EuropeThread.start();
        UTCThread.start();
        while (UTCThread.isAlive()) {
            try {
                Thread.sleep(50);
            } catch (InterruptedException e) {
            }
        }
    }
&lt;/code&gt;&lt;/pre&gt;
&lt;p&gt;Beeing able to use different defaults on different threads would help, also.&lt;/p&gt;
&lt;p&gt;Another thought was to extend the JodaDateTime and override the to string() method with all of its overloads:&lt;/p&gt;
&lt;pre&gt;&lt;code&gt;class MyDateTime extends DateTime{
  @Override
  public String toString(){
    return super().withZone(DateTimeZone.for("Europe/Berlin")).toString();
  }
  @Override
  public String toString(String format){
    return super().withZone(DateTimeZone.for("Europe/Berlin")).toString(format);
  }
}
&lt;/code&gt;&lt;/pre&gt;
&lt;ul&gt;
&lt;li&gt;DateTime is "final" ... :-(&lt;/li&gt;
&lt;/ul&gt;
&lt;p&gt;So, for the moment i always need to handle it manually, when generating period names (either years, quartals, months, weeks, ...)&lt;/p&gt;
&lt;pre&gt;&lt;code&gt;public String getMonthPeriodName() {
        DateTime firstOfMonth = this.getPeriodStart().withZone(DateTimeZone.forID("Europe/Berlin")).dayOfMonth().withMinimumValue().millisOfDay().withMinimumValue();
    DateTime lastOfMonth = this.getPeriodEnd().withZone(DateTimeZone.forID("Europe/Berlin")).dayOfMonth().withMaximumValue().millisOfDay().withMaximumValue();
        if (firstOfMonth.isEqual(getPeriodStart()) &amp;amp;&amp;amp; lastOfMonth.isEqual(getPeriodEnd())) {
            // full month.
            return firstOfMonth.withZone(DateTimeZone.forID("Europe/Berlin")).toString("MMM yyyy", Locale.US);
        } else {
            // just partial month.
            String Basename = firstOfMonth.withZone(DateTimeZone.forID("Europe/Berlin")).toString("MMM yyyy", Locale.US);
            String f = getPeriodStart().withZone(DateTimeZone.forID("Europe/Berlin")).dayOfMonth().getAsShortText();
            String t = getPeriodEnd().withZone(DateTimeZone.forID("Europe/Berlin")).dayOfMonth().getAsShortText();
            return Basename + " (" + f + " to " + t + ")";
        }
    }
&lt;/code&gt;&lt;/pre&gt;</t>
  </si>
  <si>
    <t>2013-11-07 11:13:53.233000+00:00</t>
  </si>
  <si>
    <t>2016-03-19 09:01:36.877000+00:00</t>
  </si>
  <si>
    <t>java|datetime|timezone|jodatime</t>
  </si>
  <si>
    <t>Do I need to keep the Bitmap object when using Bitmap.GetHBITMAP()?</t>
  </si>
  <si>
    <t>&lt;p&gt;When using &lt;code&gt;Bitmap.GetHBITMAP()&lt;/code&gt;, do I need to keep (not delete) the &lt;code&gt;Bitmap&lt;/code&gt; object, or does &lt;code&gt;Bitmap.GetHBITMAP()&lt;/code&gt; creates a new &lt;code&gt;HBITMAP&lt;/code&gt; and not just returns the one that the &lt;code&gt;Bitmap&lt;/code&gt; object uses? (the &lt;a href="https://msdn.microsoft.com/en-us/library/windows/desktop/ms536295%28v=vs.85%29.aspx" rel="nofollow"&gt;documentation&lt;/a&gt; does not mention anything about this).&lt;/p&gt;</t>
  </si>
  <si>
    <t>2015-06-25 15:26:48.053000+00:00</t>
  </si>
  <si>
    <t>c++|winapi|gdi+</t>
  </si>
  <si>
    <t>I want to rename odoo field name</t>
  </si>
  <si>
    <t>&lt;p&gt;I create a field with a type when I create a model:&lt;br/&gt;&lt;/p&gt;
&lt;pre class="lang-py prettyprint-override"&gt;&lt;code&gt;wrong_field = fields.Char('Wrong')
&lt;/code&gt;&lt;/pre&gt;
&lt;p&gt;now, I want to correct this field and migrate date to the new field. I found keywords "oldname" in odoo docs. so I change my field like this:&lt;br/&gt;&lt;/p&gt;
&lt;pre class="lang-py prettyprint-override"&gt;&lt;code&gt;right_field = fields.Char('Right', oldname='wrong_field')
&lt;/code&gt;&lt;/pre&gt;
&lt;p&gt;but it didn't work, the new field didn't have data.&lt;br/&gt;
why doesn't this work? How can I resolve it?&lt;br/&gt;
Thank you!&lt;/p&gt;</t>
  </si>
  <si>
    <t>2018-01-25 09:40:57.413000+00:00</t>
  </si>
  <si>
    <t>2018-05-02 07:24:30.880000+00:00</t>
  </si>
  <si>
    <t>2018-01-25 13:11:15.573000+00:00</t>
  </si>
  <si>
    <t>odoo|odoo-11</t>
  </si>
  <si>
    <t>Can a view be based upon logical groupings and not visual groupings?</t>
  </si>
  <si>
    <t>&lt;p&gt;What I mean, is do the elements have to be grouped together visually.&lt;/p&gt;
&lt;p&gt;From a data stand point, I have a table on the server called Accounts, which holds environment information like what page the user was on, their name, the location of their picture, and other small bits of information, that is spread through out the one page application visually.&lt;/p&gt;
&lt;p&gt;However each row of data represents a model, and I would like a 1 to 1 map to the view.&lt;/p&gt;
&lt;p&gt;It is a logical grouping of data but not a visual one.&lt;/p&gt;
&lt;p&gt;Is this O.K?&lt;/p&gt;</t>
  </si>
  <si>
    <t>2014-07-09 13:58:47.777000+00:00</t>
  </si>
  <si>
    <t>2014-07-09 15:02:04.833000+00:00</t>
  </si>
  <si>
    <t>user3293653</t>
  </si>
  <si>
    <t>javascript|backbone.js</t>
  </si>
  <si>
    <t>export to excel from vb.net from sql datareader</t>
  </si>
  <si>
    <t>&lt;p&gt;I have an sql query with sql datareader. i put a for loop for the data reader. now when the data starts coming in from the query i want it to export to excel in the for loop.
here's my code&lt;/p&gt;
&lt;p&gt;Try
            Dim SqlStr As String = "", dr As SqlDataReader = Nothing&lt;/p&gt;
&lt;pre&gt;&lt;code&gt;        ConnectDB(Cnn)
        Str = "query"
        SqlCmd = New SqlCommand(Str, Cnn)
        dr = SqlCmd.ExecuteReader
while dr.read
..EXPORT TO EXCEL
do
end while
&lt;/code&gt;&lt;/pre&gt;
&lt;p&gt;does anyone know how to do this?&lt;/p&gt;</t>
  </si>
  <si>
    <t>2010-04-02 18:13:27.860000+00:00</t>
  </si>
  <si>
    <t>2013-01-13 16:47:30.457000+00:00</t>
  </si>
  <si>
    <t>vb.net|excel|export</t>
  </si>
  <si>
    <t>How can I implement double sigma insted of multi nested for loop in R programming?</t>
  </si>
  <si>
    <t>&lt;p&gt;I'm used to programming in C++ and Java, But I'm a newbie to the R programming. I just want to this nested implement this formula&lt;/p&gt;
&lt;p&gt;&lt;a href="https://i.stack.imgur.com/q3jZW.png" rel="nofollow noreferrer"&gt;&lt;img src="https://i.stack.imgur.com/q3jZW.png" alt="enter image description here"&gt;&lt;/a&gt;&lt;/p&gt;
&lt;p&gt;My first thought was using nested for loop.But some people recommend to me, in R programming, avoid nested for loop and find functional ways.&lt;/p&gt;
&lt;p&gt;So I tried to use this way&lt;/p&gt;
&lt;pre&gt;&lt;code&gt;j &amp;lt;- seq(2,99)
k &amp;lt;- seq(j, 100) 
answer &amp;lt;- sum(k)
answer
&lt;/code&gt;&lt;/pre&gt;
&lt;p&gt;But above code make this error message&lt;/p&gt;
&lt;pre&gt;&lt;code&gt;Error in seq.default(j, 100) : 'from' must be of length 1
Calls: seq -&amp;gt; seq.default
&lt;/code&gt;&lt;/pre&gt;
&lt;p&gt;How can I solve this problem?&lt;/p&gt;</t>
  </si>
  <si>
    <t>2018-04-01 03:56:55.103000+00:00</t>
  </si>
  <si>
    <t>2018-04-01 04:07:26.870000+00:00</t>
  </si>
  <si>
    <t>Find JavaScript scroll top property without using .scrollTop?</t>
  </si>
  <si>
    <t>&lt;p&gt;Is There a way to find scroll top property with JavaScript without using &lt;code&gt;.scrollTop&lt;/code&gt;?&lt;/p&gt;</t>
  </si>
  <si>
    <t>2016-04-16 23:38:28.503000+00:00</t>
  </si>
  <si>
    <t>2016-04-20 17:30:01.540000+00:00</t>
  </si>
  <si>
    <t>2016-04-16 23:51:27.883000+00:00</t>
  </si>
  <si>
    <t>javascript|scrolltop</t>
  </si>
  <si>
    <t>Making a live video event on bright cove using cURL</t>
  </si>
  <si>
    <t>&lt;p&gt;I am trying to make a live video event on bright cove site through my application made using &lt;strong&gt;PHP&lt;/strong&gt; now according to their docs I have POSTED my request to their server using &lt;strong&gt;cURL&lt;/strong&gt; and getting the success response. I have used the following the cURL command to send my request.&lt;/p&gt;
&lt;pre&gt;&lt;code&gt;function createLiveEvent() {
$api = $_POST['api_key'];
$ch = curl_init();
curl_setopt($ch, CURLOPT_URL, "https://api.bcovlive.io/v1/jobs");
curl_setopt($ch, CURLOPT_RETURNTRANSFER, 1);
curl_setopt($ch, CURLOPT_POSTFIELDS, "{"
        . "\n    \"live_stream\": true,"
        . "\n    \"region\": \"us-west-2\","
        . "\n    \"reconnect_time\": 1800,"
        . "\n    \"live_sliding_window_duration\": 57600,"
        . "\n    \"outputs\": ["
        . "\n        {"
        . "\n            \"label\": \"hls720p\","
        . "\n            \"live_stream\": true,"
        . "\n            \"width\": 1280,"
        . "\n            \"height\": 720,"
        . "\n            \"video_codec\": \"h264\","
        . "\n            \"h264_profile\": \"high\","
        . "\n            \"video_bitrate\": 2100,"
        . "\n            \"segment_seconds\": 4,"
        . "\n            \"keyframe_interval\": 60\n        },"
        . "\n        {\n            \"label\": \"hls540p\","
        . "\n            \"live_stream\": true,"
        . "\n            \"width\": 960,\n            \"height\": 540,"
        . "\n            \"video_codec\": \"h264\","
        . "\n            \"h264_profile\": \"main\","
        . "\n            \"video_bitrate\": 1500,"
        . "\n            \"segment_seconds\": 4,"
        . "\n            \"keyframe_interval\": 60\n        },"
        . "\n        {\n            \"label\": \"hls360p\","
        . "\n            \"live_stream\": true,\n            \"width\": 640,"
        . "\n            \"height\": 360,\n            \"video_codec\": \"h264\","
        . "\n            \"h264_profile\": \"main\","
        . "\n            \"video_bitrate\": 800,"
        . "\n            \"segment_seconds\": 4,"
        . "\n            \"keyframe_interval\": 60\n        }\n    ]\n}\n");
curl_setopt($ch, CURLOPT_POST, 1);
$headers = array();
$headers[] = "Cache-Control: no-cache";
$headers[] = "Content-Type: application/json";
$headers[] = "Postman-Token: postman_token";
$headers[] = "X-Api-Key: " . $api;
curl_setopt($ch, CURLOPT_HTTPHEADER, $headers);
$result = curl_exec($ch);
if (curl_errno($ch)) {
    echo 'Error:' . curl_error($ch);
}
curl_close($ch);
wp_send_json($result);
}
&lt;/code&gt;&lt;/pre&gt;
&lt;p&gt;And I am getting my response but I can't see my live event in my account on bright cove. I am sort of stuck at this point that what is it that I am missing here or doing wrong.&lt;/p&gt;</t>
  </si>
  <si>
    <t>2018-01-30 05:29:58.970000+00:00</t>
  </si>
  <si>
    <t>php|curl|brightcove</t>
  </si>
  <si>
    <t>How to create a category slider in ionic app</t>
  </si>
  <si>
    <t>&lt;p&gt;&lt;a href="https://i.stack.imgur.com/r9PKu.png" rel="nofollow noreferrer"&gt;&lt;img src="https://i.stack.imgur.com/r9PKu.png" alt=""&gt;&lt;/a&gt;&lt;/p&gt;
&lt;p&gt;I want to create a slider as displayed in the image. Categories in the slider in header and below is the description for selected category.&lt;/p&gt;</t>
  </si>
  <si>
    <t>2016-12-23 09:38:08.527000+00:00</t>
  </si>
  <si>
    <t>2016-12-29 06:13:49.833000+00:00</t>
  </si>
  <si>
    <t>angularjs|ionic-framework</t>
  </si>
  <si>
    <t>Stretching Data Over Entire x-axis</t>
  </si>
  <si>
    <t>&lt;p&gt;I plotted some data using Matplotlib and have this large whitespace gap on the end. Any ideas on how to get rid of it? (204 values are plotted)&lt;/p&gt;
&lt;pre&gt;&lt;code&gt;fig, ax = plt.subplots()
ax.plot(osnow,'r-',label="Observations")
ax.plot(rsnow,'b-',label='MERRA')
plt.xlabel('Year')
plt.ylabel('Snow Depth (cm)')
plt.title('Station '+str(stations[c])+' Snow Depth Correlations')
ax.set_xticks(np.arange(0,205,12))
ax.set_xticklabels(['1979','1980','1981','1982','1983','1984','1985','1986','1987','1988',
                    '1989','1990','1991','1992','1993','1994','1995','1996'], fontsize = 'small')
ax.text(30.0,35.0,'R = '+str(corr[0])+'', ha='center', va='center')
plt.legend(loc='best')
plt.show()
&lt;/code&gt;&lt;/pre&gt;
&lt;p&gt;&lt;img src="https://i.stack.imgur.com/Tj2kW.png" alt="enter image description here"&gt;&lt;/p&gt;</t>
  </si>
  <si>
    <t>2015-04-22 17:44:24.987000+00:00</t>
  </si>
  <si>
    <t>2015-04-22 17:54:12.283000+00:00</t>
  </si>
  <si>
    <t>2015-04-22 17:47:48.587000+00:00</t>
  </si>
  <si>
    <t>python|matplotlib|plot</t>
  </si>
  <si>
    <t>PHPUnit: what does 'Attribute' refer to?</t>
  </si>
  <si>
    <t>&lt;p&gt;Sorry if this is a rudimentary question, but what does the term 'Attribute' refer to in the context of PHPUnit testing? I know what properties and methods are, I know what public/private/protected do. I know the different between static and instance variables. But I see all these 'Attribute' oriented asserts in the PHPUnit command sets but none of the documentation I have seems to take the step back to describe what 'attribute' is actually referring to. properties? methods? all of the above???&lt;/p&gt;
&lt;p&gt;SW&lt;/p&gt;</t>
  </si>
  <si>
    <t>2012-03-22 21:01:14.120000+00:00</t>
  </si>
  <si>
    <t>2012-03-22 21:21:19.317000+00:00</t>
  </si>
  <si>
    <t>phpunit</t>
  </si>
  <si>
    <t>How to extract information from ODP accurately?</t>
  </si>
  <si>
    <t>&lt;p&gt;I am building a search engine in python.&lt;/p&gt;
&lt;p&gt;I have heard that Google fetches the description of pages from the ODP (&lt;a href="http://dmoz.org" rel="nofollow"&gt;Open Directory Project&lt;/a&gt;) in case Google can't figure out the description using the meta data from the page... I wanted to do something similar.&lt;/p&gt;
&lt;p&gt;ODP is an online directory from Mozilla which has descriptions of pages on the net, so I wanted to fetch the descriptions for my search results from the ODP. How do I get the accurate description of a particular url from ODP, and return the python type "None" if I couldn't find it (Which means ODP has no idea what page i am looking for)?&lt;/p&gt;
&lt;p&gt;PS. there is a url called &lt;a href="http://dmoz.org/search?q=Your+Search+Params" rel="nofollow"&gt;http://dmoz.org/search?q=Your+Search+Params&lt;/a&gt; but I dont know how to extract information from there.&lt;/p&gt;</t>
  </si>
  <si>
    <t>2013-05-03 09:16:37.103000+00:00</t>
  </si>
  <si>
    <t>2013-10-14 08:16:40.450000+00:00</t>
  </si>
  <si>
    <t>2013-10-13 18:54:07.250000+00:00</t>
  </si>
  <si>
    <t>user2335164</t>
  </si>
  <si>
    <t>python|search-engine</t>
  </si>
  <si>
    <t>mysqldump --where clause is not working as expected</t>
  </si>
  <si>
    <t>&lt;p&gt;I want to take the dump only of the latest rows. But When i pass the --where option its not dumping the rows. but when i execute select query with the same where clause it returns the rows. here is my select query:&lt;/p&gt;
&lt;pre&gt;&lt;code&gt;SELECT  * FROM abc.`xyz` WHERE UPDATED_AT &amp;gt;="2015-11-11 10:03:37";
&lt;/code&gt;&lt;/pre&gt;
&lt;p&gt;here is my mysqldump command: &lt;/p&gt;
&lt;pre&gt;&lt;code&gt; mysqldump --no-create-info --replace -h source_server --user=backup1 --password='passcode' abc xyz --where='UPDATED_AT &amp;gt;="2015-11-11 10:03:37"'  &amp;gt; "backup.sql"
&lt;/code&gt;&lt;/pre&gt;
&lt;p&gt;What is the problem in the above mysqldump command why its not dumping the records?&lt;/p&gt;
&lt;p&gt;dump file portion is as under:&lt;/p&gt;
&lt;pre&gt;&lt;code&gt; --
 -- Dumping data for table `xyz`
 --
 -- WHERE:  UPDATED_AT &amp;gt;='2015-11-11 10:03:37'
 LOCK TABLES `xyz` WRITE;
 /*!40000 ALTER TABLE `xyz` DISABLE KEYS */;
 /*!40000 ALTER TABLE `xyz` ENABLE KEYS */;
 UNLOCK TABLES;
&lt;/code&gt;&lt;/pre&gt;</t>
  </si>
  <si>
    <t>2015-11-11 06:22:15.200000+00:00</t>
  </si>
  <si>
    <t>2018-03-19 02:17:52.610000+00:00</t>
  </si>
  <si>
    <t>2015-11-11 06:39:47.127000+00:00</t>
  </si>
  <si>
    <t>mysql|mysqldump</t>
  </si>
  <si>
    <t>Add records in a table instead of list items</t>
  </si>
  <si>
    <t>&lt;p&gt;I'm adding rows in the format of list items. However I don't know how to iterate the rows in a table using Angular JS. Can any one help me in this issue?&lt;/p&gt;
&lt;pre&gt;&lt;code&gt;    &amp;lt;ul&amp;gt;
        &amp;lt;li ng-repeat="user in users"&amp;gt;
            &amp;lt;span ng-model="user.firstname"&amp;gt;{{user.firstname}}&amp;lt;/span&amp;gt;
            &amp;lt;span ng-model="user.lastname"&amp;gt;{{user.lastname}}&amp;lt;/span&amp;gt;
        &amp;lt;/li&amp;gt;
    &amp;lt;/ul&amp;gt;
&lt;/code&gt;&lt;/pre&gt;
&lt;p&gt;Thank you in advance
Nizam&lt;/p&gt;</t>
  </si>
  <si>
    <t>2014-01-15 11:25:55.383000+00:00</t>
  </si>
  <si>
    <t>2014-01-15 11:31:04.407000+00:00</t>
  </si>
  <si>
    <t>ajax request to pyramid returns Origin is not allowed by Access-Control-Allow-Origin</t>
  </si>
  <si>
    <t>&lt;p&gt;I am working with python pyramid and basically I have defined a route like this:&lt;/p&gt;
&lt;pre&gt;&lt;code&gt;config.add_route('metaschemaxml', '/metaschema/{id}/xml')
&lt;/code&gt;&lt;/pre&gt;
&lt;p&gt;The view mapping metashemaxml is like this:&lt;/p&gt;
&lt;pre&gt;&lt;code&gt;@view_config(route_name='metaschemaxml', renderer='string')
def metaxml_view(request):
  schema = request.matchdict['id']
  urlparams = request.query_string
  urlparams.strip()
  required = 0
  for x in urlparams.split(','):
      if "required=1" in x:
          required = 1
  rxml = '&amp;lt;?xml version="1.0" encoding="utf-8"?&amp;gt;&amp;lt;eroot&amp;gt;&amp;lt;/eroot&amp;gt;'
  try:
      tags = DBSession.query(mtemplatexelem_model).filter(mtemplatexelem_model.template_id == int(schema)).order_by(mtemplatexelem_model.xelem_id).all()
      rxml = getXMLFromQuery(tags, required)
  except DBAPIError:
      return Response("Error in DB", content_type='text/plain', status_int=500)
  return Response(rxml, content_type='text/xml', charset='utf8')
&lt;/code&gt;&lt;/pre&gt;
&lt;p&gt;All works well if for example I call:&lt;/p&gt;
&lt;pre&gt;&lt;code&gt;http://localhost:6543/metaschema/1/xml
&lt;/code&gt;&lt;/pre&gt;
&lt;p&gt;But if I do the same request by Ajax I get:&lt;/p&gt;
&lt;pre&gt;&lt;code&gt;XMLHttpRequest cannot load http://172.26.16.28:6543/metaschema/1/xml. Origin http://localhost is not allowed by Access-Control-Allow-Origin.
&lt;/code&gt;&lt;/pre&gt;
&lt;p&gt;What do I need to do to allow the ajax request in pyramid?&lt;/p&gt;
&lt;p&gt;Thanks,
Carlos&lt;/p&gt;</t>
  </si>
  <si>
    <t>2013-10-29 09:05:04.110000+00:00</t>
  </si>
  <si>
    <t>2013-10-29 11:03:34.123000+00:00</t>
  </si>
  <si>
    <t>python|ajax|xmlhttprequest|pyramid</t>
  </si>
  <si>
    <t>Achieve functor overloading through composition</t>
  </si>
  <si>
    <t>&lt;p&gt;Given some existing functors:&lt;/p&gt;
&lt;pre&gt;&lt;code&gt;struct incr {
    int operator()(int x) const { return x + 1; }
};
struct rep_str {
    std::string operator()(const std::string&amp;amp; s) const { return s + s; }
};
&lt;/code&gt;&lt;/pre&gt;
&lt;p&gt;I'm wondering if it's possible to achieve something like this:&lt;/p&gt;
&lt;pre&gt;&lt;code&gt;auto f = overload&amp;lt;incr, rep_str&amp;gt;();
f(1);        // returns 2
f("hello");  // returns "hellohello"
&lt;/code&gt;&lt;/pre&gt;
&lt;p&gt;Multiple overloads may look like:&lt;/p&gt;
&lt;pre&gt;&lt;code&gt;auto f = overload&amp;lt;fa, fb, fc, ...&amp;gt;();
// or...
auto g = overload&amp;lt;fa, overload&amp;lt;fb, overload&amp;lt;fc, ...&amp;gt;&amp;gt;&amp;gt;();
&lt;/code&gt;&lt;/pre&gt;
&lt;p&gt;I'm thinking maybe use SFINAE with &lt;code&gt;std::result_of_t&lt;/code&gt; or something like that, but haven't figured out how.&lt;/p&gt;</t>
  </si>
  <si>
    <t>2016-07-15 04:08:17.717000+00:00</t>
  </si>
  <si>
    <t>2016-07-15 06:29:07.887000+00:00</t>
  </si>
  <si>
    <t>2016-07-15 04:26:56.250000+00:00</t>
  </si>
  <si>
    <t>c++|templates|c++11|c++14</t>
  </si>
  <si>
    <t>How to use condition in ng-required</t>
  </si>
  <si>
    <t>&lt;p&gt;I want to make a field reuired field on the basis of value of another field. Value of both the fields is present in $scope as FieldA AND FieldB.&lt;/p&gt;
&lt;pre&gt;&lt;code&gt;&amp;lt;input type="email" id = "abc" class="form-control" ng-required ="FielddA != FieldB" /&amp;gt;
&lt;/code&gt;&lt;/pre&gt;
&lt;p&gt;But its not working. How can I use the ng-required functionality to make field required conditionally.&lt;/p&gt;</t>
  </si>
  <si>
    <t>2014-05-20 10:11:17.843000+00:00</t>
  </si>
  <si>
    <t>2015-05-07 14:21:14.210000+00:00</t>
  </si>
  <si>
    <t>config files and referencing config values inside of them</t>
  </si>
  <si>
    <t>&lt;p&gt;I have two projects FOO and BAR&lt;/p&gt;
&lt;p&gt;Inside of BAR i have a class &lt;/p&gt;
&lt;pre&gt;&lt;code&gt;public static class CheckInServiceFactory
{
    public static ICheckInService GetInstance()
    {
        var factory = new ChannelFactory&amp;lt;ICheckInService&amp;gt;("CheckInService");
        return factory.CreateChannel();
    }
}
&lt;/code&gt;&lt;/pre&gt;
&lt;p&gt;Inside of FOO i have the calling code &lt;/p&gt;
&lt;pre&gt;&lt;code&gt;var searchResults = CheckInServiceFactory.GetInstance();
&lt;/code&gt;&lt;/pre&gt;
&lt;p&gt;Also inside of FOO I have an appconfig which has "CheckInService" endpoint set up.&lt;/p&gt;
&lt;p&gt;&lt;strong&gt;My question is, How does the CheckInServiceFactory know to lookin in FOO's appconfig for the endpoint?&lt;/strong&gt;&lt;/p&gt;
&lt;p&gt;&lt;strong&gt;Why doesn't it look for it in BAR's config file (which btw its not there so i thought this would blow up)&lt;/strong&gt;&lt;/p&gt;</t>
  </si>
  <si>
    <t>2011-12-29 22:10:43.937000+00:00</t>
  </si>
  <si>
    <t>2012-09-10 19:15:17.143000+00:00</t>
  </si>
  <si>
    <t>c#|.net|wcf</t>
  </si>
  <si>
    <t>Grails getSomething(int i) method doesn't compile</t>
  </si>
  <si>
    <t>&lt;p&gt;Can someone tell me why this Grails domain class will not compile (at runtime)?&lt;/p&gt;
&lt;pre&gt;&lt;code&gt;class Person {
    String name
    String getSomething(int i) {
    }
}
&lt;/code&gt;&lt;/pre&gt;
&lt;p&gt;I get this error when I run with &lt;code&gt;grails run-app&lt;/code&gt;:&lt;/p&gt;
&lt;pre&gt;&lt;code&gt;2008-12-27 15:26:33.955::WARN:  Failed startup of context org.mortbay.jetty.webapp.WebAppContext@187e184{/asrs2,C:\Steve\asrs2/web-app}
org.springframework.beans.factory.BeanCreationException: Error creating bean with name 'pluginManager' defined in ServletContext resource [/WEB-INF/applicationContext.xml]: Invocation of init method failed; nested exception is java.lang.NullPointerException
        at java.security.AccessController.doPrivileged(Native Method)
        at RunApp_groovy$_run_closure2_closure7.doCall(RunApp_groovy:67)
        at RunApp_groovy$_run_closure2_closure7.doCall(RunApp_groovy)
        at Init_groovy$_run_closure6.doCall(Init_groovy:131)
        at RunApp_groovy$_run_closure2.doCall(RunApp_groovy:66)
        at RunApp_groovy$_run_closure2.doCall(RunApp_groovy)
        at RunApp_groovy$_run_closure1.doCall(RunApp_groovy:57)
        at RunApp_groovy$_run_closure1.doCall(RunApp_groovy)
        at gant.Gant.dispatch(Gant.groovy:271)
        at gant.Gant.this$2$dispatch(Gant.groovy)
        at gant.Gant.invokeMethod(Gant.groovy)
        at gant.Gant.processTargets(Gant.groovy:436)
        at gant.Gant.processArgs(Gant.groovy:372)
Caused by: java.lang.NullPointerException
        at java.lang.Class.isAssignableFrom(Native Method)
        ... 13 more
&lt;/code&gt;&lt;/pre&gt;
&lt;p&gt;If I change the method &lt;code&gt;getSomething&lt;/code&gt; to &lt;code&gt;doSomething&lt;/code&gt; then it works. Is &lt;code&gt;getSomething(int i)&lt;/code&gt; somehow being treated as a bean method?&lt;/p&gt;
&lt;p&gt;&lt;strong&gt;Follow up&lt;/strong&gt;: This is a &lt;a href="http://jira.codehaus.org/browse/GRAILS-3760" rel="nofollow noreferrer"&gt;Grails bug&lt;/a&gt; which will be fixed in 1.2.&lt;/p&gt;</t>
  </si>
  <si>
    <t>2008-12-27 23:31:21.433000+00:00</t>
  </si>
  <si>
    <t>2010-01-15 18:43:06.867000+00:00</t>
  </si>
  <si>
    <t>2009-11-22 23:07:03.343000+00:00</t>
  </si>
  <si>
    <t>Steve Kuo</t>
  </si>
  <si>
    <t>spring|grails|groovy</t>
  </si>
  <si>
    <t>Jquery that containn multiple checkbox using lightbox</t>
  </si>
  <si>
    <t>&lt;p&gt;Can any one help me to create a pop up that contain multiple check box and after selecting option that values come in text box and if we want to remove particular selection then it allows us from textbox.&lt;/p&gt;
&lt;p&gt;In short I want to do like this:&lt;/p&gt;
&lt;ol&gt;
&lt;li&gt;Go to &lt;a href="http://in.iproperty.com/" rel="nofollow"&gt;this page&lt;/a&gt;.&lt;/li&gt;
&lt;li&gt;Check &lt;code&gt;Please click here to select sub location(s)&lt;/code&gt;&lt;/li&gt;
&lt;/ol&gt;</t>
  </si>
  <si>
    <t>2012-10-13 22:05:13.117000+00:00</t>
  </si>
  <si>
    <t>2012-10-13 22:12:08.710000+00:00</t>
  </si>
  <si>
    <t>internal links in facebook app - doesn't work in IE</t>
  </si>
  <si>
    <t>&lt;p&gt;I made a facebook app (well it's not done yet, but most of the stuff is done).. in the menu I'm using internal links like 'user/index.php' '../mailbox.php' etc.. In every browser it's working properly but in IE6, IE7, IE8 it doesn't. IE is redirecting to the host Canvas Callback URL.&lt;/p&gt;
&lt;p&gt;any idea why ?&lt;/p&gt;
&lt;p&gt;FIXED:
Fixed with using&lt;br&gt;
&lt;code&gt;header('P3P:CP="HONK IDC DSP COR ADM DEVi TAIi PSA PSD IVAi IVDi CONi HIS OUR IND CNT"');&lt;/code&gt;&lt;/p&gt;</t>
  </si>
  <si>
    <t>2011-05-01 22:25:16.887000+00:00</t>
  </si>
  <si>
    <t>2014-04-17 19:00:05.377000+00:00</t>
  </si>
  <si>
    <t>2011-05-01 23:55:21.960000+00:00</t>
  </si>
  <si>
    <t>html|facebook|internet-explorer|iframe</t>
  </si>
  <si>
    <t>Structure (Difference Lists) Prolog</t>
  </si>
  <si>
    <t>&lt;p&gt;This question refers to the material in chapter 3 of the book:
 Programming in Prolog, Clocksin and Mellish, Ed 5&lt;/p&gt;
&lt;p&gt;In page 72 of this book, a program using difference list is displayed:&lt;/p&gt;
&lt;pre&gt;&lt;code&gt;partsOf(X,P):- partsacc(X,P,Hole) , Hole=[].
partsacc(X,[X|Hole],Hole):-basicpart(X).
partsacc(X,P,Hole):- assembly(X,Subparts), partsacclist(Subparts, P, Hole).
partsacclist([],Hole,Hole).
partsacclist([P|T], Total, Hole):- partsacc(P,Total,Hole1), partsacclist(T,Hole1,Hole).
&lt;/code&gt;&lt;/pre&gt;
&lt;p&gt;In many tutorials online, the following format of using the "-" is used, for example::&lt;/p&gt;
&lt;pre&gt;&lt;code&gt;append([ A , B , C | R1 ] ��� R1 , [ D , E | R2 ] ��� R2 , R3)
&lt;/code&gt;&lt;/pre&gt;
&lt;p&gt;My questions are:&lt;/p&gt;
&lt;ol&gt;
&lt;li&gt;&lt;p&gt;What is the difference between these two representations (Using - and not using it)&lt;/p&gt;&lt;/li&gt;
&lt;li&gt;&lt;p&gt;In which situations it is best to use each of them?&lt;/p&gt;&lt;/li&gt;
&lt;/ol&gt;
&lt;p&gt;Thanks&lt;/p&gt;</t>
  </si>
  <si>
    <t>2014-01-21 18:29:10.920000+00:00</t>
  </si>
  <si>
    <t>2017-07-11 09:13:49.077000+00:00</t>
  </si>
  <si>
    <t>2017-07-11 09:07:51.243000+00:00</t>
  </si>
  <si>
    <t>prolog|dcg|difference-lists</t>
  </si>
  <si>
    <t>How do I loop through objects and categorize by timestamps in Javascript?</t>
  </si>
  <si>
    <t>&lt;p&gt;I have an array of objects that have a keys called &lt;code&gt;timestamp&lt;/code&gt; and &lt;code&gt;motion&lt;/code&gt;. &lt;code&gt;motion&lt;/code&gt; contains a value and &lt;code&gt;timestamp&lt;/code&gt; contains a unix timestamp. I want to iterate over a number of the objects and find what "time of day" period they correspond to, I then want to total up the motion values for that given time of day and save the entire thing in an array of arrays. I want the duration to be changeable.&lt;/p&gt;
&lt;p&gt;Let's say these are my objects;&lt;/p&gt;
&lt;pre&gt;&lt;code&gt; {
    timestamp: 1397160634,
    motion: 2,
    id: '534771d8c311731e21c75c9f'
 },
 {
    timestamp: 1397160634,
    motion: 3,
    id: '534771d8c311731e21c75c9f'
 }
&lt;/code&gt;&lt;/pre&gt;
&lt;p&gt;Now I create my results array&lt;/p&gt;
&lt;pre&gt;&lt;code&gt;var sampleDuration = 60; // Min
var minutesInDay = 1440;
var samplesPerDay = minutesInDay/sampleDuration;
var finalResultItem = []
for (var i = 0; i &amp;lt; samplesPerDay; i++) {
    var IndividualresultArray = []
    IndividualresultArray.push(60*i);
    IndividualresultArray.push(0);
    finalResultItem.push(IndividualresultArray);
}
&lt;/code&gt;&lt;/pre&gt;
&lt;p&gt;I now have an array of arrays with each subarray's first item being a number (corresponding to a minute stamp) and the second value being zero.&lt;/p&gt;
&lt;p&gt;I would now like to loop through all my objects and increment the second value (&lt;code&gt;motion&lt;/code&gt;) based on the time of day range that is in the timestamp&lt;/p&gt;
&lt;pre&gt;&lt;code&gt;_forEach(objects, function (object) {
{
// grab the timestamp
// figure out which minute range it coresponds to
// increment the array value that corresponds to the minute stamp
// rinse and repeat
}
&lt;/code&gt;&lt;/pre&gt;
&lt;p&gt;this is where I go blank, I need the end result to look something like this&lt;/p&gt;
&lt;pre&gt;&lt;code&gt;[[30, 5],[60, 20],[90, 5],[120, 0] .........]
&lt;/code&gt;&lt;/pre&gt;
&lt;p&gt;or it could even look like this&lt;/p&gt;
&lt;pre&gt;&lt;code&gt;[[000002400, 5],[000003000, 20],[000003600, 5],[000004200, 0] .........]
&lt;/code&gt;&lt;/pre&gt;
&lt;p&gt;where the first value is a timestamp that ignores the year, month, and day, and only considers the time of day.&lt;/p&gt;
&lt;p&gt;I have considered using moment.js in some capacity but I'm not sure how. Any help with this problem would be great.&lt;/p&gt;</t>
  </si>
  <si>
    <t>2014-04-15 17:36:33.673000+00:00</t>
  </si>
  <si>
    <t>2014-04-15 18:47:57.360000+00:00</t>
  </si>
  <si>
    <t>2014-04-15 18:42:03.810000+00:00</t>
  </si>
  <si>
    <t>javascript|arrays|parsing|momentjs</t>
  </si>
  <si>
    <t>How to limit number of lines in a TextBox and split the lines to strings?</t>
  </si>
  <si>
    <t>&lt;p&gt;How can I achieve that the input of the TextBox with multilines is only possible to a specific number of lines e.g. 10 lines only.
Further I want to get the input of each line and write each line to a separate variable to work later with this variables. It would be nice if the user gets a messagebox with warning that only 10 lines are possible.
Any help would be appreciated &lt;/p&gt;
&lt;pre&gt;&lt;code&gt;[reflection.assembly]::loadwithpartialname("System.Windows.Forms") | Out-Null
[reflection.assembly]::loadwithpartialname("System.Drawing") | Out-Null
#Assembly PresentationFramework wird geladen
Add-Type -AssemblyName PresentationFramework
$form = New-Object System.Windows.Forms.Form
$form.StartPosition = 'CenterScreen' #Formstartposition Zentrum
$form.Size = New-Object System.Drawing.Size(500,400)
$textBox = New-Object System.Windows.Forms.TextBox
$textBox.DataBindings.DefaultDataSourceUpdateMode = 0
$textBox.Location = New-Object System.Drawing.Point((110),(90))
$textBox.Size = New-Object System.Drawing.Size(288,150)
$textBox.TabIndex = 0
$textBox.Multiline =$true
$form.Controls.Add($textBox)
$form.ShowDialog() | Out-Null
&lt;/code&gt;&lt;/pre&gt;</t>
  </si>
  <si>
    <t>2018-09-21 14:21:40.140000+00:00</t>
  </si>
  <si>
    <t>2018-09-21 15:32:25.867000+00:00</t>
  </si>
  <si>
    <t>arrays|powershell|textbox|multiline</t>
  </si>
  <si>
    <t>Site-wide nav links responding on one page but not another?</t>
  </si>
  <si>
    <t>&lt;p&gt;i'm building a site on rails and have implemented a site-wide navbar to show up on all pages. The problem is it shows up on both pages however the links and hover states are clickable only on one page? I can't figure out what has gone wrong as i'm rendering the same _navigation.html.erb and nav.scss files? &lt;/p&gt;
&lt;hr&gt;
&lt;p&gt;_navigation.html.erb&lt;/p&gt;
&lt;pre&gt;&lt;code&gt;&amp;lt;nav&amp;gt;
  &amp;lt;div class="container nav-container"&amp;gt;
    &amp;lt;div class="row"&amp;gt;
      &amp;lt;div class="nav-wrapper"&amp;gt;
        &amp;lt;a href="#" id="brand-logo" class="col l2"&amp;gt;&amp;lt;img src="&amp;lt;%= asset_path('social-playground-logo.png')%&amp;gt;"&amp;gt;&amp;lt;/a&amp;gt;
          &amp;lt;ul id="nav-mobile" class=" col l10 right hide-on-med-and-down nav-desktop"&amp;gt;
            &amp;lt;li&amp;gt;&amp;lt;a id="link-home" href=""&amp;gt;Home&amp;lt;/a&amp;gt;&amp;lt;/li&amp;gt;
            &amp;lt;li&amp;gt;&amp;lt;a id="link-toys" href=""&amp;gt;Toys&amp;lt;/a&amp;gt;&amp;lt;/li&amp;gt;
            &amp;lt;li&amp;gt;&amp;lt;a id="link-pastevents" href=""&amp;gt;Past Events&amp;lt;/a&amp;gt;&amp;lt;/li&amp;gt;
            &amp;lt;li&amp;gt;&amp;lt;a id="link-contacts" href=""&amp;gt;Contacts&amp;lt;/a&amp;gt;&amp;lt;/li&amp;gt;
            &amp;lt;li&amp;gt;&amp;lt;a id="link-partners" href=""&amp;gt;Partners&amp;lt;/a&amp;gt;&amp;lt;/li&amp;gt;
          &amp;lt;/ul&amp;gt;
      &amp;lt;/div&amp;gt;
    &amp;lt;/div&amp;gt;
  &amp;lt;/div&amp;gt;
&lt;/code&gt;&lt;/pre&gt;
&lt;h2&gt;    &lt;/h2&gt;
&lt;p&gt;gifpage.html.erb navbar and hero-image extract(that is working normally)&lt;/p&gt;
&lt;pre&gt;&lt;code&gt;&amp;lt;div class="hero-image-container group"&amp;gt;
    &amp;lt;%= render 'layouts/navigation' %&amp;gt;
    &amp;lt;img id="gif-foreground-hero" src="&amp;lt;%= asset_path( 'GIF Foreground FInal.png') %&amp;gt;" class="responsive-img"&amp;gt;
&lt;/code&gt;&lt;/pre&gt;
&lt;h2&gt;    &lt;/h2&gt;
&lt;p&gt;selfies.html.erb navbar and hero-image extract(that is not working normally)&lt;/p&gt;
&lt;pre&gt;&lt;code&gt;&amp;lt;div class="selfies-hero-image-container group"&amp;gt;
    &amp;lt;%= render 'layouts/navigation' %&amp;gt;
    &amp;lt;img id="selfie-foreground-hero" src="&amp;lt;%= asset_path( 'Selfie-hero-foreground.png') %&amp;gt;" class="responsive-img"&amp;gt;
&lt;/code&gt;&lt;/pre&gt;
&lt;h2&gt;    &lt;/h2&gt;
&lt;p&gt;_nav.scss for both&lt;/p&gt;
&lt;pre&gt;&lt;code&gt;nav {
    height: 112px;
    line-height: 23px;
    background: rgba(10, 10, 10, 0.5);
    .nav-container {
        width: 100%;
        #brand-logo {
            transform: scale(0.8);
            margin-top: 7px;
            margin-left: 4%;
        }
        #nav-mobile {
            margin-right: 0%;
            margin-left: 0%;
            width: 79.33333%;
        }
        ul li {
            margin-top: 27px;
            margin-left: 29px;
            a {
                text-transform: uppercase;
                border: 4px solid rgba(255, 255, 255, 0);
                margin: 0px;
                padding: 14px 25px;
                display: inline-block;
                &amp;amp;:hover {
                    border: 4px solid rgba(255, 255, 255, 1);
                }
            }
        }
    }
&lt;/code&gt;&lt;/pre&gt;
&lt;h2&gt;    }&lt;/h2&gt;
&lt;p&gt;The border appears on :hover for the gif page but not selfies.&lt;/p&gt;
&lt;p&gt;Thanks guys&lt;a href="https://i.stack.imgur.com/QfGwK.jpg" rel="nofollow noreferrer"&gt;&lt;img src="https://i.stack.imgur.com/QfGwK.jpg" alt="Both hero images to appear beneath a 0.5 opacity navbar"&gt;&lt;/a&gt;&lt;/p&gt;
&lt;p&gt;&lt;a href="https://i.stack.imgur.com/JMiIk.jpg" rel="nofollow noreferrer"&gt;&lt;img src="https://i.stack.imgur.com/JMiIk.jpg" alt="The blue kero image is the page not working"&gt;&lt;/a&gt;&lt;/p&gt;
&lt;p&gt;Both hero images appear through the navbar which has 0.5 opacity.&lt;/p&gt;
&lt;p&gt;Thanks&lt;/p&gt;
&lt;hr&gt;
&lt;p&gt;EDIT&lt;/p&gt;
&lt;p&gt;printout from the terminal &lt;/p&gt;
&lt;pre&gt;&lt;code&gt;Started GET "/gifpage" for 59.167.19.225 at 2015-10-21 05:30:23 +0000
Cannot render console from 59.167.19.225! Allowed networks: 127.0.0.1, ::1, 127.0.0.0/127.255.255.255
Processing by PagesController#gifpage as HTML
  Rendered layouts/_navigation.html.erb (0.5ms)
  Rendered pages/gifpage.html.erb within layouts/application (62.3ms)
  Rendered layouts/_footer.html.erb (0.0ms)
Completed 200 OK in 445ms (Views: 444.1ms | ActiveRecord: 0.0ms)
&lt;/code&gt;&lt;/pre&gt;
&lt;p&gt;with,&lt;/p&gt;
&lt;pre&gt;&lt;code&gt;Started GET "/assets/_nav-87ab5873b40bcbbebe26b4faa985fc95.css?body=1" 
&lt;/code&gt;&lt;/pre&gt;
&lt;p&gt;as the _nav.scss file being rendered for the page that's working,
and,&lt;/p&gt;
&lt;pre&gt;&lt;code&gt;Started GET "/" for 59.167.19.225 at 2015-10-21 05:34:25 +0000
Cannot render console from 59.167.19.225! Allowed networks: 127.0.0.1, ::1, 127.0.0.0/127.255.255.255
Processing by PagesController#selfies as HTML
  Rendered layouts/_navigation.html.erb (0.9ms)
  Rendered pages/selfies.html.erb within layouts/application (8.0ms)
  Rendered layouts/_footer.html.erb (0.0ms)
Completed 200 OK in 410ms (Views: 408.8ms | ActiveRecord: 0.0ms)
&lt;/code&gt;&lt;/pre&gt;
&lt;p&gt;with,&lt;/p&gt;
&lt;pre&gt;&lt;code&gt;Started GET "/assets/_nav-87ab5873b40bcbbebe26b4faa985fc95.css?body=1"
&lt;/code&gt;&lt;/pre&gt;
&lt;p&gt;being rendered for the page not working. &lt;/p&gt;
&lt;p&gt;I also compared both css and structure side-by-side in chrome inspect element and both were exactly the same. Still no idea!&lt;/p&gt;</t>
  </si>
  <si>
    <t>2015-10-21 04:47:50.743000+00:00</t>
  </si>
  <si>
    <t>2015-10-22 00:30:24.243000+00:00</t>
  </si>
  <si>
    <t>2015-10-21 05:36:41+00:00</t>
  </si>
  <si>
    <t>html|css|ruby-on-rails|sass|materialize</t>
  </si>
  <si>
    <t>What can cause requestAnimationFrame to drop frames in an efficient webgl loop?</t>
  </si>
  <si>
    <t>&lt;p&gt;I have been programming a javascript demo/test to learn WebGL. I have a fairly efficient game loop structure that (according to Chrome Dev Tools) only takes 1-2 milliseconds to run. I am using requestAnimationFrame to schedule the running of the loop (because this is apparently the "proper" way to perform 60fps animation). When I look at the Timeline of constructing the frame, the actual javascript code is minimal, but the 'idle' part of the frame can push the frame well over the 30 fps line. The FPS counter shows 20-40fps with lots of drops (almost like a saw tooth).&lt;/p&gt;
&lt;p&gt;Is there anything else I can account for if my rendering loop is already 1-2ms when it has to fit into 16 ms to run 60fps?&lt;/p&gt;
&lt;p&gt;If I convert the loop into a setTimeout loop it can hold 60fps easily. I can even render it in Retina Resolution without impacting the 60fps.&lt;/p&gt;
&lt;p&gt;e.g.&lt;/p&gt;
&lt;pre&gt;&lt;code&gt;    // Timeout version
    function gameLoop()
{
setTimeout(gameLoop, 1000/60);
//Process movement, AI, game logic
 renderLoop();
}
function renderLoop()
{
//Drawing all of the 3d stuff
}
&lt;/code&gt;&lt;/pre&gt;
&lt;p&gt;v.s.&lt;/p&gt;
&lt;pre&gt;&lt;code&gt;function gameLoop()
{
requestAnimationFrame(gameLoop);
//Process movement, AI, game logic
renderLoop()
}
Function renderLoop()
{
//draw objects
}
&lt;/code&gt;&lt;/pre&gt;
&lt;p&gt;I also at some point had the gameLoop running "separately" on a setTimeout while the renderLoop was being called by a requestAnimationFrame. Since they are all on the same thread, this seems a bit dodgey since they could step on each others toes.&lt;/p&gt;</t>
  </si>
  <si>
    <t>2014-02-24 05:15:39.427000+00:00</t>
  </si>
  <si>
    <t>2014-11-03 21:40:26.280000+00:00</t>
  </si>
  <si>
    <t>2014-02-27 02:46:02.730000+00:00</t>
  </si>
  <si>
    <t>javascript|google-chrome|webgl|requestanimationframe</t>
  </si>
  <si>
    <t>How to load xml in cron job</t>
  </si>
  <si>
    <t>&lt;p&gt;I have a problem in running the cron job.&lt;/p&gt;
&lt;p&gt;here are my code:&lt;/p&gt;
&lt;pre&gt;&lt;code&gt;&amp;lt;?php
    $doc = new DOMDocument();
    $doc-&amp;gt;load( 'http://www.all-news.in/feed' );
    $items = $doc-&amp;gt;getElementsByTagName( "item" );
    mysql_connect('host','username','pass');
    mysql_select_db('dbname');
    $i=0;
    foreach( $items as $itemname )
    {
        // Here Business logic for Inserting the data
    }   
    echo $i.' Imported';
?&amp;gt;
&lt;/code&gt;&lt;/pre&gt;
&lt;p&gt;When I run this file in browser, it works fine, but when the cron executed I have got the below error:&lt;/p&gt;
&lt;pre&gt;&lt;code&gt;&amp;lt;br /&amp;gt;
&amp;lt;b&amp;gt;Warning&amp;lt;/b&amp;gt;:  DOMDocument::load(http://www.all-news.in/feed) [&amp;lt;a href='domdocument.load'&amp;gt;domdocument.load&amp;lt;/a&amp;gt;]: failed to open stream: Connection timed out in &amp;lt;b&amp;gt;/home/content/98/7509598/html/amz/social-bookmark.in/cron_jobs/all_news.php&amp;lt;/b&amp;gt; on line &amp;lt;b&amp;gt;4&amp;lt;/b&amp;gt;&amp;lt;br /&amp;gt;
&amp;lt;br /&amp;gt;
&amp;lt;b&amp;gt;Warning&amp;lt;/b&amp;gt;:  DOMDocument::load() [&amp;lt;a href='domdocument.load'&amp;gt;domdocument.load&amp;lt;/a&amp;gt;]: I/O warning : failed to load external entity &amp;amp;quot;http://www.all-news.in/feed&amp;amp;quot; in &amp;lt;b&amp;gt;/home/content/98/7509598/html/amz/social-bookmark.in/cron_jobs/all_news.php&amp;lt;/b&amp;gt; on line &amp;lt;b&amp;gt;4&amp;lt;/b&amp;gt;&amp;lt;br /&amp;gt;
0 Imported
&lt;/code&gt;&lt;/pre&gt;</t>
  </si>
  <si>
    <t>2011-03-01 17:41:24.417000+00:00</t>
  </si>
  <si>
    <t>2012-12-24 01:18:28.157000+00:00</t>
  </si>
  <si>
    <t>php|mysql|xml|feedparser</t>
  </si>
  <si>
    <t>ERROR Session: Error creating pool to /127.0.0.1:9042</t>
  </si>
  <si>
    <t>&lt;p&gt;I am trying to insert values in cassandra when I come across this error:&lt;/p&gt;
&lt;pre&gt;&lt;code&gt;15/08/14 10:21:54 INFO Cluster: New Cassandra host /a.b.c.d:9042 added
15/08/14 10:21:54 INFO Cluster: New Cassandra host /127.0.0.1:9042 added
INFO CassandraConnector: Connected to Cassandra cluster: Test Cluster
15/08/14 10:21:54 ERROR Session: Error creating pool to /127.0.0.1:9042
com.datastax.driver.core.TransportException: [/127.0.0.1:9042] Cannot connect
        at com.datastax.driver.core.Connection.&amp;lt;init&amp;gt;(Connection.java:109)
        at com.datastax.driver.core.PooledConnection.&amp;lt;init&amp;gt;(PooledConnection.java:32)
        at com.datastax.driver.core.Connection$Factory.open(Connection.java:586)
        at com.datastax.driver.core.SingleConnectionPool.&amp;lt;init&amp;gt;(SingleConnectionPool.java:76)
        at com.datastax.driver.core.HostConnectionPool.newInstance(HostConnectionPool.java:35)
        at com.datastax.driver.core.SessionManager.replacePool(SessionManager.java:271)
        at com.datastax.driver.core.SessionManager.access$400(SessionManager.java:40)
        at com.datastax.driver.core.SessionManager$3.call(SessionManager.java:308)
        at com.datastax.driver.core.SessionManager$3.call(SessionManager.java:300)
        at java.util.concurrent.FutureTask$Sync.innerRun(FutureTask.java:334)
        at java.util.concurrent.FutureTask.run(FutureTask.java:166)
        at java.util.concurrent.ThreadPoolExecutor.runWorker(ThreadPoolExecutor.java:1110)
        at java.util.concurrent.ThreadPoolExecutor$Worker.run(ThreadPoolExecutor.java:603)
        at java.lang.Thread.run(Thread.java:722)
Caused by: java.net.ConnectException: Connection refused: /127.0.0.1:9042
&lt;/code&gt;&lt;/pre&gt;
&lt;p&gt;My replication factor is 1. There are 5 nodes in the Cass cluster (they're all up). rpc_address: 0.0.0.0, broadcast_rpc_address: 127.0.0.1&lt;/p&gt;
&lt;p&gt;I would think that I should see 5 of those "INFO Cluster: New Cassandra host.." line from above for each of the 5 nodes. &lt;strong&gt;But instead I see 127.0.0.1, I am not sure why.&lt;/strong&gt;&lt;/p&gt;
&lt;p&gt;I also noticed that in the cassandra.yaml file, all the 5 nodes are listed under seed. (which I know is not advised but I did not set up this  cluster)&lt;/p&gt;
&lt;pre&gt;&lt;code&gt;seed_provider:
class_name: org.apache.cassandra.locator.SimpleSeedProvider
parameters:
seeds: "ip1, ip2, ip3, ip4, ip5"
&lt;/code&gt;&lt;/pre&gt;
&lt;p&gt;Where ipx is the ipaddr for node x.&lt;/p&gt;
&lt;p&gt;And under cassandra-topology.properties it just says the following and does not mention any of the 5 nodes.&lt;/p&gt;
&lt;pre&gt;&lt;code&gt;# default for unknown nodes                                                                                                                     
default=DC1:r1
&lt;/code&gt;&lt;/pre&gt;
&lt;p&gt;Can someone explain why I am seeing the ERROR Session: Error creating pool to /127.0.0.1:9042 error.&lt;/p&gt;
&lt;p&gt;Kind of new to Cassandra.. thanks in advance!&lt;/p&gt;</t>
  </si>
  <si>
    <t>2015-08-14 14:43:25.623000+00:00</t>
  </si>
  <si>
    <t>2015-08-14 15:19:16.130000+00:00</t>
  </si>
  <si>
    <t>configuration|cassandra</t>
  </si>
  <si>
    <t>Regular expression for validating arithmetic expression</t>
  </si>
  <si>
    <t>&lt;p&gt;I have an arithmetic expression&lt;/p&gt;
&lt;pre&gt;&lt;code&gt;string exp = "((2+3.1)/2)*4.456";
&lt;/code&gt;&lt;/pre&gt;
&lt;p&gt;I want to validate  by using regular expression. The expression can only have integers, floating point numbers, operands and parenthesis.&lt;/p&gt;
&lt;p&gt;How can i generate regular expression to validate please help or suggest any other way to validate that string.&lt;/p&gt;</t>
  </si>
  <si>
    <t>2012-02-25 10:43:05.463000+00:00</t>
  </si>
  <si>
    <t>2012-02-25 14:59:18.997000+00:00</t>
  </si>
  <si>
    <t>2012-02-25 10:54:35.863000+00:00</t>
  </si>
  <si>
    <t>c#|regex</t>
  </si>
  <si>
    <t>Ignoring bots when tracking events in Rails app</t>
  </si>
  <si>
    <t>&lt;p&gt;I am tracking events through Mixpanel in my Rails app. For example, my controller looks something like&lt;/p&gt;
&lt;pre&gt;&lt;code&gt;class HomeController &amp;lt; ApplicationController
  def index
    track_event "Visitor: View Landing Page"
  end
end
&lt;/code&gt;&lt;/pre&gt;
&lt;p&gt;The problem is that the app gets hit by a number of bots, most notably Pingdom (performance tracking service we use). Is there a clean way to ignore tracking when it is a bot that hits my app?&lt;/p&gt;
&lt;p&gt;&lt;em&gt;Note: I am interested in tracking unique visitors, so I assign a cookie to each visitor with a unique id. Bots obviously don't store cookies.&lt;/em&gt;&lt;/p&gt;</t>
  </si>
  <si>
    <t>2012-10-28 16:00:30.350000+00:00</t>
  </si>
  <si>
    <t>2014-06-13 02:34:08.943000+00:00</t>
  </si>
  <si>
    <t>ruby-on-rails|performance</t>
  </si>
  <si>
    <t>Java Regex split string between delimiter and keep delimiter</t>
  </si>
  <si>
    <t>&lt;p&gt;I have a java string that looks like this;&lt;/p&gt;
&lt;pre&gt;&lt;code&gt;(fname:jon)(lname:doe)(guaranteer: Sam (W) Willis)(age:35)(addr:1 Turnpike Plaza)(favcolor:blue)
&lt;/code&gt;&lt;/pre&gt;
&lt;p&gt;And I want to split this String from delimiter &lt;code&gt;(fname:jon)&amp;lt;here&amp;gt;(lname:doe)&lt;/code&gt;.&lt;/p&gt;
&lt;p&gt;I tried splitting through regex &lt;code&gt;\)\(&lt;/code&gt; but it just breaks my code&lt;/p&gt;
&lt;pre&gt;&lt;code&gt;arr = s.split("\\)\\(");
for (String a: arr) System.out.println(a);
&lt;/code&gt;&lt;/pre&gt;
&lt;p&gt;Output&lt;/p&gt;
&lt;pre&gt;&lt;code&gt;(fname:jon
lname:doe
guaranteer: Sam (W) Willis
age:35
addr:1 Turnpike Plaza
favcolor:blue)
&lt;/code&gt;&lt;/pre&gt;
&lt;p&gt;I also looked at this question: &lt;a href="https://stackoverflow.com/questions/2206378/"&gt;How to split a string, but also keep the delimiters?&lt;/a&gt;, but it didn't helped because in my case, I want to keep the delimiter &lt;code&gt;)(&lt;/code&gt; and split delimiter evenly as well, i.e., the first bracket should go to first result and second to second result.&lt;/p&gt;
&lt;p&gt;The regex that i used was &lt;code&gt;s.split("(?&amp;lt;=\\)\\()")&lt;/code&gt; and it gave output:&lt;/p&gt;
&lt;pre&gt;&lt;code&gt;(fname:jon)(
lname:doe)(
guaranteer: Sam (W) Willis)(
age:35)(
addr:1 Turnpike Plaza)(
favcolor:blue)
&lt;/code&gt;&lt;/pre&gt;
&lt;p&gt;This is my desired output:&lt;/p&gt;
&lt;pre&gt;&lt;code&gt;(fname:jon)
(lname:doe)
(guaranteer: Sam (W) Willis)
(age:35)
(addr:1 Turnpike Plaza)
(favcolor:blue)
&lt;/code&gt;&lt;/pre&gt;</t>
  </si>
  <si>
    <t>2017-03-04 13:19:17.347000+00:00</t>
  </si>
  <si>
    <t>2017-03-04 17:14:18.870000+00:00</t>
  </si>
  <si>
    <t>2017-05-23 12:17:14.367000+00:00</t>
  </si>
  <si>
    <t>java|arrays|regex|string</t>
  </si>
  <si>
    <t>AmbiguousMatchException when working with select2 control in javascript</t>
  </si>
  <si>
    <t>&lt;p&gt;I have already looked into many other posts on &lt;code&gt;AmbiguousMatchException&lt;/code&gt; but don't know how to solve my problem. I have a POCO similar to the below class which I use for the front end by serializing it to java script using web api &lt;/p&gt;
&lt;pre&gt;&lt;code&gt; Class Class1
 {
     public string ID { get; set; }
     public string id { get; set; }
 }
&lt;/code&gt;&lt;/pre&gt;
&lt;p&gt;I am having these two properties of same name but different cases because ID was there forever and the property id is included to make it work with Select2 control which expects this property in java script. However, when this object is deserialized from json to a c# object using &lt;/p&gt;
&lt;pre&gt;&lt;code&gt; var jss = new System.Web.Script.Serialization.JavaScriptSerializer();
 jss.Deserialize(json.ToString(), Type.GetType(ClassName));
&lt;/code&gt;&lt;/pre&gt;
&lt;p&gt;where json is a dynamic object&lt;/p&gt;
&lt;p&gt;I get error saying the property name is ambiguous. I cannot remove ID because it is there in so many other places where the property is hard coded, but I am also not able to make select2 work without id. How can I make all these work together&lt;/p&gt;</t>
  </si>
  <si>
    <t>2014-05-20 10:39:51.947000+00:00</t>
  </si>
  <si>
    <t>2014-05-20 11:09:36.430000+00:00</t>
  </si>
  <si>
    <t>c#|ui-select2</t>
  </si>
  <si>
    <t>Add a File Address in JTable, in java swing using Net Beans</t>
  </si>
  <si>
    <t>&lt;p&gt;I am using Swing n Netbeans IDE stuck at a point. 
I want to add the address of the text file in one of the cell of JTable. Further If I click that field It should open the same file.&lt;/p&gt;
&lt;p&gt;jInternalFrame3.setVisible(true);&lt;/p&gt;
&lt;pre&gt;&lt;code&gt;    jTable3.setBackground(new java.awt.Color(0, 0, 0));
    jTable3.setFont(new java.awt.Font("Tahoma", 1, 11)); // NOI18N
    jTable3.setForeground(new java.awt.Color(255, 255, 255));
    jTable3.setModel(new javax.swing.table.DefaultTableModel(
        new Object [][] {
        },
        new String [] {
            "Sr. No", "EXCHANGE", "INSTRUMENT", "SYMBOL", "EXPIRY DATE", "B/S", "LOT/QTY", "PRICE", "STOP LOSS", "TRIGGER PRICE", "FILE NAME", "TIME CREATED"
        }
    ) {
        boolean[] canEdit = new boolean [] {
            false, false, false, false, false, false, false, false, false, false, false, false
        };
        public boolean isCellEditable(int rowIndex, int columnIndex) {
            return canEdit [columnIndex];
&lt;/code&gt;&lt;/pre&gt;</t>
  </si>
  <si>
    <t>2013-02-13 18:36:46.757000+00:00</t>
  </si>
  <si>
    <t>2013-02-13 20:06:43.497000+00:00</t>
  </si>
  <si>
    <t>java|swing|jtable|netbeans-7</t>
  </si>
  <si>
    <t>Reclaiming old R package</t>
  </si>
  <si>
    <t>&lt;p&gt;In early 2013, I created an R package with a single function for model evaluation. I did this partly as a learning experience, and I have since then almost forgotten about the package. I recently received a question about the package and would now like to update it.&lt;/p&gt;
&lt;p&gt;My problem: I have since I created the package changed my last name and hence also my e-mail address. I no longer have access to my old address, and this is the e-mail address that exists in the &lt;code&gt;DESCRIPTION&lt;/code&gt;. My old and new e-mail addresses share the same domain, so they are very similar.&lt;/p&gt;
&lt;p&gt;My question: How do I go about updating the package and the maintainer in this situation? Can I just resubmit the package, change the name/e-mail and describe the situation in the accompanying comment?&lt;/p&gt;</t>
  </si>
  <si>
    <t>2017-10-31 14:23:31.883000+00:00</t>
  </si>
  <si>
    <t>2017-11-01 16:40:24.770000+00:00</t>
  </si>
  <si>
    <t>r|cran</t>
  </si>
  <si>
    <t>Redirecting website causes flickering</t>
  </si>
  <si>
    <t>&lt;p&gt;I have to redirect to a website when Android app launches. It will work fine but it's flickering when app launches. The following code I have tried with two different methods: method 1 using &lt;code&gt;Webview&lt;/code&gt;; method 2 using &lt;code&gt;URI&lt;/code&gt; and &lt;code&gt;Intent&lt;/code&gt;.&lt;/p&gt;
&lt;pre&gt;&lt;code&gt;// method 1
this.webView.loadUrl("http://www.google.com");
// method 2
Uri uri = Uri.parse("http://www.google.com/");
Intent intent = new Intent(Intent.ACTION_VIEW, uri);
intent.addCategory(Intent.CATEGORY_BROWSABLE);
startActivity(intent);
&lt;/code&gt;&lt;/pre&gt;
&lt;p&gt;Please give me the solution.&lt;/p&gt;
&lt;p&gt;Regards&lt;br/&gt;
Venkatesan&lt;/p&gt;</t>
  </si>
  <si>
    <t>2015-09-14 06:29:43.383000+00:00</t>
  </si>
  <si>
    <t>2015-09-14 08:16:43.290000+00:00</t>
  </si>
  <si>
    <t>android|android-intent|android-webview|uri</t>
  </si>
  <si>
    <t>Setting devise admin role</t>
  </si>
  <si>
    <t>&lt;p&gt;Trying to assign myself as an admin user for my rails app. I carried out option 2 from the devise wiki guide and successfully added an admin column to my user table. I am now wondering how to actually change my role from false to true. Should I simply do it through IRB? via the rails console? or rails db, through Postgres environment? sorry for the newb question.&lt;/p&gt;
&lt;p&gt;&lt;em&gt;steps so far&lt;/em&gt;&lt;/p&gt;
&lt;p&gt;&lt;strong&gt;1 .generated a migration&lt;/strong&gt;&lt;/p&gt;
&lt;pre&gt;&lt;code&gt;rails generate migration add_admin_to_users admin:boolean
&lt;/code&gt;&lt;/pre&gt;
&lt;p&gt;&lt;strong&gt;2 .editted migration then ran rake db:migrate&lt;/strong&gt;&lt;/p&gt;
&lt;pre&gt;&lt;code&gt; class AddAdminToUsers &amp;lt; ActiveRecord::Migration
   def self.up
     add_column :users, :admin, :boolean, :default =&amp;gt; false
   end
   def self.down
    remove_column :users, :admin
   end
 end
&lt;/code&gt;&lt;/pre&gt;
&lt;p&gt;&lt;strong&gt;UPDATE&lt;/strong&gt;&lt;/p&gt;
&lt;p&gt;I simply did this through rails console. Since I already created an account through the user interface, I could simply set the boolean value of true through rails console like so -&lt;/p&gt;
&lt;pre&gt;&lt;code&gt; 2.0.0p353 :014 &amp;gt; User.connection
 2.0.0p353 :014 &amp;gt; user = User.first
 2.0.0p353 :014 &amp;gt; user.admin = true
 2.0.0p353 :014 &amp;gt; user.save
&lt;/code&gt;&lt;/pre&gt;
&lt;p&gt;Please comment or correct any issues. Cheers :)&lt;/p&gt;</t>
  </si>
  <si>
    <t>2014-02-14 01:42:39.383000+00:00</t>
  </si>
  <si>
    <t>2014-02-14 05:02:17.417000+00:00</t>
  </si>
  <si>
    <t>ruby-on-rails|postgresql|model|devise</t>
  </si>
  <si>
    <t>NullPointerException from Jboss LdapExtLoginModule</t>
  </si>
  <si>
    <t>&lt;p&gt;I am attempting to configure Ldap authentication for a Jboss web-app.  Jboss loads my module, but does not authenticate credentials that are known to be good.  I should point out that my module just extends LdapExtLoginModule without adding any logic.  I get the same error when defering directly to LdapExtLoginModule. The error:&lt;/p&gt;
&lt;p&gt;PBOX000070: Password invalid/Password required &lt;/p&gt;
&lt;p&gt;is returned when I attempt to login.  I tracked the error down to a null pointer being thrown by a hashtable.put() operation in org.jboss.security.auth.spi.LdapExtLoginModule.constructInitialLdapContext.  Here is the stack trace:&lt;/p&gt;
&lt;pre&gt;&lt;code&gt;javax.security.auth.login.FailedLoginException: PBOX000070: Password invalid/Password required
    at org.jboss.security.auth.spi.UsernamePasswordLoginModule.login(UsernamePasswordLoginModule.java:284)
    at com.alstom.auth.login.ldap.CustomLdapLoginModule.login(CustomLdapLoginModule.java:164)
    at sun.reflect.NativeMethodAccessorImpl.invoke0(Native Method)
    at sun.reflect.NativeMethodAccessorImpl.invoke(NativeMethodAccessorImpl.java:57)
    at sun.reflect.DelegatingMethodAccessorImpl.invoke(DelegatingMethodAccessorImpl.java:43)
    at java.lang.reflect.Method.invoke(Method.java:606)
    at javax.security.auth.login.LoginContext.invoke(LoginContext.java:762)
    at javax.security.auth.login.LoginContext.access$000(LoginContext.java:203)
    at javax.security.auth.login.LoginContext$4.run(LoginContext.java:690)
    at javax.security.auth.login.LoginContext$4.run(LoginContext.java:688)
    at java.security.AccessController.doPrivileged(Native Method)
    at javax.security.auth.login.LoginContext.invokePriv(LoginContext.java:687)
    at javax.security.auth.login.LoginContext.login(LoginContext.java:595)
    at org.springframework.security.authentication.jaas.AbstractJaasAuthenticationProvider.authenticate(AbstractJaasAuthenticationProvider.java:149)
    at org.springframework.security.authentication.ProviderManager.authenticate(ProviderManager.java:156)
    at com.etse.security.SecureMethodAuthenticationManager.authenticate(SecureMethodAuthenticationManager.java:29)
    at org.springframework.security.authentication.ProviderManager.authenticate(ProviderManager.java:174)
    at org.springframework.security.web.authentication.UsernamePasswordAuthenticationFilter.attemptAuthentication(UsernamePasswordAuthenticationFilter.java:94)
    at org.springframework.security.web.authentication.AbstractAuthenticationProcessingFilter.doFilter(AbstractAuthenticationProcessingFilter.java:195)
    at org.springframework.security.web.FilterChainProxy$VirtualFilterChain.doFilter(FilterChainProxy.java:342)
    at org.springframework.security.web.authentication.logout.LogoutFilter.doFilter(LogoutFilter.java:105)
    at org.springframework.security.web.FilterChainProxy$VirtualFilterChain.doFilter(FilterChainProxy.java:342)
    at org.springframework.security.web.context.SecurityContextPersistenceFilter.doFilter(SecurityContextPersistenceFilter.java:87)
    at org.springframework.security.web.FilterChainProxy$VirtualFilterChain.doFilter(FilterChainProxy.java:342)
    at org.springframework.security.web.FilterChainProxy.doFilterInternal(FilterChainProxy.java:192)
    at org.springframework.security.web.FilterChainProxy.doFilter(FilterChainProxy.java:160)
    at org.springframework.web.filter.DelegatingFilterProxy.invokeDelegate(DelegatingFilterProxy.java:346)
    at org.springframework.web.filter.DelegatingFilterProxy.doFilter(DelegatingFilterProxy.java:259)
    at org.apache.catalina.core.ApplicationFilterChain.internalDoFilter(ApplicationFilterChain.java:246)
    at org.apache.catalina.core.ApplicationFilterChain.doFilter(ApplicationFilterChain.java:214)
    at org.apache.catalina.core.StandardWrapperValve.invoke(StandardWrapperValve.java:230)
    at org.apache.catalina.core.StandardContextValve.invoke(StandardContextValve.java:149)
    at org.jboss.as.web.security.SecurityContextAssociationValve.invoke(SecurityContextAssociationValve.java:169)
    at org.apache.catalina.core.StandardHostValve.invoke(StandardHostValve.java:145)
    at org.apache.catalina.valves.ErrorReportValve.invoke(ErrorReportValve.java:97)
    at org.apache.catalina.core.StandardEngineValve.invoke(StandardEngineValve.java:102)
    at org.apache.catalina.connector.CoyoteAdapter.service(CoyoteAdapter.java:336)
    at org.apache.coyote.http11.Http11Processor.process(Http11Processor.java:856)
    at org.apache.coyote.http11.Http11Protocol$Http11ConnectionHandler.process(Http11Protocol.java:653)
    at org.apache.tomcat.util.net.JIoEndpoint$Worker.run(JIoEndpoint.java:920)
    at java.lang.Thread.run(Thread.java:745)
Caused by: java.lang.NullPointerException
    at java.util.Hashtable.put(Hashtable.java:514)
    at org.jboss.security.auth.spi.LdapExtLoginModule.constructInitialLdapContext(LdapExtLoginModule.java:742)
    at org.jboss.security.auth.spi.LdapExtLoginModule.createLdapInitContext(LdapExtLoginModule.java:463)
    at org.jboss.security.auth.spi.LdapExtLoginModule.validatePassword(LdapExtLoginModule.java:340)
    at com.alstom.auth.login.ldap.CustomLdapLoginModule.validatePassword(CustomLdapLoginModule.java:152)
    at org.jboss.security.auth.spi.UsernamePasswordLoginModule.login(UsernamePasswordLoginModule.java:281)
    ... 40 more
&lt;/code&gt;&lt;/pre&gt;
&lt;p&gt;The function:&lt;/p&gt;
&lt;pre&gt;&lt;code&gt;private InitialLdapContext constructInitialLdapContext(String dn, Object credential) throws NamingException
   {
       String protocol = (String)options.get(Context.SECURITY_PROTOCOL);
       String providerURL = (String) options.get(Context.PROVIDER_URL);
       if (providerURL == null)
          providerURL = "ldap://localhost:" + ((protocol != null &amp;amp;&amp;amp; protocol.equals("ssl")) ? "636" : "389");
       Properties env = constructLdapContextEnvironment(providerURL, dn, credential);
       return new InitialLdapContext(env, null);
   }
&lt;/code&gt;&lt;/pre&gt;
&lt;p&gt;No hashtable.put() operations there so it must come from the InitialLdapContext constructor right?&lt;/p&gt;
&lt;pre&gt;&lt;code&gt;public InitialLdapContext(Hashtable&amp;lt;?,?&amp;gt; environment,Control[] connCtls) throws NamingException {
        super(true); // don't initialize yet
        // Clone environment since caller owns it.
        Hashtable env = (environment == null)
            ? new Hashtable(11)
            : (Hashtable)environment.clone();
        // Put connect controls into environment.  Copy them first since
        // caller owns the array.
        if (connCtls != null) {
            Control[] copy = new Control[connCtls.length];
            System.arraycopy(connCtls, 0, copy, 0, connCtls.length);
            env.put(BIND_CONTROLS_PROPERTY, copy);
        }
        // set version to LDAPv3
        env.put("java.naming.ldap.version", "3");
        // Initialize with updated environment
        init(env);
    }
&lt;/code&gt;&lt;/pre&gt;
&lt;p&gt;connCtls is null (see constructor call) so the only put operation is  env.put("java.naming.ldap.version", "3") which is obviously fine.  &lt;/p&gt;
&lt;p&gt;Any idea what's going on here?  Thanks.&lt;/p&gt;</t>
  </si>
  <si>
    <t>2015-08-26 17:38:49.300000+00:00</t>
  </si>
  <si>
    <t>2015-08-27 21:08:59.120000+00:00</t>
  </si>
  <si>
    <t>jboss|ldap</t>
  </si>
  <si>
    <t>We have @login_required, wheres @admin_required</t>
  </si>
  <si>
    <t>&lt;p&gt;I have a method that I'd like to only execute if an admin is logged in.&lt;/p&gt;
&lt;p&gt;How do I decorate this method such that only admins can use it?&lt;/p&gt;
&lt;p&gt;How do groups work in Django how does &lt;code&gt;@login_required&lt;/code&gt; handle groups if at all?&lt;/p&gt;</t>
  </si>
  <si>
    <t>2016-02-16 03:11:11.177000+00:00</t>
  </si>
  <si>
    <t>2016-02-16 03:21:10.837000+00:00</t>
  </si>
  <si>
    <t>Error while using default value in parameter of Protocol's method</t>
  </si>
  <si>
    <t>&lt;p&gt;I have a method in Protocol and using this method so many times. Now I need to add one more parameter in that method. I just need to pass that parameter in one case. So I have added default value in that parameter. But protocol doesn't accept default value. So what I did is:&lt;/p&gt;
&lt;pre&gt;&lt;code&gt;protocol TestP {
    func update(srId: String, srType: String? )
}
class Test: TestP {
    func update(srId: String, srType: String? = "") {
        print("abc")
    }
}
let test: TestP = Test()
test.update(srId: "abc")
&lt;/code&gt;&lt;/pre&gt;
&lt;p&gt;But here I am getting error
&lt;strong&gt;&lt;code&gt;error: missing argument for parameter 'srType' in call&lt;/code&gt;&lt;/strong&gt; because at compile time it check method in Protocol and do not find default value for &lt;code&gt;srType&lt;/code&gt;. So I try adding same method in extension of Protocol as given:&lt;/p&gt;
&lt;pre&gt;&lt;code&gt;extension TestP {
    func update(srId: String, srType: String? = "") {
        print("abc")
    }
}
&lt;/code&gt;&lt;/pre&gt;
&lt;p&gt;Here class &lt;code&gt;Test&lt;/code&gt; method should be called because the object is of class &lt;code&gt;Test&lt;/code&gt;. But every time protocol's method is being called. I don't know what is wrong with my code? How can I do that?&lt;/p&gt;</t>
  </si>
  <si>
    <t>2018-05-30 13:06:00.933000+00:00</t>
  </si>
  <si>
    <t>2018-05-31 05:51:08.373000+00:00</t>
  </si>
  <si>
    <t>2018-05-30 13:22:21.877000+00:00</t>
  </si>
  <si>
    <t>ios|swift|protocols</t>
  </si>
  <si>
    <t>How will I compare a text input if it is empty or not?</t>
  </si>
  <si>
    <t>&lt;p&gt;How will I compare a text input if it is empty or not inside a Jquery statement? Is the code below alright?&lt;/p&gt;
&lt;pre&gt;&lt;code&gt;$(#'generate').click(function(){
   if(parseInt($('#lastname').val,10)==0){
      alert("Should Not Be Empty!");
   }
}
&lt;/code&gt;&lt;/pre&gt;</t>
  </si>
  <si>
    <t>2012-09-30 05:59:35.143000+00:00</t>
  </si>
  <si>
    <t>2012-09-30 06:16:52.480000+00:00</t>
  </si>
  <si>
    <t>React router rerenders whole app and resets redux state tree?</t>
  </si>
  <si>
    <t>&lt;p&gt;I've have tried to setup React, redux, react-redux, react-router and react-redux-router, but everytime I do a transition from a route to another, the whole app gets re-rendered, How can I fix this?  I mean, what I need to do is at least the top level component to stay where he is and don't lose the redux state tree, because a router transition resets redux state.&lt;/p&gt;
&lt;p&gt;These are the version of the packages I'm using:&lt;/p&gt;
&lt;p&gt;&lt;strong&gt;"react": "^0.14.6",&lt;br&gt;
  "react-dom": "^0.14.6",&lt;br&gt;
  "react-redux": "^4.0.6",&lt;br&gt;
  "react-router": "^2.0.0-rc5",&lt;br&gt;
  "react-router-redux": "^3.0.0",&lt;br&gt;
  "redux": "^3.0.6"&lt;/strong&gt;&lt;/p&gt;
&lt;p&gt;This is my route configuration: &lt;/p&gt;
&lt;pre&gt;&lt;code&gt;export default (&amp;lt;Route path="/" component={App}&amp;gt;
    &amp;lt;Route path="companies"&amp;gt;
        &amp;lt;Route path="create" components={CompaniesCreate}&amp;gt;&amp;lt;/Route&amp;gt;
        &amp;lt;Route path="grid" components={CompaniesGrid}&amp;gt;&amp;lt;/Route&amp;gt;
    &amp;lt;/Route&amp;gt;
 &amp;lt;/Route&amp;gt;);
&lt;/code&gt;&lt;/pre&gt;
&lt;p&gt;My default index.js export:&lt;/p&gt;
&lt;pre&gt;&lt;code&gt;ReactDOM.render(
&amp;lt;Provider store={store}&amp;gt;
    &amp;lt;div&amp;gt;
        &amp;lt;Router history={browserHistory} routes={Routes}/&amp;gt;
        &amp;lt;DevTools /&amp;gt;
    &amp;lt;/div&amp;gt;
&amp;lt;/Provider&amp;gt;
, document.querySelector('.container'));
&lt;/code&gt;&lt;/pre&gt;
&lt;p&gt;my ConfigureStore.js&lt;/p&gt;
&lt;pre&gt;&lt;code&gt;const reduxRouterMiddleware = syncHistory(browserHistory);
const finalCreateStore = compose(
    applyMiddleware(ReduxPromise, reduxRouterMiddleware),
    DevTools.instrument()
)(createStore);
export default function configureStore(initialState) {
    const store = finalCreateStore(rootReducer, initialState);
    if (module.hot) {
        module.hot.accept('../reducers', () =&amp;gt;
            store.replaceReducer(require('../reducers'))
        );
    }
    return store;
 }
&lt;/code&gt;&lt;/pre&gt;
&lt;p&gt;And finally, the index for the reducers:&lt;/p&gt;
&lt;pre&gt;&lt;code&gt;export default combineReducers({
    ...reducers
    routing: routeReducer,
});
&lt;/code&gt;&lt;/pre&gt;</t>
  </si>
  <si>
    <t>2016-02-18 12:40:35.870000+00:00</t>
  </si>
  <si>
    <t>2016-02-18 14:09:43.943000+00:00</t>
  </si>
  <si>
    <t>reactjs|react-router|redux|react-redux</t>
  </si>
  <si>
    <t>Why does google maps fail when run through IP</t>
  </si>
  <si>
    <t>&lt;p&gt;I have a dev environment on an ip address &lt;code&gt;http://10.0.0.15/lrbc&lt;/code&gt;, and maps throws an error &lt;code&gt;Uncaught TypeError: undefined is not a function VM19375:120&lt;/code&gt; when I click to move the map.  It loads fine, just can't drag the map because it error on &lt;code&gt;mousedown&lt;/code&gt; or &lt;code&gt;dragstart&lt;/code&gt; ( i can't tell its minified )&lt;/p&gt;
&lt;p&gt;The same exact page, when run through &lt;code&gt;http://apps01/lrbc&lt;/code&gt; works fine.&lt;/p&gt;
&lt;pre&gt;&lt;code&gt;&amp;lt;!DOCTYPE html&amp;gt;
&amp;lt;html&amp;gt;&amp;lt;body&amp;gt;
&amp;lt;script&amp;gt;
  window.mapsCallbacks = [];
  window.mapsInit = function(){
    console.log('init');
    mapProp = {
      draggable: true,
      center: new google.maps.LatLng(40, -100),
      zoom: 8,
      streetViewControl: false,
      clickable: false,
      mapTypeId: google.maps.MapTypeId.HYBRID,
    };
    var m = document.getElementById('aaa');
    var map = new google.maps.Map(m, mapProp)
  };
&amp;lt;/script&amp;gt;
&amp;lt;div id="aaa" style="height: 300px; width: 300px"&amp;gt;&amp;lt;/div&amp;gt;
&amp;lt;div class="content-steps"&amp;gt;&amp;lt;/div&amp;gt;
&amp;lt;div class="content-forms"&amp;gt;
  &amp;lt;div class="text-center"&amp;gt;
    &amp;lt;img src="/lrbc/images/loading.gif" /&amp;gt;
  &amp;lt;/div&amp;gt;
&amp;lt;/div&amp;gt;
&amp;lt;div class="content-actions"&amp;gt;&amp;lt;/div&amp;gt;
&amp;lt;/body&amp;gt;&amp;lt;/html&amp;gt;
&amp;lt;script src="http://maps.googleapis.com/maps/api/js?callback=mapsInit" type="text/javascript"&amp;gt;&amp;lt;/script&amp;gt;
&lt;/code&gt;&lt;/pre&gt;
&lt;p&gt;It's fine, i can use the dns mapped &lt;code&gt;apps01&lt;/code&gt; address, but this took like an hour of poking and prodding until I stumbled upon what was going on.  So my question is why is this happening?&lt;/p&gt;</t>
  </si>
  <si>
    <t>2014-09-24 18:05:34.140000+00:00</t>
  </si>
  <si>
    <t>2014-09-24 18:35:37.110000+00:00</t>
  </si>
  <si>
    <t>google-maps-api-3</t>
  </si>
  <si>
    <t>How can I extract the data from a file with c#?</t>
  </si>
  <si>
    <t>&lt;p&gt;I need to extract some files from an archive but this archive extension cannot be opened on c#, I know that this archive contains bmp, sound, animation and other files, any way to open it?&lt;/p&gt;</t>
  </si>
  <si>
    <t>2014-09-01 03:31:31.950000+00:00</t>
  </si>
  <si>
    <t>2016-03-16 11:44:04.857000+00:00</t>
  </si>
  <si>
    <t>c#|hex|extract|editing</t>
  </si>
  <si>
    <t>SendGrid "To" List email ids visible to everyone in the list</t>
  </si>
  <si>
    <t>&lt;p&gt;I am using SendGrid to send emails to a list of users through a console application in asp.net. I am sending a list of user's email addresses in the AddTo section while sending an email. The code looks like this:   &lt;/p&gt;
&lt;p&gt;&lt;code&gt;SendGridMessage message = new SendGridMessage();&lt;br&gt;
 message.AddTo(new List&amp;lt;string&amp;gt;() { "user1@abc.com", "user2@xyz.com", "user3@abc.com", "user4@xyz.com" });&lt;/code&gt;  &lt;/p&gt;
&lt;p&gt;The email is sent as expected, but in the "To" section of the email, I am able to see all the email ids of users to whom this email was sent(image attached below). I want the email ids to be hidden so that no one misuses the other email ids in the list. Is there anyway I can accomplish this using SendGrid? 
&lt;a href="https://i.stack.imgur.com/bDy5u.png" rel="nofollow noreferrer"&gt;&lt;img src="https://i.stack.imgur.com/bDy5u.png" alt="enter image description here"&gt;&lt;/a&gt; &lt;/p&gt;</t>
  </si>
  <si>
    <t>2015-12-12 05:53:48.207000+00:00</t>
  </si>
  <si>
    <t>2015-12-15 19:49:52.547000+00:00</t>
  </si>
  <si>
    <t>2015-12-12 07:32:35.753000+00:00</t>
  </si>
  <si>
    <t>c#|asp.net|console-application|email-integration|sendgrid</t>
  </si>
  <si>
    <t>Simple Python class inheritance issue</t>
  </si>
  <si>
    <t>&lt;blockquote&gt;
  &lt;p&gt;&lt;strong&gt;Possible Duplicate:&lt;/strong&gt;&lt;br&gt;
  &lt;a href="https://stackoverflow.com/questions/206734/why-do-attribute-references-act-like-this-with-python-inheritance"&gt;Why do attribute references act like this with Python inheritance?&lt;/a&gt;&lt;br&gt;
  &lt;a href="https://stackoverflow.com/questions/12111816/python-derived-classes-access-dictionary-of-base-class-in-the-same-memory-locat"&gt;Python: derived classes access dictionary of base class in the same memory location&lt;/a&gt;  &lt;/p&gt;
&lt;/blockquote&gt;
&lt;p&gt;Lets take the code:&lt;/p&gt;
&lt;pre&gt;&lt;code&gt;class parent:
    book = {'one':1, 'two':2}
class child(parent):
    pass
first = child()
second = child()
print first.book
print second.book
second.book['one'] = 3
print first.book
print second.book
&lt;/code&gt;&lt;/pre&gt;
&lt;p&gt;When you run this object 'first' has its dictionary edited! WTF? I thought 'first' and 'second' were separate instances of the 'child' class. What is happening here? Why does what you edit in second affect first?&lt;/p&gt;
&lt;p&gt;I can 'fix' this by recreating book in each child class but thats not the right way to do it, I want to utilize classes the way they are meant to be used.&lt;/p&gt;
&lt;p&gt;What am I doing wrong?&lt;/p&gt;
&lt;p&gt;Btw my primary language is cpp so maybe i'm confusing cpp with python or something silly like that...&lt;/p&gt;
&lt;p&gt;Any help would be greatly appreciated!&lt;/p&gt;</t>
  </si>
  <si>
    <t>2012-08-26 04:41:10.743000+00:00</t>
  </si>
  <si>
    <t>2012-08-26 04:48:45.760000+00:00</t>
  </si>
  <si>
    <t>2017-05-23 11:56:15.150000+00:00</t>
  </si>
  <si>
    <t>python|class</t>
  </si>
  <si>
    <t>Dynamically resize iframe based on document size?</t>
  </si>
  <si>
    <t>&lt;p&gt;So what I've got is a page which will show a video with comments (similar to youtube). I dont want to reload the entire page when browsing through comments - and I really dont want to do the "show more" like we see on disquss. I want to break it into pages.&lt;/p&gt;
&lt;p&gt;So I could do the video page with an iframe which contains the page of comments and users swap pages through the iframe. However, I'd prefer if the iframe didnt have its own scroll bar and it simply made the parent window change sizes. &lt;/p&gt;
&lt;p&gt;I want people to be able to watch the video while browsing comments which is why i dont want the entire page to refresh when they go to a new comments page.&lt;/p&gt;
&lt;p&gt;So is it possible to make an iframe which resizes itself based on the document size of the iframe?&lt;/p&gt;</t>
  </si>
  <si>
    <t>2013-03-25 05:15:39.757000+00:00</t>
  </si>
  <si>
    <t>2013-03-25 05:25:58.197000+00:00</t>
  </si>
  <si>
    <t>php|html|iframe</t>
  </si>
  <si>
    <t>PDO echo data in table rows and cells</t>
  </si>
  <si>
    <t>&lt;p&gt;I'm trying to echo out data from my database using PDO and have it create a table with 4 columns and  as many rows until there is no more data to echo out.  Right now there should be 16 items in the database, so I should have 4 rows, but I can't get my data to echo in that format, 4 columns and 4 rows.  It just echoes out in one rows and 16 columns.  Thanks in advance for the help.&lt;/p&gt;
&lt;p&gt;Here is the php code I have so far:&lt;/p&gt;
&lt;pre&gt;&lt;code&gt;echo "&amp;lt;table&amp;gt;";
for($x = 0;$x&amp;lt;1;$x++){
      foreach($result as $row){
         echo "&amp;lt;td&amp;gt;{$row['question_name']}&amp;lt;/td&amp;gt;";
      }
   echo "&amp;lt;/tr&amp;gt;";
}
echo "&amp;lt;/table&amp;gt;";
&lt;/code&gt;&lt;/pre&gt;</t>
  </si>
  <si>
    <t>2014-04-04 00:31:29.650000+00:00</t>
  </si>
  <si>
    <t>2014-04-04 04:17:05.700000+00:00</t>
  </si>
  <si>
    <t>UIScrollView doesn't scroll vertically</t>
  </si>
  <si>
    <t>&lt;p&gt;I made iPhone app in which I have this hierarchy,&lt;/p&gt;
&lt;p&gt;&lt;img src="https://i.imgur.com/4Smu3cp.png" alt=""&gt;:
When I try to scroll my scrollview it doesn't scroll I am using Autolayout in my project  &lt;/p&gt;
&lt;p&gt;&lt;strong&gt;content size of my scrollview is greater then the height of my scrollview&lt;/strong&gt; still it doesn't scroll.&lt;/p&gt;
&lt;p&gt;Here is my code snippet wrote in &lt;code&gt;viewDidLoad&lt;/code&gt;&lt;/p&gt;
&lt;pre&gt;&lt;code&gt;    UIView *tempo = (UIView *)[scrollVw viewWithTag:6];//View which is inside Scrollview
    float sizeOfContent = 0;
    for (int i = 0; i &amp;lt; [tempo.subviews count]; i++) {
        UIView *view =[tempo.subviews objectAtIndex:i];
        sizeOfContent += view.frame.size.height;
    }
    NSLog(@"sizeOfContent = %f", sizeOfContent);
    scrollVw.contentSize = CGSizeMake(scrollVw.frame.size.width, 1500);
    NSLog(@"scrollVw width = %f -- scrollVw height =%f",scrollVw.frame.size.width, scrollVw.frame.size.height);
    NSLog(@"tempo width = %f -- tempo height =%f",tempo.frame.size.width, tempo.frame.size.height);
&lt;/code&gt;&lt;/pre&gt;
&lt;p&gt;&lt;strong&gt;Log Result:&lt;/strong&gt;&lt;/p&gt;
&lt;pre&gt;&lt;code&gt;sizeOfContent = 1500
scrollVw width = 320.000000      scrollVw height = 416.000000 
tempo width = 320.000000         tempo height =  416.000000
&lt;/code&gt;&lt;/pre&gt;
&lt;p&gt;Where I am doing mistake?&lt;/p&gt;</t>
  </si>
  <si>
    <t>2014-08-20 10:52:28.467000+00:00</t>
  </si>
  <si>
    <t>2017-11-29 05:35:57.980000+00:00</t>
  </si>
  <si>
    <t>ios|objective-c|uiscrollview</t>
  </si>
  <si>
    <t>ASP.NET + GridView + Dynamic TemplateFields</t>
  </si>
  <si>
    <t>&lt;p&gt;I have a GridView that I need to dynamically add TemplateField elements to. My question is, how to I programmatically add dynamic TemplateField elements? I cannot find anything through Google that shows an example of this.&lt;/p&gt;
&lt;p&gt;Thank you!&lt;/p&gt;</t>
  </si>
  <si>
    <t>2009-10-31 14:35:36.747000+00:00</t>
  </si>
  <si>
    <t>2009-10-31 16:06:47.357000+00:00</t>
  </si>
  <si>
    <t>asp.net|gridview</t>
  </si>
  <si>
    <t>PyGame Error With Tkinter And EasyGui</t>
  </si>
  <si>
    <t>&lt;p&gt;Pygame cannot run itself and Tkinter or Easygui or Other Modules At The Same Time. What's the Solution ?&lt;/p&gt;
&lt;p&gt;Here is the error I get:
I could not understand what it means...&lt;/p&gt;
&lt;pre&gt;&lt;code&gt;2018-02-19 23:35:56.328 Python[92529:3145393] -[SDLApplication _setup:]: unrecognized selector sent to instance 0x1006962c0
2018-02-19 23:35:56.330 Python[92529:3145393] *** Terminating app due to uncaught exception 'NSInvalidArgumentException', reason: '-[SDLApplication _setup:]: unrecognized selector sent to instance 0x1006962c0'
*** First throw call stack:
(
    0   CoreFoundation                      0x00007fffaa59de7b __exceptionPreprocess + 171
    1   libobjc.A.dylib                     0x00007fffbf187cad objc_exception_throw + 48
    2   CoreFoundation                      0x00007fffaa61fcb4 -[NSObject(NSObject) doesNotRecognizeSelector:] + 132
    3   CoreFoundation                      0x00007fffaa50ffb5 ___forwarding___ + 1061
    4   CoreFoundation                      0x00007fffaa50fb08 _CF_forwarding_prep_0 + 120
    5   Tk                                  0x000000010e9275e6 TkpInit + 471
    6   Tk                                  0x000000010e8a2c8d Tk_Init + 1794
    7   _tkinter.cpython-36m-darwin.so      0x000000010a51bdfd Tcl_AppInit + 77
    8   _tkinter.cpython-36m-darwin.so      0x000000010a519849 _tkinter_create + 889
    9   Python                              0x0000000100069558 _PyCFunction_FastCallDict + 568
    10  Python                              0x00000001000f1fd4 call_function + 612
    11  Python                              0x00000001000f7e28 _PyEval_EvalFrameDefault + 23096
    12  Python                              0x00000001000f1390 _PyEval_EvalCodeWithName + 2720
    13  Python                              0x00000001000f2226 _PyFunction_FastCallDict + 422
    14  Python                              0x000000010000dc04 _PyObject_FastCallDict + 356
    15  Python                              0x000000010000dd20 _PyObject_Call_Prepend + 208
    16  Python                              0x000000010000d833 PyObject_Call + 99
    17  Python                              0x00000001000884d1 slot_tp_init + 81
    18  Python                              0x000000010007eda4 type_call + 212
    19  Python                              0x000000010000db54 _PyObject_FastCallDict + 180
    20  Python                              0x00000001000f1e15 call_function + 165
    21  Python                              0x00000001000f7e28 _PyEval_EvalFrameDefault + 23096
    22  Python                              0x00000001000f1390 _PyEval_EvalCodeWithName + 2720
    23  Python                              0x00000001000f1b9b fast_function + 219
    24  Python                              0x00000001000f1fbb call_function + 587
    25  Python                              0x00000001000f5f4b _PyEval_EvalFrameDefault + 15195
    26  Python                              0x00000001000f1390 _PyEval_EvalCodeWithName + 2720
    27  Python                              0x00000001000f1534 PyEval_EvalCode + 100
    28  Python                              0x000000010012ddde PyRun_FileExFlags + 206
    29  Python                              0x000000010012e07f PyRun_SimpleFileExFlags + 447
    30  Python                              0x00000001001475c0 Py_Main + 3712
    31  Python                              0x0000000100000dfe Python + 3582
    32  Python                              0x0000000100000c34 Python + 3124
)
libc++abi.dylib: terminating with uncaught exception of type NSException
&lt;/code&gt;&lt;/pre&gt;
&lt;p&gt;Here is the code (reduced):&lt;/p&gt;
&lt;pre&gt;&lt;code&gt;import pygame
import easygui
pygame.init()
infoObject = pygame.display.Info()
screen = pygame.display.set_mode((infoObject.current_w, infoObject.current_h))
pygame.display.set_caption('Noting')
# This is the problematic code.
print(easygui.fileopenbox(filetypes=["*.png"]))
&lt;/code&gt;&lt;/pre&gt;</t>
  </si>
  <si>
    <t>2018-03-13 07:14:36.963000+00:00</t>
  </si>
  <si>
    <t>python-3.x|tkinter|pygame|core-foundation|easygui</t>
  </si>
  <si>
    <t>Python's module for testing mongoDB performance.</t>
  </si>
  <si>
    <t>&lt;p&gt;I try to find python's module for performance testing of mongoDB.
I want to load about 100.000 documents to database. And performing some standard operations under it, like create, drop, update and etc.
So, I need module (like a framework for bot develop) or program what can run these tests for me.
In my mind it will be like a simple bot with multithreading support.&lt;/p&gt;</t>
  </si>
  <si>
    <t>2012-01-30 07:22:20.163000+00:00</t>
  </si>
  <si>
    <t>2012-01-30 11:28:57.190000+00:00</t>
  </si>
  <si>
    <t>python|mongodb</t>
  </si>
  <si>
    <t>How do I make TFS 2012 build separate output binaries by project framework</t>
  </si>
  <si>
    <t>&lt;p&gt;Currently my TFS build outputs all the binaries to the same directory.
If TFS output the binaries from the silverlight projects to one directory and the .net framework projects to another then I would be able to differentiate between them when testing.
Anyone have any idea how I could do that?&lt;/p&gt;
&lt;p&gt;Here is an example of what I would like to do &lt;a href="http://lajak.wordpress.com/2011/05/07/customize-binaries-folder-in-tfs-team-build/" rel="nofollow"&gt;http://lajak.wordpress.com/2011/05/07/customize-binaries-folder-in-tfs-team-build/&lt;/a&gt; except in that example they use configuration and project name instead of project framework.&lt;/p&gt;
&lt;p&gt;I do not want to make any alteration whatsoever to any source code, I want to keep my changes to the build definition.&lt;/p&gt;
&lt;p&gt;Thanks in advance.&lt;/p&gt;</t>
  </si>
  <si>
    <t>2013-02-06 11:48:33.010000+00:00</t>
  </si>
  <si>
    <t>tfs2012</t>
  </si>
  <si>
    <t>Class Diagram or Object Diagram for Zend framework Gdata</t>
  </si>
  <si>
    <t>&lt;p&gt;I am looking for a Class Diagram for Zend Gdata. &lt;a href="http://framework.zend.com/manual/en/zend.gdata.spreadsheets.html" rel="nofollow noreferrer"&gt;Zend_Gdata_Spreadsheets_SpreadsheetEntry  object&lt;/a&gt; &lt;/p&gt;
&lt;p&gt;I would like to know if there is a Class Diagram or is it called an Object Diagram, for this is.&lt;/p&gt;</t>
  </si>
  <si>
    <t>2009-04-23 09:53:06.850000+00:00</t>
  </si>
  <si>
    <t>2013-10-10 15:52:17.730000+00:00</t>
  </si>
  <si>
    <t>php|zend-framework|gdata|class-diagram|object-diagram</t>
  </si>
  <si>
    <t>How to use custom filter with authentication-success-handler-ref equivalent in spring security</t>
  </si>
  <si>
    <t>&lt;p&gt;I want to pass some parameters with login details to spring security such as some item id.
then after i want to redirect to page according to the user type.
For this i am using &lt;strong&gt;custom filter&lt;/strong&gt; to send additional parameter.
And to redirection i am using &lt;strong&gt;authentication-success-handler-ref&lt;/strong&gt;.
My problem is, I am geting position conflict as i am using &lt;strong&gt;&lt;/strong&gt; along with &lt;strong&gt;custom filter&lt;/strong&gt;.
Please help me out to do my task.&lt;/p&gt;
&lt;p&gt;Here is my configuration&lt;/p&gt;
&lt;pre&gt;&lt;code&gt;&amp;lt;http   use-expressions="true"&amp;gt;
        &amp;lt;intercept-url pattern="/login" access="permitAll" /&amp;gt;
        &amp;lt;intercept-url pattern="/resources/**" access="permitAll" /&amp;gt;
        &amp;lt;intercept-url pattern="/logout" access="permitAll" /&amp;gt;
        &amp;lt;intercept-url pattern="/accessdenied" access="permitAll" /&amp;gt;
       &amp;lt;custom-filter ref="ddAuthenticationFilter" position="FORM_LOGIN_FILTER" /&amp;gt;
        &amp;lt;form-login authentication-failure-url="/accessdenied" 
        authentication-success-handler-ref="ddAuthenticationSuccessHandler"/&amp;gt;
    &amp;lt;/http&amp;gt;
    &amp;lt;beans:bean id="ddAuthenticationFilter" class="com.dd.security.ExUsernamePasswordAuthenticationFilter"/&amp;gt;
    &amp;lt;beans:bean id="ddAuthenticationSuccessHandler" class="com.dd.security.DDAuthenticationSuccessHandler" /&amp;gt;
&lt;/code&gt;&lt;/pre&gt;</t>
  </si>
  <si>
    <t>2014-05-29 05:54:14.210000+00:00</t>
  </si>
  <si>
    <t>2014-11-05 09:26:30.070000+00:00</t>
  </si>
  <si>
    <t>spring|spring-mvc|spring-security</t>
  </si>
  <si>
    <t>Drupal dynamic Taxonomy term values</t>
  </si>
  <si>
    <t>&lt;p&gt;I'm new to Drupal, and somehow miss a feature. (or I guess just don't know how to activate it)
Let's say I have a content type which is using the term reference (taxonomy field type)
Is it possible to have it filled dynamically (e.g. with already existing content from my site?&lt;/p&gt;
&lt;p&gt;I don't want to type in all possible Tag/Term options, but instead want some kind of dynamic category choice for an author, e.g. feeded by existing content (articles/pages) from the drupal site itself.&lt;/p&gt;
&lt;p&gt;Is there a certain module I need or how is it done?&lt;/p&gt;</t>
  </si>
  <si>
    <t>2013-11-20 16:31:04.460000+00:00</t>
  </si>
  <si>
    <t>2013-11-22 17:31:27.323000+00:00</t>
  </si>
  <si>
    <t>drupal-7|drupal-modules|custom-taxonomy</t>
  </si>
  <si>
    <t>Javascript Bookmarklet - Gather Cookie from Browser</t>
  </si>
  <si>
    <t>&lt;p&gt;I'm using this as a bookmark in firefox, but when I visit the page and try to load the bookmark, it isnt doing anything. Is something wrong with my JS code?&lt;/p&gt;
&lt;p&gt;With suggestion from user KURT, I was able to solve this by:&lt;/p&gt;
&lt;pre&gt;&lt;code&gt;javascript: (function () {
    function getCookie(name) {
        if (document.cookie.length &amp;gt; 0) {
            c_start = document.cookie.indexOf( 'JSESSIONID' + '=');
            if (c_start != -1) {
                c_start = c_start + 'JSESSIONID'.length + 1;
                c_end = document.cookie.indexOf(';', c_start);
                if (c_end == -1) c_end = document.cookie.length;
                return unescape(document.cookie.substring(c_start, c_end))
            }
        }
        return null;
    }
    function readCookie(name) {
    var nameEQ = name + "=";
    var ca = document.cookie.split(';');
    for(var i=0;i &amp;lt; ca.length;i++) {
        var c = ca[i];
        while (c.charAt(0)==' ') c = c.substring(1,c.length);
        if (c.indexOf(nameEQ) == 0) return c.substring(nameEQ.length,c.length);
    }
    return null;
    }
    var thedc = readCookie("dc"); 
    if (thedc.substring(0, 2) == 'SP') { 
        alert(' in SP ');
    } else {
        alert(' in WC '); 
    }
}());
&lt;/code&gt;&lt;/pre&gt;</t>
  </si>
  <si>
    <t>2012-11-14 17:26:56.700000+00:00</t>
  </si>
  <si>
    <t>2012-11-14 19:46:08.040000+00:00</t>
  </si>
  <si>
    <t>javascript|string|cookies|string-comparison</t>
  </si>
  <si>
    <t>IntelliTrace doesn't work properly once "ngen install ... /profile" is used</t>
  </si>
  <si>
    <t>&lt;p&gt;We're developing an application that greatly benefits from Profiled Native Images of .NET framework. Due to that, during our installation, we're running the following on several .NET assemblies:&lt;/p&gt;
&lt;p&gt;&lt;code&gt;ngen install "ASSEMBLY NAME" /Profile&lt;/code&gt;&lt;/p&gt;
&lt;p&gt;Shortly after deploying our application, we've received a complaint that users' IntelliTrace feature in Visual Studio 2010 stopped working. After a short investigation we found that as soon as there is a &lt;strong&gt;Profiling Native Image&lt;/strong&gt; of &lt;strong&gt;mscorlib.dll&lt;/strong&gt;, IntelliTrace stops working. Also, when it happens, we get the following message in the Event Viewer: &lt;/p&gt;
&lt;blockquote&gt;
  &lt;p&gt;The TraceLog Profiler detected an NGEN /profile assembly loaded into the process. Such assemblies are not supported. Collection will be disabled.&lt;/p&gt;
&lt;/blockquote&gt;
&lt;p&gt;This is especially troubling since mscorlib.dll is a dependency of any other .NET assembly, which means that using &lt;code&gt;ngen install ... /profile&lt;/code&gt; on any assembly causes mscorlib.dll to be generated as well.&lt;/p&gt;
&lt;p&gt;Below is a simple reproduction of the issue:&lt;/p&gt;
&lt;ol&gt;
&lt;li&gt;&lt;p&gt;Create a new console application, set its target framework to .NET 2. Add code as appears in the image and set a breakpoint after SomeFunction.
&lt;img src="https://i.stack.imgur.com/4HsHY.png" alt="Sample code"&gt;&lt;/p&gt;&lt;/li&gt;
&lt;li&gt;&lt;p&gt;Set IntelliTrace to "IntelliTrace events and call information"&lt;/p&gt;&lt;/li&gt;
&lt;li&gt;&lt;p&gt;Start debugging. Once the breakpoint is hit you should get the following, correctIntelliTrace:
&lt;img src="https://i.stack.imgur.com/sOXO9.png" alt="Correct IntelliTrace"&gt;&lt;/p&gt;&lt;/li&gt;
&lt;li&gt;&lt;p&gt;Stop debugging and exit Visual Studio.&lt;/p&gt;&lt;/li&gt;
&lt;li&gt;Open new cmd.exe in elevated mode&lt;/li&gt;
&lt;li&gt;Execute: 
&lt;code&gt;%windir%\Microsoft.NET\Framework\v2.0.50727\ngen install "System, Version=2.0.0.0, Culture=neutral, PublicKeyToken=b77a5c561934e089" /Profile&lt;/code&gt;&lt;/li&gt;
&lt;li&gt;Start Visual Studio again and start debugging. The same breakpoint will be hit. This time, however, the IntelliTrace will look the following way: 
&lt;img src="https://i.stack.imgur.com/Hc0kk.png" alt="Broken IntelliTrace"&gt;&lt;/li&gt;
&lt;li&gt;To make IntelliTrace run again in the same cmd window:&lt;/li&gt;
&lt;/ol&gt;
&lt;p&gt;&lt;code&gt;%windir%\Microsoft.NET\Framework\v2.0.50727\ngen uninstall "System, Version=2.0.0.0, Culture=neutral, PublicKeyToken=b77a5c561934e089" /Profile&lt;/code&gt;&lt;/p&gt;
&lt;p&gt;We've also tried to use &lt;strong&gt;/NoDependencies&lt;/strong&gt; flag of ngen.exe to add only specific assemblies, without mscorlib, however, it seems that it the flag is ignored - Even though we've executed &lt;code&gt;ngen install ... /Profile /NoDependencies&lt;/code&gt;, the dependencies are installed: Running &lt;code&gt;ngen display | find "&amp;lt;profiling&amp;gt;"&lt;/code&gt; reveals that mscorlib is still installed even though /NoDependencies flag was used.&lt;/p&gt;
&lt;p&gt;&lt;strong&gt;Questions&lt;/strong&gt;&lt;/p&gt;
&lt;ol&gt;
&lt;li&gt;Is there a way to NGEN uninstall mscorlib /profile, even if there are other ngen /profile assemblies installed?&lt;/li&gt;
&lt;li&gt;Is there a workaround to make IntelliTrace work correctly after NGen /Profile is executed?&lt;/li&gt;
&lt;li&gt;Why doesn't the /NoDependencies flag work as expected?&lt;/li&gt;
&lt;/ol&gt;
&lt;p&gt;Thank you,
Vitaly Belman&lt;/p&gt;</t>
  </si>
  <si>
    <t>2011-11-30 15:25:19.067000+00:00</t>
  </si>
  <si>
    <t>2017-07-24 10:25:15.890000+00:00</t>
  </si>
  <si>
    <t>visual-studio|visual-studio-2010|ngen|intellitrace</t>
  </si>
  <si>
    <t>how to get a handle on the UITableViewCell given NSIndexPath* iOS</t>
  </si>
  <si>
    <t>&lt;p&gt;I have the indexPath of type NSIndexPath*,a reference to the tableView, I want to use these to get a handle on the corresponding cell.How dp I do this?&lt;/p&gt;</t>
  </si>
  <si>
    <t>2011-05-12 09:03:43.747000+00:00</t>
  </si>
  <si>
    <t>2011-05-12 09:10:42.280000+00:00</t>
  </si>
  <si>
    <t>ios|uitableview|handle|nsindexpath</t>
  </si>
  <si>
    <t>WKWebView displays content wrong after orientation change</t>
  </si>
  <si>
    <t>&lt;p&gt;I am fairly new to iOS development and I'm using a &lt;code&gt;WKWebView&lt;/code&gt; to display a page that plays a video using the Vimeo Player. When the app starts up, it shows the view correctly, no matter what orientation it is currently in. However, once I change the orientation the view will either look zoomed in or has whitespace below the video.&lt;/p&gt;
&lt;p&gt;The annoying thing about this is that it's not consistent. Sometimes the view displays correctly, sometimes it doesn't. If I try to zoom the view in or out or try to scroll when using the app it usually corrects itself, but even that does not seem to be 100% reliable.&lt;/p&gt;
&lt;p&gt;Some screenshots (tested on iPad 2):&lt;/p&gt;
&lt;p&gt;Landscape orientation (correct):
&lt;a href="https://i.stack.imgur.com/sQhDC.png" rel="noreferrer"&gt;&lt;img src="https://i.stack.imgur.com/sQhDC.png" alt="Landscape orientation (correct)"&gt;&lt;/a&gt;&lt;/p&gt;
&lt;p&gt;Portrait orientation (correct):
&lt;a href="https://i.stack.imgur.com/mQXYd.png" rel="noreferrer"&gt;&lt;img src="https://i.stack.imgur.com/mQXYd.png" alt="Portrait orientation (correct)"&gt;&lt;/a&gt;&lt;/p&gt;
&lt;p&gt;Landscape orientation (incorrect):
&lt;a href="https://i.stack.imgur.com/SA2cb.png" rel="noreferrer"&gt;&lt;img src="https://i.stack.imgur.com/SA2cb.png" alt="Landscape orientation (incorrect)"&gt;&lt;/a&gt;&lt;/p&gt;
&lt;p&gt;Portrait orientation (incorrect):
&lt;a href="https://i.stack.imgur.com/C9rS1.png" rel="noreferrer"&gt;&lt;img src="https://i.stack.imgur.com/C9rS1.png" alt="Portrait orientation (incorrect)"&gt;&lt;/a&gt;&lt;/p&gt;
&lt;p&gt;And the code used to produce this result:&lt;/p&gt;
&lt;pre&gt;&lt;code&gt;import Foundation
import UIKit
import WebKit
class VideoViewController : UIViewController, WKScriptMessageHandler {
@IBOutlet var containerView : UIView! = nil
var webView: WKWebView?
override func loadView() {
    super.loadView()
    self.webView = WKWebView()
    let contentController = WKUserContentController();
    let scaleToFit = WKUserScript(source: "var meta = document.createElement('meta'); meta.setAttribute('name', 'viewport'); meta.setAttribute('content', 'width=device-width, initial-scale=1.0'); document.getElementsByTagName('head')[0].appendChild(meta);", injectionTime: WKUserScriptInjectionTime.AtDocumentStart, forMainFrameOnly: true)
    contentController.addUserScript(scaleToFit)
    contentController.addScriptMessageHandler(self, name: "callbackHandler")
    self.view = webView!
}
override func viewDidLoad() {
    super.viewDidLoad()
    refreshUI()
}
override func didReceiveMemoryWarning() {
    super.didReceiveMemoryWarning()
    // Dispose of any resources that can be recreated.
}
func refreshUI() {
    let url = NSURL(string: "https://photofactsacademy.nl/api/vp.asp?id=152839850")
    let requestObj = NSURLRequest(URL: url!)
    webView!.loadRequest(requestObj)
}
func userContentController(userContentController: WKUserContentController, didReceiveScriptMessage message: WKScriptMessage) {
    if(message.name == "callbackHandler") {
        print("JavaScript is sending a message \(message.body)")
    }
}
}
&lt;/code&gt;&lt;/pre&gt;
&lt;p&gt;I looked through SO for WKWebView and orientation change and didn't find anything that helped me.&lt;/p&gt;
&lt;p&gt;Your help is appreciated.&lt;/p&gt;</t>
  </si>
  <si>
    <t>2016-01-27 16:11:48.893000+00:00</t>
  </si>
  <si>
    <t>2018-06-14 16:29:31.203000+00:00</t>
  </si>
  <si>
    <t>ios|swift|wkwebview</t>
  </si>
  <si>
    <t>Android Custom Font issue</t>
  </si>
  <si>
    <t>&lt;p&gt;I am working on a android application. In this application, I am using Custom font (avenir_bold_font). I am using following method to set up font to buttons.&lt;/p&gt;
&lt;pre&gt;&lt;code&gt;public static void setButtonFont(Activity activity, Button btnView, String fontType){
    Typeface tf = Typeface.createFromAsset(activity.getAssets(),"fonts/"+fontType);
    btnView.setTypeface(tf);
}
&lt;/code&gt;&lt;/pre&gt;
&lt;p&gt;Using above method am able to set up font to a button without any trouble. But in above method i have creating Typeface object every time any other calls it. &lt;/p&gt;
&lt;p&gt;So i have made the changes in above method, I have converted Typeface local variable to Static variable so that it will improve performance, But The moment i created Typeface object as static , it does not work. it does not able to set up font&lt;/p&gt;</t>
  </si>
  <si>
    <t>2015-08-10 17:17:07.240000+00:00</t>
  </si>
  <si>
    <t>2016-08-12 03:11:44.777000+00:00</t>
  </si>
  <si>
    <t>2015-08-10 17:26:01.077000+00:00</t>
  </si>
  <si>
    <t>android|fonts</t>
  </si>
  <si>
    <t>Wordpress permalink strange behavior: output depends on &lt;div&gt;</t>
  </si>
  <si>
    <t>&lt;p&gt;This is really strange. the_permalink(); works well into the wordpress loop (Code below). it outputs the right URL- but for some reason in the same loop, without changing query etc, the permalink only outputs the first post.&lt;/p&gt;
&lt;p&gt;Here is the code:&lt;/p&gt;
&lt;pre&gt;&lt;code&gt;&amp;lt;?php echo the_permalink(); ?&amp;gt;//This outputs **right** - http://domain.de/?p=18
&amp;lt;?php echo $link;?&amp;gt;
&amp;lt;span class="share_overlay"&amp;gt;
&amp;lt;?php echo the_permalink(); ?&amp;gt;//This outputs **wrong** - http://domain.de/?p=18
&amp;lt;?php echo $link;?&amp;gt;
&lt;/code&gt;&lt;/pre&gt;
&lt;p&gt;So what am I doing wrong? There is nothing between... even if I only echo -&gt; the Permalink into .share_overlay I got the same result. Without echo - same result. writing the_permalink outside of .share_overlay - the link is alright.&lt;/p&gt;
&lt;p&gt;There is no code - no little piece of code into the function.php - even no JS running that manipulates the DOM.&lt;/p&gt;
&lt;p&gt;Here is a bit more of my code, so that if I have n error you can punch my head on the foot ;)
$link was only to see if the result is the same. I can't see an error themes very strange to me.&lt;/p&gt;
&lt;pre&gt;&lt;code&gt; &amp;lt;?php if ( have_posts() ) : while ( have_posts() ) : the_post(); ?&amp;gt;
        &amp;lt;?php $link = get_permalink($post);?&amp;gt;
        &amp;lt;article class="post"&amp;gt;
            &amp;lt;h3&amp;gt;&amp;lt;a href="&amp;lt;?php echo $link ?&amp;gt;"&amp;gt;&amp;lt;?php the_title(); ?&amp;gt;&amp;lt;/a&amp;gt;&amp;lt;/h3&amp;gt;
            &amp;lt;em class="meta"&amp;gt;
                &amp;lt;span class="icn time" title="Datum"&amp;gt;&amp;lt;/span&amp;gt;&amp;lt;time datetime="&amp;lt;?php the_time('Y-m-d') ?&amp;gt;"&amp;gt;&amp;lt;?php the_date(); ?&amp;gt;&amp;lt;/time&amp;gt;
                |
                &amp;lt;span class="icn cat" title="Kategorie"&amp;gt;&amp;lt;/span&amp;gt;&amp;lt;span class="categorie"&amp;gt;
                &amp;lt;?php the_category(' '); ?&amp;gt;
                &amp;lt;/span&amp;gt;
                |
                &amp;lt;span class="icn social" title="Teilen"&amp;gt;&amp;lt;/span&amp;gt;&amp;lt;span class="share"&amp;gt;Teilen
                        &amp;lt;?php echo the_permalink(); ?&amp;gt;//right
                        &amp;lt;?php echo $link;?&amp;gt;//right
                    &amp;lt;span class="share_overlay"&amp;gt;
                        &amp;lt;?php echo the_permalink(); ?&amp;gt;//wrong
                        &amp;lt;?php echo $link;?&amp;gt;//wrong
                        &amp;lt;strong&amp;gt;Teile diesen Inhalt auf:&amp;lt;/strong&amp;gt;
                        &amp;lt;span class="share_content"&amp;gt;
                                &amp;lt;a class="t" target="_blank" href="https://twitter.com/share?url=&amp;amp;text=&amp;lt;?php echo $link; ?&amp;gt;: &amp;amp;hashtags=&amp;lt;?php if(has_tag()){$posttags = get_the_tags();if($posttags){foreach($posttags as $tag){ echo $tag-&amp;gt;name . ',';}echo'design';}}?&amp;gt;"&amp;gt;Tweet&amp;lt;/a&amp;gt;
                                &amp;lt;a class="g" target="_blank" href="https://plus.google.com/share?url=&amp;lt;?php echo $link; ?&amp;gt;"&amp;gt;Google+&amp;lt;/a&amp;gt;
                                &amp;lt;a class="f" target="_blank" href="https://www.facebook.com/sharer/sharer.php?u=&amp;lt;?php echo $link; ?&amp;gt;"&amp;gt;Facebook&amp;lt;/a&amp;gt;
                        &amp;lt;/span&amp;gt;
                        &amp;lt;span class="close"&amp;gt;&amp;lt;/span&amp;gt;
                    &amp;lt;/span&amp;gt;
                &amp;lt;/span&amp;gt;
            &amp;lt;/em&amp;gt;
            &amp;lt;?php echo the_permalink(); ?&amp;gt;//right again?!
                        &amp;lt;?php echo $link;?&amp;gt;//right again?!
            &amp;lt;?php the_excerpt(); ?&amp;gt;
            &amp;lt;a class="more" title="weiter lesen" href="&amp;lt;?php the_permalink(); ?&amp;gt;"&amp;gt;&amp;lt;?php the_title(); ?&amp;gt;&amp;lt;/a&amp;gt;
        &amp;lt;/article&amp;gt;
        &amp;lt;?php endwhile; else : ?&amp;gt;
            &amp;lt;article class="post"&amp;gt;
                &amp;lt;h3&amp;gt;No entries found here so far.&amp;lt;/h3&amp;gt;
                &amp;lt;p&amp;gt;No results found.&amp;lt;/p&amp;gt;
            &amp;lt;/article&amp;gt;
        &amp;lt;?php endif; ?&amp;gt;
&lt;/code&gt;&lt;/pre&gt;</t>
  </si>
  <si>
    <t>2014-09-01 14:26:33.070000+00:00</t>
  </si>
  <si>
    <t>2014-09-01 17:22:00.813000+00:00</t>
  </si>
  <si>
    <t>2014-09-01 14:31:10.597000+00:00</t>
  </si>
  <si>
    <t>php|wordpress|post|while-loop|permalinks</t>
  </si>
  <si>
    <t>can we source a shell script in perl script</t>
  </si>
  <si>
    <t>&lt;p&gt;can we source a shell script in the perl script??&lt;/p&gt;
&lt;p&gt;Example:
Program 1:&lt;/p&gt;
&lt;pre&gt;&lt;code&gt;cat test1.sh
#!/bin/ksh
DATE=/bin/date
&lt;/code&gt;&lt;/pre&gt;
&lt;p&gt;program 2:&lt;/p&gt;
&lt;pre&gt;&lt;code&gt;cat test2.sh
#!/bin/ksh
. ./test1.sh  
echo `$DATE`
&lt;/code&gt;&lt;/pre&gt;
&lt;p&gt;Program 3:&lt;/p&gt;
&lt;pre&gt;&lt;code&gt;cat test3.pl
#!/usr/bin/perl
### here I need to source the test1.sh script
print `$DATE`'
&lt;/code&gt;&lt;/pre&gt;
&lt;p&gt;How to source the shell in perl to get the date printed when I execute test3.pl&lt;/p&gt;
&lt;p&gt;thanks
raghu&lt;/p&gt;</t>
  </si>
  <si>
    <t>2010-09-09 10:16:32.833000+00:00</t>
  </si>
  <si>
    <t>2017-01-30 16:58:25.757000+00:00</t>
  </si>
  <si>
    <t>2010-09-09 10:37:50.403000+00:00</t>
  </si>
  <si>
    <t>perl</t>
  </si>
  <si>
    <t>Cant compile WinHttpClient for C++</t>
  </si>
  <si>
    <t>&lt;p&gt;Im trying to use WinHttpClient as an alternative to cURL, but it won't compile. Its weird because im using the same source other people is, and it works for them.&lt;/p&gt;
&lt;p&gt;Im using this: &lt;a href="https://www.codeproject.com/Articles/66625/A-Fully-Featured-Windows-HTTP-Wrapper-in-C" rel="nofollow noreferrer"&gt;https://www.codeproject.com/Articles/66625/A-Fully-Featured-Windows-HTTP-Wrapper-in-C&lt;/a&gt;&lt;/p&gt;
&lt;p&gt;The first error when you include it is this one.&lt;/p&gt;
&lt;pre&gt;&lt;code&gt;winhttpclient.h(23): error C2440: 'initializing': can not convert from 'const wchar_t [14]' to 'wchar_t *'
&lt;/code&gt;&lt;/pre&gt;
&lt;p&gt;Which points to&lt;/p&gt;
&lt;pre&gt;&lt;code&gt;static wchar_t *SZ_AGENT = L"WinHttpClient";
&lt;/code&gt;&lt;/pre&gt;
&lt;p&gt;If you make that constant as a work around, it will compile at first. But it will then give even more errors than before, pointint to RegExp.h instead (which is part of the source i've stated before.&lt;/p&gt;</t>
  </si>
  <si>
    <t>2018-08-28 16:39:28.413000+00:00</t>
  </si>
  <si>
    <t>c++|visual-studio-2017|winhttp</t>
  </si>
  <si>
    <t>How to get raw page source (not generated source) from c#</t>
  </si>
  <si>
    <t>&lt;p&gt;The goal is to get the raw source of the page, I mean do not run the scripts or let the browsers format the page at all. for example: suppose the source is &lt;code&gt;&amp;lt;table&amp;gt;&amp;lt;tr&amp;gt;&amp;lt;/table&amp;gt;&lt;/code&gt; after the response, I don't want get &lt;code&gt;&amp;lt;table&amp;gt;&amp;lt;tbody&amp;gt;&amp;lt;tr&amp;gt;&amp;lt;/tr&amp;gt;&amp;lt;/tbody&amp;gt;&amp;lt;/table&amp;gt;&lt;/code&gt;, how to do this via c# code?&lt;/p&gt;
&lt;p&gt;More info: for example, type "view-source:http://feeds.gawker.com/kotaku/full" in the browser's address bar will give u a xml file, but if you just call "http://feeds.gawker.com/kotaku/full" it will render a html page, what I want is the xml file. hope this is clear.&lt;/p&gt;</t>
  </si>
  <si>
    <t>2011-09-23 09:00:06.767000+00:00</t>
  </si>
  <si>
    <t>2011-09-23 15:39:07.080000+00:00</t>
  </si>
  <si>
    <t>c#|html</t>
  </si>
  <si>
    <t>ORA-01427: single-row subquery returns more than one row ,,WHEN USING SELECT COUNT</t>
  </si>
  <si>
    <t>&lt;p&gt;i have these two queries, both are same but the difference at the first line , first statment counts the result and the other get the rows,
the problem is that it gets rows and can't count them &lt;/p&gt;
&lt;p&gt;the first query gets error (ORA-01427: single-row subquery returns more than one row)&lt;/p&gt;
&lt;p&gt;the first (count rows)&lt;/p&gt;
&lt;pre&gt;&lt;code&gt;    SELECT  COUNT(*) FROM (
      SELECT A.* , 
      SUBSTR(A.RECORD_DATE,9,4) RECORD_NOTICE_TIME , 
      (SELECT B.CLOSE_FLAG FROM HARAM.NOTICES_DEPT B WHERE B.NOTICE_SN = A.NOTICE_SN AND B.DEPT_ID = 116 AND B.RECORD_STATUS &amp;lt;&amp;gt; 3) CLOSE_FLAG , 
      (SELECT DEPARTMENT_ID FROM HARAM.EMPLOYES WHERE PERSONAL_CODE =A.NOTICE_USER) NOTICE_USER_DEPT , 
      (SELECT SUBSTR(ND.CREATION_TIMESTAMP,9,4) TRANS_NOTICE_TIME FROM HARAM.NOTICES_DEPT ND WHERE ND.NOTICE_SN = A.NOTICE_SN AND ND.RECORD_STATUS != 3 AND ND.DEPT_ID = 116 ) TRANS_NOTICE_TIME,
      (SELECT  (SELECT DEPARTMENT_NAME FROM HARAM.DEPARTMENT WHERE DS.SECTION_ID=DEPARTMENT_ID) FROM HARAM.NOTICES_DEPT_SECTIONS DS WHERE DS.NOTICE_SN=A.NOTICE_SN) SECTION_NAME 
      FROM HARAM.NOTICES A 
      WHERE EXISTS (SELECT NULL FROM HARAM.NOTICES_DEPT C WHERE C.NOTICE_SN = A.NOTICE_SN AND C.RECORD_STATUS &amp;lt;&amp;gt; 3 AND C.DEPT_ID = 116 ) AND A.RECORD_STATUS &amp;lt;&amp;gt; 3 
    ) 
    WHERE NOTICE_STATUS != 5 AND RECORD_STATUS &amp;lt;&amp;gt; 3 AND CLOSE_FLAG=3 AND SECTION_NAME IS NOT NULL
    ORDER BY CLOSE_FLAG DESC , CREATION_TIMESTAMP DESC;
&lt;/code&gt;&lt;/pre&gt;
&lt;p&gt;the second (get rows)&lt;/p&gt;
&lt;pre&gt;&lt;code&gt;    SELECT * FROM (
      SELECT A.* , 
      SUBSTR(A.RECORD_DATE,9,4) RECORD_NOTICE_TIME , 
      (SELECT B.CLOSE_FLAG FROM HARAM.NOTICES_DEPT B WHERE B.NOTICE_SN = A.NOTICE_SN AND B.DEPT_ID = 116 AND B.RECORD_STATUS &amp;lt;&amp;gt; 3) CLOSE_FLAG , 
      (SELECT DEPARTMENT_ID FROM HARAM.EMPLOYES WHERE PERSONAL_CODE =A.NOTICE_USER) NOTICE_USER_DEPT , 
      (SELECT SUBSTR(ND.CREATION_TIMESTAMP,9,4) TRANS_NOTICE_TIME FROM HARAM.NOTICES_DEPT ND WHERE ND.NOTICE_SN = A.NOTICE_SN AND ND.RECORD_STATUS != 3 AND ND.DEPT_ID = 116 ) TRANS_NOTICE_TIME, 
      (SELECT (SELECT DEPARTMENT_NAME FROM HARAM.DEPARTMENT WHERE DS.SECTION_ID=DEPARTMENT_ID) FROM HARAM.NOTICES_DEPT_SECTIONS DS WHERE DS.NOTICE_SN=A.NOTICE_SN) SECTION_NAME 
      FROM HARAM.NOTICES A  
      WHERE EXISTS (SELECT NULL FROM HARAM.NOTICES_DEPT C WHERE C.NOTICE_SN = A.NOTICE_SN AND C.RECORD_STATUS &amp;lt;&amp;gt; 3 AND C.DEPT_ID = 116 ) AND A.RECORD_STATUS &amp;lt;&amp;gt; 3 
    ) 
    WHERE NOTICE_STATUS != 5 AND RECORD_STATUS &amp;lt;&amp;gt; 3 AND CLOSE_FLAG=3 AND SECTION_NAME IS NOT NULL
    ORDER BY CLOSE_FLAG DESC,CREATION_TIMESTAMP DESC;
&lt;/code&gt;&lt;/pre&gt;</t>
  </si>
  <si>
    <t>2014-07-01 09:44:03.120000+00:00</t>
  </si>
  <si>
    <t>2014-07-01 11:28:31.457000+00:00</t>
  </si>
  <si>
    <t>2014-07-01 10:30:49.307000+00:00</t>
  </si>
  <si>
    <t>sql|oracle|select|count|ora-01427</t>
  </si>
  <si>
    <t>Detecting ctrl+z (and other control combos) in paper.js</t>
  </si>
  <si>
    <t>&lt;p&gt;I'm trying to enable editing commands in my paper.js application (such as &lt;kbd&gt;CTRL&lt;/kbd&gt;+&lt;kbd&gt;z&lt;/kbd&gt; for 'undo'). &lt;/p&gt;
&lt;p&gt;Detecting individual letter keys works great, and I can detect modifier keys that are held during mouse events, but I'm having trouble writing an event handler that detects combinations of &lt;kbd&gt;CTRL&lt;/kbd&gt; and letter keys.&lt;/p&gt;
&lt;p&gt;Based on &lt;a href="http://paperjs.org/tutorials/interaction/keyboard-interaction/" rel="nofollow noreferrer"&gt;the examples given by fabric.js&lt;/a&gt;, what I would expect is a key handler that looks something like this:&lt;/p&gt;
&lt;pre&gt;&lt;code&gt;function onKeyDown(event) {
    if (event.key == 'z' &amp;amp;&amp;amp; event.modifiers.control){
       //do a thing!
    }
}
&lt;/code&gt;&lt;/pre&gt;
&lt;p&gt;However, this doesn't work! Weirdly enough, the conditional block never fires. To investigate this, I wrote the following diagnostic handler...&lt;/p&gt;
&lt;pre&gt;&lt;code&gt;function onKeyDown(event) {
    console.log(event.key);
    console.log(event.modifiers.control);
}
&lt;/code&gt;&lt;/pre&gt;
&lt;p&gt;... and tried it out with various keyboard inputs with some interesting results:&lt;/p&gt;
&lt;p&gt;&lt;kbd&gt;CTRL&lt;/kbd&gt; key only&lt;/p&gt;
&lt;pre&gt;&lt;code&gt;   Key: control
   Control: true
&lt;/code&gt;&lt;/pre&gt;
&lt;p&gt;&lt;kbd&gt;z&lt;/kbd&gt; key only&lt;/p&gt;
&lt;pre&gt;&lt;code&gt;Key: z
Control: false
&lt;/code&gt;&lt;/pre&gt;
&lt;p&gt;&lt;kbd&gt;z&lt;/kbd&gt; key pressed while holding &lt;kbd&gt;CTRL&lt;/kbd&gt;&lt;/p&gt;
&lt;pre&gt;&lt;code&gt;Key: 
Control: true
&lt;/code&gt;&lt;/pre&gt;
&lt;p&gt;These results suggest that the string returned by &lt;code&gt;event.key&lt;/code&gt; is different depending on whether the control modifier is held down when another key is typed. Something weird is happening here!&lt;/p&gt;
&lt;p&gt;Based on this, how can I detect both of these keys being pressed at the same time?&lt;/p&gt;</t>
  </si>
  <si>
    <t>2015-06-18 18:46:05.203000+00:00</t>
  </si>
  <si>
    <t>2018-06-26 05:27:46.840000+00:00</t>
  </si>
  <si>
    <t>2017-12-14 13:57:05.590000+00:00</t>
  </si>
  <si>
    <t>javascript|keyevent|undo|paperjs|ctrl</t>
  </si>
  <si>
    <t>EXC_BAD_ACCESS code=2 error in Obj-C code with ARC</t>
  </si>
  <si>
    <t>&lt;p&gt;I recently converted some code to ARC, most of of the code I did not write myself, but right now I've been trying for hours to figure this out.&lt;/p&gt;
&lt;p&gt;This code runs good when not on ARC, although it gives some potential leaks when analyzing.&lt;/p&gt;
&lt;p&gt;When I run I get an exception on the third line: poi[i]=[MapPOI alloc], 
but my guess is that the other segment might also cause some trouble.&lt;/p&gt;
&lt;pre&gt;&lt;code&gt;poi = (__strong MapPOI **)malloc(sizeof(MapPOI *) * dbsize);
for (int i = 0; i &amp;lt; dbsize; i++) {
    poi[i] = [MapPOI alloc];
}
poilayer = (__strong CALayer **)malloc( sizeof(CALayer *) * ( dbsize + (extraDB == nil ? 0 : [extraDB count]) ) );
if (extraDB != nil) {
    extraPOI = (__strong MapPOI **)malloc(sizeof(MapPOI *) * [extraDB count]);
    for (int i = 0; i &amp;lt; [extraDB count]; i++) {
        extraPOI[i] = [MapPOI alloc];
    }
}
&lt;/code&gt;&lt;/pre&gt;
&lt;p&gt;Anybody got any ideas on why this might cause trouble?&lt;/p&gt;</t>
  </si>
  <si>
    <t>2012-04-26 09:10:23.710000+00:00</t>
  </si>
  <si>
    <t>2012-04-26 11:08:04.153000+00:00</t>
  </si>
  <si>
    <t>iphone|objective-c|ipad|ios5|automatic-ref-counting</t>
  </si>
  <si>
    <t>Extending a Generic type where T has another Generic Type</t>
  </si>
  <si>
    <t>&lt;p&gt;I have a data model that I use to parse json coming from an API.&lt;/p&gt;
&lt;pre&gt;&lt;code&gt;struct APIResult&amp;lt;Result&amp;gt; {
    public let result: Result?
    ...
}
&lt;/code&gt;&lt;/pre&gt;
&lt;p&gt;This object accepts different result types and I extend it so I can have custom initializers with different logics in it so that my &lt;code&gt;APIService&lt;/code&gt; will not have any boilerplate code.&lt;/p&gt;
&lt;p&gt;These are examples of the extensions that I do so that the initializers would look the same&lt;/p&gt;
&lt;pre&gt;&lt;code&gt;extension APIResult where Result: SomeClass  {
    init(_ json: Any, resultType: Result.Type) {
        ...
    }
}
extension APIResult where Result == SomeStruct  {
    init(_ json: Any, resultType: Result.Type) {
        ...
    }
}
// which then would look like this on the request function somewhere
request.warpResponse {
    completion(APIResult($0, resultType: UserProfile.self))
}
&lt;/code&gt;&lt;/pre&gt;
&lt;p&gt;Now I have a problem when I try to extend &lt;code&gt;APIResult&lt;/code&gt; to an object with its own generic say for example &lt;code&gt;Array&amp;lt;Element&amp;gt;&lt;/code&gt;, when I try to create the extension it would definitely look like this&lt;/p&gt;
&lt;pre&gt;&lt;code&gt;extension APIResult where Result == Array&amp;lt;SomeClass&amp;gt;  {
    init(_ json: Any, resultType: Result.Type) {
        ...
    }
}
&lt;/code&gt;&lt;/pre&gt;
&lt;p&gt;But then when I try to initialize&lt;/p&gt;
&lt;pre&gt;&lt;code&gt;// here's a subclass of SomeClass 
class SubClass: SomeClass { ... }
request.warpResponse {
    completion(APIResult($0, resultType: Array&amp;lt; SubClass &amp;gt;.self))
    // or
    completion(APIServiceResult($0, resultType: [SubClass].self))
}
&lt;/code&gt;&lt;/pre&gt;
&lt;p&gt;An error message would appear saying&lt;/p&gt;
&lt;blockquote&gt;
  &lt;p&gt;Cannot convert value of type 'Array&amp;lt; SubClass &gt;.Type' to expected argument type 'Array&amp;lt; SomeClass&gt;.Type'&lt;/p&gt;
&lt;/blockquote&gt;
&lt;p&gt;or&lt;/p&gt;
&lt;blockquote&gt;
  &lt;p&gt;Cannot convert value of type '[SubClass].Type' to expected argument type 'Array&amp;lt; SomeClass &gt;.Type'&lt;/p&gt;
&lt;/blockquote&gt;
&lt;p&gt;Is there a way to fix this somehow?&lt;/p&gt;</t>
  </si>
  <si>
    <t>2018-05-24 03:48:07.737000+00:00</t>
  </si>
  <si>
    <t>2018-05-24 04:37:13.243000+00:00</t>
  </si>
  <si>
    <t>swift|generics</t>
  </si>
  <si>
    <t>How to plot lines around images in Matplotlib</t>
  </si>
  <si>
    <t>&lt;p&gt;I have two lists with the coordinates of points that I want to draw using matplotlib: hx and hy, and i have a function which draws these points as images: plotImage.&lt;/p&gt;
&lt;p&gt;Now I would like to plot a line between these points, but the line should go somehow around the pictures. It doesn't have to go excctly by the borders of the images, the important thing is that it doesn't overlap with the pictures. &lt;/p&gt;
&lt;p&gt;Here is an example, the green line is what I have now (its the convex hull), and the red line is an example of how the line should look like.
&lt;a href="https://i.stack.imgur.com/72ZRj.png" rel="nofollow noreferrer"&gt;&lt;img src="https://i.stack.imgur.com/72ZRj.png" alt="Example"&gt;&lt;/a&gt;&lt;/p&gt;
&lt;p&gt;Here's my code:&lt;/p&gt;
&lt;pre&gt;&lt;code&gt;def plotImage(xData, yData, im):
    for x, y in zip(xData, yData):
        bb = Bbox.from_bounds(x,y,10,10)
        bb2 = TransformedBbox(bb,ax.transData)
        bbox_image = BboxImage(bb2,
                            norm = None,
                            origin=None,
                            clip_on=False)
        bbox_image.set_data(im)
        ax.add_artist(bbox_image)
fig=plt.figure()
ax=fig.add_subplot(111)
img = plt.imread('pic.png')
gx = list(map(lambda x: x - 5, hx)) #  so the center of the picture is in the point I want to plot 
gy = list(map(lambda y: y - 5, hy)) #(without this, the image is drawn so that the picture's left bottom corner is in my point)
plotImage(gx,gy,img)
plt.plot(hx, hy, 'g-', markersize=10)
&lt;/code&gt;&lt;/pre&gt;
&lt;p&gt;So my question is: how to calculate this red hull?&lt;/p&gt;</t>
  </si>
  <si>
    <t>2017-12-06 23:21:06.090000+00:00</t>
  </si>
  <si>
    <t>2017-12-07 00:28:06.467000+00:00</t>
  </si>
  <si>
    <t>python|matplotlib|convex-hull</t>
  </si>
  <si>
    <t>Scala DSL, Object and infix notation</t>
  </si>
  <si>
    <t>&lt;p&gt;in Scala, if I want to implement a DSL, is there a way to do the following:&lt;/p&gt;
&lt;p&gt;I have an Object called "Draw" which contains the function &lt;code&gt;def draw(d:Drawable)&lt;/code&gt;&lt;/p&gt;
&lt;p&gt;how can I make it so that I can import the Object and call it outside the object like: &lt;/p&gt;
&lt;pre&gt;&lt;code&gt;draw ball
&lt;/code&gt;&lt;/pre&gt;
&lt;p&gt;if ball extends the Drawable trait? The problem is that I want to use draw in a kind of infix notation, but I dont want to qualify the function draw by denoting it's implementing class/object.&lt;/p&gt;</t>
  </si>
  <si>
    <t>2010-05-19 18:40:49.163000+00:00</t>
  </si>
  <si>
    <t>2010-05-19 21:02:04.337000+00:00</t>
  </si>
  <si>
    <t>scala|dsl|scala-2.8|infix-notation</t>
  </si>
  <si>
    <t>ElasticSearch : IN operator query with query_string</t>
  </si>
  <si>
    <t>&lt;p&gt;I want to match records against a query string, so I wrote the following query which is working fine:&lt;/p&gt;
&lt;pre&gt;&lt;code&gt;{
  "query": {
    "query_string": {
      "fields": ["rollno","name"],
        "query": "*John*"
      }
  }
}
&lt;/code&gt;&lt;/pre&gt;
&lt;p&gt;Now, apart from matching the &lt;code&gt;fields&lt;/code&gt;, I want to implement &lt;code&gt;IN&lt;/code&gt; query against another field as well. I tried &lt;a href="https://stackoverflow.com/a/30114975/3913366"&gt;this&lt;/a&gt; query, as:&lt;/p&gt;
&lt;pre&gt;&lt;code&gt;{
"query": {
    "query_string": {
        "fields": ["rollno", "name"],
        "query": "*John*"
    },
    "match": {
        "majorSubject": ["Biology", "Chemistry"]
    }
  }
}
&lt;/code&gt;&lt;/pre&gt;
&lt;p&gt;All I get is &lt;code&gt;search_parse_exception&lt;/code&gt;.&lt;/p&gt;
&lt;p&gt;How to this &lt;code&gt;IN&lt;/code&gt; operation?&lt;/p&gt;</t>
  </si>
  <si>
    <t>2017-07-07 12:32:55.130000+00:00</t>
  </si>
  <si>
    <t>2017-07-08 08:50:16.323000+00:00</t>
  </si>
  <si>
    <t>Testing buffer overflow</t>
  </si>
  <si>
    <t>&lt;p&gt;I've been given a C code file where given the right input a buffer overflow occurs and then root access is granted. This is a Fedora bug using ZShell. In order to test this (security subject) we disabled the random memory address assignment that is enabled in the Linux kernel.&lt;/p&gt;
&lt;p&gt;I'm asked to test different inputs until a segmention fault happens, where the input is  the buffer size. What I don't get is, why should I test with different values? I'm not sure the code will help but I just dont get the point of varying the input.&lt;/p&gt;
&lt;pre&gt;&lt;code&gt;/* vulnerable.c */
#include &amp;lt;stdio.h&amp;gt;
#include &amp;lt;stdlib.h&amp;gt;
#include &amp;lt;string.h&amp;gt;
unsigned char buf[] =
"\x31\xc0" /* xorl %eax,%eax */
"\x50" /* pushl %eax */
"\x68""//sh" /* pushl $0x68732f2f */
"\x68""/bin" /* pushl $0x6e69622f */
"\x89\xe3" /* movl %esp,%ebx */
"\x50" /* pushl %eax */
"\x53" /* pushl %ebx */
"\x89\xe1" /* movl %esp,%ecx */
"\x99" /* cdql */
"\xb0\x0b" /* movb $0x0b,%al */
"\xcd\x80" /* int $0x80 */
;
/* -------------------------------------------------- */
void vuln(char * buf)
{
    char a[16] = { 0 };
    strcpy(a, buf);
}
int main(int argc, char * argv[])
{
    int *ret;
    if (argc != 2)
    {
        printf("Usage: %s &amp;lt;input&amp;gt;\n", argv[0]);
        exit(1);
    }
    vuln(argv[1]);
    printf("%p\n", buf);
    return 0;
}
&lt;/code&gt;&lt;/pre&gt;</t>
  </si>
  <si>
    <t>2012-05-10 18:28:04.193000+00:00</t>
  </si>
  <si>
    <t>2012-10-01 18:33:13.960000+00:00</t>
  </si>
  <si>
    <t>c|security|buffer-overflow</t>
  </si>
  <si>
    <t>iPhone Core Data problem</t>
  </si>
  <si>
    <t>&lt;p&gt;This is my first project with Core Data, I followed the Event tutorial provided by Apple that helped me to understand the basic of core data in iPhone.&lt;/p&gt;
&lt;p&gt;But now, working over my project, I've a problem adding data into my database.&lt;/p&gt;
&lt;p&gt;When i create an object and set the data, if I try to get it back, the system returns me a strange sequence of characters.&lt;/p&gt;
&lt;p&gt;This is what i see in log if I try to log it:&lt;/p&gt;
&lt;pre&gt;&lt;code&gt;2010-05-11 00:16:43.523 FG[2665:207] Package: ���}00��
2010-05-11 00:16:43.525 FG[2665:207] Package: ���}00��
2010-05-11 00:16:43.526 FG[2665:207] Package: ���}00��
2010-05-11 00:16:43.527 FG[2665:207] Package: ���}00��
2010-05-11 00:16:43.527 FG[2665:207] Package: ���}00��
2010-05-11 00:16:43.527 FG[2665:207] Items: 5
&lt;/code&gt;&lt;/pre&gt;
&lt;p&gt;What kind of problem could be this?&lt;/p&gt;
&lt;p&gt;Edit:&lt;/p&gt;
&lt;p&gt;This is the part of the code that generate the error:&lt;/p&gt;
&lt;pre&gt;&lt;code&gt;package = (Package *)[NSEntityDescription insertNewObjectForEntityForName:@"Package" inManagedObjectContext:moc];
    theNodes = [doc nodesForXPath:@"//pack" error:&amp;amp;error];
    for (CXMLElement *theElement in theNodes)
    {       
        // Create a counter variable as type "int"
        int counter;
        // Loop through the children of the current  node
        for(counter = 0; counter &amp;lt; [theElement childCount]; counter++) {
            if([[[theElement childAtIndex:counter] name] isEqualToString: @"id"])
                [package setIdPackage:[[theElement childAtIndex:counter] stringValue]];
            if([[[theElement childAtIndex:counter] name] isEqualToString: @"title"])
                [package setPackageTitle:[[theElement childAtIndex:counter] stringValue]];
            if([[[theElement childAtIndex:counter] name] isEqualToString: @"category"])
                [package setCategory:[[theElement childAtIndex:counter] stringValue]];
            if([[[theElement childAtIndex:counter] name] isEqualToString: @"lang"])
                [package setLang:[[theElement childAtIndex:counter] stringValue]];
            if([[[theElement childAtIndex:counter] name] isEqualToString: @"number"]) {
                NSNumberFormatter * f = [[NSNumberFormatter alloc] init];
                [f setNumberStyle:NSNumberFormatterDecimalStyle];
                NSNumber * myNumber = [f numberFromString:[[theElement childAtIndex:counter] stringValue]];
                [f release];                
                [package setNumber:myNumber];
            }
        }
    }
    NSLog([NSString stringWithFormat:@"=== %s ===\nID: %s\nCategory: %s\nLanguage: %s",[package packageTitle], [package idPackage] ,[package category],[package lang]]);
&lt;/code&gt;&lt;/pre&gt;</t>
  </si>
  <si>
    <t>2010-05-10 22:25:25.907000+00:00</t>
  </si>
  <si>
    <t>2010-05-18 15:45:08.037000+00:00</t>
  </si>
  <si>
    <t>2010-05-17 20:16:19.260000+00:00</t>
  </si>
  <si>
    <t>iphone|core-data</t>
  </si>
  <si>
    <t>Why are flip and flip(:) different functions in Haskell?</t>
  </si>
  <si>
    <t>&lt;pre&gt;&lt;code&gt;Prelude&amp;gt; :t flip
flip :: (a -&amp;gt; b -&amp;gt; c) -&amp;gt; b -&amp;gt; a -&amp;gt; c
Prelude&amp;gt; :t flip(:)
flip(:) :: [a] -&amp;gt; a -&amp;gt; [a]
&lt;/code&gt;&lt;/pre&gt;
&lt;p&gt;I don't think &lt;code&gt;(:)&lt;/code&gt; is a special syntactic sugar for &lt;code&gt;flip&lt;/code&gt;. So what has it done to &lt;code&gt;flip&lt;/code&gt;?&lt;/p&gt;</t>
  </si>
  <si>
    <t>2018-08-03 09:45:08.400000+00:00</t>
  </si>
  <si>
    <t>2018-08-03 10:00:45.780000+00:00</t>
  </si>
  <si>
    <t>How do I add/modify the bundle loader setting in Xcode 4.6.2?</t>
  </si>
  <si>
    <t>&lt;p&gt;I'm new to iOS development and I'm running into a bit of a problem. I've inherited an app that's about 70% complete, but there's no tests. I want to add a unit testing target to my Xcode project (v4.6.2) and integrate it so it runs when I press &lt;code&gt;cmd+u&lt;/code&gt;.&lt;/p&gt;
&lt;p&gt;I have successfully added a new unit testing target. The next instruction says to modify the "bundle loader" setting under "build settings" -&gt; "linker". The problem is that the "bundle loader" setting is blank and clicking in the row does not show the +/- buttons to add the setting.&lt;/p&gt;
&lt;p&gt;How do I modify my bundle loader setting to set up my newly created test target to run with &lt;code&gt;cmd+u&lt;/code&gt;?&lt;/p&gt;</t>
  </si>
  <si>
    <t>2013-05-13 01:57:21.660000+00:00</t>
  </si>
  <si>
    <t>2018-11-20 17:03:36.370000+00:00</t>
  </si>
  <si>
    <t>xcode|unit-testing|configuration</t>
  </si>
  <si>
    <t>Split a VARCHAR in DB2 to retrieve a value inside</t>
  </si>
  <si>
    <t>&lt;p&gt;I have a &lt;code&gt;VARCHAR&lt;/code&gt; column that contains 5 informations (2 &lt;code&gt;CHAR(3)&lt;/code&gt; and 3 &lt;code&gt;TIMESTAMP&lt;/code&gt;) separated with '&lt;code&gt;$&lt;/code&gt;'. &lt;/p&gt;
&lt;pre&gt;&lt;code&gt;CREATE TABLE MYTABLE (
  COL VARCHAR(256) NOT NULL
);
INSERT INTO MYTABLE 
VALUES
    ( 'AAA$000$2009-10-10 10:50:00$null$null$null' ),
    ( 'AAB$020$2007-04-10 10:50:00$null$null$null' ),
    ( 'AAC$780$null$2007-04-10 10:50:00$2009-04-10 10:50:00$null' )
;
&lt;/code&gt;&lt;/pre&gt;
&lt;p&gt;I would like to extract the 4th field ...&lt;/p&gt;
&lt;pre&gt;&lt;code&gt;'AAA$000$2009-10-10 10:50:00$null$null$null'
                             ^^^^ this field
&lt;/code&gt;&lt;/pre&gt;
&lt;p&gt;... to have something like&lt;/p&gt;
&lt;pre&gt;&lt;code&gt;SELECT SPLIT(COL, '$', 4) FROM MYTABLE
1
-----
'null'
'null'
'2009-04-10 10:50:00'
&lt;/code&gt;&lt;/pre&gt;
&lt;p&gt;I'm searching, in that order : &lt;/p&gt;
&lt;ol&gt;
&lt;li&gt;A DB2 build-in string function&lt;/li&gt;
&lt;li&gt;An &lt;em&gt;embeddable&lt;/em&gt; statement such as &lt;code&gt;SUBSTR(COL, POSSTR(COL)+1)...&lt;/code&gt;&lt;/li&gt;
&lt;li&gt;An user defined function that behaves like &lt;code&gt;SPLIT&lt;/code&gt;&lt;/li&gt;
&lt;/ol&gt;
&lt;p&gt;Precision : Yes, I &lt;strong&gt;do&lt;/strong&gt; know that it's not a good idea to have such columns...&lt;/p&gt;</t>
  </si>
  <si>
    <t>2009-08-20 12:20:11.987000+00:00</t>
  </si>
  <si>
    <t>2017-05-30 17:35:43.597000+00:00</t>
  </si>
  <si>
    <t>sql|string|db2|split</t>
  </si>
  <si>
    <t>Cassandra ASP.NET Connection Pooling</t>
  </si>
  <si>
    <t>&lt;p&gt;I need to implement a connection pooling mechanism for a .Net 4.5 web application that uses &lt;a href="http://cassandra.apache.org/" rel="nofollow"&gt;Cassandra&lt;/a&gt; and &lt;a href="https://github.com/pchalamet/cassandra-sharp" rel="nofollow"&gt;cassandra-sharp&lt;/a&gt; for data storage and data access respectively. I can see two standard options (ignoring Spring.Net for now):&lt;/p&gt;
&lt;ul&gt;
&lt;li&gt;Implement the &lt;a href="http://msdn.microsoft.com/en-us/library/system.data.common.dbconnection.aspx" rel="nofollow"&gt;System.Data&lt;/a&gt; classes&lt;/li&gt;
&lt;li&gt;&lt;a href="http://msdn.microsoft.com/en-us/library/ff7105zk%28v=vs.80%29.aspx" rel="nofollow"&gt;COM+ Object Pooling&lt;/a&gt;&lt;/li&gt;
&lt;/ul&gt;
&lt;p&gt;So:&lt;/p&gt;
&lt;ol&gt;
&lt;li&gt;What would you recommend? System.Data seems like a pain and a bit of a black box but COM+ seems legacy? Would Spring.Net &lt;a href="http://www.springframework.net/doc-latest/reference/html/pool.html" rel="nofollow"&gt;object pooling&lt;/a&gt; be a better option?&lt;/li&gt;
&lt;li&gt;If I implement System.Data and use connection strings do I just work out which classes I need to implement by following the properties and methods in DbConnection? Or are there more setup stages e.g. special connection strings.&lt;/li&gt;
&lt;li&gt;I need to ensure that there's strictly only ever a single reused connection in the pool and that it's capable of being accessed asynchronously. Is that a connection string setting for System.Data and is asynchronous access even possible with either approach?&lt;/li&gt;
&lt;li&gt;There are large parts of System.Data that are relevant only to relational databases e.g. transactions. Which is least likely to break pooling when implementing not supported methods and properties: throwing a NotSupportedException or stubbing them?&lt;/li&gt;
&lt;/ol&gt;</t>
  </si>
  <si>
    <t>2013-10-14 15:50:13.550000+00:00</t>
  </si>
  <si>
    <t>2013-10-15 17:57:35.293000+00:00</t>
  </si>
  <si>
    <t>c#|asp.net|.net|cassandra</t>
  </si>
  <si>
    <t>Only enable RequiredFieldValidator when parent element is visible?</t>
  </si>
  <si>
    <t>&lt;p&gt;I have an asp.net webform with a few Panels that each have several textboxes inside of it.  I am currently hiding or displaying the panel using jQuery based on which item in a DropDownList is selected.  &lt;/p&gt;
&lt;p&gt;I have run into an issue where the required field validator is still firing even when the elements it is attached to is not showing because it's parent panel has &lt;code&gt;display: none&lt;/code&gt;.  &lt;/p&gt;
&lt;p&gt;Is there any way to disable the RequiredFieldValidator when the element it is attached to is not showing because of CSS?  &lt;/p&gt;
&lt;p&gt;I know that if set Visible=false on the server side the elements wouldn't render at all, but I would prefer to keep the show/hide logic on the client side for user experience reasons.&lt;/p&gt;</t>
  </si>
  <si>
    <t>2013-03-06 17:38:36.767000+00:00</t>
  </si>
  <si>
    <t>2013-03-06 17:49:28.933000+00:00</t>
  </si>
  <si>
    <t>c#|asp.net|css|validation</t>
  </si>
  <si>
    <t>Add option and select that option with jQuery</t>
  </si>
  <si>
    <t>&lt;p&gt;I am using jquery to append options to a select after receiving data from database.
And I cant select dynamically that option using jquery.
Any suggest?&lt;/p&gt;
&lt;p&gt;add option:&lt;/p&gt;
&lt;pre&gt;&lt;code&gt;$('#localidade').append($("&amp;lt;option&amp;gt;&amp;lt;/option&amp;gt;")
                .attr("value",14)
                .text(obj["NAME"]));
&lt;/code&gt;&lt;/pre&gt;
&lt;p&gt;Select option:&lt;/p&gt;
&lt;pre&gt;&lt;code&gt;$("#localidade").val(14);
&lt;/code&gt;&lt;/pre&gt;</t>
  </si>
  <si>
    <t>2017-05-21 23:51:48.600000+00:00</t>
  </si>
  <si>
    <t>2017-05-22 00:24:58.327000+00:00</t>
  </si>
  <si>
    <t>2017-05-21 23:58:31.783000+00:00</t>
  </si>
  <si>
    <t>WPF behaviour not working properly</t>
  </si>
  <si>
    <t>&lt;p&gt;I was trying to create a wpf behaviour.What I do is look for the keystrokes &lt;code&gt;OemPeriod&lt;/code&gt;,&lt;code&gt;Decimal&lt;/code&gt; , &lt;code&gt;backspace&lt;/code&gt; and &lt;code&gt;delete&lt;/code&gt;. If the string in the textbox is &lt;code&gt;101.55&lt;/code&gt;, and the user presses the Decimal or OemPeriod by moving the cursor back to 10, it will remove the string 1 after 10 and the string will become &lt;code&gt;10.55&lt;/code&gt; . &lt;/p&gt;
&lt;p&gt;That part is working as intended. but the real problem is with the &lt;code&gt;back (backspace)&lt;/code&gt; and &lt;code&gt;Delete&lt;/code&gt; keys. &lt;/p&gt;
&lt;p&gt;If the text in the textbox is &lt;code&gt;10.55&lt;/code&gt; and the cursor is after the &lt;code&gt;.&lt;/code&gt; (caret index= 2) and the user presses backspace, the caret is  shifting its position by -1(before the decimal) and it is adding the &lt;code&gt;55&lt;/code&gt; after the caret position and the text becomes &lt;code&gt;1055.00&lt;/code&gt;and the same happens for the &lt;code&gt;Delete&lt;/code&gt;key.&lt;/p&gt;
&lt;p&gt;&lt;strong&gt;the text is formatted using &lt;code&gt;StringFormat={}{0:#.00}&lt;/code&gt;&lt;/strong&gt;&lt;/p&gt;
&lt;p&gt;Here is my code, can anyone tell me what's wrong?&lt;/p&gt;
&lt;pre&gt;&lt;code&gt;public class DecimalWatchingBehaviour : Behavior&amp;lt;UIElement&amp;gt; 
{
     protected override void OnAttached() 
     {
        base.OnAttached();
        TextBox t = AssociatedObject as TextBox;
        if (t != null) 
        {
            t.PreviewKeyUp += shiftCaretPosition;
        }
     }
    protected override void OnDetaching()
    {
        base.OnDetaching();
        TextBox t = AssociatedObject as TextBox;
        if (t != null) 
        {
            t.PreviewKeyUp -= shiftCaretPosition;
        }
    }
    private void shiftCaretPosition(object sender, KeyEventArgs args) 
    {
        TextBox t = sender as TextBox;
        if (t == null) return;
        string txt = t.Text;
        if (!txt.Contains(".")) 
        {
            return;
        }
        int index = txt.IndexOf(".", StringComparison.Ordinal);
        int caretIndex = t.CaretIndex;
        if ((args.Key == Key.OemPeriod || args.Key == Key.Decimal)) 
        {
            t.Text = t.Text.Remove(t.CaretIndex, index);
            t.CaretIndex = t.Text.IndexOf(".", StringComparison.Ordinal) + 1;
        } else if (args.Key == Key.Back &amp;amp;&amp;amp; txt.Substring(caretIndex &amp;lt; index ? caretIndex : index,
            caretIndex &amp;lt; index ? index - caretIndex : caretIndex - index) == ".") 
        {
            t.CaretIndex = index - 1;
        } else if (args.Key == Key.Delete &amp;amp;&amp;amp; txt.Substring(caretIndex &amp;lt; index ? caretIndex : index,
            caretIndex &amp;lt; index ? index - caretIndex : caretIndex - index) == ".") 
        {
            t.CaretIndex = index + 1;
        }
    }
}
&lt;/code&gt;&lt;/pre&gt;
&lt;p&gt;Here is the xaml namespace declaration&lt;/p&gt;
&lt;pre&gt;&lt;code&gt;xmlns:behaviour="clr-namespace:Utils.UI.Input.Behaviour;assembly=Utils"
&amp;lt;UserControl.Resources&amp;gt;        
        &amp;lt;behaviour:DecimalWatchingBehaviour x:Key="decimalWatchingBehaviour" /&amp;gt;
&amp;lt;/UserControl.Resources&amp;gt;
&lt;/code&gt;&lt;/pre&gt;
&lt;p&gt;And the textbox in xaml&lt;/p&gt;
&lt;pre&gt;&lt;code&gt;&amp;lt;TextBox
        Margin="5"
        Text="{Binding NewBatch.Cess,
               Mode=TwoWay,
               UpdateSourceTrigger=PropertyChanged,
               StringFormat={}{0:#.00}}" &amp;gt;
        &amp;lt;i:Interaction.Behaviors&amp;gt;
            &amp;lt;behaviour:DecimalWatchingBehaviour/&amp;gt;
        &amp;lt;/i:Interaction.Behaviors&amp;gt;
&amp;lt;/TextBox&amp;gt;
&lt;/code&gt;&lt;/pre&gt;</t>
  </si>
  <si>
    <t>2016-03-01 18:19:21.863000+00:00</t>
  </si>
  <si>
    <t>2016-03-05 02:15:54.353000+00:00</t>
  </si>
  <si>
    <t>c#|wpf|attachedbehaviors</t>
  </si>
  <si>
    <t>Having a BOF or EOF error, after call recordCount</t>
  </si>
  <si>
    <t>&lt;p&gt;I have to call &lt;code&gt;recordCount&lt;/code&gt; function to get the count of recordset.
But once I call &lt;code&gt;recordCount&lt;/code&gt; function, the recordset is out of control.&lt;/p&gt;
&lt;pre&gt;&lt;code&gt;...
Dim objRootDSE, strDNSDomain, adoCommand, adoConnection
Set adoCommand = CreateObject("ADODB.Command")
'Set adoRecordset = adoCommand.Execute
Set adoRecordset = Server.CreateObject ("ADODB.Recordset") 
adoRecordset.cursorType = 3
adoRecordset.CursorLocation = adUseClient 
adoRecordset = adoCommand.Execute
...
totalcnt = adoRecordset.recordCount
If totalcnt &amp;gt; 0 Then 
...
    Do until adoRecordset.EOF
        ' Retrieve values... But it fails because it seems adoRecordset is in EOF
        ...
&lt;/code&gt;&lt;/pre&gt;
&lt;p&gt;So I use &lt;code&gt;movefirst&lt;/code&gt; and try to retrieve values.&lt;/p&gt;
&lt;pre&gt;&lt;code&gt;If adoRecordset.recordCount &amp;gt; 0 Then 
                                            adoRecordset.movefirst
    ...
&lt;/code&gt;&lt;/pre&gt;
&lt;p&gt;But it occurs an error(below is translated by google)&lt;/p&gt;
&lt;pre&gt;&lt;code&gt;ADODB.Recordset ������ '800a0bcd' 
BOF or EOF is True, or the current record has been deleted. Requested operation requires a current record.
&lt;/code&gt;&lt;/pre&gt;
&lt;p&gt;If I didn't call &lt;code&gt;recordCount&lt;/code&gt;, there's no problem. But I should know the count of record.&lt;/p&gt;
&lt;p&gt;The whole code is :&lt;/p&gt;
&lt;pre&gt;&lt;code&gt;    &amp;lt;%
'On Error Resume next
 Dim objRootDSE, strDNSDomain, adoCommand, adoConnection
 Dim strBase, strFilter, strAttributes, strQuery, adoRecordset
 Dim strDN, strUser, strPassword, objNS, strServer
 Dim name,company,physicalDeliveryOfficeName
 Const ADS_SECURE_AUTHENTICATION = 1
 Const ADS_SERVER_BIND = 0
 ' Specify a server (Domain Controller).
 strServer = "my_ad_server_domain"
 ' Specify or prompt for credentials.
 strUser = "my_account"
 strPassword = "my_passwrd"
 ' Determine DNS domain name. Use server binding and alternate
 ' credentials. The value of strDNSDomain can also be hard coded.
 Set objNS = GetObject("LDAP:")
 Set objRootDSE = objNS.OpenDSObject("LDAP://" &amp;amp; strServer &amp;amp; "/RootDSE", _
      strUser, strPassword, _
      ADS_SERVER_BIND Or ADS_SECURE_AUTHENTICATION)
 strDNSDomain = objRootDSE.Get("defaultNamingContext")
 ' Use ADO to search Active Directory.
 ' Use alternate credentials.
 Set adoCommand = CreateObject("ADODB.Command")
 Set adoConnection = CreateObject("ADODB.Connection")
 adoConnection.Provider = "ADsDSOObject"
 adoConnection.Properties("User ID") = strUser
 adoConnection.Properties("Password") = strPassword
 adoConnection.Properties("Encrypt Password") = True
 adoConnection.Properties("ADSI Flag") = ADS_SERVER_BIND _
      Or ADS_SECURE_AUTHENTICATION
 adoConnection.Open "Active Directory Provider"
 Set adoCommand.ActiveConnection = adoConnection
 ' Search entire domain. Use server binding.
 strBase = "&amp;lt;LDAP://" &amp;amp; strServer &amp;amp; "/" &amp;amp; strDNSDomain &amp;amp; "&amp;gt;"
 ' Search for all users.
 strFilter = "(&amp;amp;(objectCategory=user)(ExADObjectStatus=10)(samaccountname=*"&amp;amp;"my_search_value"&amp;amp;"*))"
 ' Comma delimited list of attribute values to retrieve.
 strAttributes = "name,company,physicalDeliveryOfficeName"
 ' Construct the LDAP query.
 strQuery = strBase &amp;amp; ";" &amp;amp; strFilter &amp;amp; ";" _
      &amp;amp; strAttributes &amp;amp; ";subtree"
 ' Run the query.
 adoCommand.CommandText = strQuery
 adoCommand.Properties("Page Size") = 100
 adoCommand.Properties("Timeout") = 60
 adoCommand.Properties("Cache Results") = False
 Set adoRecordset = adoCommand.Execute
if not adoRecordset.EOF then 
    totalcnt = adoRecordset.recordCount 
    If totalcnt &amp;gt; 0 Then  
    Response.write 111
        Do until adoRecordset.EOF
            name = adoRecordset.Fields("name").Value
              company = adoRecordset.Fields("company").Value
              physicalDeliveryOfficeName = adoRecordset.Fields("physicalDeliveryOfficeName").Value
              Response.Write name &amp;amp; "&amp;lt;br/&amp;gt;"
              Response.Write company &amp;amp; "&amp;lt;br/&amp;gt;"
              Response.Write physicalDeliveryOfficeName
              adoRecordset.MoveNext
        Loop 
    end if 
end if 
 ' Clean up.
 adoRecordset.Close
 adoConnection.Close 
%&amp;gt;
&lt;/code&gt;&lt;/pre&gt;
&lt;p&gt;&lt;strong&gt;It shows only one result of record.&lt;/strong&gt;&lt;/p&gt;</t>
  </si>
  <si>
    <t>2012-10-15 08:02:56.643000+00:00</t>
  </si>
  <si>
    <t>2012-10-18 08:30:08.777000+00:00</t>
  </si>
  <si>
    <t>2012-10-15 08:31:32.397000+00:00</t>
  </si>
  <si>
    <t>asp-classic|vbscript</t>
  </si>
  <si>
    <t>Migratordotnet creating initial migration</t>
  </si>
  <si>
    <t>&lt;p&gt;I'm trying to use &lt;a href="http://code.google.com/p/migratordotnet/" rel="nofollow"&gt;migratordotnet&lt;/a&gt; for existing database. My database has around 100 tables and I'm trying to generate initial migration. &lt;/p&gt;
&lt;p&gt;I've tried using&lt;/p&gt;
&lt;pre&gt;&lt;code&gt;C:\migrations&amp;gt;Migrator.Console.exe SqlServer "Data Source=.\sqlexpress;Initial Catalog=my_database;Integrated Security = True;" MigracijeBaze.dll -dump InitialMigration.cs
&lt;/code&gt;&lt;/pre&gt;
&lt;p&gt;Unfortinutely, generated migration has every column with typeof(string). Int, DateTime, Decimal columns are converted to string. 
For example, for table Godine&lt;/p&gt;
&lt;pre&gt;&lt;code&gt;CREATE TABLE [dbo].[Godine](
    [ID] [int] IDENTITY(1,1) NOT NULL,
    [FirmaID] [nvarchar](2) NOT NULL,
    [Godina] [int] NOT NULL,
    [BazaSifri] [nvarchar](50) NOT NULL,
    [BazaPodataka] [nvarchar](50) NOT NULL,
 CONSTRAINT [PK_Godine] PRIMARY KEY CLUSTERED 
(
    [ID] ASC
)WITH (PAD_INDEX  = OFF, STATISTICS_NORECOMPUTE  = OFF, IGNORE_DUP_KEY = OFF, ALLOW_ROW_LOCKS  = ON, ALLOW_PAGE_LOCKS  = ON) ON [PRIMARY]
) ON [PRIMARY]
&lt;/code&gt;&lt;/pre&gt;
&lt;p&gt;is generated migration&lt;/p&gt;
&lt;pre&gt;&lt;code&gt;Database.AddTable("Godine",
    new Column("ID", typeof(String)),
    new Column("FirmaID", typeof(String)),
    new Column("Godina", typeof(String)),
    new Column("BazaSifri", typeof(String)),
    new Column("BazaPodataka", typeof(String)),
);
&lt;/code&gt;&lt;/pre&gt;
&lt;p&gt;Am I doing something wrong? What are the best practices for doing initial migrations?&lt;/p&gt;</t>
  </si>
  <si>
    <t>2010-11-05 07:43:30.023000+00:00</t>
  </si>
  <si>
    <t>2010-11-05 12:36:12.433000+00:00</t>
  </si>
  <si>
    <t>c#|database|database-migration|migratordotnet</t>
  </si>
  <si>
    <t>Java combining two text files</t>
  </si>
  <si>
    <t>&lt;p&gt;I have an assignment for my Java class which asks me to combine two text files. &lt;/p&gt;
&lt;p&gt;This is the code I have up until now. &lt;/p&gt;
&lt;pre&gt;&lt;code&gt;import java.io.BufferedReader;
import java.io.BufferedWriter;
import java.io.FileReader;
import java.io.FileWriter;
import java.io.IOException;
import java.util.ArrayList;
public class CombineTwoFile {
    public static void main(String[] args) throws IOException
    {
        ArrayList&amp;lt;String&amp;gt; list = new ArrayList&amp;lt;String&amp;gt;();
        try
        {
            BufferedReader br = new BufferedReader(new FileReader( "A.txt"));
            BufferedReader r = new BufferedReader(new FileReader( "B.txt"));
            String s1 =null;
            String s2 = null;
            while ((s1 = br.readLine()) != null)
            {
                list.add(s1);        
            }
            while((s2 = r.readLine()) != null)
            {
                list.add(s2);
            }
        }
        catch (IOException e)
        {
            e.printStackTrace();
        }
        BufferedWriter writer=null;
        writer = new BufferedWriter(new FileWriter("B.txt"));
        String listWord;              
        for (int i = 0; i&amp;lt; list.size(); i++)
        {
            listWord = list.get(i);
            writer.write(listWord);
            writer.write("\n");
        }
        System.out.println("completed");
        writer.close();    
    }
}
&lt;/code&gt;&lt;/pre&gt;
&lt;p&gt;Now, when I compile it, i receive this message.&lt;/p&gt;
&lt;pre&gt;&lt;code&gt;java.io.FileNotFoundException: A.txt (No such file or directory)
at java.io.FileInputStream.open(Native Method)
at java.io.FileInputStream.&amp;lt;init&amp;gt;(FileInputStream.java:120)
at java.io.FileInputStream.&amp;lt;init&amp;gt;(FileInputStream.java:79)
at java.io.FileReader.&amp;lt;init&amp;gt;(FileReader.java:41)
at CombineTwoFile.main(CombineTwoFile.java:15)
completed
&lt;/code&gt;&lt;/pre&gt;
&lt;p&gt;I am using Coderunner on an Apple computer and i thought perhaps writing the text files as "C:/Users/dell/Desktop/Test/input1.txt" may fix the problem, however i am unsure on how to write that to correspond to my hard drive. Thanks for taking a look and i appreciate any help. &lt;/p&gt;</t>
  </si>
  <si>
    <t>2016-10-10 17:36:16.477000+00:00</t>
  </si>
  <si>
    <t>2016-10-11 00:06:51.873000+00:00</t>
  </si>
  <si>
    <t>Give dynamic color to a ImageButton using svg resource as background</t>
  </si>
  <si>
    <t>&lt;p&gt;I have a svg icon imported to android studio.&lt;/p&gt;
&lt;p&gt;The svg is basically a heart with a hard coded color.&lt;/p&gt;
&lt;p&gt;I wish to set the color of this heart dynamically to any RGB value.&lt;/p&gt;
&lt;p&gt;But it looks like ImageButton only has a "setBackgroundTint" method that takes a ColorStateList which only takes color resource.&lt;/p&gt;
&lt;p&gt;Is there anyway for me to use Color.rgb() to set the color for my image?&lt;/p&gt;</t>
  </si>
  <si>
    <t>2017-11-03 02:53:19.410000+00:00</t>
  </si>
  <si>
    <t>2017-11-03 03:22:24.297000+00:00</t>
  </si>
  <si>
    <t>android|colors</t>
  </si>
  <si>
    <t>jQuery UI datepicker doesn't close on the iPad</t>
  </si>
  <si>
    <t>&lt;p&gt;The datepicker usually works on the PC, but not in iPad's browser. In &lt;code&gt;beforeShow&lt;/code&gt;, I add the button to close:&lt;/p&gt;
&lt;pre&gt;&lt;code&gt;var headerPane = $("#ui-datepicker-div");
headerPane.append("&amp;lt;a href='javascript:void(0);' class='close-datepicker'&amp;gt;");
&lt;/code&gt;&lt;/pre&gt;
&lt;p&gt;Close:&lt;/p&gt;
&lt;pre&gt;&lt;code&gt;closeDatePicker: function(){
    $.datepicker._hideDatepicker();
} ...
&lt;/code&gt;&lt;/pre&gt;
&lt;p&gt;In events have the click:&lt;/p&gt;
&lt;pre&gt;&lt;code&gt;Events: function(){
  $('body').on('click', '.close-datepicker' this.closeDatePicker)
}
&lt;/code&gt;&lt;/pre&gt;
&lt;p&gt;I've tried with &lt;code&gt;.datepicker("hide")&lt;/code&gt; and also nothing.&lt;/p&gt;</t>
  </si>
  <si>
    <t>2015-04-13 12:45:47.360000+00:00</t>
  </si>
  <si>
    <t>2016-03-16 21:31:27.493000+00:00</t>
  </si>
  <si>
    <t>javascript|jquery|jquery-ui|datepicker</t>
  </si>
  <si>
    <t>Uploading files to parse keep restarting and then fail?</t>
  </si>
  <si>
    <t>&lt;p&gt;please help I'm stuck for four days in that problem!
I'm trying to upload pdf files to parse, but it restarting when it reach 100% and after some tries failing and give that exception:&lt;/p&gt;
&lt;blockquote&gt;
  &lt;p&gt;com.parse.ParseRequest$ParseRequestException: i/o failure&lt;/p&gt;
&lt;/blockquote&gt;
&lt;p&gt;but it sometimes working for some files.&lt;/p&gt;
&lt;p&gt;there is my code.&lt;/p&gt;
&lt;pre&gt;&lt;code&gt;public class MainActivity extends AppCompatActivity {
    public static final String TAG = MainActivity.class.getSimpleName();
    @Override
    protected void onCreate(Bundle savedInstanceState) {
        super.onCreate(savedInstanceState);
        setContentView(R.layout.activity_main);
        Toolbar toolbar = (Toolbar) findViewById(R.id.toolbar);
        setSupportActionBar(toolbar);
        FloatingActionButton fab = (FloatingActionButton) findViewById(R.id.fab);
        fab.setOnClickListener(new View.OnClickListener() {
            @Override
            public void onClick(View view) {
                Intent choosePhotoIntent = new Intent(Intent.ACTION_GET_CONTENT);
                choosePhotoIntent.setType("pdf/*");
                startActivityForResult(choosePhotoIntent, 1);
            }
        });
    }
    @Override
    protected void onActivityResult(int requestCode, int resultCode, Intent data) {
        super.onActivityResult(requestCode, resultCode, data);
        if (resultCode == RESULT_OK) {
            if (requestCode == 1) {
                Log.d(TAG, "onActivityResult() returned: ");
                Uri pdfUri = data.getData();
                byte[] fileBytes = FileHelper.getByteArrayFromFile(this, pdfUri);
                //replace spaces with "_" because parse don't   accept file name with spaces.
                String fileName = pdfUri.getLastPathSegment().replaceAll("\\s+", "_");
                Log.d(TAG, "pdf uri: " + pdfUri);
                Log.d(TAG, "pdf fileName: " + fileName);
                ParseObject parseObject = new ParseObject("bigPdf");
                ParseFile parseFile = new ParseFile("fileName", fileBytes);
                parseObject.put("pdf", parseFile);
                parseFile.saveInBackground(new SaveCallback() {
                    @Override
                    public void done(ParseException e) {
                        if (e == null) {
                            Log.d(TAG, "done ");
                        } else {
                            Log.e(TAG, "done: ", e);
                        }
                    }
                }, new ProgressCallback() {
                    @Override
                    public void done(Integer percentDone) {
                        Log.d(TAG, "done " + percentDone);
                    }
                });
                parseObject.saveInBackground(new SaveCallback() {
                    @Override
                    public void done(ParseException e) {
                        if (e == null) {
                            Log.d(TAG, "done ");
                        } else {
                            Log.e(TAG, "done: ", e);
                        }
                    }
                });
            }
        }
    }
}
&lt;/code&gt;&lt;/pre&gt;</t>
  </si>
  <si>
    <t>2015-09-21 21:19:13.250000+00:00</t>
  </si>
  <si>
    <t>2016-01-04 21:45:18.050000+00:00</t>
  </si>
  <si>
    <t>2015-09-22 14:33:12.807000+00:00</t>
  </si>
  <si>
    <t>android|parse.com</t>
  </si>
  <si>
    <t>Async axios dont run promise using NODEJS</t>
  </si>
  <si>
    <t>&lt;p&gt;I'm developing a multiplayer game using &lt;em&gt;vue&lt;/em&gt; at client side and &lt;em&gt;nojejs&lt;/em&gt; as game server (I'm using &lt;code&gt;vue-sockets.io&lt;/code&gt; to communicate clients and server).
when I create the game instance on the node side, it will have tiles and hidden (both arrays of images coming from an api). For this is used the axios, the problem is that the created game is returned to the client before running the axios. So the client will get the game without the images.&lt;/p&gt;
&lt;pre&gt;&lt;code&gt;createGame(playerName, socketID, boardSize) {
    this.contadorID = this.contadorID+1;
        var game = new MemoryGame(this.contadorID, playerName, boardSize);
        new Promise(function(resolve, reject) {
            console.log("a");
            game.getTiles().then(response=&amp;gt;{
                console.log("getTiles");
        game.tiles = game.getRandomNPieces(response.data.data, game.board.length/2);
                console.log(game.tiles);
      }).catch(function (error) {
        console.log(error);
      });
            console.log('=&amp;gt;' + game.tiles);
        }).then(function(result) { // (***)
            console.log("b");
          game.getHidden().then(response=&amp;gt;{
        game.hidden = game.getRandomHidden(response.data.data);
      }).catch(function (error) {
        console.log(error);
      });
        }).catch(function (error) {
            console.log(error);
        });
    game.player1SocketID = socketID;
    this.games.set(game.gameID, game);
    return game;
}
&lt;/code&gt;&lt;/pre&gt;
&lt;p&gt;&lt;img src="https://i.stack.imgur.com/4fvuP.png" alt="Print with logs"&gt;&lt;/p&gt;
&lt;p&gt;The program never reaches the second axios call.
The gameList log comes from the game that is returned to the user.&lt;/p&gt;
&lt;p&gt;Game instance in client 1 (who created the game): 
&lt;img src="https://i.stack.imgur.com/1L8zg.png" alt="Game instance in client 1 (who created the game)"&gt;&lt;/p&gt;
&lt;p&gt;Game instance in client 2 (the game is in lobby and already have the tiles):
&lt;img src="https://i.stack.imgur.com/McMt8.png" alt="Game instance in client 2 (the game is in lobby and already have the tiles)"&gt;&lt;/p&gt;</t>
  </si>
  <si>
    <t>2017-12-29 14:39:40.157000+00:00</t>
  </si>
  <si>
    <t>2017-12-29 15:10:27.393000+00:00</t>
  </si>
  <si>
    <t>2017-12-29 14:55:45.697000+00:00</t>
  </si>
  <si>
    <t>javascript|node.js|vue.js|promise|axios</t>
  </si>
  <si>
    <t>How can I add a CSS animation to this button?</t>
  </si>
  <si>
    <t>&lt;p&gt;I have a set of 4 accordian tabs that's height increases when hovered on. I am trying to add a CSS animation so there is a smooth transition between it's inactive height to its height when hovered on. I would like it to be a smooth transition as well.&lt;/p&gt;
&lt;p&gt;So far, I have tried using an animation for the height inside the object class:&lt;/p&gt;
&lt;pre&gt;&lt;code&gt;button.accordions:hover {
  transition: height 0.5s ease;
  height: 75px;
}
&lt;/code&gt;&lt;/pre&gt;
&lt;p&gt;This results in the buttons not changing height at all when hovered on. &lt;/p&gt;
&lt;p&gt;Here is a link to my &lt;a href="https://jsfiddle.net/5d3j296s/" rel="nofollow noreferrer"&gt;JSFiddle&lt;/a&gt;&lt;/p&gt;</t>
  </si>
  <si>
    <t>2018-10-07 19:31:04.747000+00:00</t>
  </si>
  <si>
    <t>2018-10-08 07:47:25.813000+00:00</t>
  </si>
  <si>
    <t>javascript|html|css|css-animations</t>
  </si>
  <si>
    <t>How can I create a texture from an AtlasSpriteManager?</t>
  </si>
  <si>
    <t>&lt;p&gt;What I want to do is create a huge texture(w/ width of more than 1024) using a 1024x1024 image. I can retrieve the images using an AtlasSpriteManager, but whenever I try to retrieve the texture from the manager I can only get the first image.&lt;/p&gt;
&lt;p&gt;I need to set the position of every AtlasSprite in the manager to make a lengthy texture.&lt;/p&gt;
&lt;p&gt;Any suggestions?&lt;/p&gt;</t>
  </si>
  <si>
    <t>2010-03-17 09:47:39.393000+00:00</t>
  </si>
  <si>
    <t>2010-03-31 16:47:45.943000+00:00</t>
  </si>
  <si>
    <t>2010-03-17 09:52:41.630000+00:00</t>
  </si>
  <si>
    <t>iphone|cocos2d-iphone|texture2d|atlassprites</t>
  </si>
  <si>
    <t>Is there any widget in GWT for generating Barcode?</t>
  </si>
  <si>
    <t>&lt;p&gt;I want to generate barcode using a widget in GWT. Is it possible? If it is. Please let me know.&lt;/p&gt;</t>
  </si>
  <si>
    <t>2013-09-20 13:13:59.900000+00:00</t>
  </si>
  <si>
    <t>2013-09-24 06:55:11.780000+00:00</t>
  </si>
  <si>
    <t>gwt|uibinder|gwt2|gxt</t>
  </si>
  <si>
    <t>How can I load a json database file with references in PHP</t>
  </si>
  <si>
    <t>&lt;p&gt;How can I decode a json database file that contains references to other json files using PHP? The goal is to get a single object with all references loaded.&lt;/p&gt;
&lt;p&gt;Example of a json database file with references:&lt;/p&gt;
&lt;pre&gt;&lt;code&gt;{
  "id": 12, 
  "title": "Credit card number disclosure", 
  "severity": "medium", 
  "description": {
    "$ref": "#/files/description/12"
  }, 
  "fix": {
    "effort": 50, 
    "guidance": {
      "$ref": "#/files/fix/57"
    }
  }, 
  "cwe": [
    "200"
  ], 
  "references": [
    {
      "url": "http://en.wikipedia.org/wiki/Luhn_algorithm", 
      "title": "Wikipedia - Luhn algorithm"
    }, 
    {
      "url": "http://en.wikipedia.org/wiki/Bank_card_number", 
      "title": "Wikipedia - Bank card number"
    }
  ]
}
&lt;/code&gt;&lt;/pre&gt;
&lt;p&gt;&lt;code&gt;file_get_contents()&lt;/code&gt; with a &lt;code&gt;json_decode()&lt;/code&gt; will not automatically load the references. &lt;/p&gt;</t>
  </si>
  <si>
    <t>2018-08-04 09:14:31.627000+00:00</t>
  </si>
  <si>
    <t>2018-08-04 10:17:02.957000+00:00</t>
  </si>
  <si>
    <t>php|json</t>
  </si>
  <si>
    <t>CTRL-C behaves differently in Python</t>
  </si>
  <si>
    <t>&lt;p&gt;I've recently started learning Python (long time Java programmer here) and currently in the process of writing some simple server programs. The problem is, for a seemingly similar piece of code, the Java counterpart properly responds to the &lt;code&gt;SIGINT&lt;/code&gt; signal (&lt;kbd&gt;Ctrl&lt;/kbd&gt;+&lt;kbd&gt;C&lt;/kbd&gt;) whereas the Python one doesn't. This is seen when a separate thread is used to spawn the server. Code is as follows:  &lt;/p&gt;
&lt;pre class="lang-java prettyprint-override"&gt;&lt;code&gt;// Java code
package pkg;
import java.io.*;
import java.net.*;
public class ServerTest {
    public static void main(final String[] args) throws Exception {
        final Thread t = new Server();
        t.start();
    }
}
class Server extends Thread {
    @Override
    public void run() {
        try {
            final ServerSocket sock = new ServerSocket(12345);
            while(true) {
                final Socket clientSock = sock.accept();
                clientSock.close();
            }
        } catch(Exception e) {
            e.printStackTrace();
        }
    }
}
&lt;/code&gt;&lt;/pre&gt;
&lt;p&gt;and Python code:  &lt;/p&gt;
&lt;pre class="lang-py prettyprint-override"&gt;&lt;code&gt;# Python code
import threading, sys, socket, signal
def startserver():
    s = socket.socket(socket.AF_INET, socket.SOCK_STREAM)
    s.bind(('', 12345))
    s.listen(1)
    while True:
        csock, caddr = s.accept()
        csock.sendall('Get off my lawn kids...\n')
        csock.close()
if __name__ == '__main__':
    try:
        t = threading.Thread(target=startserver)
        t.start()
    except:
        sys.exit(1)
&lt;/code&gt;&lt;/pre&gt;
&lt;p&gt;In both the above code snippets, I create a simple server which listens to TCP requests on the given port. When &lt;kbd&gt;Ctrl&lt;/kbd&gt;+&lt;kbd&gt;C&lt;/kbd&gt; is pressed in case of the Java code, the JVM exits whereas in the case of the Python code, all I get is a &lt;code&gt;^C&lt;/code&gt; at the shell. The only way I can stop the server is press &lt;kbd&gt;Ctrl&lt;/kbd&gt;+&lt;kbd&gt;Z&lt;/kbd&gt; and then manually kill the process.  &lt;/p&gt;
&lt;p&gt;So I come up with a plan; why not have a sighandler which listens for &lt;kbd&gt;Ctrl&lt;/kbd&gt;+&lt;kbd&gt;Z&lt;/kbd&gt; and quits the application? Cool, so I come up with:  &lt;/p&gt;
&lt;pre class="lang-py prettyprint-override"&gt;&lt;code&gt;import threading, sys, socket, signal
def startserver():
    s = socket.socket(socket.AF_INET, socket.SOCK_STREAM)
    s.bind(('', 12345))
    s.listen(1)
    while True:
        csock, caddr = s.accept()
        csock.sendall('Get off my lawn kids...\n')
        csock.close()
def ctrlz_handler(*args, **kwargs):
    sys.exit(1)
if __name__ == '__main__':
    try:
        signal.signal(signal.SIGTSTP, ctrlz_handler)
        t = threading.Thread(target=startserver)
        t.start()
    except:
        sys.exit(1)
&lt;/code&gt;&lt;/pre&gt;
&lt;p&gt;But now, it seems as I've made the situation even worse! Now pressing &lt;kbd&gt;Ctrl&lt;/kbd&gt;+&lt;kbd&gt;C&lt;/kbd&gt; at the shell emits '^C' and pressing &lt;kbd&gt;Ctrl&lt;/kbd&gt;+&lt;kbd&gt;Z&lt;/kbd&gt; at the shell emits '^Z'.  &lt;/p&gt;
&lt;p&gt;So my question is, why this weird behaviour? I'd probably have multiple server processes running as separate threads in the same process so any clean way of killing the server when the process receives &lt;code&gt;SIGINT&lt;/code&gt;? BTW using Python 2.6.4 on Ubuntu.&lt;/p&gt;
&lt;p&gt;TIA,&lt;br&gt;
sasuke&lt;/p&gt;</t>
  </si>
  <si>
    <t>2010-11-03 19:31:06.810000+00:00</t>
  </si>
  <si>
    <t>2017-11-20 13:36:08.653000+00:00</t>
  </si>
  <si>
    <t>java|python|sockets</t>
  </si>
  <si>
    <t>OpenLayers 3 - Div on top of map is not capturing click</t>
  </si>
  <si>
    <t>&lt;p&gt;I have a form/div displayed on top of the map. I want to make it so that it is hidden when there is a click outside the form/div area but not when the click is inside the form/div.&lt;/p&gt;
&lt;p&gt;I can't get to detect when the click is done inside the div. Instead all clicks inside the form/div are detected as done on the map, as if the div doesn't exist. &lt;/p&gt;
&lt;pre&gt;&lt;code&gt;&amp;lt;div id="map"  class="map"&amp;gt;&amp;lt;div id="popup"&amp;gt;
//input data of form
&amp;lt;/div&amp;gt;  &amp;lt;/div&amp;gt;
&amp;lt;script&amp;gt;
 map.on('click', function(evt) {
  console.log('Clicked #map');
          //one method I tried from another stack overflow answer 
           (evt.target !== this) ? $("#popup").show() : $popup.hide();
        var feature = map.forEachFeatureAtPixel(evt.pixel,
            function(feature) {
              return feature;
            });
        if (feature) {
          loadInfo(feature.get('id'));
          $("#popup").show();
        } 
      });
$("popup").on('click', function(e) {
  e.stopPropagation();
  console.log('Clicked #popup');
});
    &amp;lt;/script&amp;gt;
&lt;/code&gt;&lt;/pre&gt;
&lt;p&gt;&lt;strong&gt;Output&lt;/strong&gt;&lt;/p&gt;
&lt;blockquote&gt;
  &lt;p&gt;Clicked #map&lt;/p&gt;
  &lt;p&gt;Clicked #popup&lt;/p&gt;
&lt;/blockquote&gt;
&lt;p&gt;As you can see in the code I tried few different methods on detecting clicks on the popup but none of them worked. All of them are as if, the popup is not even there. &lt;/p&gt;
&lt;p&gt;I am using openlayers3 if that matters.&lt;/p&gt;</t>
  </si>
  <si>
    <t>2016-11-07 21:36:26.717000+00:00</t>
  </si>
  <si>
    <t>2017-01-10 12:39:28.393000+00:00</t>
  </si>
  <si>
    <t>javascript|jquery|openlayers-3</t>
  </si>
  <si>
    <t>how to add ringtone or vibrate notifications for post and messages in android scringo social networking app?</t>
  </si>
  <si>
    <t>&lt;p&gt;i am using SCRINGO SDK in my android app....following are the screenshot for my app.. it is working fine but i am not getting notification when someone post , like or comment an activity , user messages .. i want to setup up alert ringtone or vibrate notification for that app so even when any user who is registered to the app got notifications on home screen with vibrate or alert tone (like ... user 4 likes your post.. you have a new message from user 2)...&lt;/p&gt;
&lt;p&gt;i have tried using gcm services but its not working ... i have produced the app on google cloud got the project number and api key added it in scringo's dashboard.. and edited the mainfest but m not getting the desired result.... following is my mainfest file&lt;/p&gt;
&lt;pre&gt;&lt;code&gt;&amp;lt;?xml version="1.0" encoding="utf-8"?&amp;gt;
&amp;lt;manifest xmlns:android="http://schemas.android.com/apk/res/android"
android:versionCode="1"
android:versionName="1.0"
package="com.scringo.friendz" &amp;gt;
&amp;lt;uses-permission android:name="android.permission.INTERNET"/&amp;gt;
&lt;/code&gt;&lt;/pre&gt;
&lt;p&gt;&lt;/p&gt;
&lt;pre&gt;&lt;code&gt;&amp;lt;uses-permission android:name="com.google.android.c2dm.permission.RECEIVE"/&amp;gt;
&amp;lt;uses-permission android:name="android.permission.GET_ACCOUNTS"/&amp;gt;
&amp;lt;uses-permission android:name="android.permission.WAKE_LOCK"/&amp;gt;
&amp;lt;permission android:name="com.scringo.friendz.permission.C2D_MESSAGE"  android:protectionLevel="signature"/&amp;gt;
&amp;lt;uses-permission android:name="com.scringo.friendz.permission.C2D_MESSAGE"/&amp;gt;
&amp;lt;uses-permission android:name="android.permission.VIBRATE"/&amp;gt;
&amp;lt;uses-permission android:name="com.google.android.providers.gsf.permission.READ_GSERVICES"/&amp;gt;
&amp;lt;uses-feature android:glEsVersion="0x00020000" android:required="true"/&amp;gt;
&amp;lt;permission android:name="com.scringo.friendz.permission.MAPS_RECEIVE" android:protectionLevel="signature"/&amp;gt;
&amp;lt;uses-permission android:name="com.scringo.friendz.permission.MAPS_RECEIVE"/&amp;gt;
    &amp;lt;uses-sdk
    android:minSdkVersion="8"
    android:targetSdkVersion="19" /&amp;gt;
&amp;lt;application
    android:allowBackup="true"
    android:icon="@drawable/ic_launcher"
    android:label="@string/app_name"
    android:theme="@android:style/Theme.Black.NoTitleBar" &amp;gt;
    &amp;lt;receiver android:name="com.scringo.push.ScringoGCMBroadcastReceiver" android:permission="com.google.android.c2dm.permission.SEND"&amp;gt;
    &amp;lt;intent-filter&amp;gt;
    &amp;lt;action android:name="com.google.android.c2dm.intent.RECEIVE"/&amp;gt;
    &amp;lt;action android:name="com.google.android.c2dm.intent.REGISTRATION"/&amp;gt;
    &amp;lt;category android:name="com.scringo.friendz"/&amp;gt;
    &amp;lt;/intent-filter&amp;gt;
    &amp;lt;/receiver&amp;gt;
    &amp;lt;service android:name="com.scringo.push.ScringoGCMIntentService"/&amp;gt;
    &amp;lt;activity
        android:label="@string/app_name"
        android:name="com.scringo.friendz.MainActivity" &amp;gt;
        &amp;lt;intent-filter&amp;gt;
            &amp;lt;action android:name="android.intent.action.MAIN" /&amp;gt;
            &amp;lt;category android:name="android.intent.category.LAUNCHER" /&amp;gt;
        &amp;lt;/intent-filter&amp;gt;
    &amp;lt;/activity&amp;gt;
    &amp;lt;receiver
        android:name="com.scringo.push.ScringoGCMBroadcastReceiver"
        android:permission="com.google.android.c2dm.permission.SEND" &amp;gt;
        &amp;lt;intent-filter &amp;gt;
            &amp;lt;action android:name="com.google.android.c2dm.intent.RECEIVE" /&amp;gt;
            &amp;lt;action android:name="com.google.android.c2dm.intent.REGISTRATION" /&amp;gt;
            &amp;lt;category android:name="com.scringo.scringosample" /&amp;gt;
        &amp;lt;/intent-filter&amp;gt;
    &amp;lt;/receiver&amp;gt;
    &amp;lt;receiver android:name="com.scringo.friendz.MyReceiver"&amp;gt;
        &amp;lt;intent-filter&amp;gt;
            &amp;lt;action android:name="com.scringo.LoginBroadcast" /&amp;gt;
        &amp;lt;/intent-filter&amp;gt;
    &amp;lt;/receiver&amp;gt;
    &amp;lt;service android:name="com.scringo.push.ScringoGCMIntentService" /&amp;gt;
    &amp;lt;meta-data android:name="com.google.android.maps.v2.API_KEY" android:value="AIzaSyBx8aj7JrKh-rQAD96FgeAlf8-XFLc4ELc"/&amp;gt;
    &amp;lt;activity
        android:label="@string/title_activity_image_view"
        android:name="com.scringo.friendz.ImageViewActivity" &amp;gt;
    &amp;lt;/activity&amp;gt;
&amp;lt;/application&amp;gt;
&amp;lt;/manifest&amp;gt;
&lt;/code&gt;&lt;/pre&gt;</t>
  </si>
  <si>
    <t>2014-05-21 16:02:28.267000+00:00</t>
  </si>
  <si>
    <t>2014-12-11 20:22:40.183000+00:00</t>
  </si>
  <si>
    <t>android|eclipse|scringo</t>
  </si>
  <si>
    <t>How/where to implement an interface</t>
  </si>
  <si>
    <t>&lt;p&gt;When I try to compile my code in eclipse, it says "must implement interface DataStructureIterator extends java.util.Iterator.remove()"  Please help, I don't  know where to implement it and it fails in a continuous loop. &lt;/p&gt;
&lt;pre&gt;&lt;code&gt;public class DataStructure {
    private final static int SIZE = 15;
    private int [] arrayOfInts = new int [SIZE];
    public DataStructure () 
    {
        for ( int i = 0; i &amp;lt; SIZE; i++ )
        {
            arrayOfInts[i] = i;
        }   
    }
    public void printEven()
    {
        DataStructureIterator iterator = this.new EvenIterator();
        while (iterator.hasNext())
        {
            System.out.println();
        }
    }
    interface DataStructureIterator extends java.util.Iterator&amp;lt;Integer&amp;gt; 
    { 
    } 
    private class EvenIterator implements DataStructureIterator 
    {
        private int nextIndex = 0;
        public boolean hasNext() {
            return (nextIndex &amp;lt;= SIZE - 1);
        }        
        public Integer next() 
        {               
            Integer retValue = Integer.valueOf(arrayOfInts[nextIndex]);
            nextIndex += 2;
            return retValue;
        }
    }
&lt;/code&gt;&lt;/pre&gt;</t>
  </si>
  <si>
    <t>2014-05-10 02:41:04.183000+00:00</t>
  </si>
  <si>
    <t>2014-05-10 02:54:07.477000+00:00</t>
  </si>
  <si>
    <t>2014-05-10 02:45:00.940000+00:00</t>
  </si>
  <si>
    <t>java|eclipse|interface</t>
  </si>
  <si>
    <t>What does it mean to to set path to jdk8 when running gradle 6,7,8?</t>
  </si>
  <si>
    <t>&lt;p&gt;I am receiving the following error   &lt;/p&gt;
&lt;pre&gt;&lt;code&gt;  Information:Gradle tasks [:omniNotes:assembleDebug]
    Warning:Dependency commons-logging:commons-logging:1.1.3 is ignored for debug as it may be conflicting with the internal version provided by Android.
             In case of problem, please repackage it with jarjar to change the class packages
    Warning:Dependency commons-logging:commons-logging:1.1.3 is ignored for release as it may be conflicting with the internal version provided by Android.
             In case of problem, please repackage it with jarjar to change the class packages
    :omniNotes:preBuild UP-TO-DATE
    :omniNotes:preDebugBuild UP-TO-DATE
    :omniNotes:checkDebugManifest
    :omniNotes:preReleaseBuild UP-TO-DATE
    :omniNotes:prepareBeBillingtonCalendarRecurrencepickerLibrary111Library UP-TO-DATE
    :omniNotes:prepareChAcraAcra470RC1Library UP-TO-DATE
    :omniNotes:prepareComAndroidSupportAnimatedVectorDrawable2321Library UP-TO-DATE
    :omniNotes:prepareComAndroidSupportAppcompatV72321Library UP-TO-DATE
    :omniNotes:prepareComAndroidSupportDesign2321Library UP-TO-DATE
    :omniNotes:prepareComAndroidSupportRecyclerviewV72321Library UP-TO-DATE
    :omniNotes:prepareComAndroidSupportSupportV42321Library UP-TO-DATE
    :omniNotes:prepareComAndroidSupportSupportVectorDrawable2321Library UP-TO-DATE
    :omniNotes:prepareComArtemzinRxjavaProguardRules10142Library UP-TO-DATE
    :omniNotes:prepareComGetbaseFloatingactionbutton1101Library UP-TO-DATE
    :omniNotes:prepareComGithubAfollestadMaterialDialogsCommons0856Library UP-TO-DATE
    :omniNotes:prepareComGithubAfollestadMaterialDialogsCore0856Library UP-TO-DATE
    :omniNotes:prepareComGithubFedericoiosueChecklistview313Library UP-TO-DATE
    :omniNotes:prepareComGithubFedericoiosuePixlui25Library UP-TO-DATE
    :omniNotes:prepareComGithubFedericoiosueSimpleGallery120Library UP-TO-DATE
    :omniNotes:prepareComGithubFlavienlaurentDatetimepickerLibrary002Library UP-TO-DATE
    :omniNotes:prepareComGithubGabrielemariottiChangeloglibChangelog200Library UP-TO-DATE
    :omniNotes:prepareComGithubPaolorotoloAppintro130Library UP-TO-DATE
    :omniNotes:prepareComGoogleAndroidGmsPlayServicesBase810Library UP-TO-DATE
    :omniNotes:prepareComGoogleAndroidGmsPlayServicesBasement810Library UP-TO-DATE
    :omniNotes:prepareComGoogleAndroidGmsPlayServicesLocation810Library UP-TO-DATE
    :omniNotes:prepareComGoogleAndroidGmsPlayServicesMaps810Library UP-TO-DATE
    :omniNotes:prepareComLarswerkmanHoloColorPicker14Library UP-TO-DATE
    :omniNotes:prepareComNhaarmanListviewanimationsLibCore310Library UP-TO-DATE
    :omniNotes:prepareComNhaarmanListviewanimationsLibManipulation310Library UP-TO-DATE
    :omniNotes:prepareComPnikosisMaterialishProgress15Library UP-TO-DATE
    :omniNotes:prepareComPushbulletAndroidExtensions104Library UP-TO-DATE
    :omniNotes:prepareComSquareupLeakcanaryLeakcanaryAndroid13Library UP-TO-DATE
    :omniNotes:prepareComTbruyelleRxpermissionsRxpermissions042Library UP-TO-DATE
    :omniNotes:prepareDeKeyboardsurferAndroidWidgetCrouton184Library UP-TO-DATE
    :omniNotes:prepareIoNlopezSmartlocationLibrary320Library UP-TO-DATE
    :omniNotes:prepareIoReactivexRxandroid101Library UP-TO-DATE
    :omniNotes:prepareMeZhanghaiAndroidMaterialprogressbarLibrary114Library UP-TO-DATE
    :omniNotes:prepareDebugDependencies
    :omniNotes:compileDebugAidl UP-TO-DATE
    :omniNotes:compileDebugRenderscript UP-TO-DATE
    :omniNotes:generateDebugBuildConfig UP-TO-DATE
    :omniNotes:generateDebugAssets UP-TO-DATE
    :omniNotes:mergeDebugAssets UP-TO-DATE
    :omniNotes:generateDebugResValues UP-TO-DATE
    :omniNotes:generateDebugResources UP-TO-DATE
    :omniNotes:mergeDebugResources UP-TO-DATE
    :omniNotes:processDebugManifest UP-TO-DATE
    :omniNotes:processDebugResources UP-TO-DATE
    :omniNotes:generateDebugSources UP-TO-DATE
    :omniNotes:compileDebugJavaWithJavac FAILED
    Error:Execution failed for task ':omniNotes:compileDebugJavaWithJavac'.
&lt;/code&gt;&lt;/pre&gt;
&lt;blockquote&gt;
  &lt;p&gt;When running gradle with java 5, 6 or 7, you must set the path to jdk8, either with property retrolambda.jdk or environment variable JAVA8_HOME&lt;/p&gt;
&lt;/blockquote&gt;
&lt;pre&gt;&lt;code&gt;    Information:BUILD FAILED
    Information:Total time: 13.861 secs
    Information:1 error
    Information:2 warnings
    Information:See complete output in console
&lt;/code&gt;&lt;/pre&gt;</t>
  </si>
  <si>
    <t>2016-04-21 12:48:33.857000+00:00</t>
  </si>
  <si>
    <t>2016-04-21 13:11:16.173000+00:00</t>
  </si>
  <si>
    <t>2016-04-21 13:05:15.160000+00:00</t>
  </si>
  <si>
    <t>java|android|gradle</t>
  </si>
  <si>
    <t>Rails 3 : `require` within a generator</t>
  </si>
  <si>
    <t>&lt;p&gt;I am writing a Rails 3 generator, but things get a bit complicated so I would like to extract some code to put it in a separate file.&lt;/p&gt;
&lt;p&gt;So I create a file in the generator folder, and within my generator file, I put at the top:&lt;/p&gt;
&lt;pre&gt;&lt;code&gt;require 'relative/path/to/my/code.rb'
&lt;/code&gt;&lt;/pre&gt;
&lt;p&gt;But when I launch the generator, it tells me that it can't find the file. &lt;/p&gt;
&lt;pre&gt;&lt;code&gt;activesupport-3.0.0.rc/lib/active_support/dependencies.rb:219:in `require': no such file to load -- relative/path/to/my/code.rb (LoadError)
&lt;/code&gt;&lt;/pre&gt;
&lt;p&gt;Does anybody know a work around ? &lt;/p&gt;</t>
  </si>
  <si>
    <t>2010-08-13 06:42:25.200000+00:00</t>
  </si>
  <si>
    <t>2010-08-15 10:11:02.277000+00:00</t>
  </si>
  <si>
    <t>2010-08-13 09:02:23.007000+00:00</t>
  </si>
  <si>
    <t>ruby-on-rails-3|generator</t>
  </si>
  <si>
    <t>Dropbox v2 API trouble with PHP CURL call not working</t>
  </si>
  <si>
    <t>&lt;p&gt;Try to access the Dropbox v2 API calls, using PHP and a CURL call.  Based on the sandbox here &lt;a href="https://dropbox.github.io/dropbox-api-v2-explorer/#files_search" rel="nofollow noreferrer"&gt;https://dropbox.github.io/dropbox-api-v2-explorer/#files_search&lt;/a&gt;, the "Show Code" looks like this.&lt;/p&gt;
&lt;pre&gt;&lt;code&gt;curl -X POST https://api.dropboxapi.com/2/files/search \
  --header 'Authorization: Bearer myAccessTokenHere \
  --header 'Content-Type: application/json' \
  --data '{"path":"/My Cars","query":"\".j\"","start":0,"max_results":50}'
&lt;/code&gt;&lt;/pre&gt;
&lt;p&gt;My PHP code looks like this&lt;/p&gt;
&lt;pre&gt;&lt;code&gt;function performSearch()
{
    $cheaders = array("Authorization: Bearer myAccessTokenHere",
              'Content-Type: application/json',
              'Dropbox-API-Arg: {"path":"/My Cars","query":"\".j\"","start":"0","max_results":"50"}');
    $ch = curl_init('https://content.dropboxapi.com/2/files/search');
    curl_setopt($ch, CURLOPT_HTTPHEADER, $cheaders);
    curl_setopt($ch, CURLOPT_POST, true);
    curl_setopt($ch, CURLOPT_RETURNTRANSFER, true);
    $response = curl_exec($ch);
    echo "\n response = $response";
    curl_close($ch);
}
&lt;/code&gt;&lt;/pre&gt;
&lt;p&gt;When I execute it, I get&lt;/p&gt;
&lt;blockquote&gt;
  &lt;p&gt;response = {"error": "Not Found"}&lt;/p&gt;
&lt;/blockquote&gt;</t>
  </si>
  <si>
    <t>2016-07-02 02:17:09.070000+00:00</t>
  </si>
  <si>
    <t>2017-12-14 09:57:09.697000+00:00</t>
  </si>
  <si>
    <t>api|dropbox</t>
  </si>
  <si>
    <t>Simultaneous validateAsync fails in Loopback</t>
  </si>
  <si>
    <t>&lt;p&gt;In my project I'm running a validate function to prevent double bookings: &lt;/p&gt;
&lt;pre&gt;&lt;code&gt;Booking.validateAsync('double_booking', checkDoubleBooking, {
  message: 'Can\'t set dates because there is already another booking on those dates'
});
function checkDoubleBooking(error, done) {
var _this = this;
if (!this.propertyId || !this.start || !this.end) {
  done();
  return;
}
function filter(obj) {
  var filters = [];
  filters.push({
    propertyId: obj.propertyId
  });
  filters.push({
    or: [{
      start: {
        between: [obj.start, obj.end]
      }
    }, {
      end: {
        between: [obj.start, obj.end]
      }
    }, {
      and: [{
        start: {
          lte: obj.start
        }
      }, {
        end: {
          gte: obj.end
        }
      }]
    }
      // start is before and end is after
    ]
  });
  filters.push({
    cancelled_at: null
  });
  //
  // only push object filter to filters when there is an
  //obj.id e.g. when editing a booking.
  //
  if (obj.id) {
    filters.push({
      id: {
        neq: obj.id
      }
    });
  }
  return filters;
}
Booking.find({
  where: {
    and: filter(this)
  }
}, function (err, doubleBooking) {
  if (doubleBooking &amp;amp;&amp;amp; doubleBooking[0]) {
    error();
    done();
  } else {
    done();
  }
});
}
&lt;/code&gt;&lt;/pre&gt;
&lt;p&gt;However, I found that it fails when multiple bookings are made simultaneously and I can add double bookings like in the following script:&lt;/p&gt;
&lt;pre&gt;&lt;code&gt;var app = require(require('path').resolve(__dirname, './server/server.js'));
var async = require('async');
var debug = require('debug')('iambnb:validationracetest');
var Booking = app.models.Booking;
var bookingdata = {
  propertyId: 511,
  start: "2016-08-18T07:14:53+00:00",
  end: "2016-08-21T07:14:53+00:00",
  cleaning:"2016-08-21T07:14:53+00:00"
}
var testBooking = new Booking(bookingdata);
async.parallel([
    function(callback){
      testBooking.save(function(err, result){
        if (err) {
          debug(err)
        }
        callback(result)
      })
     },
    function(callback){
      testBooking.save(function(err, result){
        if (err) {
          debug(err)
        }
        callback(result);
      })
     }
],function(err, result){
  if (err) {
    debug(err);
  }
  debug('result: ', JSON.stringify(result));
});
&lt;/code&gt;&lt;/pre&gt;</t>
  </si>
  <si>
    <t>2016-08-18 09:10:13.727000+00:00</t>
  </si>
  <si>
    <t>javascript|node.js|loopbackjs</t>
  </si>
  <si>
    <t>Ahead faulting of multiple anonymous pages</t>
  </si>
  <si>
    <t>&lt;p&gt;I have allocated a large number of pages with &lt;code&gt;mmap/MAP_ANONYMOUS&lt;/code&gt; which are used for a list that only grows.&lt;/p&gt;
&lt;p&gt;Is there a way to make the kernel intelligently prefault multiple pages for me in advance before they are accessed in Linux?&lt;/p&gt;
&lt;p&gt;The &lt;code&gt;MAP_POPULATE&lt;/code&gt; flag seems to be a no op for &lt;code&gt;MAP_ANONYMOUS&lt;/code&gt;.&lt;/p&gt;
&lt;p&gt;I can of cause just loop over a pointer in the style:&lt;/p&gt;
&lt;pre&gt;&lt;code&gt;for (i = 1; i &amp;lt; num_pages_to_prefault; i++)
    *((char *)pointer_to_current_page + i * sysconf(_SC_PAGE_SIZE)) = 0;
&lt;/code&gt;&lt;/pre&gt;
&lt;p&gt;But this is neither thread safe, nor particularly efficient because a new context change is forced for each new page accessed.&lt;/p&gt;
&lt;p&gt;What I want is something like &lt;/p&gt;
&lt;pre&gt;&lt;code&gt;prefault_memory(void * start_address, size_t length);
&lt;/code&gt;&lt;/pre&gt;
&lt;p&gt;that will cause only &lt;strong&gt;one&lt;/strong&gt; context switch and prefault a number of pages or leave them untouched if they are not mapped or are already in my resident set.&lt;/p&gt;</t>
  </si>
  <si>
    <t>2013-10-24 16:12:19.307000+00:00</t>
  </si>
  <si>
    <t>2013-10-24 19:05:45.200000+00:00</t>
  </si>
  <si>
    <t>c|linux|memory-management|mmap|virtual-memory</t>
  </si>
  <si>
    <t>jQuery append element during $.each()</t>
  </si>
  <si>
    <t>&lt;p&gt;I'm trying to repeatedly append an element defined outside the closure in a jQuery &lt;code&gt;$.each()&lt;/code&gt; loop see - &lt;a href="http://jsfiddle.net/benedict_w/8Pczs/" rel="nofollow"&gt;http://jsfiddle.net/benedict_w/8Pczs/&lt;/a&gt;&lt;/p&gt;
&lt;p&gt;Could someone please explain why the element is only appended in the last iteration of the loop?&lt;/p&gt;
&lt;p&gt;e.g.&lt;/p&gt;
&lt;pre&gt;&lt;code&gt;&amp;lt;ul&amp;gt;
    &amp;lt;li&amp;gt;blah&amp;lt;/li&amp;gt;
    &amp;lt;li&amp;gt;blah&amp;lt;/li&amp;gt;
    &amp;lt;li&amp;gt;blah&amp;lt;/li&amp;gt;
&amp;lt;/ul&amp;gt;
&lt;/code&gt;&lt;/pre&gt;
&lt;p&gt;using the following jquery:&lt;/p&gt;
&lt;pre&gt;&lt;code&gt;var remove = $('&amp;lt;a href="#"&amp;gt;remove&amp;lt;/a&amp;gt;');
$('li').each(function(){
    $(this).append(remove);       
});���
&lt;/code&gt;&lt;/pre&gt;
&lt;p&gt;producers:&lt;/p&gt;
&lt;pre&gt;&lt;code&gt;&amp;lt;ul&amp;gt;
    &amp;lt;li&amp;gt;blah&amp;lt;/li&amp;gt;
    &amp;lt;li&amp;gt;blah&amp;lt;/li&amp;gt;
    &amp;lt;li&amp;gt;blah &amp;lt;a href="#"&amp;gt;remove&amp;lt;/a&amp;gt;&amp;lt;/li&amp;gt;
&amp;lt;/ul&amp;gt;
&lt;/code&gt;&lt;/pre&gt;</t>
  </si>
  <si>
    <t>2012-09-13 16:50:49.207000+00:00</t>
  </si>
  <si>
    <t>2012-09-13 20:33:22.647000+00:00</t>
  </si>
  <si>
    <t>append|jquery</t>
  </si>
  <si>
    <t>The database is updated with inserted data but the error appears</t>
  </si>
  <si>
    <t>&lt;p&gt;I have a shared view &lt;code&gt;"_header.cshtml"&lt;/code&gt; containing bootstrap modal from signin/up purpose.That being said i need a controller for the shared view.I did some study and came up with solution.It works(data is inserted into database) but at the same time displays error.&lt;/p&gt;
&lt;p&gt;This is my &lt;code&gt;_layout.cshtml&lt;/code&gt;&lt;/p&gt;
&lt;pre&gt;&lt;code&gt; &amp;lt;header&amp;gt;
        @Html.Action("header","RegUser");
    &amp;lt;/header&amp;gt;      
&lt;/code&gt;&lt;/pre&gt;
&lt;p&gt;And here goes my controller &lt;code&gt;RegUserController.cs&lt;/code&gt;&lt;/p&gt;
&lt;pre&gt;&lt;code&gt;public ActionResult header()
{
  // var mod = new RegisterTbl();
    return PartialView("_header");
}
[HttpPost]
[ValidateAntiForgeryToken]
public ActionResult header(RegisterTbl rt)
{
    if (ModelState.IsValid)
    {
        using (IsnsEntities1 sns = new IsnsEntities1())
        {
            sns.RegisterTbls.Add(rt);
            sns.SaveChanges();
            ModelState.Clear();
            rt = null;
            ViewBag.Message = "successfully registered";
        }
    }
    return PartialView(rt);
}
&lt;/code&gt;&lt;/pre&gt;
&lt;p&gt;And i get this error 
&lt;code&gt;Error executing child request for handler 'System.Web.Mvc.HttpHandlerUtil+ServerExecuteHttpHandlerAsyncWrapper'.&lt;/code&gt;&lt;/p&gt;</t>
  </si>
  <si>
    <t>2014-09-17 10:51:57.690000+00:00</t>
  </si>
  <si>
    <t>2014-09-17 11:52:17.320000+00:00</t>
  </si>
  <si>
    <t>2014-09-17 10:53:07.823000+00:00</t>
  </si>
  <si>
    <t>c#|asp.net-mvc-4</t>
  </si>
  <si>
    <t>Trouble installing therubyracer</t>
  </si>
  <si>
    <t>&lt;p&gt;so I am trying to install BeEF (&lt;a href="http://beefproject.com/" rel="nofollow"&gt;http://beefproject.com/&lt;/a&gt;) on xubuntu 13.10 but I keep getting an error with therubyracer while trying to bundle install.&lt;/p&gt;
&lt;p&gt;here are the directions I am following. (from BeEF's github page)&lt;/p&gt;
&lt;pre&gt;&lt;code&gt;sudo apt-get update 
sudo apt-get install curl git ruby build-essential libsqlite3-ruby libsqlite3-dev libssl-dev
sudo curl https://raw.github.com/wayneeseguin/rvm/master/binscripts/rvm-installer | bash -s stable
source /etc/profile.d/rvm.sh
rvm pkg install zlib --verify-downloads 1
rvm install ruby-1.9.3-p484
rvm use 1.9.3
gem install bundler
git clone git://github.com/beefproject/beef.git
cd beef
bundle install &amp;lt;---- error here
ruby beef
&lt;/code&gt;&lt;/pre&gt;
&lt;p&gt;Here is the error code when I run bundle install:&lt;/p&gt;
&lt;pre&gt;&lt;code&gt;Installing therubyracer (0.12.1) 
Gem::Installer::ExtensionBuildError: ERROR: Failed to build gem native extension.
    /usr/bin/ruby1.9.1 extconf.rb 
checking for main() in -lpthread... yes
creating Makefile
make
compiling heap.cc
compiling date.cc
compiling object.cc
compiling init.cc
compiling constraints.cc
compiling external.cc
compiling constants.cc
compiling signature.cc
compiling locker.cc
compiling rr.cc
compiling handles.cc
compiling value.cc
compiling string.cc
compiling accessor.cc
compiling context.cc
compiling message.cc
compiling gc.cc
compiling array.cc
compiling template.cc
compiling function.cc
compiling backref.cc
compiling trycatch.cc
compiling script.cc
compiling v8.cc
compiling invocation.cc
compiling stack.cc
compiling primitive.cc
compiling exception.cc
linking shared-object v8/init.so
/usr/bin/ld: /var/lib/gems/1.9.1/gems/libv8-     3.16.14.3/vendor/v8/out/arm.release/obj.target/tools/gyp/libv8_base.a(api.o): relocation      R_ARM_THM_MOVW_ABS_NC against `_ZN2v88internal7Isolate12isolate_key_E' can not be used when     making a shared object; recompile with -fPIC
/var/lib/gems/1.9.1/gems/libv8-    3.16.14.3/vendor/v8/out/arm.release/obj.target/tools/gyp/libv8_base.a: error adding symbols:     Bad value
collect2: error: ld returned 1 exit status
make: *** [init.so] Error 1
Gem files will remain installed in /var/lib/gems/1.9.1/gems/therubyracer-0.12.1 for     inspection.
Results logged to /var/lib/gems/1.9.1/gems/therubyracer-0.12.1/ext/v8/gem_make.out
An error occurred while installing therubyracer (0.12.1), and Bundler cannot continue.
Make sure that `gem install therubyracer -v '0.12.1'` succeeds before bundling.
&lt;/code&gt;&lt;/pre&gt;
&lt;p&gt;I am using ruby 1.9.3-p484 as well as ruby gems version 2.2.2. If anyone has a solution that would be awesome! &lt;/p&gt;</t>
  </si>
  <si>
    <t>2014-04-10 21:04:46.323000+00:00</t>
  </si>
  <si>
    <t>2014-04-10 21:12:05.243000+00:00</t>
  </si>
  <si>
    <t>ruby-on-rails|ruby|ubuntu|therubyracer</t>
  </si>
  <si>
    <t>How can I make cross-domain requests with custom headers without using XDomainRequest or XMLHttpRequest?</t>
  </si>
  <si>
    <t>&lt;p&gt;I have a single page web application delivered from &lt;code&gt;www.example.com&lt;/code&gt;. This web applications &lt;/p&gt;
&lt;ul&gt;
&lt;li&gt;needs to make AJAX requests against another server named &lt;code&gt;api.example.com&lt;/code&gt;&lt;/li&gt;
&lt;li&gt;it has to set certain header fields like &lt;code&gt;Authorization&lt;/code&gt; when sending requests to &lt;code&gt;api.example.com&lt;/code&gt;&lt;/li&gt;
&lt;li&gt;it has to be compatible with recent and not so recent browsers (for example IE &gt;= 8)&lt;/li&gt;
&lt;/ul&gt;
&lt;p&gt;All this works by handling CORS requests on api.example.com with Chrome (and other recent WebKit-based browsers) using &lt;code&gt;XMLHttpRequest&lt;/code&gt;. &lt;a href="http://msdn.microsoft.com/en-us/library/ie/hh673569%28v=vs.85%29.aspx#cors_xhr" rel="nofollow noreferrer"&gt;IE older than version 10&lt;/a&gt; doesn't implement CORS for &lt;code&gt;XMLHttpRequest&lt;/code&gt; and instead provides the non-standard &lt;code&gt;XDomainRequest&lt;/code&gt; object for cross-domain requests. But &lt;code&gt;XDomainRequest&lt;/code&gt; does not implement a way to &lt;a href="https://stackoverflow.com/questions/2657180/setting-headers-in-xdomainrequest-or-activexobjectmicrosoft-xmlhttp"&gt;set HTTP header&lt;/a&gt; fields.&lt;/p&gt;
&lt;p&gt;So my question is: How can I make cross-domain requests with custom headers without using &lt;code&gt;XDomainRequest&lt;/code&gt; or &lt;code&gt;XMLHttpRequest&lt;/code&gt;? What is the best practice workaround?&lt;/p&gt;
&lt;p&gt;Edit: I have control over all involved servers (*.example.com).&lt;/p&gt;</t>
  </si>
  <si>
    <t>2013-02-06 13:55:03.247000+00:00</t>
  </si>
  <si>
    <t>2013-05-21 11:26:00.423000+00:00</t>
  </si>
  <si>
    <t>2017-05-23 12:12:30.520000+00:00</t>
  </si>
  <si>
    <t>javascript|internet-explorer|xmlhttprequest|cross-domain|xdomainrequest</t>
  </si>
  <si>
    <t>How to get specific items using index numbers from SimpleCursorAdapter in android</t>
  </si>
  <si>
    <t>&lt;p&gt;I want to filter out some of specific items from my List View resource (SimpleCursorAdapter fetched all audio files on Android device).&lt;/p&gt;
&lt;p&gt;&lt;strong&gt;Adapter class:&lt;/strong&gt; It returns a view for List View item.&lt;/p&gt;
&lt;pre&gt;&lt;code&gt;    public class MediaCursorAdapter extends SimpleCursorAdapter {
            public MediaCursorAdapter(Context context, int layout, Cursor c) {
                super(context, layout, c,
                        new String[]{MediaStore.MediaColumns.TITLE, MediaStore.Audio.Artists.ARTIST, MediaStore.Audio.AudioColumns.DURATION, MediaStore.Audio.Artists.Albums.ALBUM_ID},
                        new int[]{R.id.displayname, R.id.title, R.id.duration, R.id.single_album_art});
            }
    }
public MediaCursorAdapter rootMediaCursorAdapter = new MediaCursorAdapter(this, R.layout.listitem, gCursor);
    Cursor cursor = (Cursor) rootMediaCursorAdapter.getItem(position);
    String songData = cursor.getString(cursor.getColumnIndex(MediaStore.MediaColumns.DATA));
&lt;/code&gt;&lt;/pre&gt;
&lt;p&gt;here, songData contains the item of 'position' index from adapter. Suppose I've some indexes and I want to get some filtered items in a list so that I can generate a filtered List View. If you please help me out. Thanks.&lt;/p&gt;</t>
  </si>
  <si>
    <t>2017-07-06 11:42:21.270000+00:00</t>
  </si>
  <si>
    <t>android|listview|cursor|simplecursoradapter|mediastore</t>
  </si>
  <si>
    <t>How to ignore null values in a foreach in powershell?</t>
  </si>
  <si>
    <t>&lt;p&gt;Follow up to this question: &lt;a href="https://stackoverflow.com/questions/40728856/how-to-get-a-value-in-a-foreach-loop-into-a-sum"&gt;How to get a value in a foreach loop into a sum?&lt;/a&gt;&lt;/p&gt;
&lt;p&gt;I have this snippet of Powershell code:&lt;/p&gt;
&lt;pre&gt;&lt;code&gt;$TotalHomeDirSizeMB = 0
foreach ($user in $ListofUsers)
{
    # Calculate sum of file sizes, grab Sum property value directly
    $HomeDirSize = (Get-ChildItem $user.HomeDirectory -Recurse | Measure-Object -Property length -sum).Sum
    # Calculate and store size in MB
    $HomeDirSizeMB = "{0:N2}" -f ($HomeDirSize / 1MB)
    # Add to cumulative size variable
    $TotalHomeDirSizeMB += $HomeDirSizeMB
    # Write results to screen + file  
    Write-Host "`r`n Size of:" $user.HomeDirectory
    Write-Host ("{0:N2} MB" -f $HomeDirSizeMB)
    "$($user.HomeDirectory) = $HomeDirSizeMB MB" | Out-File $LogFileName -Append
    # Remove Home Directory
    Remove-Item $user.HomeDirectory -Force -Recurse -ErrorAction SilentlyContinue
    Write-Host "`r`n Removed HomeDirectory: " $user.HomeDirectory
    # Wait for user to verify deletion from AD, preempt Confirmation if verified
    Write-Host "`r`n Verifying you want to remove the user: " $user.Name -ForegroundColor Yellow -BackgroundColor Red
    if ((Read-Host -Prompt "y for yes") -eq 'y'){
        Remove-ADObject $user.DistinguishedName -Confirm:$false
    }
}
Write-Host "Removed $TotalHomeDirSizeMB MB"
&lt;/code&gt;&lt;/pre&gt;
&lt;p&gt;I need a way to deal with the script not erroring out if the user's homedirectory is NULL in this AD attribute.&lt;/p&gt;
&lt;p&gt;I thought it would be an embedded IF statement below the foreach, but I can't get the If statement work properly, I keep getting syntax errors.&lt;/p&gt;
&lt;p&gt;Can anyone assist on what the IF statement would be to make sure the foreach code runs only if the HomeDirectory has a value?&lt;/p&gt;</t>
  </si>
  <si>
    <t>2016-12-14 20:40:37.800000+00:00</t>
  </si>
  <si>
    <t>2016-12-14 21:17:53.947000+00:00</t>
  </si>
  <si>
    <t>2017-05-23 12:13:54.113000+00:00</t>
  </si>
  <si>
    <t>powershell|foreach|null</t>
  </si>
  <si>
    <t>Jest get summary of passed and failed tests in json, xml or html file?</t>
  </si>
  <si>
    <t>&lt;p&gt;I'm currently using flag &lt;code&gt;--coverage&lt;/code&gt; to get in html a nice summary of test coverage in the project:&lt;/p&gt;
&lt;pre&gt;&lt;code&gt;node_modules/jest/bin/jest.js --coverage
&lt;/code&gt;&lt;/pre&gt;
&lt;p&gt;Is there anyway to just get the amount of passed and failed tests in a json, xml or html file?&lt;/p&gt;
&lt;p&gt;I'm using react-native + enzyme.&lt;/p&gt;</t>
  </si>
  <si>
    <t>2017-08-16 11:23:10.040000+00:00</t>
  </si>
  <si>
    <t>2017-08-16 11:41:18.270000+00:00</t>
  </si>
  <si>
    <t>reactjs|react-native|jestjs|enzyme</t>
  </si>
  <si>
    <t>Are there any technical problems using an animated GIF for a web site���s favicon instead of an actual .ico file?</t>
  </si>
  <si>
    <t>&lt;p&gt;When putting a favicon on your site, you can apparently use an animated gif, just by changing the gif file���s extension to &lt;code&gt;.ico&lt;/code&gt;.&lt;/p&gt;
&lt;ul&gt;
&lt;li&gt;&lt;a href="http://www.k-director.com/blog/how-to-add-an-animated-faviconico/" rel="nofollow noreferrer"&gt;http://www.k-director.com/blog/how-to-add-an-animated-faviconico/&lt;/a&gt;&lt;/li&gt;
&lt;/ul&gt;
&lt;p&gt;Have you encountered any problems doing this? (Aside from users being driven mad by some stupid little blinking favicon.)&lt;/p&gt;
&lt;p&gt;Have you seen a browser get confused by a gif file with a &lt;code&gt;.ico&lt;/code&gt; extension?&lt;/p&gt;</t>
  </si>
  <si>
    <t>2010-03-15 15:28:31.657000+00:00</t>
  </si>
  <si>
    <t>2010-05-02 18:06:09.657000+00:00</t>
  </si>
  <si>
    <t>2010-03-15 17:25:10.003000+00:00</t>
  </si>
  <si>
    <t>gif|favicon|animated-gif</t>
  </si>
  <si>
    <t>Passing -D System Properties to App Created with Gradle Application Plugin</t>
  </si>
  <si>
    <t>&lt;p&gt;I'm using the Gradle Application plugin which is generating a shell script for me.  I need to be able to pass system properties to my application via the shell script.  For example, this works...&lt;/p&gt;
&lt;pre&gt;&lt;code&gt;java -Dvar1=test -jar myApp.jar arg1
&lt;/code&gt;&lt;/pre&gt;
&lt;p&gt;But this doesn't work&lt;/p&gt;
&lt;pre&gt;&lt;code&gt;./myApp -Dvar1=test arg1
&lt;/code&gt;&lt;/pre&gt;
&lt;p&gt;Where myApp is the shell script.  My application also accepts arguments from the command line, which work fine.  What's happening is the &lt;code&gt;-D&lt;/code&gt; bit is being passed in as the first argument to my app when the first argument should be &lt;code&gt;arg1&lt;/code&gt;.  Is there something in my gradle config I can do to make this work? Or what?&lt;/p&gt;</t>
  </si>
  <si>
    <t>2014-02-19 15:43:27.767000+00:00</t>
  </si>
  <si>
    <t>2014-02-19 16:41:44.480000+00:00</t>
  </si>
  <si>
    <t>gradle|environment-variables</t>
  </si>
  <si>
    <t>Why the success of SCons build depends on variant_dir name?</t>
  </si>
  <si>
    <t>&lt;p&gt;I am bored to death with such behavior. So in &lt;strong&gt;SConstruct&lt;/strong&gt; file we have the last string like this one:&lt;/p&gt;
&lt;pre&gt;&lt;code&gt;import compilers, os
env = Environment(ENV = os.environ, TOOLS = ['default'])
def set_compiler(compiler_name):
    env.Replace(FORTRAN = compiler_name)
    env.Replace(F77 = compiler_name)
    env.Replace(F90 = compiler_name)
    env.Replace(F95 = compiler_name)
def set_flags(flags):
    env.Replace(FORTRANFLAGS = flags)
    env.Replace(F77FLAGS = flags)
    env.Replace(F90FLAGS = flags)
    env.Replace(F95FLAGS = flags)
mod_dir_prefix = {
    "gfortran": "-J ",
    "ifort": "-???",
    "pgfortran": "-module " 
}
flags = {
    ("gfortran", "debug"): "-O0 -g -Wall -Wextra -pedantic -fimplicit-none -fbounds-check -fbacktrace",
    ("gfortran", "release"): "-O3",
    ("pgfortran", "debug"): "-O0 -g -C -traceback",
    ("pgfortran",  "release"): "-O4"
}
if not GetOption('clean'):
    print "\nAvailable Fortran compilers:\n"
    for k, v in compilers.compilers_dict().iteritems():
        print "%10s : %s" % (k, v)
    compiler = raw_input("\nChoose compiler: ")
    set_compiler(compiler)
    debug_or_release = raw_input("\nDebug or release: ")
    set_flags(flags[(compiler, debug_or_release)])
    env.Replace(FORTRANMODDIRPREFIX = mod_dir_prefix[compiler])
    env.Replace(LINK = compiler)
    env.Replace(LINKCOM = "$LINK -o $TARGET $LINKFLAGS $SOURCES $_LIBDIRFLAGS $_LIBFLAGS $_FRAMEWORKPATH $_FRAMEWORKS $FRAMEWORKSFLAGS")
    env.Replace(LINKFLAGS = "")
env.Replace(FORTRANMODDIR = '#Mod')
Export('env')
SConscript('Sources/SConscript', variant_dir='Build', duplicate=0)
&lt;/code&gt;&lt;/pre&gt;
&lt;p&gt;compilers.py is my own module to find some Fortran compilers which are available.&lt;/p&gt;
&lt;p&gt;In Sources folder we have a couple of Fortran source files. &lt;/p&gt;
&lt;p&gt;&lt;strong&gt;Sources\SConscript&lt;/strong&gt;&lt;/p&gt;
&lt;pre&gt;&lt;code&gt;Import('env')
env.Program('app', Glob('*.f90'))
&lt;/code&gt;&lt;/pre&gt;
&lt;p&gt;Scons supports Fortran and everything works fine.&lt;/p&gt;
&lt;pre&gt;&lt;code&gt;gfortran -o Temp\kinds.o -c -O3 -JMod Sources\kinds.f90
gfortran -o Temp\math.o -c -O3 -JMod Sources\math.f90
gfortran -o Temp\sorts.o -c -O3 -JMod Sources\sorts.f90
gfortran -o Temp\utils.o -c -O3 -JMod Sources\utils.f90
gfortran -o Temp\main.o -c -O3 -JMod Sources\main.f90
gfortran -o Temp\app.exe Temp\kinds.o Temp\main.o Temp\math.o Temp\sorts.o Temp\utils.o
scons: done building targets.
&lt;/code&gt;&lt;/pre&gt;
&lt;p&gt;After renaming variant_dir name to let say &lt;code&gt;#Bin&lt;/code&gt; or &lt;code&gt;#Build&lt;/code&gt; we get error message:&lt;/p&gt;
&lt;pre&gt;&lt;code&gt;gfortran -o Bin\kinds.o -c -O3 -JMod Sources\kinds.f90
gfortran -o Bin\main.o -c -O3 -JMod Sources\main.f90
Sources\main.f90:3.11:
  USE sorts
           1
Fatal Error: Can't open module file 'sorts.mod' for reading at (1): No such file or directory
&lt;/code&gt;&lt;/pre&gt;
&lt;p&gt;Of course the order of compilation matters. But why it depends on variant_dir name? Seems like a bug, but maybe I'm doing something wrong.&lt;/p&gt;
&lt;p&gt;P.S. This behavior doesn't depend on &lt;code&gt;duplicate&lt;/code&gt; variable value.&lt;br&gt;
P.P.S. Tested with SCons 2.0.1 on Windows with Python 2.7 and Mac OS X with Python 2.5.1.&lt;/p&gt;</t>
  </si>
  <si>
    <t>2010-10-12 11:07:03.480000+00:00</t>
  </si>
  <si>
    <t>2014-03-27 14:22:34.227000+00:00</t>
  </si>
  <si>
    <t>2010-10-20 11:52:33.397000+00:00</t>
  </si>
  <si>
    <t>fortran|scons</t>
  </si>
  <si>
    <t>PowerShell Input Validation - Input should NOT be ALL numbers</t>
  </si>
  <si>
    <t>&lt;p&gt;I have the following code that works well for validating length...&lt;/p&gt;
&lt;pre&gt;&lt;code&gt;DO {
    $NewID = Read-Host -Prompt " NEW ID NAME of object (8-15 chars)   "
} UNTIL ($NewID.Length -gt 7 -and $WS_NewName.Length -lt 16)
&lt;/code&gt;&lt;/pre&gt;
&lt;p&gt;How can I include code that ensures input contains either an ALPHA or ALPHANUMERIC string, but NOT a purely NUMERIC one? &lt;/p&gt;</t>
  </si>
  <si>
    <t>2018-06-04 08:44:29.583000+00:00</t>
  </si>
  <si>
    <t>2018-07-13 07:03:44.890000+00:00</t>
  </si>
  <si>
    <t>validation|input</t>
  </si>
  <si>
    <t>How to take the seed for a random generator from the clock, programming in assembler</t>
  </si>
  <si>
    <t>&lt;p&gt;Compiler, TASM 5&lt;/p&gt;
&lt;p&gt;Architecture x86.&lt;/p&gt;
&lt;p&gt;For a random number generator algorithm, take tha clock as the seed.&lt;/p&gt;
&lt;hr&gt;
&lt;p&gt;I found that solution:&lt;/p&gt;
&lt;pre&gt;&lt;code&gt;AcquireSeed PROC
    PUSH AX
    PUSH CX
    PUSH DX
    MOV Ah, 00h ; Int
    INT 1AH     ; return the clock in CX:DX
    MOV seed, DL ; save the less significant byte of the clock at seed (declared at .data)
    POP DX
    POP CX
    POP DX
AcquireSeed endp
&lt;/code&gt;&lt;/pre&gt;</t>
  </si>
  <si>
    <t>2008-09-27 19:45:05.130000+00:00</t>
  </si>
  <si>
    <t>2008-11-16 01:46:00.733000+00:00</t>
  </si>
  <si>
    <t>SoapBox</t>
  </si>
  <si>
    <t>TCJ</t>
  </si>
  <si>
    <t>assembly|random</t>
  </si>
  <si>
    <t>Update MySql table from complicated Select</t>
  </si>
  <si>
    <t>&lt;p&gt;&lt;strong&gt;I have complex SELECT request:&lt;/strong&gt;&lt;/p&gt;
&lt;pre&gt;&lt;code&gt;select meta_value
from wp_posts v
left join wp_postmeta pm on (pm.post_id = v.id)
left join wp_posts p on (v.post_parent = p.id)
where meta_key in ('_price','_regular_price')
and v.post_type = 'product_variation'
and p.id = '1743'
limit 0,100
&lt;/code&gt;&lt;/pre&gt;
&lt;p&gt;It returns me 4 (four) needed fields with values like&lt;/p&gt;
&lt;pre&gt;&lt;code&gt;400
500
300
350
&lt;/code&gt;&lt;/pre&gt;
&lt;p&gt;I need to update these values and set their values equal, for example &lt;code&gt;1000&lt;/code&gt;.&lt;/p&gt;
&lt;p&gt;Can I, based on my &lt;code&gt;SELECT&lt;/code&gt;, run an &lt;code&gt;UPDATE&lt;/code&gt; query?&lt;/p&gt;</t>
  </si>
  <si>
    <t>2017-06-29 10:14:28.960000+00:00</t>
  </si>
  <si>
    <t>2017-06-30 06:01:21.097000+00:00</t>
  </si>
  <si>
    <t>2017-06-29 12:05:48.060000+00:00</t>
  </si>
  <si>
    <t>Cron Job in Cpanel - Timezone issue</t>
  </si>
  <si>
    <t>&lt;p&gt;I have a php file which works fine in browser as well as in cron job section. The only thing i am facing is the timezone which i want to run that cron is not syncing with the server timezone.&lt;/p&gt;
&lt;p&gt;I want to run the cron job in indian timezone everyday morning @ 7 am. But cron is not running @ 7 am instead it runs in some other time which am unable to identify since it vary each time it runs.I am using Godaddy Hosting services. Any help appreciated. &lt;/p&gt;</t>
  </si>
  <si>
    <t>2018-06-26 12:14:39.217000+00:00</t>
  </si>
  <si>
    <t>2018-06-26 12:18:24.803000+00:00</t>
  </si>
  <si>
    <t>php|cron|timezone|kubernetes-cronjob</t>
  </si>
  <si>
    <t>openCV module version with python 2.66</t>
  </si>
  <si>
    <t>&lt;p&gt;I'm trying to use the cv2 module on a Centos 6.8 system running python 2.6.6 
The repository installed module gives me only "cv"&lt;/p&gt;
&lt;p&gt;Does anyone know if the cv2 module is available on python 2.66? I'd rather not have to upgrade to python 2.7, since it risks all sorts of OS problems if I get it wrong!&lt;/p&gt;</t>
  </si>
  <si>
    <t>2017-04-07 08:58:46.527000+00:00</t>
  </si>
  <si>
    <t>python|opencv</t>
  </si>
  <si>
    <t>upstream sent too big header while reading response header from upstream, client (nginx, varnish)</t>
  </si>
  <si>
    <t>&lt;p&gt;I have been consistently getting a "upstream sent too big header while reading response header from upstream" error in my nginx log. &lt;/p&gt;
&lt;p&gt;To start with, this is the architecture I have:&lt;/p&gt;
&lt;p&gt;&lt;a href="https://i.stack.imgur.com/spnWL.png" rel="nofollow noreferrer"&gt;&lt;img src="https://i.stack.imgur.com/spnWL.png" alt="enter image description here"&gt;&lt;/a&gt;&lt;/p&gt;
&lt;p&gt;This error is logged by the nginx server running on port 8080.&lt;/p&gt;
&lt;blockquote&gt;
  &lt;p&gt;2018/07/06 11:17:29 [error] 18857#18857: *39687 upstream sent too big
  header while reading response header from upstream, client: 127.0.0.1,
  server: amr.com.au, request: "POST /wp-admin/admin-ajax.php HTTP/1.1",
  upstream: "fastcgi://unix:/var/run/php/php7.1-fpm.sock:", host:
  "amr.com.au", referrer: "&lt;a href="https://amr.com.au/wp-admin/" rel="nofollow noreferrer"&gt;https://amr.com.au/wp-admin/&lt;/a&gt;"&lt;/p&gt;
&lt;/blockquote&gt;
&lt;p&gt;i have tried this &lt;a href="https://stackoverflow.com/questions/13894386/upstream-too-big-nginx-codeigniter"&gt;Upstream too big - nginx + codeigniter&lt;/a&gt; but to no avail.&lt;/p&gt;
&lt;p&gt;I will put my php, nginx and varnish config here for reference.&lt;/p&gt;
&lt;p&gt;varnish:&lt;/p&gt;
&lt;pre&gt;&lt;code&gt;vcl 4.0;
backend default {
        .host = "127.0.0.1";
        .port = "8080";
        .connect_timeout = 600s;
        .first_byte_timeout = 600s;
        .between_bytes_timeout = 600s;
        .max_connections = 800;
}
acl purger {
        "localhost";
        "127.0.0.1";
}
sub vcl_recv {
    # Forward client's IP to the backend
    if (req.restarts == 0) {
        if (req.http.X-Real-IP) {
            set req.http.X-Forwarded-For = req.http.X-Real-IP;
        } else if (req.http.X-Forwarded-For) {
            set req.http.X-Forwarded-For = req.http.X-Forwarded-For + ", " + client.ip;
        } else {
            set req.http.X-Forwarded-For = client.ip;
        }
    }
    # pipe on weird http methods
    if (req.method !~ "^GET|HEAD|PUT|POST|TRACE|OPTIONS|DELETE$") {
        return(pipe);
    }
    if (req.method != "GET" &amp;amp;&amp;amp; req.method != "HEAD") {
        return(pass);
    }
    if (req.http.X-Requested-With == "XMLHttpRequest"){
      return (pass);
    }
    if (client.ip != "127.0.0.1" &amp;amp;&amp;amp; req.http.host ~ "amr.com.au") {
            set req.http.x-redir = "https://amr.com.au" + req.url;
            return(synth(850, ""));
    }
    if (req.method == "PURGE") {
            if (!client.ip ~ purger) {
                   return(synth(405, "This IP is not allowed to send PURGE requests."));
            }
            return (purge);
    }
    # Pass through the WooCommerce dynamic pages
    if (req.url ~ "^/(cart|my-account/*|checkout|wc-api/*|addons|logout|lost-password|product/*)") {
        return (pass);
    }
    # Pass through the WooCommerce add to cart
    if (req.url ~ "\?add-to-cart=" ) {
        return (pass);
    }
    # Pass through the WooCommerce API
    if (req.url ~ "\?wc-api=" ) {
        return (pass);
    }
}
sub vcl_synth {
        if (resp.status == 850) {
                set resp.http.Location = req.http.x-redir;
                set resp.status = 302;
                return (deliver);
        }
}
sub vcl_purge {
        set req.method = "GET";
        set req.http.X-Purger = "Purged";
        return (restart);
}
sub vcl_backend_response {
    if (beresp.status &amp;gt;= 300) {
        if (beresp.status == 500) {
            return (retry);
        }
        set beresp.uncacheable = true;
        set beresp.ttl = 2s;
    }
    else
    {
        set beresp.ttl = 24h;
        set beresp.grace = 1h;
    }
    if (bereq.url !~ "wp-admin|wp-login|product|cart|checkout|my-account|/?remove_item=|/?wc-ajax=") {
        unset beresp.http.set-cookie;
    }
}
sub vcl_deliver {
        if (req.http.X-Purger) {
                set resp.http.X-Purger = req.http.X-Purger;
        }
}
sub vcl_pipe {
        return (pipe);
}
sub vcl_pass {
        return (fetch);
}
&lt;/code&gt;&lt;/pre&gt;
&lt;p&gt;nginx.conf&lt;/p&gt;
&lt;pre&gt;&lt;code&gt;user admin;
worker_processes auto;
pid /run/nginx.pid;
include /etc/nginx/modules-enabled/*.conf;
worker_rlimit_nofile 50000;
events {
        use epoll;
    worker_connections 100000;
    multi_accept on;
}
http {
    ##
    # Basic Settings
    ##
    sendfile on;
    tcp_nopush on;
    tcp_nodelay on;
    keepalive_timeout 65s;
reset_timedout_connection on;
    types_hash_max_size 2048;
    server_tokens off;
    include /etc/nginx/mime.types;
    default_type application/octet-stream;
    ##
    # Gzip Settings
    ##
    gzip on;
        gzip_min_length 1000;
        gzip_types text/plain text/css application/json application/x-javascript text/xml application/xml application/xml+rss text/javascript;
    gzip_disable "msie6";
    open_file_cache max=50000 inactive=20s;
    open_file_cache_valid 30s;
    open_file_cache_min_uses 2;
    client_max_body_size 512m;
proxy_buffer_size   128k;
proxy_buffers   4 256k;
proxy_busy_buffers_size   256k;
    include /etc/nginx/conf.d/*.conf;
    include /etc/nginx/sites-enabled/*;
}
&lt;/code&gt;&lt;/pre&gt;
&lt;p&gt;nginx sites avaliable&lt;/p&gt;
&lt;pre&gt;&lt;code&gt;server {
   listen  443 ssl http2;
   listen  [::]:443 ssl http2;
   server_name  amr.com.au;
   port_in_redirect off;
   server_tokens off;
   more_clear_headers Server;
   ssl on;
   ssl_certificate_key /etc/letsencrypt/keys/0001_key-certbot.pem;
   ssl_certificate /etc/letsencrypt/live/amr.com.au/fullchain.pem;
   ssl_protocols TLSv1 TLSv1.1 TLSv1.2;
   ssl_ciphers 'ECDHE-ECDSA-CHACHA20-POLY1305:ECDHE-RSA-CHACHA20-POLY1305:ECDHE-ECDSA-AES128-GCM-SHA256:ECDHE-RSA-AES128-GCM-SHA256:ECDHE-ECDSA-AES256-GCM-SHA384:ECDHE-RSA-AES256-GCM-SHA384:DHE-RSA-AES128-GCM-SHA256:DHE-RSA-AES256-GCM-SHA384:ECDHE-ECDSA-AES128-SHA256:ECDHE-RSA-AES128-SHA256:ECDHE-ECDSA-AES128-SHA:ECDHE-RSA-AES256-SHA384:ECDHE-RSA-AES128-SHA:ECDHE-ECDSA-AES256-SHA384:ECDHE-ECDSA-AES256-SHA:ECDHE-RSA-AES256-SHA:DHE-RSA-AES128-SHA256:DHE-RSA-AES128-SHA:DHE-RSA-AES256-SHA256:DHE-RSA-AES256-SHA:ECDHE-ECDSA-DES-CBC3-SHA:ECDHE-RSA-DES-CBC3-SHA:EDH-RSA-DES-CBC3-SHA:AES128-GCM-SHA256:AES256-GCM-SHA384:AES128-SHA256:AES256-SHA256:AES128-SHA:AES256-SHA:DES-CBC3-SHA:!DSS';
   ssl_prefer_server_ciphers   on;
   ssl_session_cache   shared:SSL:20m;
   ssl_session_timeout 60m;
   ssl_session_tickets off;
   # Diffie-Hellman parameter for DHE ciphersuites, recommended 2048 bits
   ssl_dhparam /etc/nginx/ssl/dhparam.pem;
   add_header Strict-Transport-Security "max-age=31536000";
   add_header X-Content-Type-Options nosniff;
   add_header X-Frame-Options "SAMEORIGIN";
   add_header X-XSS-Protection "1; mode=block";
   # enable ocsp stapling (mechanism by which a site can convey certificate revocation information to visitors in a privacy-preserving, scalable manner)
   # http://blog.mozilla.org/security/2013/07/29/ocsp-stapling-in-firefox/
   resolver 8.8.8.8 8.8.4.4;
   ssl_stapling on;
   ssl_stapling_verify on;
   ssl_trusted_certificate /etc/letsencrypt/live/amr.com.au/fullchain.pem;
   location = /favicon.ico {
     log_not_found off;
     access_log off;
   }
   location = /robots.txt {
     allow all;
     log_not_found off;
     access_log off;
   }
   location / {
     proxy_pass http://127.0.0.1:80;
     proxy_http_version 1.1;
#     proxy_connect_timeout       300s;
#     proxy_send_timeout          300s;
#     proxy_read_timeout          300s;
#     send_timeout                300s;
#     proxy_set_header Connection "";
#     proxy_set_header Host $http_host;
#     proxy_set_header X-Forwarded-Host $http_host;
#     proxy_set_header X-Real-IP $remote_addr;
#     proxy_set_header X-Forwarded-For $proxy_add_x_forwarded_for;
#     proxy_set_header X-Forwarded-Proto https;
#     proxy_set_header HTTPS "on";
  # time out settings
  proxy_connect_timeout 159s;
  proxy_send_timeout   600s;
  proxy_read_timeout   600s;
#  proxy_buffer_size    256k;
#  proxy_buffers     32 256k;
#  proxy_busy_buffers_size 256k;
#  proxy_temp_file_write_size 256k;
  proxy_pass_header Set-Cookie;
  proxy_redirect     off;
  proxy_hide_header  Vary;
  proxy_set_header   Accept-Encoding '';
  proxy_ignore_headers Cache-Control Expires;
  proxy_set_header   Referer $http_referer;
  proxy_set_header   Host   $host;
  proxy_set_header   Cookie $http_cookie;
  proxy_set_header   X-Real-IP  $remote_addr;
  proxy_set_header X-Forwarded-Host $host;
  proxy_set_header X-Forwarded-Server $host;
  proxy_set_header X-Forwarded-For $proxy_add_x_forwarded_for;
     access_log /var/www/logs/ssl-access.log;
     error_log  /var/www/logs/ssl-error.log error;
     }
}
server {
   listen 8080;
   listen [::]:8080;
   server_name amr.com.au;
   root /var/www/amr-prod;
   index index.php;
   port_in_redirect off;
    client_header_buffer_size 2M;
    large_client_header_buffers 16 2M;
client_body_buffer_size 100M;
client_max_body_size 100M;
fastcgi_buffers 256 200k;
     access_log /var/www/logs/backend-access.log;
     error_log  /var/www/logs/backend-error.log warn;
   rewrite ^/sitemap(-+([a-zA-Z0-9_-]+))?\.xml$ "/index.php?xml_sitemap=params=$2" last;
   rewrite ^/sitemap(-+([a-zA-Z0-9_-]+))?\.xml\.gz$ "/index.php?xml_sitemap=params=$2;zip=true" last;
   rewrite ^/sitemap(-+([a-zA-Z0-9_-]+))?\.html$ "/index.php?xml_sitemap=params=$2;html=true" last;
   rewrite ^/sitemap(-+([a-zA-Z0-9_-]+))?\.html.gz$ "/index.php?xml_sitemap=params=$2;html=true;zip=true" last;
   location / {
      try_files $uri $uri/ /index.php?$args;
   }
   location ~ \.php$ {
       try_files $uri $document_root$fastcgi_script_name =404; 
       fastcgi_split_path_info ^(.+\.php)(/.+)$;
       include fastcgi_params;
       fastcgi_index index.php;
       fastcgi_param SCRIPT_FILENAME $document_root$fastcgi_script_name;
       fastcgi_param HTTPS on;
       fastcgi_pass unix:/var/run/php/php7.1-fpm.sock;
fastcgi_buffer_size 128k;
fastcgi_buffers 4 256k;
fastcgi_busy_buffers_size 256k;
       fastcgi_read_timeout 240s;
       }
}
&lt;/code&gt;&lt;/pre&gt;
&lt;p&gt;also for reference:&lt;/p&gt;
&lt;pre&gt;&lt;code&gt;awk '($9 ~ /200/) { i++;sum+=$10;max=$10&amp;gt;max?$10:max; } END { printf("Maximum: %d\nAverage: %d\n",max,i?sum/i:0); }' access.log
&lt;/code&gt;&lt;/pre&gt;
&lt;p&gt;Maximum: 62833994
Average: 68531&lt;/p&gt;
&lt;p&gt;Can someone help me work out why im getting that error? It doesnt seem to make any sense to me?? It looks like I have the configuration correct.&lt;/p&gt;
&lt;p&gt;Thanks in advance,&lt;/p&gt;
&lt;p&gt;Mike&lt;/p&gt;
&lt;p&gt;&lt;strong&gt;EDIT&lt;/strong&gt;:&lt;/p&gt;
&lt;p&gt;So, I made a replica server, and turned off Varnish, and hey presto, it works.. So theres something going on in Varnish. I havent had time to investigate it yet, but I will try to this week and update if I can work it out.&lt;/p&gt;</t>
  </si>
  <si>
    <t>2018-07-06 01:44:20.460000+00:00</t>
  </si>
  <si>
    <t>2018-07-12 01:13:54.380000+00:00</t>
  </si>
  <si>
    <t>2018-07-09 00:58:39.493000+00:00</t>
  </si>
  <si>
    <t>php|nginx|varnish|fpm</t>
  </si>
  <si>
    <t>How to generate one page per module with sphinx</t>
  </si>
  <si>
    <t>&lt;p&gt;We are using Sphinx to generate our Python documentation. &lt;/p&gt;
&lt;p&gt;This is the command line we use:&lt;/p&gt;
&lt;pre&gt;&lt;code&gt;sphinx-apidoc -F -o %WORKSPACE%\docs_rst %PACKAGE%
sphinx-build -b html %WORKSPACE%\docs_rst %WORKSPACE%\docs
&lt;/code&gt;&lt;/pre&gt;
&lt;p&gt;The problem is that we get one page per package. What we would really need though is one page per module as the page gets way too long otherwise.&lt;/p&gt;
&lt;p&gt;How would I set this up please?&lt;/p&gt;</t>
  </si>
  <si>
    <t>2012-07-25 05:52:34.367000+00:00</t>
  </si>
  <si>
    <t>2018-04-15 19:39:34.193000+00:00</t>
  </si>
  <si>
    <t>2012-07-25 21:14:35.187000+00:00</t>
  </si>
  <si>
    <t>python-sphinx</t>
  </si>
  <si>
    <t>Perceptron learning algorithm</t>
  </si>
  <si>
    <t>&lt;p&gt;I would like to interpret problem on picture below, which is about perceptron learning. It is about supervised learning wiht a training set, so correctness of values should be checked against a predefined set of values. I don't exactly know, how &lt;code&gt;A, B&lt;/code&gt; and &lt;code&gt;bias(b)&lt;/code&gt; values come. Could you please explain meaning of these and how these computed and changed during the learning process?&lt;/p&gt;
&lt;p&gt;&lt;a href="https://i.stack.imgur.com/T1598.jpg" rel="nofollow noreferrer"&gt;&lt;img src="https://i.stack.imgur.com/T1598.jpg" alt="perceptron learning"&gt;&lt;/a&gt;&lt;/p&gt;</t>
  </si>
  <si>
    <t>2016-12-16 09:00:32.487000+00:00</t>
  </si>
  <si>
    <t>2016-12-16 11:30:38.683000+00:00</t>
  </si>
  <si>
    <t>machine-learning|neural-network|artificial-intelligence|perceptron</t>
  </si>
  <si>
    <t>geom_text screwing legend</t>
  </si>
  <si>
    <t>&lt;p&gt;As stated, I am trying to label some points in a graph but when I use the geom_text command, the legends get an "a" character behind.&lt;/p&gt;
&lt;pre&gt;&lt;code&gt;ggplot(NewNMDS, aes(x=MDS1, y=MDS2, col=Temp)) +
   geom_point(size=2) +
   stat_ellipse() +
   theme_bw() +
   labs(title = "NMDS Plot")+ xlim(-1,1)
   geom_text(aes(label=Row.Names), vjust=1, hjust=0, nudge_x=0.01)
&lt;/code&gt;&lt;/pre&gt;
&lt;p&gt;As you can see in the following plot, there is an "a" character overlapping with the legend line.&lt;/p&gt;
&lt;p&gt;&lt;img src="https://i.stack.imgur.com/g9Ugt.png" alt="NMDS plot screenshot"&gt;&lt;/p&gt;
&lt;p&gt;The table that I'm using to plot this data has 5 rows (Row.Names, MDS1,MDS2,Biome and Temp). Since I'm trying to label the points, I added the row names into a column called "Row.Names" with the row names. I don't know if that is what's messing this up?&lt;/p&gt;</t>
  </si>
  <si>
    <t>2018-11-02 11:01:36.283000+00:00</t>
  </si>
  <si>
    <t>2018-11-02 11:41:51.780000+00:00</t>
  </si>
  <si>
    <t>r|ggplot2|plot|legend</t>
  </si>
  <si>
    <t>Deploying Docpad to Modulus in Production</t>
  </si>
  <si>
    <t>&lt;p&gt;I am wanting to know how to go about deploying my &lt;a href="http://docpad.org/docs/deploy" rel="nofollow noreferrer"&gt;docpad&lt;/a&gt; project to &lt;a href="https://modulus.io/codex/getting_started" rel="nofollow noreferrer"&gt;modulus&lt;/a&gt;. &lt;/p&gt;
&lt;p&gt;Assuming I need to be running in production mode to do so. I noticed for the static deployment on docpad you just upload the contents of the out directory. If we are using a node server do we upload the entire project direcory. Which I did try but I don't think my docpad.coffee settings were correct. You can see below my attempt at this.&lt;/p&gt;
&lt;h2&gt;docpad.coffee&lt;/h2&gt;
&lt;pre&gt;&lt;code&gt;    # ----------------
    # Server Configuration
    # Server Express
    # ----------------
    # The express.js instance that we want DocPad to use
    # If not set, we will create our own
    serverExpress: default
    # ----------------
    # Port
    # ----------------
    # Use to change the port that DocPad listens to
    # By default we will detect the appropriate port number for our environment
    # if no environment port number is detected we will use 9778 as the port number
    # Checked environment variables are:
    # - PORT - Heroku, Nodejitsu, Custom
    # - VCAP_APP_PORT - AppFog
    # - VMC_APP_PORT - CloudFoundry
    port: - PORT
&lt;/code&gt;&lt;/pre&gt;
&lt;p&gt;The First step according to the modulus site is to &lt;em&gt;Use the environment variable PORT. app.listen(process.env.PORT)&lt;/em&gt; I assumed that would meant adding the &lt;code&gt;- PORT&lt;/code&gt; to the &lt;strong&gt;docpad.coffee&lt;/strong&gt; file. &lt;/p&gt;
&lt;p&gt;As well I am not even sure how to have the site run in production when uploaded, remember I am just uploading the entire directory. Do I run a command from the Modulus server in terminal once the project is deployed?&lt;/p&gt;
&lt;p&gt;Modulus also asks  for the following in my packages.json file. I had most of them already except for the &lt;code&gt;"main": "path/to/custom_main.js"&lt;/code&gt; which I assumed was the docpad.coffee file, so I linked to that.&lt;/p&gt;
&lt;h2&gt;Package.json&lt;/h2&gt;
&lt;pre&gt;&lt;code&gt;    {
  "name": "zurb-foundation.docpad",
  "version": "0.4.0",
  "description": "Zurb Foundation skeleton for DocPad. Simple and flexible HTML, CSS, and Javascript for popular user interface components and interactions.",
  "homepage": "https://github.com/axyz/zurb-foundation.docpad",
  "keywords": [
    "docpad-skeleton",
    "docpad",
    "website",
    "foundation",
    "zurb foundation"
  ],
  "author": "Andrea Moretti &amp;lt;axyzxp@gmail.com&amp;gt;",
  "maintainers": [
    "Andrea Moretti &amp;lt;axyzxp@gmail.com&amp;gt;"
  ],
  "contributors": [
    "Andrea Moretti &amp;lt;axyzxp@gmail.com&amp;gt;"
  ],
  "bugs": {
    "url": "https://github.com/axyz/zurb-foundation.docpad/issues"
  },
  "repository": {
    "type": "git",
    "url": "http://github.com/axyz/zurb-foundation.docpad.git"
  },
  "engines": {
    "node": "0.10",
    "npm": "1.3"
  },
  "main": "docpad.coffee",
  "dependencies": {
    "docpad": "~6.54.1",
    "docpad-plugin-eco": "~2.0.2",
    "docpad-plugin-livereload": "~2.5.3",
    "docpad-plugin-coffeescript": "~2.2.2",
    "express" : "2.5.x",
    "ejs" : "0.8.x",
    "docpad-plugin-nodesass": "~2.1.1"
  },
  "main": "node_modules/docpad/bin/docpad-server",
  "scripts": {
    "start": "node_modules/docpad/bin/docpad-server"
  },
  "devDependencies": {}
}
&lt;/code&gt;&lt;/pre&gt;
&lt;p&gt;When I Deployed the site it did not work at all, I mean I had a link but the site didnt work. Any suggestions on what to do when deploying a docpad site to Modulus? I used the skeleton Foundation with Sass as well after installing docpad, which did work locally.&lt;/p&gt;
&lt;p&gt;Ok still trying to get this thing working, when I run the site now it works locally, and when I deploy it I get a link to a modulus subdomian that doesnt work. I went and checked the logs on the modulus site and this is what I get&lt;/p&gt;
&lt;h2&gt;Modulus Logs&lt;/h2&gt;
&lt;p&gt;...&lt;/p&gt;
&lt;pre&gt;&lt;code&gt;docpad-plugin-coffeescript@2.2.2 node_modules/docpad-plugin-coffeescript
��������� coffee-script@1.6.3
docpad-plugin-eco@2.0.2 node_modules/docpad-plugin-eco
��������� eco@1.1.0-rc-3 (strscan@1.0.1, coffee-script@1.6.3)
express@2.5.11 node_modules/express
��������� qs@0.4.2
��������� mime@1.2.4
��������� mkdirp@0.3.0
��������� connect@1.9.2 (formidable@1.0.14)
docpad-plugin-livereload@2.5.3 node_modules/docpad-plugin-livereload
��������� extendr@2.1.0 (typechecker@2.0.8)
��������� primus@1.4.4 (extendable@0.0.6, load@1.0.0)
��������� ws@0.4.31 (tinycolor@0.0.1, options@0.0.5, commander@0.6.1, nan@0.3.2)
docpad@6.54.4 node_modules/docpad
��������� lazy-require@1.0.0
��������� eachr@2.0.2
��������� extendr@2.1.0
��������� extract-opts@2.2.0
��������� caterpillar-filter@2.0.3
��������� envfile@1.0.0
��������� getmac@1.0.6
��������� commander@2.0.0
��������� ambi@2.1.6
��������� typechecker@2.0.8
��������� taskgroup@3.3.0
��������� mime@1.2.11
��������� query-engine@1.5.3
��������� bal-util@2.3.2
��������� safefs@3.0.3 (taskgroup@3.2.4)
��������� semver@2.2.1
��������� safeps@2.2.8 (taskgroup@3.2.4)
��������� caterpillar-human@2.1.1 (ansistyles@0.1.1, ansicolors@0.2.1)
��������� progressbar@1.0.3 (progress@1.1.2)
��������� event-emitter-grouped@2.3.1 (taskgroup@3.2.4)
��������� watchr@2.4.4 (taskgroup@3.2.4)
��������� promptly@0.2.0 (read@1.0.5)
��������� backbone@1.1.0 (underscore@1.5.2)
��������� jschardet@1.1.0
��������� superagent@0.15.7 (methods@0.0.1, cookiejar@1.3.0, debug@0.7.3, qs@0.6.5, emitter-component@1.0.0, reduce-component@1.0.1, mime@1.2.5, formidable@1.0.14)
��������� lodash@2.2.1
��������� cson@1.4.5 (requirefresh@1.1.2, coffee-script@1.6.3, js2coffee@0.2.3)
��������� caterpillar@2.0.6 (readable-stream@1.1.9)
��������� encoding@0.1.7 (iconv-lite@0.2.11)
��������� yamljs@0.1.4 (glob@3.1.21, argparse@0.1.15)
��������� express@3.4.4 (methods@0.1.0, range-parser@0.0.4, cookie-signature@1.0.1, fresh@0.2.0, debug@0.7.3, buffer-crc32@0.2.1, cookie@0.1.0, send@0.1.4, mkdirp@0.3.5, commander@1.3.2, connect@2.11.0)
docpad-plugin-nodesass@2.1.1 node_modules/docpad-plugin-nodesass
��������� node-neat@1.0.0
��������� node-bourbon@1.0.0
��������� taskgroup@3.2.4 (ambi@2.1.6)
��������� node-sass@0.7.0 (node-watch@0.3.4, colors@0.6.0-1, mkdirp@0.3.5, optimist@0.6.0, mocha@1.13.0)
INFO: Main file specified in package.json: node_modules/docpad/bin/docpad-server
INFO: Starting application.
[32minfo:[39m Welcome to DocPad v6.54.4 (global installation: /mnt/data/2/node_modules/docpad)
[32minfo:[39m Contribute: http://docpad.org/docs/contribute
[32minfo:[39m Plugins: 
[32minfo:[39m Environment: production
[32minfo:[39m DocPad listening to http://localhost:8080/ on directory /mnt/data/2/node_modules/docpad/bin/out
[32minfo:[39m Generating...
[33mnotice:[39m DocPad is currently running without any plugins installed. You probably want to install some: http://docpad.org/plugins
Error: Cannot generate website as the src dir was not found
    at /mnt/data/2/node_modules/docpad/out/lib/docpad.js:3102:21
    at /mnt/data/2/node_modules/docpad/node_modules/safefs/out/lib/safefs.js:185:16
    at Object.cb [as oncomplete] (fs.js:168:19)
[2013-11-03T17:19:32.095Z] Application initialized with pid 69363
&lt;/code&gt;&lt;/pre&gt;
&lt;p&gt;The entire log file can be seen here &lt;a href="https://gist.github.com/kitsondevelopment/7292623" rel="nofollow noreferrer"&gt;https://gist.github.com/kitsondevelopment/7292623&lt;/a&gt;&lt;/p&gt;
&lt;p&gt;It says it cant find the src directory however the source directory is there according to this screen shot so I do not understand.&lt;/p&gt;
&lt;p&gt;&lt;img src="https://i.stack.imgur.com/5spoG.png" alt="enter image description here"&gt;&lt;/p&gt;
&lt;h2&gt;Update&lt;/h2&gt;
&lt;p&gt;I just noticed that the error it is referring to the src directory in the node_modules/docpad directory, my app created with &lt;code&gt;docpad run&lt;/code&gt; did not have a src directory in node_modules/docpad. WHy might this be?&lt;/p&gt;</t>
  </si>
  <si>
    <t>2013-11-03 05:31:26.430000+00:00</t>
  </si>
  <si>
    <t>2013-11-05 04:28:27.203000+00:00</t>
  </si>
  <si>
    <t>2013-11-03 20:26:20.063000+00:00</t>
  </si>
  <si>
    <t>json|node.js|deployment|coffeescript|docpad</t>
  </si>
  <si>
    <t>Why Are HashMaps Implemented Using Powers of Two?</t>
  </si>
  <si>
    <t>&lt;p&gt;My question is why hashmap bucket size is power of 2 and I have gone through many answers on stackoverflow but i am still not convinced. Reasons are:&lt;/p&gt;
&lt;ol&gt;
&lt;li&gt;&lt;p&gt;I have read that having capacity as power of 2 makes &amp;amp; operation more efficient to calculate index so my question how exactly it is useful here. I can have size which might be power of 3 , I can still perform &amp;amp; operation like this (hash)&amp;amp;(length-1) so why exactly it should be power of 2 ?&lt;/p&gt;&lt;/li&gt;
&lt;li&gt;&lt;p&gt;Also if the capacity is not power of 2 why i need to do remainder operation?&lt;/p&gt;&lt;/li&gt;
&lt;/ol&gt;</t>
  </si>
  <si>
    <t>2018-11-28 19:31:14.177000+00:00</t>
  </si>
  <si>
    <t>2018-12-01 05:33:28.897000+00:00</t>
  </si>
  <si>
    <t>2018-11-28 20:40:16.967000+00:00</t>
  </si>
  <si>
    <t>java|hashmap</t>
  </si>
  <si>
    <t>GROUP BY and custom order</t>
  </si>
  <si>
    <t>&lt;p&gt;I've read through the answers on &lt;a href="https://stackoverflow.com/questions/14770671/mysql-order-by-before-group-by"&gt;MySQL order by before group by&lt;/a&gt; but applying it to my query ends up with a subquery in a subquery for a rather simple case so I'm wondering if this can be simplified:&lt;/p&gt;
&lt;h2&gt;Schema with sample data&lt;/h2&gt;
&lt;p&gt;For brevity I've omitted the other fields on the &lt;code&gt;members&lt;/code&gt; table. Also, there's many more tables joined in the actual application but those are straightforward to join. It's the &lt;code&gt;membership_stack&lt;/code&gt; table that's giving me issues.&lt;/p&gt;
&lt;pre&gt;&lt;code&gt;CREATE TABLE members (
  id int unsigned auto_increment,
  first_name varchar(255) not null,
  PRIMARY KEY(id)
);
INSERT INTO members (id, first_name)
     VALUES (1, 'Tyler'),
            (2, 'Marissa'),
            (3, 'Alex'),
            (4, 'Parker');
CREATE TABLE membership_stack (
  id int unsigned auto_increment,
  member_id int unsigned not null,
  sequence int unsigned not null,
  team varchar(255) not null,
  `status` varchar(255) not null,
  PRIMARY KEY(id),
  FOREIGN KEY(member_id) REFERENCES members(id)
);
-- Algorithm to determine correct team:
-- 1. Only consider rows with the highest sequence number
-- 2. Order statuses and pick the first one found:
--    (active, completed, cancelled, abandoned)
INSERT INTO membership_stack (member_id, sequence, team, status)
     VALUES (1, 1, 'instinct', 'active'),
            (1, 1, 'valor', 'abandoned'),
            (2, 1, 'valor', 'active'),
            (2, 2, 'mystic', 'abandoned'),
            (2, 2, 'valor', 'completed'),
            (3, 1, 'instinct', 'completed'),
            (3, 2, 'valor', 'active');
&lt;/code&gt;&lt;/pre&gt;
&lt;p&gt;I can't change the database schema because the data is synchronized with an external data source.&lt;/p&gt;
&lt;h2&gt;Query&lt;/h2&gt;
&lt;p&gt;This is what I have so far:&lt;/p&gt;
&lt;pre&gt;&lt;code&gt;    SELECT m.id, m.first_name, ms.sequence, ms.team, ms.status
      FROM membership_stack AS ms
      JOIN (
    SELECT member_id, MAX(sequence) AS sequence
      FROM membership_stack
  GROUP BY member_id
           ) AS t1
        ON ms.member_id = t1.member_id
       AND ms.sequence = t1.sequence
RIGHT JOIN members AS m
        ON ms.member_id = m.id
  ORDER BY m.id, FIELD(ms.status, 'active', 'completed', 'cancelled', 'abandoned');
&lt;/code&gt;&lt;/pre&gt;
&lt;p&gt;This works as expected but members may appear multiple times if their "most recent sequence" involves more than one team. What I need to do is aggregate again on &lt;code&gt;id&lt;/code&gt; and select the FIRST row in each group.&lt;/p&gt;
&lt;p&gt;However that poses some issues:&lt;/p&gt;
&lt;ol&gt;
&lt;li&gt;There is &lt;a href="https://stackoverflow.com/questions/13957082/selecting-first-and-last-values-in-a-group"&gt;no &lt;code&gt;FIRST()&lt;/code&gt; function in MySQL&lt;/a&gt;&lt;/li&gt;
&lt;li&gt;This entire resultset would become a subtable (subquery), which isn't a big deal here but the queries are quite big on the application.&lt;/li&gt;
&lt;li&gt;It needs to be compatible with &lt;a href="https://dev.mysql.com/doc/refman/5.7/en/sql-mode.html#sqlmode_only_full_group_by" rel="nofollow noreferrer"&gt;ONLY_FULL_GROUP_BY mode&lt;/a&gt; as it is enabled on MySQL 5.7 by default. I haven't checked but I doubt that &lt;code&gt;FIELD(ms.status, 'active', 'completed', 'cancelled', 'abandoned')&lt;/code&gt; is considered a functionally dependent field on this resultset. The query also needs to be compatible with MySQL 5.1 as that is what we are running at the moment.&lt;/li&gt;
&lt;/ol&gt;
&lt;h2&gt;Goal&lt;/h2&gt;
&lt;pre&gt;&lt;code&gt;| id | first_name | sequence |     team |    status |
|----|------------|----------|----------|-----------|
|  1 |      Tyler |        1 | instinct |    active |
|  2 |    Marissa |        2 |    valor | completed |
|  3 |       Alex |        2 |    valor |    active |
|  4 |     Parker |     NULL |     NULL |      NULL |
&lt;/code&gt;&lt;/pre&gt;
&lt;p&gt;What can I do about this?&lt;/p&gt;
&lt;p&gt;&lt;strong&gt;Edit:&lt;/strong&gt; It has come to my attention that some members don't belong to any team. These members should be included in the resultset with null values for those fields. Question updated to reflect new information.&lt;/p&gt;</t>
  </si>
  <si>
    <t>2017-03-11 20:48:36.647000+00:00</t>
  </si>
  <si>
    <t>2017-03-16 18:53:28.500000+00:00</t>
  </si>
  <si>
    <t>2017-03-16 18:29:48.457000+00:00</t>
  </si>
  <si>
    <t>mysql|group-by|sql-order-by|mysql-5.7|mysql-5.1</t>
  </si>
  <si>
    <t>How to upload a file to weed-fs</t>
  </si>
  <si>
    <t>&lt;p&gt;Hi I am trying to upload a file to weed-fs using the &lt;a href="https://github.com/simplebread/WeedFSClient" rel="nofollow" title="simplebread"&gt;weed-fs java client&lt;/a&gt;. I think I have successfully installed weed as per the instructions &lt;a href="https://code.google.com/p/weed-fs/wiki/GettingStarted" rel="nofollow" title="getting started with weed-fs"&gt;of how to install weed&lt;/a&gt;. In short I &lt;/p&gt;
&lt;ol&gt;
&lt;li&gt;start the master with the command &lt;code&gt;$./weed master&lt;/code&gt;&lt;/li&gt;
&lt;li&gt;then volume servers with &lt;code&gt;$./weed volume -port=9444&lt;/code&gt; my app server has already occupied port 8080&lt;/li&gt;
&lt;li&gt;test that everything is working by uploading a folder with the command `$./weed upload -dir="any_dir_with_small_files"&lt;/li&gt;
&lt;/ol&gt;
&lt;p&gt;To this point all is well.
In my app I try to post &lt;code&gt;multipart/form-data&lt;/code&gt; from the browser which is intercepted by a servlet that calls a class to deal with the upload.&lt;/p&gt;
&lt;pre&gt;&lt;code&gt;    public void upload(HttpServletRequest request) throws FileUploadException, IOException {
    client = new WeedFSClient(MASTER_ADDRESS, MASTER_PORT);
    if (ServletFileUpload.isMultipartContent(request)) {
        FileItemIterator fileItemIterator = new ServletFileUpload().getItemIterator(request);
        InputStream inputStream = null;
        while (fileItemIterator.hasNext()) {
            FileItemStream item = fileItemIterator.next();
            if (!item.isFormField()) {
                inputStream = item.openStream();
                File file = new File(request.getServletContext().getRealPath("/")+"img/uploads/"+item.getName());
                FileOutputStream fos = new FileOutputStream(file);
                Streams.copy(inputStream, fos, true);
                RequestResult result = client.upload(file);
                if (result.isSuccess()) {
                    System.out.println("uploaded file with ID "+result.getFid());
                }
            }
        }
    }
}
&lt;/code&gt;&lt;/pre&gt;
&lt;p&gt;When I run this I get a lot of debug info &lt;/p&gt;
&lt;pre&gt;&lt;code&gt;    Info:   DEBUG - Get connection for route {}-&amp;gt;http://localhost:9444
Info:   DEBUG - Connecting to localhost:9444
Info:   DEBUG - CookieSpec selected: best-match
Info:   DEBUG - Auth cache not set in the context
Info:   DEBUG - Target auth state: UNCHALLENGED
Info:   DEBUG - Proxy auth state: UNCHALLENGED
Info:   DEBUG - Attempt 1 to execute request
Info:   DEBUG - Sending request: POST /2,ace132597a HTTP/1.1
Info:   DEBUG - &amp;gt;&amp;gt; "POST /2,ace132597a HTTP/1.1[\r][\n]"
Info:   DEBUG - &amp;gt;&amp;gt; "Transfer-Encoding: chunked[\r][\n]"
Info:   DEBUG - &amp;gt;&amp;gt; "Content-Type: multipart/form-data; boundary=TVf_3Jwe1DSTTHoUnZcyiA5KCVUFixPeItY3[\r][\n]"
Info:   DEBUG - &amp;gt;&amp;gt; "Host: localhost:9444[\r][\n]"
Info:   DEBUG - &amp;gt;&amp;gt; "Connection: Keep-Alive[\r][\n]"
Info:   DEBUG - &amp;gt;&amp;gt; "User-Agent: Apache-HttpClient/4.2.5 (java 1.5)[\r][\n]"
Info:   DEBUG - &amp;gt;&amp;gt; "[\r][\n]"
Info:   DEBUG - &amp;gt;&amp;gt; POST /2,ace132597a HTTP/1.1
Info:   DEBUG - &amp;gt;&amp;gt; Transfer-Encoding: chunked
Info:   DEBUG - &amp;gt;&amp;gt; Content-Type: multipart/form-data; boundary=TVf_3Jwe1DSTTHoUnZcyiA5KCVUFixPeItY3
Info:   DEBUG - &amp;gt;&amp;gt; Host: localhost:9444
Info:   DEBUG - &amp;gt;&amp;gt; Connection: Keep-Alive
Info:   DEBUG - &amp;gt;&amp;gt; User-Agent: Apache-HttpClient/4.2.5 (java 1.5)
Info:   DEBUG - &amp;gt;&amp;gt; "1088[\r][\n]"
Info:   DEBUG - &amp;gt;&amp;gt; "--TVf_3Jwe1DSTTHoUnZcyiA5KCVUFixPeItY3[\r][\n]"
Info:   DEBUG - &amp;gt;&amp;gt; "Content-Disposition: form-data; name="fileBody"; filename="23.jpg"[\r][\n]"
Info:   DEBUG - &amp;gt;&amp;gt; "Content-Type: text/plain[\r][\n]"
Info:   DEBUG - &amp;gt;&amp;gt; "[\r][\n]"
Info:   DEBUG - &amp;gt;&amp;gt; "[0xff][0xd8][0xff][0xe0][0x0][0x10]JFIF[0x0][0x1][0x1][0x1][0x0]H[0x0]H[0x0][0x0][0xff][0xe1][0x16][0xf2]Exif[0x0][0x0]II*[0x0][0x8][0x0][0x0][0x0][0x17][0x0][0x0][0x1][0x3][0x0][0x1][0x0][0x0][0x0][0x90][0x6][0x0][0x0][0x1][0x1][0x3][0x0][0x1][0x0][0x0][0x0][0x1a][0x4][0x0][0x0][0x2][0x1][0x3][0x0][0x3][0x0][0x0][0x0]"[0x1][0x0][0x0][0x6][0x1][0x3][0x0][0x1][0x0][0x0][0x0][0x2][0x0][0x0][0x0][0xf][0x1][0x2][0x0][0x6][0x0][0x0][0x0]([0x1][0x0][0x0][0x10][0x1][0x2][0x0][0x15][0x0][0x0][0x0].[0x1][0x0][0x0][0x12][0x1][0x3][0x0][0x1][0x0][0x0][0x0][0x1][0x0][0x0][0x0][0x15][0x1][0x3][0x0][0x1][0x0][0x0][0x0][0x3][0x0][0x0][0x0][0x1a][0x1][0x5][0x0][0x1][0x0][0x0][0x0]D[0x1][0x0][0x0][0x1a][0x1][0x5][0x0][0x1][0x0][0x0][0x0]L[0x1][0x0][0x0][0x1b][0x1][0x5]
&lt;/code&gt;&lt;/pre&gt;
&lt;p&gt;this goes on like this for like x10 the height of my screen not forgetting I have set a very tiny font size.
Can someone please tell me how this should be done. And I will also appreciate it if you can guide me to a proper guide to a java client for weed fs. Thanks in advance.&lt;/p&gt;</t>
  </si>
  <si>
    <t>2014-10-01 21:19:32.897000+00:00</t>
  </si>
  <si>
    <t>2014-11-13 09:07:26.300000+00:00</t>
  </si>
  <si>
    <t>java|distributed|weed-fs</t>
  </si>
  <si>
    <t>Getting Caliburn.micro to update a user control that wraps a winforms component</t>
  </si>
  <si>
    <t>&lt;p&gt;I am trying to have a winforms graph (System.Windows.Forms.DataVisualization) in a WPF application with Caliburn.micro.&lt;/p&gt;
&lt;p&gt;I have a user control which basically wraps the Chart and presents it in a control.
It looks like this:&lt;/p&gt;
&lt;pre&gt;&lt;code&gt;&amp;lt;DockPanel LastChildFill="true"&amp;gt;
    &amp;lt;WindowsFormsHost x:Name="WindowsFormsHost"&amp;gt;
        &amp;lt;winformchart:Chart x:Name="WinformChart" Dock="Fill" MouseClick="ChartControl_MouseClick"&amp;gt;
            &amp;lt;winformchart:Chart.Series&amp;gt;
                &amp;lt;winformchart:Series Name="series" ChartType="Line"/&amp;gt;
            &amp;lt;/winformchart:Chart.Series&amp;gt;
            &amp;lt;winformchart:Chart.ChartAreas&amp;gt;
                &amp;lt;winformchart:ChartArea/&amp;gt;
            &amp;lt;/winformchart:Chart.ChartAreas&amp;gt;
        &amp;lt;/winformchart:Chart&amp;gt;
    &amp;lt;/WindowsFormsHost&amp;gt;
&amp;lt;/DockPanel&amp;gt;
&lt;/code&gt;&lt;/pre&gt;
&lt;p&gt;The control is used in a view that has a corresponding view model. I would like to have the view model update the chart.&lt;/p&gt;
&lt;p&gt;This is how I wire up the chart to the view model:&lt;/p&gt;
&lt;pre&gt;&lt;code&gt;_view = IoC.Get&amp;lt;MyView&amp;gt;();
Chart = _view.ChartControl1.WinformChart;
&lt;/code&gt;&lt;/pre&gt;
&lt;p&gt;where &lt;code&gt;ChartControl1&lt;/code&gt; is the XAML name of the chart in the view, and &lt;code&gt;Chart&lt;/code&gt; is a property in the view model.  &lt;/p&gt;
&lt;p&gt;&lt;strong&gt;1) Is this really a good idea of wiring up the user control to the view model?&lt;/strong&gt;&lt;/p&gt;
&lt;p&gt;My view model updates the chart values (&lt;code&gt;Chart.Series[0].Points[i].SetValueXY(i, data[i])&lt;/code&gt;) and then it invalidates &lt;code&gt;Chart&lt;/code&gt; to update the user control.
However, nothing is displayed in the control.&lt;/p&gt;
&lt;p&gt;&lt;strong&gt;2) What could be wrong with this approach?&lt;/strong&gt;&lt;/p&gt;
&lt;p&gt;&lt;strong&gt;2.a) Does Caliburn.micro need some special instruction that it should update the user control?&lt;/strong&gt;&lt;/p&gt;</t>
  </si>
  <si>
    <t>2013-03-20 09:52:33.760000+00:00</t>
  </si>
  <si>
    <t>wpf|caliburn.micro</t>
  </si>
  <si>
    <t>Google App Engine not able to show images and css</t>
  </si>
  <si>
    <t>&lt;p&gt;I am new to GAE and trying to deploy my php application on it but when i open main.php in browser it donot show any css and images .&lt;/p&gt;
&lt;p&gt;my &lt;strong&gt;directory sttructure&lt;/strong&gt; is&lt;/p&gt;
&lt;p&gt;&lt;img src="https://i.stack.imgur.com/Oeo83.png" alt="Directory Structure"&gt;&lt;/p&gt;
&lt;p&gt;my &lt;strong&gt;app.yaml&lt;/strong&gt;&lt;/p&gt;
&lt;pre&gt;&lt;code&gt;application: blogakash
version: 1
runtime: php
api_version: 1
threadsafe: yes
handlers:
- url: /favicon\.ico
  static_files: favicon.ico
  upload: favicon\.ico
- url: .*
  script: main.php
- url: /install_ubuntu.php
  script: install_ubuntu.php
- url: /install_virtualbox.php
  script: install_virtualbox.php
- url: /install_xampp.php
  script: install_xampp.php
- url: /tutorials.php
  script: tutorials.php
- url: /images
  static_dir: images
- url: /css
  static_dir: css
&lt;/code&gt;&lt;/pre&gt;
&lt;p&gt;and my &lt;strong&gt;logs&lt;/strong&gt;&lt;/p&gt;
&lt;pre&gt;&lt;code&gt;   2014-07-29 22:27:36 Running command: "['C:\\Python27\\pythonw.exe', 'C:\\Program Files (x86)\\Google\\google_appengine\\dev_appserver.py', '--skip_sdk_update_check=yes', '--port=9080', '--admin_port=8001', u'E:\\Software\\gae\\blogakash']"
INFO     2014-07-29 22:27:39,638 devappserver2.py:671] Skipping SDK update check.
WARNING  2014-07-29 22:27:39,653 api_server.py:341] Could not initialize images API; you are likely missing the Python "PIL" module.
INFO     2014-07-29 22:27:39,667 api_server.py:138] Starting API server at: http://localhost:57015
INFO     2014-07-29 22:27:39,674 dispatcher.py:171] Starting module "default" running at: http://localhost:9080
INFO     2014-07-29 22:27:40,480 admin_server.py:117] Starting admin server at: http://localhost:8001
INFO     2014-07-29 22:28:35,926 module.py:612] default: "GET /main.php HTTP/1.1" 200 812
INFO     2014-07-29 22:28:57,207 module.py:612] default: "GET /css/design.css HTTP/1.1" 200 812
INFO     2014-07-29 22:28:57,413 module.py:612] default: "GET /images/dp.jpg HTTP/1.1" 200 812
INFO     2014-07-29 22:29:25,967 module.py:612] default: "GET /main.php HTTP/1.1" 200 812
INFO     2014-07-29 22:29:47,345 module.py:612] default: "GET /css/design.css HTTP/1.1" 200 812
INFO     2014-07-29 22:29:47,417 module.py:612] default: "GET /images/dp.jpg HTTP/1.1" 200 812
INFO     2014-07-29 22:30:17,378 module.py:612] default: "GET /tutorials.php HTTP/1.1" 200 812
INFO     2014-07-29 22:30:38,638 module.py:612] default: "GET /css/design.css HTTP/1.1" 200 812
INFO     2014-07-29 22:30:38,815 module.py:612] default: "GET /images/dp.jpg HTTP/1.1" 200 812
INFO     2014-07-29 22:36:03,042 module.py:612] default: "GET /tutorials.php HTTP/1.1" 200 812
INFO     2014-07-29 22:36:24,342 module.py:612] default: "GET /css/design.css HTTP/1.1" 200 812
INFO     2014-07-29 22:36:24,540 module.py:612] default: "GET /images/dp.jpg HTTP/1.1" 200 812
INFO     2014-07-29 22:36:24,559 module.py:612] default: "GET /favicon.ico HTTP/1.1" 304 -
INFO     2014-07-29 22:39:00,559 module.py:612] default: "GET /tutorials.php HTTP/1.1" 200 812
INFO     2014-07-29 22:39:21,766 module.py:612] default: "GET /css/design.css HTTP/1.1" 200 812
INFO     2014-07-29 22:39:22,053 module.py:612] default: "GET /images/dp.jpg HTTP/1.1" 200 812
INFO     2014-07-29 22:39:22,066 module.py:612] default: "GET /favicon.ico HTTP/1.1" 304 -
INFO     2014-07-29 22:40:44,042 api_server.py:538] Applying all pending transactions and saving the datastore
INFO     2014-07-29 22:40:44,042 api_server.py:541] Saving search indexes
2014-07-29 22:40:44 (Process exited with code 0)
&lt;/code&gt;&lt;/pre&gt;
&lt;p&gt;GAE is unable to upload my css and images.I am unable to understand what the log says.I have also searched the similar threads on stack tried most of it but dint get any output.&lt;/p&gt;
&lt;p&gt;&lt;strong&gt;Am i missing something in installation or configuration ?&lt;/strong&gt; &lt;/p&gt;
&lt;p&gt;Thanks.&lt;/p&gt;</t>
  </si>
  <si>
    <t>2014-07-29 17:34:51.540000+00:00</t>
  </si>
  <si>
    <t>php|css|image|google-app-engine</t>
  </si>
  <si>
    <t>Backbone router only triggering first time, not working after resubmit?</t>
  </si>
  <si>
    <t>&lt;p&gt;All,&lt;/p&gt;
&lt;p&gt;I am using a router with "#search" to start initiate a collection fetch from another view.&lt;/p&gt;
&lt;pre&gt;&lt;code&gt;**Router code**
    // DesktopRouter.js
    // ----------------
    define(["jquery", "backbone", "views/Page", "views/Form", "views/Results"],
        function ($, Backbone, Page, Form, Results)
        {
            var DesktopRouter = Backbone.Router.extend({
                initialize: function ()
                {
                    // Tells Backbone to start watching for hashchange events
                    Backbone.history.start();
                },
                // All of your Backbone Routes (add more)
                routes: {
                    // When there is no hash on the url, the home method is called
                    "": "index",
                    "search": "search"
                },
                index: function ()
                {
                    console.log("Loading index");
                    // Instantiates a new view which will render the header text to the page
                    new Page();
                    new Form();
                },
                search: function ()
                {
                    console.log("Loading search results view : " + selectedTrade);
                    var selectedTrade = $("#tradesField").val();
                    new Results(selectedTrade) //pass this value to the view which in turn passes to collection to pass in GET
                }
...
&lt;/code&gt;&lt;/pre&gt;
&lt;p&gt;&lt;strong&gt;Form&lt;/strong&gt;&lt;/p&gt;
&lt;p&gt;With action "#search"&lt;/p&gt;
&lt;pre&gt;&lt;code&gt; &amp;lt;div class="col-md-3" id="form"&amp;gt;
            &amp;lt;p class="lead"&amp;gt;Search for Tradesmen&amp;lt;/p&amp;gt;
            &amp;lt;div class="form-group"&amp;gt;
                &amp;lt;form action="#search"&amp;gt;
                    &amp;lt;input id="tradesField" type="text" class="form-control"&amp;gt;
                    &amp;lt;input id="searchTrades" type="submit" value="Search" class="btn btn-default form-control" /&amp;gt;
                &amp;lt;/form&amp;gt;
            &amp;lt;/div&amp;gt;
        &amp;lt;/div&amp;gt;
&lt;/code&gt;&lt;/pre&gt;
&lt;p&gt;When submitting the form the first time, it works fine. However I cannot resubmit the query and trigger the functionality after the first time. I have to keep refreshing the page and removing the #search tag.&lt;/p&gt;
&lt;p&gt;How can I get this to work for each form submit?&lt;/p&gt;</t>
  </si>
  <si>
    <t>2015-07-08 15:17:35.353000+00:00</t>
  </si>
  <si>
    <t>2015-07-08 15:40:12.983000+00:00</t>
  </si>
  <si>
    <t>javascript|backbone.js|backbone-routing</t>
  </si>
  <si>
    <t>Not able to use bcrypt in matching passwords in angular app</t>
  </si>
  <si>
    <t>&lt;p&gt;When I register with email and password in my angular app I succeed. However, when I try to login I get an error. On the back end of my Angular App which is being served by Node and MongoDB I keep getting the following errors:&lt;/p&gt;
&lt;pre&gt;&lt;code&gt;C:\Users\my_name\Documents\Sites\css-wx\api\api.js:47
        if(err) throw err;
                ^
 Not a valid BCrypt hash.
 [nodemon] app crashed - waiting for file changes before starting...
&lt;/code&gt;&lt;/pre&gt;
&lt;p&gt;Here are my node js files the first one the app.js&lt;/p&gt;
&lt;p&gt;&lt;div class="snippet" data-lang="js" data-hide="false"&gt;_x000D_
&lt;div class="snippet-code"&gt;_x000D_
&lt;pre class="snippet-code-js lang-js prettyprint-override"&gt;&lt;code&gt;var express = require('express');_x000D_
var bodyParser = require('body-parser');_x000D_
var mongoose = require('mongoose');_x000D_
var User = require('./models/User.js');_x000D_
var jwt = require('jwt-simple');_x000D_
/* Use the custom service if you do not want to use JWT Simple */_x000D_
//var jwt = require('./services/jwt.js');_x000D_
_x000D_
var app = express();_x000D_
_x000D_
app.use(bodyParser.json());_x000D_
_x000D_
app.use(function(req, res, next) {_x000D_
  res.header('Access-Control-Allow-Origin', '*');_x000D_
  res.header('Access-Control-Allow-Methods', 'GET,PUT,POST,DELETE');_x000D_
  res.header('Access-Control-Allow-Headers', 'Content-Type, Authorization');_x000D_
_x000D_
  next();_x000D_
});_x000D_
_x000D_
app.post('/register', function(req, res) {_x000D_
  var user = req.body;_x000D_
_x000D_
  var newUser = new User({_x000D_
    email: user.email,_x000D_
    password: user.password_x000D_
  });_x000D_
_x000D_
  newUser.save(function(err) {_x000D_
    //res.status(200).json(newUser);_x000D_
    createSendToken(newUser, res);_x000D_
  })_x000D_
});_x000D_
_x000D_
app.post('/login', function(req, res) {_x000D_
  req.user = req.body;_x000D_
  var searchUser = {_x000D_
    email: req.user.email_x000D_
  };_x000D_
  User.findOne(searchUser, function(err, user) {_x000D_
    if (err) throw err_x000D_
_x000D_
    if (!user)_x000D_
      return res.status(401).send({_x000D_
        message: 'Wrong email/password'_x000D_
      });_x000D_
_x000D_
    user.comparePasswords(req.user.password, function(err, isMatch) {_x000D_
      if (err) throw err;_x000D_
_x000D_
      if (!isMatch)_x000D_
        return res.status(401).send({_x000D_
          message: 'Wrong email/password'_x000D_
        });_x000D_
_x000D_
      createSendToken(user, res);_x000D_
    });_x000D_
  });_x000D_
});_x000D_
_x000D_
function createSendToken(user, res) {_x000D_
  var payload = {_x000D_
    sub: user.id_x000D_
  }_x000D_
_x000D_
  var token = jwt.encode(payload, 'shhh..');_x000D_
_x000D_
  res.status(200).send({_x000D_
    user: user.toJSON(),_x000D_
    token: token_x000D_
  })_x000D_
}_x000D_
_x000D_
var monitors = [_x000D_
  'Monitoring',_x000D_
  'Map',_x000D_
  'Event List',_x000D_
  'Waterplant'_x000D_
];_x000D_
_x000D_
app.get('/monitors', function(req, res) {_x000D_
  if (!req.headers.authorization) {_x000D_
    return res.status(401).send({_x000D_
      message: 'You are not authorized'_x000D_
    });_x000D_
  }_x000D_
_x000D_
  var token = req.headers.authorization.split(' ')[1];_x000D_
  var payload = jwt.decode(token, "shh..");_x000D_
  if (!payload.sub) {_x000D_
    res.status(401).send({_x000D_
      message: 'Authentication failed'_x000D_
    });_x000D_
  }_x000D_
  res.json(monitors);_x000D_
});_x000D_
_x000D_
mongoose.connect('mongodb://localhost/csswx');_x000D_
_x000D_
//console.log(jwt.encode('hi', 'secret'));_x000D_
_x000D_
var server = app.listen(3000, function() {_x000D_
  console.log('api listening on ', server.address().port);_x000D_
});&lt;/code&gt;&lt;/pre&gt;_x000D_
&lt;/div&gt;_x000D_
&lt;/div&gt;_x000D_
Here are my node js files the first one the User.js&lt;/p&gt;
&lt;p&gt;&lt;div class="snippet" data-lang="js" data-hide="false"&gt;_x000D_
&lt;div class="snippet-code"&gt;_x000D_
&lt;pre class="snippet-code-js lang-js prettyprint-override"&gt;&lt;code&gt;var mongoose = require('mongoose');_x000D_
var bcrypt = require('bcrypt-nodejs');_x000D_
//var bcrypt = require('bcryptjs');_x000D_
_x000D_
var UserSchema = new mongoose.Schema({_x000D_
  email: String,_x000D_
  password: String_x000D_
});_x000D_
_x000D_
UserSchema.methods.toJSON = function() {_x000D_
  var user = this.toObject();_x000D_
  delete user.password;_x000D_
  return user;_x000D_
};_x000D_
_x000D_
UserSchema.methods.comparePasswords = function(password, callback) {_x000D_
  bcrypt.compare(password, this.password, callback);_x000D_
}_x000D_
_x000D_
UserSchema.pre('save', function(next) {_x000D_
  var user = this;_x000D_
_x000D_
  if (!user.isModified('password')) return next();_x000D_
_x000D_
  bcrypt.genSalt(10, function(err, salt) {_x000D_
    if (err) return next(err);_x000D_
_x000D_
    bcrypt.hash(user.password, salt, null, function(err, hash) {_x000D_
      if (err) return next(err);_x000D_
_x000D_
      user.password = hash;_x000D_
      next();_x000D_
    })_x000D_
  })_x000D_
})_x000D_
_x000D_
module.exports = mongoose.model('User', UserSchema);&lt;/code&gt;&lt;/pre&gt;_x000D_
&lt;/div&gt;_x000D_
&lt;/div&gt;_x000D_
&lt;/p&gt;</t>
  </si>
  <si>
    <t>2016-04-14 14:12:43.660000+00:00</t>
  </si>
  <si>
    <t>javascript|angularjs|node.js|mongodb</t>
  </si>
  <si>
    <t>Splitting python codebase with single package</t>
  </si>
  <si>
    <t>&lt;p&gt;I have some python code that consists of server, client, and common code that I'm trying to split into separate project sharing a package namespace. I've seen a few similar questions, but they seem to refer to packages that are separate but have a name collision.&lt;/p&gt;
&lt;p&gt;I'm trying to make a simple example work with&lt;/p&gt;
&lt;pre&gt;&lt;code&gt;a
��������� pkg
������� ��������� a.py
������� ��������� __init__.py
��������� setup.py
b
��������� pkg
������� ��������� b.py
������� ��������� __init__.py
��������� setup.py
&lt;/code&gt;&lt;/pre&gt;
&lt;p&gt;&lt;strong&gt;a/setup.py&lt;/strong&gt;&lt;/p&gt;
&lt;pre&gt;&lt;code&gt;import setuptools
setuptools.setup(
    name='pkg_a',
    packages=setuptools.find_packages(),
    entry_points={
        'console_scripts': [
            'pkga=pkg.a:main'
        ]
    }
)
&lt;/code&gt;&lt;/pre&gt;
&lt;p&gt;&lt;strong&gt;a.py&lt;/strong&gt;&lt;/p&gt;
&lt;pre&gt;&lt;code&gt;def main():
    print('Module A')
&lt;/code&gt;&lt;/pre&gt;
&lt;p&gt;Note that &lt;code&gt;b/setup.py&lt;/code&gt; and &lt;code&gt;b.py&lt;/code&gt; are the same with references to &lt;code&gt;a&lt;/code&gt; changed to &lt;code&gt;b&lt;/code&gt;.&lt;/p&gt;
&lt;p&gt;If I do a &lt;code&gt;pip install .&lt;/code&gt; in each of these directories, the commands &lt;code&gt;pka&lt;/code&gt; and &lt;code&gt;pkgb&lt;/code&gt; both work, but an &lt;code&gt;import pkg.a&lt;/code&gt; or &lt;code&gt;import pkg.b&lt;/code&gt; only works with the last one installed. Both &lt;code&gt;a.py&lt;/code&gt; and &lt;code&gt;b.py&lt;/code&gt;, along with a single empty &lt;code&gt;__init__.py&lt;/code&gt; are in &lt;code&gt;site-packages/pkg&lt;/code&gt;.&lt;/p&gt;
&lt;p&gt;Is there any way to make this setup work? Is it be a bad idea to try to share a package name across packages?&lt;/p&gt;</t>
  </si>
  <si>
    <t>2017-10-23 18:21:30.443000+00:00</t>
  </si>
  <si>
    <t>2017-10-23 18:41:13.790000+00:00</t>
  </si>
  <si>
    <t>python|setuptools|python-packaging</t>
  </si>
  <si>
    <t>inline editing with angularjs</t>
  </si>
  <si>
    <t>&lt;p&gt;I'm trying to do inline editing in a form with an Angular directive, unfortunately I ran into two issues and I can't get around them, so a second opinion will be very much appreciated.&lt;/p&gt;
&lt;p&gt;here is the fiddle: &lt;a href="http://jsfiddle.net/jorgecas99/bc65N/" rel="nofollow"&gt;http://jsfiddle.net/jorgecas99/bc65N/&lt;/a&gt;&lt;/p&gt;
&lt;p&gt;Question 1:
As you can see I added a section that is suppose to listen to key strokes (in this case the esc key) and exit the edit mode, unfortunately it is not working. I tried listening for key 13 which is 'enter' and that worked ok, so I don't understand.&lt;/p&gt;
&lt;p&gt;Question 2:
I will like to change the second field to a dropdown when you click to edit it without having to create a new directive, is that even possible? I certainly care about number of lines of code so if this can be achieve with one directive, then that would be my preferred option.&lt;/p&gt;
&lt;p&gt;Thank you!&lt;/p&gt;</t>
  </si>
  <si>
    <t>2012-10-17 22:37:02.747000+00:00</t>
  </si>
  <si>
    <t>2012-10-31 15:36:44.173000+00:00</t>
  </si>
  <si>
    <t>Why is the scanner function not working?</t>
  </si>
  <si>
    <t>&lt;p&gt;So this code takes the value of n and returns a list of divisors as well as the total number of divisors. If I remove the &lt;code&gt;Scanner&lt;/code&gt; declaration and its assignment to int n and simply give int n a value, the code runs perfectly.&lt;/p&gt;
&lt;p&gt;However, as it is, it returns this: &lt;/p&gt;
&lt;pre&gt;&lt;code&gt;Exception in thread "main" java.lang.ArrayIndexOutOfBoundsException: 0
    at Program.main(Program.java:25)
&lt;/code&gt;&lt;/pre&gt;
&lt;p&gt;I have no idea what the problem is.&lt;/p&gt;
&lt;pre&gt;&lt;code&gt;import java.util.Scanner;
public class Program{
    static int n;
    static int x = 1;
    static int [] arr = new int[n];
    static int q = 0;
    static int g = 0;
    static int p = 1;
    static int count;
    public static void main(String[] args){
         Scanner scan = new Scanner(System.in);
         int n = scan.nextInt();
         while(x &amp;lt;= n){
            arr [q] = p; //assigns value to each array index
            g = n%arr[q]; // stores value of remainder
            q++; 
            p++;
            x++;
            if (g == 0){ //counts and displays each time remainder  = 0
                count++;
                System.out.println(q);
            }
        }
        System.out.println(count + " Divisors");
}
}
&lt;/code&gt;&lt;/pre&gt;</t>
  </si>
  <si>
    <t>2017-07-25 00:52:38.140000+00:00</t>
  </si>
  <si>
    <t>2017-07-25 01:16:41.550000+00:00</t>
  </si>
  <si>
    <t>2017-07-25 00:53:58.577000+00:00</t>
  </si>
  <si>
    <t>java|arrays|java.util.scanner</t>
  </si>
  <si>
    <t>How to input a time into firebase with AngularFire?</t>
  </si>
  <si>
    <t>&lt;p&gt;I'd like a user to be able to submit a time into the firebase database by selecting a time from the input box. &lt;/p&gt;
&lt;p&gt;I know how to have the user enter text into firebase based on the &lt;a href="https://www.firebase.com/docs/web/libraries/angular/quickstart.html?gclid=CMS5o42wy8gCFc8YHwodlMsL0g" rel="nofollow"&gt;firebase documentation&lt;/a&gt;, but not how the user can enter in a time into firebase. &lt;/p&gt;
&lt;p&gt;When I add "type="time"' to the input box (as below), the below code can no longer submit input to firebase. When it's removed, it goes back to normal. &lt;/p&gt;
&lt;p&gt;HTML&lt;/p&gt;
&lt;pre&gt;&lt;code&gt;&amp;lt;html ng-app="sampleApp"&amp;gt;
  &amp;lt;head&amp;gt;
    &amp;lt;script src="https://ajax.googleapis.com/ajax/libs/angularjs/1.3.15/angular.min.js"&amp;gt;&amp;lt;/script&amp;gt;
    &amp;lt;script src="https://cdn.firebase.com/js/client/2.2.4/firebase.js"&amp;gt;&amp;lt;/script&amp;gt;
    &amp;lt;script src="https://cdn.firebase.com/libs/angularfire/1.1.3/angularfire.min.js"&amp;gt;&amp;lt;/script&amp;gt;
  &amp;lt;/head&amp;gt;
  &amp;lt;body ng-controller="SampleCtrl"&amp;gt;
    &amp;lt;ul&amp;gt;
      &amp;lt;li ng-repeat="message in messages"&amp;gt;
        &amp;lt;input ng-model="message.text" ng-change="messages.$save(message)" /&amp;gt;
        &amp;lt;button ng-click="messages.$remove(message)"&amp;gt;Delete Message&amp;lt;/button&amp;gt;
      &amp;lt;/li&amp;gt;
    &amp;lt;/ul&amp;gt;
    &amp;lt;form ng-submit="addMessage()"&amp;gt;
      &amp;lt;input type="time" ng-model="newMessageText" /&amp;gt;
      &amp;lt;button type="submit"&amp;gt;Add Time&amp;lt;/button&amp;gt;
    &amp;lt;/form&amp;gt;
  &amp;lt;/body&amp;gt;
&amp;lt;/html&amp;gt;
&lt;/code&gt;&lt;/pre&gt;
&lt;p&gt;AngularJS&lt;/p&gt;
&lt;pre&gt;&lt;code&gt;var app = angular.module("sampleApp", ["firebase"]);
app.controller("SampleCtrl", function($scope, $firebaseArray) {
  var ref = new Firebase("https://frontier.firebaseio.com/messages");
  $scope.messages = $firebaseArray(ref);
  $scope.addMessage = function() {
    $scope.messages.$add({
      text: $scope.newMessageText
    });
  };
});
&lt;/code&gt;&lt;/pre&gt;
&lt;p&gt;How do you submit a time into firebase?&lt;/p&gt;
&lt;p&gt;See my &lt;a href="http://codepen.io/chriscruz/pen/ZbarGq" rel="nofollow"&gt;codepen here&lt;/a&gt;&lt;/p&gt;</t>
  </si>
  <si>
    <t>2015-10-18 06:23:56.553000+00:00</t>
  </si>
  <si>
    <t>2015-10-18 14:22:04.523000+00:00</t>
  </si>
  <si>
    <t>javascript|angularjs|html5|firebase|angularfire</t>
  </si>
  <si>
    <t>Javascript - regex. I need to replace all non valid characters when building ID's</t>
  </si>
  <si>
    <t>&lt;p&gt;When I create unique ID's on some table rows/cells, I use the data returned from a JSON object to create them.  This works great for standard characters, however, the non valid DOM characters don't work.&lt;/p&gt;
&lt;p&gt;What I would like to be able to do is to create a function, to pass the variable to and then return a value which has converted the ID and added backslashes to all relevant characters.&lt;/p&gt;
&lt;p&gt;So far I have:&lt;/p&gt;
&lt;pre&gt;&lt;code&gt;    var wsTmpS = fncIdConversion(trim(pData.SUPP_SG_SCOPE_CODE));
&lt;/code&gt;&lt;/pre&gt;
&lt;p&gt;In the library function I have (with a number of different tries commented out....) :&lt;/p&gt;
&lt;pre&gt;&lt;code&gt;//---------------------------------------------------------
function fncIdConversion(pId ) {
//---------------------------------------------------------
//      return "#" + pId.replace( /(:|\.|\[|\])/g, "\\$1" );
//      pId = pId.toString();
//      return pId.replace( /(:|\.|\[|\])/g, "\\$1" );
//      return pId.replace(/([.*+?^$|(){}\[\]])/mg, "\\$1");
//      pId = pId.replace(/([.*+?^$|(){}\[\]])/mg, "\\$1");
//      pId = pId.replace(/(:|\.|\(\)\[|\])/g, "\\$1");
//      pId = pId.replace(/(\(\))/mg, "\\$1");
//      pId =  pId.replace(/[\(\)\[\]{}'"]/mg, "\\$1");
    var pattern = /[\(\)\[\]{}'"]/mg;
    pId = pId.replace(pattern, "||$1");
    return pId;
}
&lt;/code&gt;&lt;/pre&gt;
&lt;p&gt;Thanks in advance.&lt;/p&gt;</t>
  </si>
  <si>
    <t>2013-12-10 17:38:54.337000+00:00</t>
  </si>
  <si>
    <t>2013-12-10 17:48:44.847000+00:00</t>
  </si>
  <si>
    <t>Scala: Two underscores followed by colon parsed as one token</t>
  </si>
  <si>
    <t>&lt;p&gt;I was playing around with Play's JSON library recently, and noticed that this doesn't compile:&lt;/p&gt;
&lt;pre&gt;&lt;code&gt;val steps = Seq("a", "b", "c")
steps.foldLeft(__)((a, x) =&amp;gt; a \ x)
&lt;/code&gt;&lt;/pre&gt;
&lt;p&gt;After a little tinkering and browsing the source, I found the correct expression:&lt;/p&gt;
&lt;pre&gt;&lt;code&gt;steps.foldLeft(JsPath())((a, x) =&amp;gt; a \ x)
&lt;/code&gt;&lt;/pre&gt;
&lt;p&gt;or even:&lt;/p&gt;
&lt;pre&gt;&lt;code&gt;steps.foldLeft(__())((a, x) =&amp;gt; a \ x)
&lt;/code&gt;&lt;/pre&gt;
&lt;p&gt;...although the second one is looking pretty obfuscated.&lt;/p&gt;
&lt;p&gt;Later on I found a more efficient and concise expression:&lt;/p&gt;
&lt;pre&gt;&lt;code&gt;JsPath(steps.toList map KeyPathNode)
&lt;/code&gt;&lt;/pre&gt;
&lt;p&gt;But I kept on returning to the original expression and playing around with it.  I found that this works:&lt;/p&gt;
&lt;pre&gt;&lt;code&gt;steps.foldLeft(JsPath: JsPath)((a, x) =&amp;gt; a \ x)
&lt;/code&gt;&lt;/pre&gt;
&lt;p&gt;Somehow, this doesn't:&lt;/p&gt;
&lt;pre&gt;&lt;code&gt;steps.foldLeft(__: JsPath)((a, x) =&amp;gt; a \ x)
&lt;/code&gt;&lt;/pre&gt;
&lt;p&gt;I get &lt;code&gt;error: not found: value __&lt;/code&gt;.  However, this works:&lt;/p&gt;
&lt;pre&gt;&lt;code&gt;steps.foldLeft((__): JsPath)((a, x) =&amp;gt; a \ x)
&lt;/code&gt;&lt;/pre&gt;
&lt;p&gt;This works too:&lt;/p&gt;
&lt;pre&gt;&lt;code&gt;steps.foldLeft({__}: JsPath)((a, x) =&amp;gt; a \ x)
&lt;/code&gt;&lt;/pre&gt;
&lt;p&gt;Also this:&lt;/p&gt;
&lt;pre&gt;&lt;code&gt;steps.foldLeft(__.asInstanceOf[JsPath])((a, x) =&amp;gt; a \ x)
&lt;/code&gt;&lt;/pre&gt;
&lt;p&gt;Why is it that the expression with &lt;code&gt;__: JsPath&lt;/code&gt; fails?&lt;/p&gt;
&lt;p&gt;...Aaaaaand just before I was about to submit this question I found another working expression:&lt;/p&gt;
&lt;pre&gt;&lt;code&gt;steps.foldLeft(__ : JsPath)((a, x) =&amp;gt; a \ x)
&lt;/code&gt;&lt;/pre&gt;
&lt;p&gt;It seems the parser is interpreting &lt;code&gt;__:&lt;/code&gt; as one token.  But why would it do that?  I thought underscore is just another valid identifier character.  Is there some special-case parsing rule that's responsible?&lt;/p&gt;</t>
  </si>
  <si>
    <t>2016-06-28 21:48:36.047000+00:00</t>
  </si>
  <si>
    <t>2016-06-28 22:28:02.063000+00:00</t>
  </si>
  <si>
    <t>scala|playframework</t>
  </si>
  <si>
    <t>Tracking the "share" funnel���</t>
  </si>
  <si>
    <t>&lt;p&gt;After checking SO threads and didn���t find an answer through there: 
I wanted to know is it possible to track a share funnel by user?&lt;/p&gt;
&lt;p&gt;Example - Let's say I'm sharing  postA(me)&gt;&gt;my friend(john) shares my post&gt;&gt;his girl friend(shila) shares too&gt;&gt;&gt;and then her friend(ronda) shares���&lt;/p&gt;
&lt;p&gt;Can I see: postA Shares: me&gt;jhon&gt;shila&gt;ronda?
Thanks for all your help and answers.&lt;/p&gt;</t>
  </si>
  <si>
    <t>2013-02-26 08:16:05.637000+00:00</t>
  </si>
  <si>
    <t>2013-02-26 10:47:32.107000+00:00</t>
  </si>
  <si>
    <t>facebook|api|facebook-graph-api|share</t>
  </si>
  <si>
    <t>Android displaying html file with pictures and without internet connections</t>
  </si>
  <si>
    <t>&lt;p&gt;I would like to load a html file (with pictures and videos) on a Android tablet, however, there is no internet connection, thus I cannot use url for the pictures and stuff....&lt;/p&gt;
&lt;p&gt;Is there any free web servers that allow me to do so (displaying the web content at local host)?&lt;/p&gt;
&lt;p&gt;Or is there any way I can do it by writing a android app for it?&lt;/p&gt;
&lt;p&gt;Thanks!!&lt;/p&gt;</t>
  </si>
  <si>
    <t>2013-04-03 03:47:56.073000+00:00</t>
  </si>
  <si>
    <t>2013-04-03 04:05:03.230000+00:00</t>
  </si>
  <si>
    <t>android|webserver</t>
  </si>
  <si>
    <t>python: Can't get urllib.request to work in pycharm</t>
  </si>
  <si>
    <t>&lt;p&gt;I was following a tutorial online and came across this bit of code:&lt;/p&gt;
&lt;pre&gt;&lt;code&gt;import random
import urllib.request
def download_web_image(url):
    name = random.randrange(1, 1000)
    full_name = str(name) + ".jpg"
    urllib.request.urlretrieve(url, full_name)
download_web_image("https://buckysroom.org/photos/users/2/resized/2463a86fdf42a1681c66ba8fd6789f9d.jpg")
&lt;/code&gt;&lt;/pre&gt;
&lt;p&gt;I'm using PyCharm as my IDE and I'm getting traceback errors.&lt;/p&gt;</t>
  </si>
  <si>
    <t>2014-12-04 23:30:54.077000+00:00</t>
  </si>
  <si>
    <t>2018-02-02 13:46:01.063000+00:00</t>
  </si>
  <si>
    <t>python-3.x|pycharm</t>
  </si>
  <si>
    <t>InstallShield maintenance mode not running</t>
  </si>
  <si>
    <t>&lt;p&gt;I have a InstallShield Basic MSI project. It installs correctly, but when I run Setup.exe on a machine where my program is already installed, the Maintenance Mode dialog doesn't show. Instead, the Setup Resume dialog shows.&lt;/p&gt;
&lt;p&gt;Conditions for Maintenance Welcome:&lt;/p&gt;
&lt;p&gt;&lt;code&gt;Installed and Not RESUME and NOT Preselected and NOT Patch&lt;/code&gt;&lt;/p&gt;
&lt;p&gt;Conditions for Setup Resume:&lt;/p&gt;
&lt;p&gt;&lt;code&gt;Installed and (RESUME or Preselected) and NOT Patch and INSTALL_TYPE~&amp;lt;&amp;gt;'upgrade'&lt;/code&gt;&lt;/p&gt;
&lt;p&gt;Setup Resume is right above Maintenance Welcome in the UI sequence.&lt;/p&gt;
&lt;p&gt;Checking the log, I see that the Preselected property is set to 1 at the beginning of installation, which is why I believe Maintenance Welcome is failing. Also in the log, it says &lt;code&gt;(condition is false)&lt;/code&gt; for the Maintenance Welcome dialog.&lt;/p&gt;
&lt;p&gt;However, I have no clue as to why it is being set to 1 (I'm new to InstallShield). Why is it being set to 1, and how can the Maintenance Welcome dialog be shown instead of Setup Resume in my scenario ?&lt;/p&gt;</t>
  </si>
  <si>
    <t>2013-11-28 14:13:42.610000+00:00</t>
  </si>
  <si>
    <t>2014-03-03 16:00:40.420000+00:00</t>
  </si>
  <si>
    <t>2013-11-29 16:41:44.687000+00:00</t>
  </si>
  <si>
    <t>windows-installer|condition|installshield|maintenance-mode</t>
  </si>
  <si>
    <t>android gridview arabic letters displayed in opposed way</t>
  </si>
  <si>
    <t>&lt;p&gt;I am working in android app that contain two gridviews wiht arabic letters inside them, the problem is the arabic letters displayed in opposed way.&lt;/p&gt;</t>
  </si>
  <si>
    <t>2015-05-08 21:23:17.113000+00:00</t>
  </si>
  <si>
    <t>2015-05-08 22:31:50.173000+00:00</t>
  </si>
  <si>
    <t>android|gridview</t>
  </si>
  <si>
    <t>Getting records from between Date X and Date Y from my Access database?</t>
  </si>
  <si>
    <t>&lt;p&gt;I have a table called Recharge in a Access Database.&lt;/p&gt;
&lt;p&gt;Some of the fields are RechargeDate, Account, Number, etc.&lt;/p&gt;
&lt;p&gt;I wanted to retrieve all records between two dates so I wrote the following query:&lt;/p&gt;
&lt;pre&gt;&lt;code&gt;string Query = "select * from Recharge where Account='" + comboBox1.Text + "' 
and RechargeDate between '"+dateTimePicker1.Value.Date.ToShortDateString()+"' and '"+dateTimePicker2.Value.Date.ToShortDateString()+"'"
&lt;/code&gt;&lt;/pre&gt;
&lt;p&gt;The query runs fine but the only problem I've run in to is that I am only able to retrieve dates from a single Month.&lt;/p&gt;
&lt;p&gt;If I request records from a span that encompasses more than a single month, I do not get the proper result.&lt;/p&gt;
&lt;p&gt;Any help?&lt;/p&gt;
&lt;p&gt;the query executes nice but the problem is i can only able to get details between the dates in single month, if the starting month and ending month differs i cant get the proper result plzz help me&lt;/p&gt;</t>
  </si>
  <si>
    <t>2010-01-12 18:22:32.833000+00:00</t>
  </si>
  <si>
    <t>2014-11-22 18:57:15.527000+00:00</t>
  </si>
  <si>
    <t>2011-06-12 18:48:32.083000+00:00</t>
  </si>
  <si>
    <t>c#|sql|winforms|ms-access</t>
  </si>
  <si>
    <t>What does the following snippet mean?</t>
  </si>
  <si>
    <t>&lt;pre&gt;&lt;code&gt; TestClass.this.onError(error);
&lt;/code&gt;&lt;/pre&gt;
&lt;p&gt;I think this is the keywork in java, how can a classname follows with this? Is this a special 
feature of java?&lt;/p&gt;</t>
  </si>
  <si>
    <t>2012-12-23 13:33:21.797000+00:00</t>
  </si>
  <si>
    <t>2012-12-23 13:42:15.063000+00:00</t>
  </si>
  <si>
    <t>Javascript function do not running on every modals i call</t>
  </si>
  <si>
    <t>&lt;p&gt;I have a data that i show in page using while loop. When I click on the blue button "beli", the modal will show. Like this:&lt;/p&gt;
&lt;p&gt;&lt;img src="https://i.stack.imgur.com/He7YS.png" alt=""&gt;&lt;/p&gt;
&lt;p&gt;I use javascript function to automatically count like on the image 2x12000 = 24.000 and show the result (24.000) on the textbox, beside label "total real". it is running well on the first data. But when I do it on the next data, modal show but javascript function is not automatically count like as I said before.&lt;/p&gt;
&lt;p&gt;This is the javascript function :&lt;/p&gt;
&lt;pre&gt;&lt;code&gt;&amp;lt;script&amp;gt;
   function myFunction(val) {
    var a = document.getElementById("txt").value  * val;
    document.getElementById("txtreal").value = a;
   }
&amp;lt;/script&amp;gt;
&amp;lt;script&amp;gt;
   function myFunctio(val) {
    var a =  document.getElementById("txtjumlah").value * val;
    document.getElementById("txtp").value = a;
   }
&amp;lt;/script&amp;gt;  
&lt;/code&gt;&lt;/pre&gt;
&lt;p&gt;and it is called on the while loop :&lt;/p&gt;
&lt;pre&gt;&lt;code&gt;while(){
   // the modal here, and i call the function above.
}
&lt;/code&gt;&lt;/pre&gt;
&lt;p&gt;like this :&lt;/p&gt;
&lt;pre&gt;&lt;code&gt;&amp;lt;?php
   while(($count&amp;lt;$rpp) &amp;amp;&amp;amp; ($i&amp;lt;$tcount)) {
   mysqli_data_seek($result,$i);
   $r = mysqli_fetch_array($result); ?&amp;gt;
&amp;lt;div class="col-md-6" style="border:0px solid #bbb;border-radius:30px;padding:0px 20px 10px 20px;"&amp;gt;
   &amp;lt;div class="thumbnail"&amp;gt;
      &amp;lt;?php     $s= " 
         SELECT * FROM tbbarang where idbarang='$r[idbarang]' ";
                    $resu = mysqli_query($koneksi,$s);
                while  ($d= mysqli_fetch_array($resu)){
                    ?&amp;gt;        
      &amp;lt;img id="myImage" onclick="changeImage()"   src="&amp;lt;?php echo $d['gmbr1'] ?&amp;gt;"&amp;gt;
      &amp;lt;script&amp;gt;
         function changeImage() {
             var image = document.getElementById('myImage');
             if (image.src.match("&amp;lt;?php echo $d['gmbr4'] ?&amp;gt;"))
             {
                 image.src = "&amp;lt;?php echo $d['gmbr1'] ?&amp;gt;"; 
             } 
            else if (image.src.match("&amp;lt;?php echo $d['gmbr1'] ?&amp;gt;"))
                {
                  image.src = "&amp;lt;?php echo $d['gmbr2'] ?&amp;gt;"; 
                }
            else if (image.src.match("&amp;lt;?php echo $d['gmbr2'] ?&amp;gt;"))
                {
                  image.src = "&amp;lt;?php echo $d['gmbr3'] ?&amp;gt;"; 
                }
            else if (image.src.match("&amp;lt;?php echo $d['gmbr3'] ?&amp;gt;"))
            {
                  image.src = "&amp;lt;?php echo $d['gmbr4'] ?&amp;gt;";
                }   
         }
         &amp;lt;?php } ?&amp;gt;
      &amp;lt;/script&amp;gt;                                                    
      &amp;lt;div class="caption"&amp;gt;
         &amp;lt;h3&amp;gt;&amp;lt;b&amp;gt;&amp;lt;?php echo  $r['namabarang']; ?&amp;gt;&amp;lt;/b&amp;gt;&amp;lt;/h3&amp;gt;
         &amp;lt;tr style="font-size:14px;"&amp;gt;&amp;lt;strong&amp;gt;Harga : &amp;lt;?php echo  $r['harga']; ?&amp;gt; &amp;lt;/strong&amp;gt;&amp;amp;nbsp;&amp;amp;nbsp;  Satuan : &amp;lt;?php echo  $r['satuan']; ?&amp;gt;
            &amp;amp;nbsp;&amp;amp;nbsp;                                                          
         &amp;lt;/tr&amp;gt;
         &amp;lt;tr style="font-size:14px;"&amp;gt;Ukuran : &amp;lt;?php echo  $r['ukuran']; ?&amp;gt; &amp;amp;nbsp;&amp;amp;nbsp; Berat : &amp;lt;?php echo  $r['berat']; ?&amp;gt;&amp;lt;/tr&amp;gt;
         &amp;lt;p&amp;gt;
            &amp;lt;a  data-toggle="modal" href="#responsive&amp;lt;?php echo  $i; ?&amp;gt;" class="btn btn-primary"&amp;gt;Beli &amp;lt;/a&amp;gt;
            &amp;lt;!-- Modal --&amp;gt;
            &amp;lt;!-- mulai modal --&amp;gt;
         &amp;lt;/p&amp;gt;
         &amp;lt;div id="responsive&amp;lt;?php echo  $i; ?&amp;gt;" class="modal fade" tabindex="-1" aria-hidden="true" align="center" &amp;gt;
            &amp;lt;form method="POST" action="inserttransaksi.php"&amp;gt;
               &amp;lt;div class="modal-dialog" align="center"&amp;gt;
                  &amp;lt;div class="modal-content" align="center"&amp;gt;
                     &amp;lt;div class="modal-header" align="center"&amp;gt;
                        &amp;lt;button type="button" class="close" data-dismiss="modal" aria-hidden="true"&amp;gt;&amp;lt;/button&amp;gt;
                        &amp;lt;h4 class="modal-title"&amp;gt;&amp;lt;strong&amp;gt;Detail Pembelian&amp;lt;/strong&amp;gt;&amp;lt;/h4&amp;gt;
                     &amp;lt;/div&amp;gt;
                     &amp;lt;div class="modal-body" align="center"&amp;gt;
                        &amp;lt;div class="scroller" style="height:200px" data-always-visible="1" data-rail-visible1="1" align="center"&amp;gt;
                           &amp;lt;div class="row" align="center"&amp;gt;
                              &amp;lt;div class="table col-md-6" align="center"&amp;gt;
                                 &amp;lt;!--h4 align="center"&amp;gt;&amp;lt;strong&amp;gt;Keterangan Cancel Barang &amp;lt;?php echo $r['namabarang'];?&amp;gt;&amp;lt;/strong&amp;gt;&amp;lt;/h4--&amp;gt;
                                 &amp;lt;table width="612" height="156"&amp;gt;
                                    &amp;lt;input type="text" value="&amp;lt;?php echo $r['idbarang'];?&amp;gt;" name="iddetail2" class="input-xsmall" &amp;gt;&amp;lt;/td&amp;gt; 
                                    &amp;lt;?php $sq= "SELECT * FROM tbbarang where idbarang='$r[idbarang]'";
                                       $resul = mysqli_query($koneksi,$sq);
                                       $s= mysqli_fetch_array($resul);
                                       ?&amp;gt;
                                    &amp;lt;tr&amp;gt;
                                       &amp;lt;td width="91" height="36"&amp;gt;Nama Barang&amp;lt;/td&amp;gt;
                                       &amp;lt;td width="6"&amp;gt;: &amp;amp;nbsp;&amp;lt;/td&amp;gt;
                                       &amp;lt;td width="168"&amp;gt;&amp;lt;strong&amp;gt;&amp;lt;?php echo $r['namabarang'];?&amp;gt;&amp;lt;/strong&amp;gt;&amp;lt;/td&amp;gt;
                                    &amp;lt;/tr&amp;gt;
                                    &amp;lt;tr&amp;gt;
                                       &amp;lt;td height="23"&amp;gt;Jumlah&amp;lt;/td&amp;gt;
                                       &amp;lt;td&amp;gt;:&amp;amp;nbsp;&amp;lt;/td&amp;gt;
                                       &amp;lt;input  value="&amp;lt;?php echo $s['harga'];?&amp;gt;" name="txt" id="txt" class="form-control" type="text"&amp;gt;&amp;lt;/td&amp;gt; 
                                       &amp;lt;td&amp;gt;&amp;lt;input type="text" value="" name="txtjumlah" id="txtjumlah" class="input-xsmall" onKeyUp="myFunction(this.value)"&amp;gt;&amp;lt;/td&amp;gt;
                                    &amp;lt;/tr&amp;gt;
                                    &amp;lt;tr&amp;gt;
                                    &amp;lt;tr&amp;gt;
                                       &amp;lt;td height="41"&amp;gt;Harga&amp;lt;/td&amp;gt;
                                       &amp;lt;td&amp;gt;:&amp;amp;nbsp;&amp;lt;/td&amp;gt;
                                       &amp;lt;td&amp;gt;&amp;lt;?php echo $s['harga'];?&amp;gt;&amp;lt;/td&amp;gt;
                                       &amp;lt;td width="18"&amp;gt;&amp;amp;nbsp;&amp;lt;/td&amp;gt;
                                       &amp;lt;td width="123" height="41"&amp;gt;Total Real&amp;lt;/td&amp;gt;
                                       &amp;lt;td width="6"&amp;gt;:&amp;amp;nbsp;&amp;lt;/td&amp;gt;
                                       &amp;lt;td width="168"&amp;gt;&amp;lt;input type="text" value="" name="txtreal" id="txtreal" class="form-control" readonly&amp;gt;&amp;lt;/td&amp;gt;
                                    &amp;lt;/tr&amp;gt;
                                    &amp;lt;tr&amp;gt;&amp;amp;nbsp;&amp;lt;/tr&amp;gt;
                                    &amp;lt;tr&amp;gt;
                                       &amp;lt;td height="31"&amp;gt;Penawaran&amp;lt;/td&amp;gt;
                                       &amp;lt;td&amp;gt;:&amp;amp;nbsp;&amp;lt;/td&amp;gt;
                                       &amp;lt;td&amp;gt;&amp;lt;input type="text" value="" name="txtpe" id="txtpe" class="form-control" onKeyUp="myFunctio(this.value)"&amp;gt;&amp;lt;/td&amp;gt;
                                       &amp;lt;td&amp;gt;&amp;amp;nbsp;&amp;lt;/td&amp;gt;
                                       &amp;lt;td height="32"&amp;gt;Total Penawaran&amp;lt;/td&amp;gt;
                                       &amp;lt;td&amp;gt;:&amp;lt;/td&amp;gt;
                                       &amp;lt;td&amp;gt;&amp;lt;input type="text" value="" name="txtp" id="txtp" class="form-control" readonly&amp;gt;&amp;lt;/td&amp;gt;
                                    &amp;lt;/tr&amp;gt;
                                 &amp;lt;/table&amp;gt;
                              &amp;lt;/div&amp;gt;
                           &amp;lt;/div&amp;gt;
                        &amp;lt;/div&amp;gt;
                        &amp;lt;div class="modal-footer"&amp;gt;
                           &amp;lt;button type="submit" name="save1" class="btn default"&amp;gt;Save&amp;lt;/button&amp;gt;
                           &amp;lt;button type="button" data-dismiss="modal" class="btn default"&amp;gt;Close&amp;lt;/button&amp;gt;
                        &amp;lt;/div&amp;gt;
                     &amp;lt;/div&amp;gt;
                  &amp;lt;/div&amp;gt;
               &amp;lt;/div&amp;gt;
            &amp;lt;/form&amp;gt;
         &amp;lt;/div&amp;gt;
      &amp;lt;/div&amp;gt;
   &amp;lt;/div&amp;gt;
&amp;lt;/div&amp;gt;
&amp;lt;?php
   $i++; 
   $count++;
   }
   ?&amp;gt;
&lt;/code&gt;&lt;/pre&gt;</t>
  </si>
  <si>
    <t>2015-10-16 03:11:09.277000+00:00</t>
  </si>
  <si>
    <t>2015-10-16 04:02:18.090000+00:00</t>
  </si>
  <si>
    <t>2015-10-16 03:28:04.307000+00:00</t>
  </si>
  <si>
    <t>javascript|php</t>
  </si>
  <si>
    <t>Mail merge with richtext fields</t>
  </si>
  <si>
    <t>&lt;p&gt;If I have a RichText editor in my Dynamics CRM 2011, and saves the data it will be saved with HTML markup.
How do I use these fields in a mail merge scenario?
If I add the field to Word, the markup is just showing up, but not the formatting!&lt;/p&gt;
&lt;p&gt;Are there any codes that can be set in the field codes?&lt;/p&gt;
&lt;p&gt;or?&lt;/p&gt;
&lt;p&gt;Any solution is greatly appreciated :)&lt;/p&gt;
&lt;p&gt;/Christian&lt;/p&gt;</t>
  </si>
  <si>
    <t>2012-06-07 13:36:45.733000+00:00</t>
  </si>
  <si>
    <t>2013-01-18 10:31:20.667000+00:00</t>
  </si>
  <si>
    <t>dynamics-crm-2011</t>
  </si>
  <si>
    <t>Android - How to preserve socket connection when a service is restarted</t>
  </si>
  <si>
    <t>&lt;p&gt;I have a service which creates a socket server and a client connects to it. The connection is kept open to transfer data. The service is &lt;code&gt;START_STICKY&lt;/code&gt;. So when user kills the app by swiping it from recent tasks, the &lt;code&gt;onCreate&lt;/code&gt; and &lt;code&gt;onStartCommand&lt;/code&gt; functions are called again. I don't want to re-initialize the socket and instead preserve it's state as it was before the user swiped the task to kill it and keep transferring the data uninterrupted.&lt;/p&gt;
&lt;pre&gt;&lt;code&gt;public class SendTasksService extends Service {
    static Socket socket=null;
    static boolean shouldRun=true;
    static final int port = PORT_NO;
    static ServerSocket listener = null;
    @Override
    public IBinder onBind(Intent intent) {
        System.out.println("Service onBind.");
        return null;
    }
    @Override
    public void onCreate() {
        System.out.println("Service onCreate.");
        shouldRun=true;
        try {
            if(socket==null){
                System.out.println("Starting Listening..");
                listener = new ServerSocket(port);
                System.out.println("Notification Started.");
            }else{
                System.out.println("Continuing With Old Socket..");
                /*
                    How to get the socket if the connection
                    was made before swipe killing the app from recent
                */
            }
        }catch(Exception ioe){
            System.out.println("Exception in listening.");
            ioe.printStackTrace();
        }
    }
    public void onDestroy() {
        System.out.println("Service onDestroy.");
        closeConnection();
    }
    public void closeConnection(){
        //Wind up work and close connection
        /*
            This should also remove any socket information saved anywhere
        */
    }
    public int onStartCommand(Intent intent, int flags, int startid) {
        System.out.println("Service onStartCommand.");
        try{
            new AsyncAction().execute();
        }catch (Exception e) {
            e.printStackTrace();
        }
        return START_STICKY;
    }
    private class AsyncAction extends AsyncTask&amp;lt;String, Void, String&amp;gt; {
        protected String doInBackground(String... args) {
            while(shouldRun) {
                try {
                    if(socket==null) {
                        socket = listener.accept();
                        /*
                            Socket connection established here.
                            Save this socket state or preserve it somehow
                            So that connection does not break on killing the app
                        */
                    }else{
                        /*
                            Continue with the old socket data, and resume connection
                        */
                    }
                    if(socket==null)
                        continue;
                }catch(Exception e){
                    System.out.println("Exception after Break");
                    e.printStackTrace();
                }
            }
            return null;
        }
        protected void onPostExecute(String result) {
        }
    }
}
&lt;/code&gt;&lt;/pre&gt;
&lt;p&gt;What I have tried?&lt;/p&gt;
&lt;ol&gt;
&lt;li&gt;&lt;p&gt;Try to save socket as using &lt;code&gt;gson&lt;/code&gt; in &lt;code&gt;SharedPreferences&lt;/code&gt;.
Couldn't retrieve the socket object back.&lt;/p&gt;
&lt;pre&gt;&lt;code&gt;SharedPreferences pref = getApplicationContext().
                     getSharedPreferences("MyPref", MODE_PRIVATE);
SharedPreferences.Editor editor = pref.edit();
editor.putBoolean("onGoingConnection",false);
Gson gson = new Gson();
String json = gson.toJson(socket);
editor.putString("ExistingSocket",json);
editor.apply()
&lt;/code&gt;&lt;/pre&gt;&lt;/li&gt;
&lt;li&gt;Create a &lt;code&gt;static&lt;/code&gt; saving Socket in the activity which started the service. It was always null on service resume.&lt;/li&gt;
&lt;/ol&gt;</t>
  </si>
  <si>
    <t>2016-12-09 14:48:17.893000+00:00</t>
  </si>
  <si>
    <t>2016-12-09 22:23:54.617000+00:00</t>
  </si>
  <si>
    <t>java|android|sockets|tcp|connection</t>
  </si>
  <si>
    <t>compare driveletters in use and those are free for mounting image</t>
  </si>
  <si>
    <t>&lt;p&gt;LS,
At first i'm new to programming.
My study project is to mount an image (e01) to a free driveletter and copy out some registry files and ntuser.dat files.
The image files are on a server \foldername\number\number\name.E01
I have a working (small) script that mounts an image with only single partition. So finding the registerhives wasn't that hard.
Now i want to mount an image with more than one partition so it isn't clear that the partition i need to search for the registry hives is on the first mounted free drive letter.
If there are 3 partitions than there would be 3 driveletters that will be show in explorer.
So i have to determine which drives are already in use before mounting and after mounting which driveletters are added so i can search at those locations. i think compare something and than use the first free driveletter. That driveletter should be added to:&lt;/p&gt;
&lt;pre&gt;&lt;code&gt;osfmount -a -t file -f \\servername\number\number\name.E01 -m #:
&lt;/code&gt;&lt;/pre&gt;
&lt;p&gt;where the "#" is the driveletter. i don't know if i can alter the command so that it accept that # is a value that is pulled from another line. or something like that. don't know how to explain this.  &lt;/p&gt;
&lt;p&gt;it has to be in a batch file. so no python or any other scripting language&lt;/p&gt;
&lt;p&gt;a co-worker pointed this to me:&lt;/p&gt;
&lt;pre&gt;&lt;code&gt;pattern="foo"
for _dir in *"${pattern}"*; do
    [ -d "${_dir}" ] &amp;amp;&amp;amp; dir="${_dir}" &amp;amp;&amp;amp; break
done
echo "${dir}"
&lt;/code&gt;&lt;/pre&gt;
&lt;p&gt;yah, right....&lt;/p&gt;
&lt;p&gt;maybe someone can put me in the right direction that i understand.
i will certainly type more code/lines than is necessary but hey, i'm a newbie.&lt;/p&gt;
&lt;p&gt;tnx.&lt;/p&gt;</t>
  </si>
  <si>
    <t>2014-09-25 16:02:17.180000+00:00</t>
  </si>
  <si>
    <t>2014-10-01 18:15:14.017000+00:00</t>
  </si>
  <si>
    <t>New Cassandra project - Astyanax or Java Driver?</t>
  </si>
  <si>
    <t>&lt;p&gt;I'm starting a new project with Cassandra (and plan to use the latest stable (1.2.x) version). I have tried several different Java libraries, like &lt;a href="http://hector-client.github.io/hector/build/html/index.html" rel="nofollow"&gt;Hector&lt;/a&gt;, &lt;a href="http://techblog.netflix.com/2012/01/announcing-astyanax.html" rel="nofollow"&gt;Astyanax&lt;/a&gt;, Cassandra-jdbc... &lt;/p&gt;
&lt;p&gt;Among them, (in short) my choice is Astyanax. But then I also found and tried DataStax's Java Driver, which support new CQL binary protocol, and is much cleaner if you are only using CQL.  And it seems version 1.0.0 GA will be released soon.&lt;/p&gt;
&lt;p&gt;Which one would you recommend? Thanks.&lt;/p&gt;</t>
  </si>
  <si>
    <t>2013-04-18 18:53:03.437000+00:00</t>
  </si>
  <si>
    <t>2017-09-05 05:52:02.303000+00:00</t>
  </si>
  <si>
    <t>2013-11-26 13:59:11.510000+00:00</t>
  </si>
  <si>
    <t>java|cassandra|astyanax|datastax-java-driver</t>
  </si>
  <si>
    <t>Facing issue while creating an attachment in JIRA with webMethods client</t>
  </si>
  <si>
    <t>&lt;p&gt;We're facing an issue (http response 415 trying to create an attachment in JIRA). Can you please help resolve our issue? Steps we followed in webMethods&lt;/p&gt;
&lt;p&gt;1) getFile load as stream
2) pub.mime:createMimeData
3) pub.mime:addBodyPart (pass the stream from step1 as input, and not setting the content type; we've tried setting application/octet-stream with same results ).
4) pub.mime:getEnvelopeStream.
5) pub.io:streamToString (to verify the Mime created in step 4)
6) pub.client:http (passing envStream creted from step4 to data/mimeStream and loadAs "stream"&lt;/p&gt;
&lt;p&gt;Step5 output&lt;/p&gt;
&lt;p&gt;Message-ID: &amp;lt;508725916.27.1498892350039.JavaMail.webmethods@bisawswmindv01&gt;
MIME-Version: 1.0
Content-Type: multipart/form-data;boundary="------defined------";name=file;filename=sample.txt
X-Atlassian-Token: nocheck
Authorization: Basic d2AiobWV0aG9kczpBMTJzcjcxYmI=&lt;/p&gt;
&lt;p&gt;------=_Part_26_16733932.1498892350039
Message-ID: &amp;lt;1774613176.25.1498892350038.JavaMail.webmethods@bisawswmindv01&gt;
MIME-Version: 1.0
content-type: text/plain
content-transfer-encoding: 7bit
this is a test file: this is a test file&lt;/p&gt;
&lt;p&gt;------=_Part_26_16733932.1498892350039--&lt;/p&gt;</t>
  </si>
  <si>
    <t>2017-07-01 07:14:50.087000+00:00</t>
  </si>
  <si>
    <t>2017-07-06 23:09:33.153000+00:00</t>
  </si>
  <si>
    <t>jira-rest-api|webmethods</t>
  </si>
  <si>
    <t>What/How to deliver the error for an AMP page if the content is not available</t>
  </si>
  <si>
    <t>&lt;p&gt;While generating the AMP version of the page, It may happen that the content has been deleted recently and the traffic is still coming.
What would be the correct way do deliver the error page?
Should it be as well in AMP format or a normal 404(non-AMP) page would be enough?&lt;/p&gt;</t>
  </si>
  <si>
    <t>2016-01-21 15:52:37.437000+00:00</t>
  </si>
  <si>
    <t>2016-01-21 23:24:45.177000+00:00</t>
  </si>
  <si>
    <t>amp-html</t>
  </si>
  <si>
    <t>How do I specify another procmail script other than .procmailrc</t>
  </si>
  <si>
    <t>&lt;p&gt;I am trying to set up two different environments (development and test) on a single machine where I am using fetchmail/procmail.  How would I specify a procmail script other than ".procmailrc"?&lt;/p&gt;</t>
  </si>
  <si>
    <t>2014-05-19 06:14:53.287000+00:00</t>
  </si>
  <si>
    <t>2014-06-05 10:24:46.897000+00:00</t>
  </si>
  <si>
    <t>procmail|fetchmail</t>
  </si>
  <si>
    <t>A really very simple expression in Java that is evaluated in a way that it is difficult to follow</t>
  </si>
  <si>
    <t>&lt;p&gt;While developing a web application in JSF, I came across an expression which was evaluated in a way that I couldn't follow. Let's represent the same expression with a simple Java code.&lt;/p&gt;
&lt;pre&gt;&lt;code&gt;final public class Main
{
    public static void main(String[] args)
    {            
        int x=5;
        int temp=10;
        temp=temp + 1 + x;
        System.out.println("temp = "+temp);
        int var=10;
        var=var++ + x;
        System.out.println("var = "+var);
    }
}
&lt;/code&gt;&lt;/pre&gt;
&lt;hr&gt;
&lt;p&gt;In the above simple code snippet, the first case is obvious and it displays the value &lt;strong&gt;16&lt;/strong&gt; through the statement &lt;code&gt;System.out.println("temp = "+temp);&lt;/code&gt;. There is no question at all about it but in the second case, I have represented the same thing using the shorthand operator &lt;strong&gt;++&lt;/strong&gt; (var++) and that causes the value &lt;strong&gt;15&lt;/strong&gt; to be displayed on the console instead of displaying &lt;strong&gt;16&lt;/strong&gt;. How is this expression evaluated here?&lt;/p&gt;
&lt;hr&gt;
&lt;p&gt;Here, there is an obvious thing that should be mentioned. In the expression var++, 10 is first passed and that value (not 11) is used to evaluate the entire expression on the right of the assignment which is in this case &lt;strong&gt;var++ + x&lt;/strong&gt; and then &lt;strong&gt;var&lt;/strong&gt; is incremented by 1. Accordingly, the assignment to itself &lt;strong&gt;(var)&lt;/strong&gt; can not be observed here.
Where was the incrementation lost?&lt;/p&gt;</t>
  </si>
  <si>
    <t>2011-11-09 16:39:54.037000+00:00</t>
  </si>
  <si>
    <t>2011-11-09 18:37:52.173000+00:00</t>
  </si>
  <si>
    <t>Error connecting to server localhost on port 1527 with message already in use</t>
  </si>
  <si>
    <t>&lt;p&gt;I am using derby database in a swing application. The query is as follows:&lt;/p&gt;
&lt;pre&gt;&lt;code&gt;private String LEDGERGROUP(long Name){
String LG= "";
try{
String query = "SELECT LEDGER_GROUP FROM LEDGER_MASTER WHERE LEDGER_CODE = "+Name+" ";         
conn= con.db();
stmtt = conn.createStatement(ResultSet.TYPE_SCROLL_INSENSITIVE, ResultSet.CONCUR_READ_ONLY);
rs = stmtt.executeQuery(query);
if(rs.next()){
LG = rs.getString("LEDGER_GROUP")  ;
}}
catch (SQLException ex ) {
//JOptionPane.showMessageDialog(null, "Unknown Error!!"+ex);
System.out.println("Unknown Error!!"+ex);
} finally{try{if(stmtt!=null){stmtt.close();} if(conn!=null){conn.close();} if(rs!=null){rs.close();}}catch(SQLException ex){}}
return LG;
}
&lt;/code&gt;&lt;/pre&gt;
&lt;p&gt;I am calling this message to update a jtable with a loop.&lt;/p&gt;
&lt;pre&gt;&lt;code&gt;for(int i = 0; i&amp;lt;jTable1.getRowCount(); i++){
String code = jTable1.getValueAt(i, 0).toString();
Long l = Long.parseLong(code);
String lc = LEDGERGROUP(l);
jTable1.setValueAt(lc, i, 2);
}
&lt;/code&gt;&lt;/pre&gt;
&lt;p&gt;The loop runs fine for a while. But suddenly I get the error message. &lt;code&gt;Error connecting to server localhost on port 1527 with message already in use.&lt;/code&gt; Why this message? How can I get rid of this message and continue with the loop.&lt;/p&gt;</t>
  </si>
  <si>
    <t>2015-01-17 12:15:08.387000+00:00</t>
  </si>
  <si>
    <t>2016-03-20 20:40:00.450000+00:00</t>
  </si>
  <si>
    <t>java|swing|loops|derby</t>
  </si>
  <si>
    <t>Does Jet/ACE use indexes with a LIKE BeginsWith query?</t>
  </si>
  <si>
    <t>&lt;p&gt;I remember reading somewhere to avoid the LIKE operator in Jet SQL because it will not take advantage of indexes on a column.  So a long time ago I started writing "begins with" queries like this:&lt;/p&gt;
&lt;pre&gt;&lt;code&gt;WHERE MyColumn BETWEEN "SomeText" AND "SomeTextZZZ"
&lt;/code&gt;&lt;/pre&gt;
&lt;p&gt;As long as there is an index on the MyColumn column, the BETWEEN will take advantage of that index.  I'm starting to question my ways now.  The BETWEEN approach has never really let me down but it feels kludgy.&lt;/p&gt;
&lt;p&gt;I can understand why a "contains" query can't use an index:&lt;/p&gt;
&lt;pre&gt;&lt;code&gt;WHERE MyColumn LIKE "*SomeText*"
&lt;/code&gt;&lt;/pre&gt;
&lt;p&gt;But it seems like using an index on a "begins with" query:&lt;/p&gt;
&lt;pre&gt;&lt;code&gt;WHERE MyColumn LIKE "SomeText*"
&lt;/code&gt;&lt;/pre&gt;
&lt;p&gt;is such an obvious optimization that the Jet/ACE team would have implemented it.&lt;/p&gt;
&lt;p&gt;Can anyone provide &lt;strong&gt;&lt;em&gt;documentation&lt;/em&gt;&lt;/strong&gt; or &lt;strong&gt;&lt;em&gt;benchmarking proof&lt;/em&gt;&lt;/strong&gt; to settle this question one way or another?&lt;/p&gt;</t>
  </si>
  <si>
    <t>2011-07-14 21:01:51.197000+00:00</t>
  </si>
  <si>
    <t>2011-07-16 07:41:55.613000+00:00</t>
  </si>
  <si>
    <t>ms-access|jet|ms-jet-ace</t>
  </si>
  <si>
    <t>web application running in local machine</t>
  </si>
  <si>
    <t>&lt;p&gt;developing web application :&lt;/p&gt;
&lt;p&gt;Ide :    Eclipse helios.
jdk used: 1.6
struts frame work: 1.2
server : jboss 4.0&lt;/p&gt;
&lt;p&gt;project runs in localhost port number 8080.&lt;/p&gt;
&lt;p&gt;i.e, url is:  &lt;a href="http://localhost:8080/mfirst" rel="nofollow"&gt;http://localhost:8080/mfirst&lt;/a&gt;&lt;/p&gt;
&lt;p&gt;it works fine in presense of internet connection. If i unplug internet connection it throws error canot find action mapping and action form class.&lt;/p&gt;
&lt;p&gt;all my tld's and jar files are refering the local location only..&lt;/p&gt;
&lt;p&gt;any body help please..&lt;/p&gt;
&lt;p&gt;IN JSP PAGE:&lt;/p&gt;
&lt;pre&gt;&lt;code&gt;HTTP Status 500 -
type Exception report
message
description The server encountered an internal error () that prevented it from fulfilling this request.
exception
org.apache.jasper.JasperException: Exception in JSP: /index.jsp:21
**LINE 21 IS:**
21: html:form  name="loginForm" type="com.product.form.loginform" action="/Login.do" onsubmit="return Validatelogin(this);"
&lt;/code&gt;&lt;/pre&gt;
&lt;p&gt;&lt;strong&gt;IN CONSOLE IT SHOWS&lt;/strong&gt;&lt;/p&gt;
&lt;pre&gt;&lt;code&gt;...........
16:28:09,031 INFO  [PropertyMessageResources] Initializing, config='org.apache.struts.action.ActionResources', returnNull=true
16:28:09,109 ERROR [ActionServlet] Parsing error processing resource path 
java.net.UnknownHostException: struts.apache.org
    at java.net.PlainSocketImpl.connect(Unknown Source)
    at java.net.SocksSocketImpl.connect(Unknown Source)
    at java.net.Socket.connect(Unknown Source)
    at java.net.Socket.connect(Unknown Source).
at sun.net.NetworkClient.doConnect(Unknown Source)
    at sun.net.www.http.HttpClient.openServer(Unknown Source)
    at sun.net.www.http.HttpClient.openServer(Unknown Source)
    at sun.net.www.http.HttpClient.&amp;lt;init&amp;gt;(Unknown Source)
    at sun.net.www.http.HttpClient.New(Unknown Source)
    at sun.net.www.http.HttpClient.New(Unknown Source)
    at sun.net.www.protocol.http.HttpURLConnection.getNewHttpClient(Unknown Source)
    at sun.net.www.protocol.http.HttpURLConnection.plainConnect(Unknown Source)
    at sun.net.www.protocol.http.HttpURLConnection.connect(Unknown Source)
    at sun.net.www.protocol.http.HttpURLConnection.getInputStream(Unknown Source)
    at org.apache.xerces.impl.XMLEntityManager.setupCurrentEntity(Unknown Source)
    at org.apache.xerces.impl.XMLEntityManager.startEntity(Unknown Source)
    at org.apache.xerces.impl.XMLEntityManager.startDTDEntity(Unknown Source)
    at org.apache.xerces.impl.XMLDTDScannerImpl.setInputSource(Unknown Source)
    at org.apache.xerces.impl.XMLDocumentScannerImpl$DTDDispatcher.dispatch(Unknown Source)
    at org.apache.xerces.impl.XMLDocumentFragmentScannerImpl.scanDocument(Unknown Source)
    at org.apache.xerces.parsers.XML11Configuration.parse(Unknown Source)
    at org.apache.xerces.parsers.XML11Configuration.parse(Unknown Source)
    at org.apache.xerces.parsers.XMLParser.parse(Unknown Source)
    at org.apache.xerces.parsers.AbstractSAXParser.parse(Unknown Source)
    at org.apache.xerces.jaxp.SAXParserImpl$JAXPSAXParser.parse(Unknown Source)
    at org.apache.commons.digester.Digester.parse(Digester.java:1572)
    at org.apache.struts.action.ActionServlet.parseModuleConfigFile(ActionServlet.java:1006)
    at org.apache.struts.action.ActionServlet.initModuleConfig(ActionServlet.java:955)
    at org.apache.struts.action.ActionServlet.init(ActionServlet.java:470)
    at javax.servlet.GenericServlet.init(GenericServlet.java:211)
    at org.apache.catalina.core.StandardWrapper.loadServlet(StandardWrapper.java:1105)
    at org.apache.catalina.core.StandardWrapper.load(StandardWrapper.java:932)
    at org.apache.catalina.core.StandardContext.loadOnStartup(StandardContext.java:3917)
    at org.apache.catalina.core.StandardContext.start(StandardContext.java:4201)
    at org.apache.catalina.core.ContainerBase.addChildInternal(ContainerBase.java:759)
    at org.apache.catalina.core.ContainerBase.addChild(ContainerBase.java:739)
    at org.apache.catalina.core.StandardHost.addChild(StandardHost.java:524)
    at sun.reflect.NativeMethodAccessorImpl.invoke0(Native Method)
    at sun.reflect.NativeMethodAccessorImpl.invoke(Unknown Source)
    at sun.reflect.DelegatingMethodAccessorImpl.invoke(Unknown Source)
    at java.lang.reflect.Method.invoke(Unknown Source)
    at org.apache.commons.modeler.BaseModelMBean.invoke(BaseModelMBean.java:503)
    at org.jboss.mx.server.RawDynamicInvoker.invoke(RawDynamicInvoker.java:164)
    at org.jboss.mx.server.MBeanServerImpl.invoke(MBeanServerImpl.java:659)
    at org.apache.catalina.core.StandardContext.init(StandardContext.java:5116)
    at sun.reflect.NativeMethodAccessorImpl.invoke0(Native Method)
    at sun.reflect.NativeMethodAccessorImpl.invoke(Unknown Source)
    at sun.reflect.DelegatingMethodAccessorImpl.invoke(Unknown Source)
    at java.lang.reflect.Method.invoke(Unknown Source)
.
.
.
.
16:28:19,046 INFO  [PropertyMessageResources] Initializing, config='org.apache.struts.util.LocalStrings', returnNull=true
16:28:19,046 INFO  [PropertyMessageResources] Initializing, config='org.apache.struts.taglib.html.LocalStrings', returnNull=true
16:28:19,046 ERROR [[jsp]] Servlet.service() for servlet jsp threw exception
javax.servlet.jsp.JspException: Cannot find ActionMappings or ActionFormBeans collection
    at org.apache.struts.taglib.html.FormTag.lookup(FormTag.java:798)
    at org.apache.struts.taglib.html.FormTag.doStartTag(FormTag.java:506)
    at org.apache.jsp.index_jsp._jspx_meth_html_form_0(index_jsp.java:181)
&lt;/code&gt;&lt;/pre&gt;</t>
  </si>
  <si>
    <t>2011-01-29 10:38:35.837000+00:00</t>
  </si>
  <si>
    <t>2012-10-21 05:05:59.830000+00:00</t>
  </si>
  <si>
    <t>2011-01-29 11:34:55.203000+00:00</t>
  </si>
  <si>
    <t>java|eclipse|jboss|struts</t>
  </si>
  <si>
    <t>Use the same SSH object to issue "exec_command()" multiple times in Paramiko</t>
  </si>
  <si>
    <t>&lt;p&gt;I want to use the same SSH object to issue &lt;code&gt;exec_command()&lt;/code&gt; multiple times in Paramiko module in Python.&lt;/p&gt;
&lt;p&gt;The objective is to get output from the same session.&lt;/p&gt;
&lt;p&gt;Is there a way to do it? The &lt;code&gt;exec_command()&lt;/code&gt; closes channel once it completes executing a command and thereafter a new ssh object is needed to execute a following command .. but the sessions will differ which I do not want.&lt;/p&gt;
&lt;p&gt;&lt;strong&gt;Code&lt;/strong&gt;&lt;/p&gt;
&lt;pre&gt;&lt;code&gt;import os, sys, 
import connectlibs as ssh
s = ssh.connect("xxx.xx.xx.xxx", "Admin", "Admin")
channel = s.invoke_shell()
channel.send("net use F: \\\\xyz.xy.xc.xa\\dir\n")
&amp;gt;&amp;gt;&amp;gt;32
channel.send("net use")
&amp;gt;&amp;gt;&amp;gt;7
channel.recv(500)
'Last login: Tue Jun  2 23:52:29 2015 from xxx.xx.xx.xx\r\r\n\x1b]0;~\x07\r\r\n\x1b[32mAdmin@WIN \x1b[33m~\x1b[0m\r\r\n$ net use F: \\\\xyz.xy.xc.xa\\dir\r\nSystem error 67 has occurred.\r\r\n\r\r\nThe network name cannot be found.\r\r\n\r\r\n\x1b]0;~\x07\r\r\n\x1b[32mAdmin@WIN \x1b[33m~\x1b[0m\r\r\n$ net use'
&amp;gt;&amp;gt;&amp;gt; 
&lt;/code&gt;&lt;/pre&gt;</t>
  </si>
  <si>
    <t>2015-06-03 05:05:34.853000+00:00</t>
  </si>
  <si>
    <t>2018-08-01 05:35:28.697000+00:00</t>
  </si>
  <si>
    <t>2015-06-03 07:29:00.263000+00:00</t>
  </si>
  <si>
    <t>python|ssh|paramiko</t>
  </si>
  <si>
    <t>Javascript carousel not loading properly under some conditions?</t>
  </si>
  <si>
    <t>&lt;p&gt;So I've been working on a website, and the main focus of the site is a javascript-driven 3D carousel, and I got the code for the carousel from here: &lt;a href="https://github.com/kaizouman/3dcarousel" rel="nofollow noreferrer"&gt;https://github.com/kaizouman/3dcarousel&lt;/a&gt;&lt;/p&gt;
&lt;p&gt;I integrated the code into my site, and only modified the number of carousel items and the size of each item. I left the rest of the code untouched (demo.js and 3dcarousel.js). It works perfectly, but only most of the time. I've noticed that it'll work perfectly in Chrome about 90% of the time, in Safari about 80% of the time, and in Microsoft Edge &amp;amp; IE, it pretty much never works. When it doesn't work, it just loads each image individually. When it happens in Chrome, if I keep refreshing the page, it'll eventually work properly. Also interestingly, when I navigate to another page in Chrome and then hit the back button, the carousel will always fail to load.&lt;/p&gt;
&lt;p&gt;Here's what it looks like in Microsoft Edge and also when it fails to load in Chrome: &lt;img src="https://i.imgur.com/E3XZr9p.png" alt="fail"&gt;&lt;/p&gt;
&lt;p&gt;And here's what it looks like when it loads properly: &lt;img src="https://i.imgur.com/8aDWHG5.png" alt="success"&gt;&lt;/p&gt;
&lt;p&gt;I can't for the life of me begin to figure out why this is happening, does anyone have any idea? The website is located at &lt;a href="http://lipocircuit.com/new.html" rel="nofollow noreferrer"&gt;http://lipocircuit.com/new.html&lt;/a&gt;.&lt;/p&gt;</t>
  </si>
  <si>
    <t>2015-08-04 04:12:21.807000+00:00</t>
  </si>
  <si>
    <t>2015-08-04 04:18:22.897000+00:00</t>
  </si>
  <si>
    <t>javascript|html|css|carousel</t>
  </si>
  <si>
    <t>Add Spacing to CardView TableViewCell</t>
  </si>
  <si>
    <t>&lt;p&gt;I am using a card view to build my table cells and it is working but I want to be able to change the appearance. &lt;/p&gt;
&lt;p&gt;It looks like this:&lt;/p&gt;
&lt;p&gt;&lt;a href="https://i.stack.imgur.com/Ow4WX.png" rel="nofollow noreferrer"&gt;&lt;img src="https://i.stack.imgur.com/Ow4WX.png" alt="Current"&gt;&lt;/a&gt;&lt;/p&gt;
&lt;p&gt;And I want it to look like this with space between the table cell and the edges and space between each table cell:&lt;/p&gt;
&lt;p&gt;&lt;a href="https://i.stack.imgur.com/xsgGc.png" rel="nofollow noreferrer"&gt;&lt;img src="https://i.stack.imgur.com/xsgGc.png" alt="What I want"&gt;&lt;/a&gt;&lt;/p&gt;
&lt;p&gt;Here is my code for creating the card view table cells: &lt;/p&gt;
&lt;pre&gt;&lt;code&gt;class ModelCell: UITableViewCell {
// Outlets
@IBOutlet weak var modelTitleLabel: UILabel!
@IBOutlet weak var modelDescriptionLabel: UILabel!
override func awakeFromNib() {
    super.awakeFromNib()
    // Initialization code
}
override func setSelected(_ selected: Bool, animated: Bool) {
    super.setSelected(selected, animated: animated)
    // Configure the view for the selected state
}
@IBInspectable var cornerRadius: CGFloat = 10
@IBInspectable var shadowOffsetWidth: Int = 0
@IBInspectable var shadowOffsetHeight: Int = 3
@IBInspectable var shadowColor: UIColor? = UIColor.white
@IBInspectable var shadowOpacity: Float = 0.5
override func layoutSubviews() {
    layer.cornerRadius = cornerRadius
    let shadowPath = UIBezierPath(roundedRect: bounds, cornerRadius: cornerRadius)
    layer.masksToBounds = false
    layer.shadowColor = shadowColor?.cgColor
    layer.shadowOffset = CGSize(width: shadowOffsetWidth, height: shadowOffsetHeight);
    layer.shadowOpacity = shadowOpacity
    layer.shadowPath = shadowPath.cgPath
    layer.borderWidth = 1.0
    layer.borderColor = UIColor(red:0.00, green:0.87, blue:0.39, alpha:1.0).cgColor
    }
}
&lt;/code&gt;&lt;/pre&gt;
&lt;p&gt;Thank you for your help in advance.&lt;/p&gt;</t>
  </si>
  <si>
    <t>2017-10-27 17:55:14.533000+00:00</t>
  </si>
  <si>
    <t>2017-11-06 19:27:55.273000+00:00</t>
  </si>
  <si>
    <t>ios|swift|uitableview</t>
  </si>
  <si>
    <t>Deploy a media folder without storing it on github with capistrano</t>
  </si>
  <si>
    <t>&lt;p&gt;I work on a php website that deploys to our servers with capistrano.  The site has a very large media folder that needs to be moved into the current deploy every time.  Currently what happens is I have a shell script that does a 'mount --bind' every time it deploys.  And on the before deploy it does an 'unmount' of that folder.  The problem is that it isn't reliable and sometimes on cleanup it rms my media folder.  I thought about putting the media folder in the github, but it is 500 mbs and needs to change as users create accounts. &lt;/p&gt;
&lt;p&gt;So options I have thought of and want your opinions on, or your options that is better then I can think of.&lt;/p&gt;
&lt;ol&gt;
&lt;li&gt;An .htaccess rewrite that whenever it looks for the media folder it reroutes it to a subdomain that has the folder on it.  I just don't know if this rewrite will work for creating files and directories or only reading them.
&lt;ul&gt;
&lt;li&gt;I tested this today and it worked, for reading from the subdomain, but I could not get the create or write to work&lt;/li&gt;
&lt;/ul&gt;&lt;/li&gt;
&lt;li&gt;&lt;p&gt;Find a beter way to deploy the media folder without having to rely on shell commands that seem to fail and destroy the folder&lt;/p&gt;&lt;/li&gt;
&lt;li&gt;&lt;p&gt;Restarting the server on every deploy (this unmounts all folders) then just do the mount after the deploy and server restarted.  This is just time consuming if I am doing many deploys it wouldn't work well because I have staging and production on the same server, so if I am testing on staging, restart it, it also restarts my production site, thus unmounting production well I am on staging testing.&lt;/p&gt;&lt;/li&gt;
&lt;/ol&gt;
&lt;p&gt;Those are the only options I could think of.  Any help would be great.&lt;/p&gt;</t>
  </si>
  <si>
    <t>2012-03-25 18:52:53.803000+00:00</t>
  </si>
  <si>
    <t>2012-03-26 20:16:10.173000+00:00</t>
  </si>
  <si>
    <t>php|deployment|capistrano|dev-to-production</t>
  </si>
  <si>
    <t>How do you send NetBeans Java Project with Database to .exe?</t>
  </si>
  <si>
    <t>&lt;p&gt;[I know this question has been asked &lt;a href="https://stackoverflow.com/questions/22132069/how-to-provide-java-application-with-database"&gt;here&lt;/a&gt; and h&lt;a href="https://stackoverflow.com/questions/3316315/distribute-a-database-made-with-javadb-with-java-program"&gt;ere&lt;/a&gt;, but I don't quite understand the answers, and I didn't want to ask questions on old threads.]&lt;/p&gt;
&lt;p&gt;Problem: &lt;br&gt;
I have a project that I created in NetBeans (7.01), and I created a database to go with it using Java DB. I would like to have a .exe file that I can run on any computer, so that when someone clicks it, the program runs like it should (establish the connection with the db, run the rest of the Java code).&lt;/p&gt;
&lt;p&gt;What I know: &lt;br&gt;
After a little reading, I see that if I didn't have the DB, the executable that I am looking for would really &lt;a href="https://stackoverflow.com/questions/5402247/how-to-create-a-exe-file-in-netbeans"&gt;just be the .jar file&lt;/a&gt;. I also found that I needed to create an embedded db which in part means that I need to change the URL from jdbc:derby://localhost... to &lt;strong&gt;&lt;em&gt;something&lt;/em&gt;&lt;/strong&gt; different (but I'm not sure what something should be. Just a path to the source code files perhaps with the db information?).&lt;/p&gt;
&lt;p&gt;Question:&lt;br&gt; 
I have a bunch of pieces (not sure if they're all right), but I am not sure how to put them all together. Could someone let me know how to create an embedded DB and send that, and the rest of the program, to an .exe?&lt;/p&gt;
&lt;p&gt;Thanks in advance!&lt;/p&gt;</t>
  </si>
  <si>
    <t>2015-05-19 16:19:05.647000+00:00</t>
  </si>
  <si>
    <t>2016-05-08 10:48:36.597000+00:00</t>
  </si>
  <si>
    <t>2017-05-23 12:16:06.087000+00:00</t>
  </si>
  <si>
    <t>java|database|netbeans|exe|derby</t>
  </si>
  <si>
    <t>RLM license does not work with python 3.5 on windows 8, 10</t>
  </si>
  <si>
    <t>&lt;p&gt;I am trying to use RLM ( Reprise license manager) license with python 3.5. Have been using RLM with python 2.7 but facing issues with 3.5. When I am running the example code provided by RLM it works with python 3.5 on windows 7 but fails on windows 8 , 10. Same code works with the same RLM dll with python 2.7 on all versions of windows.&lt;/p&gt;
&lt;p&gt;The error message is &lt;/p&gt;
&lt;pre&gt;&lt;code&gt;stat = rlm.rlm_stat(rh)
OSError: exception: access violation reading 0x00000000311E1908
&lt;/code&gt;&lt;/pre&gt;
&lt;hr&gt;
&lt;p&gt;Following is the example code from RLM. &lt;/p&gt;
&lt;pre&gt;&lt;code&gt;#
# Example of calling RLM functions from Python.  This example uses Python 3.
# This is not a complete Python language interface for RLM - instead it shows
# how to pass the essential data types back and forth between Python and RLM.
#
#
# Use Python ctypes library to call RLM functions
# There is a good writeup here: https://docs.python.org/3.4/library/ctypes.html
from ctypes import *
import sys
# This loads rlm1122.dll from the current working directory
rlm = cdll.rlm1222
# This loads librlm1122.so from the current working directory - note that on 
# Windows ctypes adds the .dll but on Linux, etc we need to explicitly call 
# LoadLibrary and supply the suffix
# rlm=cdll.LoadLibrary("librlm1122.so")
# Specify the argument types and return type of the RLM functions to be used.  
# In C, rlm_init()'s prototype is 
#   RLM_HANDLE *rlm_init(const char *, const char *, const char *)
# Pass the const char* as c_char_p.  RLM_HANDLE is an opaque pointer - use an 
# unsigned long to represent this and other RLM handle types in Python.
rlm.rlm_init.argtypes = [c_char_p, c_char_p, c_char_p]
rlm.rlm_init.restype = c_ulong
# Argument and return types for rlm_checkout, rlm_stat, rlm_license_stat, 
# rlm_checkin, and rlm_close. Use an unsigned long for the 
# license handle, as we do for the RLM handle returned from rlm_init
rlm.rlm_checkout.argtypes = [c_ulong, c_char_p, c_char_p, c_int]
rlm.rlm_checkout.restype = c_ulong
rlm.rlm_stat.argtypes = [c_ulong]
rlm.rlm_stat.restype = c_int
rlm.rlm_license_stat.argtypes = [c_ulong]
rlm.rlm_license_stat.restype = c_int
rlm.rlm_checkin.argtypes = [c_ulong]
rlm.rlm_checkin.restype = c_int
rlm.rlm_close.argtypes = [c_ulong]
rlm.rlm_close.restype = c_int
# Create a string buffer to pass to rlm_errstring if we need it
errbuf = create_string_buffer(512)
lic = c_ulong(0)
rh = rlm.rlm_init(b"5053@192.168.1.102", b"", b"")
stat = rlm.rlm_stat(rh)
if stat != 0:
    errstring = create_string_buffer(1000)
    rlm.rlm_errstring_num(stat, errstring)
    errMessage = str(errstring.value, 'utf-8')
    print("rlm_init error" + str(stat))
    print(errMessage)
    sys.exit()
product = b"baseApp"
version = b"1.0"
lic = rlm.rlm_checkout(rh, product, version, 1)
stat = rlm.rlm_license_stat(lic)
if stat != 0:
    rlm.rlm_errstring(lic, rh, errbuf)
    print(errbuf.value)
    sys.exit()
print("checkout OK")
rlm.rlm_checkin(lic)
rlm.rlm_close(rh)
&lt;/code&gt;&lt;/pre&gt;</t>
  </si>
  <si>
    <t>2018-06-12 07:26:57.987000+00:00</t>
  </si>
  <si>
    <t>python|windows|licensing</t>
  </si>
  <si>
    <t>Why isn't this combobox displaying items?</t>
  </si>
  <si>
    <t>&lt;p&gt;I'm writing an import utility, I'd like for users to be able to upload from a CSV and then direct the columns where they'd like them to go. &lt;/p&gt;
&lt;p&gt;So in order to do this, I'm making the header of each column a ComboBox populated with all of the possible columns.&lt;/p&gt;
&lt;p&gt;xaml&lt;/p&gt;
&lt;pre&gt;&lt;code&gt;        &amp;lt;DataGrid x:Name="ImportTable" 
                  ItemsSource="{Binding displayTable}"
                  AutoGeneratingColumn="OnAutoGeneratingColumn"
                  AutoGenerateColumns="True"
                  CanUserAddRows="True" 
                  CanUserDeleteRows="True"
                  EnableColumnVirtualization="True"
                  EnableRowVirtualization="True"
                  MaxWidth="1300"
                  MaxHeight="600"
                  /&amp;gt;
&lt;/code&gt;&lt;/pre&gt;
&lt;p&gt;xaml.cs&lt;/p&gt;
&lt;pre&gt;&lt;code&gt;    private void OnAutoGeneratingColumn(object sender, DataGridAutoGeneratingColumnEventArgs e)
    {
        var cb = new ComboBox();
        foreach (DataColumn test in (DataContext as EnterValueDialogViewModel).displayTable.Columns)
            Console.Out.WriteLine(test);
        cb.ItemsSource = (DataContext as EnterValueDialogViewModel).displayTable.Columns;
        e.Column.Header = cb;
    }
&lt;/code&gt;&lt;/pre&gt;
&lt;p&gt;This correctly prints out all of the columns, but nothing is actually displayed inside of the combo box's&lt;/p&gt;
&lt;p&gt;&lt;a href="https://i.stack.imgur.com/uv8zn.png" rel="nofollow noreferrer"&gt;Empty Combobox&lt;/a&gt;&lt;/p&gt;
&lt;hr&gt;
&lt;p&gt;The combobox now displays properly in the dropdown. but i can't get it's selectedValue to set. The following code prints out that the selectedvalue is correct, but it's still populating initially as blank/unselected&lt;/p&gt;
&lt;pre&gt;&lt;code&gt;        var cb = new ComboBox();
        cb.DisplayMemberPath = "ColumnName";
        cb.SelectedValue = e.PropertyName.ToString();
        cb.ItemsSource = (DataContext as EnterValueDialogViewModel).displayTable.Columns;
        Console.Out.WriteLine(cb.SelectedValue);
        e.Column.Header = cb;
&lt;/code&gt;&lt;/pre&gt;</t>
  </si>
  <si>
    <t>2018-04-17 16:54:34.753000+00:00</t>
  </si>
  <si>
    <t>2018-04-17 17:53:07.150000+00:00</t>
  </si>
  <si>
    <t>2018-04-17 17:44:33.610000+00:00</t>
  </si>
  <si>
    <t>c#|wpf|mvvm|combobox</t>
  </si>
  <si>
    <t>Get a variable in a variable in shell</t>
  </si>
  <si>
    <t>&lt;p&gt;I search for someone who can help me on a problem :&lt;/p&gt;
&lt;p&gt;I have a file.txt which contains information like that :&lt;/p&gt;
&lt;pre&gt;&lt;code&gt;2014-05-30 15:34:46,170 [18] INFO  - Login - TimeTaken 00:00:00.1866202
2014-05-30 15:34:46,170 [18] INFO  - Subscribe - TimeTaken 00:00:00.1866202
2014-05-30 15:34:46,170 [18] INFO  - Subscribe - TimeTaken 00:00:00.1866202
2014-05-30 15:34:46,170 [18] INFO  - GetInfos - TimeTaken 00:00:00.1866202
2014-05-30 15:34:46,170 [18] INFO  - Subscribe - TimeTaken 00:00:00.1866202
2014-05-30 15:34:46,170 [18] INFO  - Login - TimeTaken 00:00:00.1866202
2014-05-30 15:34:46,170 [18] INFO  - Login - TimeTaken 00:00:00.1866202
&lt;/code&gt;&lt;/pre&gt;
&lt;p&gt;And the associate script :&lt;/p&gt;
&lt;pre&gt;&lt;code&gt;records=$(grep 'TimeTaken' file.txt)
timems=$(echo "$records" | cut -d " " -f 10 | cut -c 8-)
echo $timems
averageTime=$(echo "$records" | awk '{
    print $timems
    arr[$6]+=$timems
    count[$6]++
}
END {
 for (key in arr) printf("%s\,%s\,%s\n", count[key], key, arr[key] / count[key])
}'    | sort +0n -1)
echo "$averageTime"
&lt;/code&gt;&lt;/pre&gt;
&lt;p&gt;When I launch this script, here is the result :&lt;/p&gt;
&lt;pre&gt;&lt;code&gt;0.1866202 0.1866202 0.1866202 0.1866202 0.1866202 0.1866202 0.1866202
awk: cmd. line:7: warning: escape sequence `\,' treated as plain `,'
1,GetInfos,2014
3,Login,2014
3,Subscribe,2014
2014-05-30 15:34:46,170 [18] INFO  - GetInfos - TimeTaken 00:00:00.1866202
2014-05-30 15:34:46,170 [18] INFO  - Login - TimeTaken 00:00:00.1866202
2014-05-30 15:34:46,170 [18] INFO  - Login - TimeTaken 00:00:00.1866202
2014-05-30 15:34:46,170 [18] INFO  - Login - TimeTaken 00:00:00.1866202
2014-05-30 15:34:46,170 [18] INFO  - Subscribe - TimeTaken 00:00:00.1866202
2014-05-30 15:34:46,170 [18] INFO  - Subscribe - TimeTaken 00:00:00.1866202
2014-05-30 15:34:46,170 [18] INFO  - Subscribe - TimeTaken 00:00:00.1866202
&lt;/code&gt;&lt;/pre&gt;
&lt;p&gt;For the last field of 1,GetInfos,2014 (ie : 2014), I want to have the average of timeTaken group by my methods.
I don't understand why when I make "echo $timems" I have the good value outside of "averageTime" variable bu not the good one inside.&lt;/p&gt;
&lt;p&gt;Hope someone can help me on that.&lt;/p&gt;
&lt;p&gt;Thanks a lot!   &lt;/p&gt;</t>
  </si>
  <si>
    <t>2014-05-30 16:44:40.730000+00:00</t>
  </si>
  <si>
    <t>2014-05-30 17:27:43.633000+00:00</t>
  </si>
  <si>
    <t>shell</t>
  </si>
  <si>
    <t>Finding the boundary layer profile of a PIV vector field</t>
  </si>
  <si>
    <t>&lt;p&gt;New to matlab and really struggling here. I am trying to plot the du/dr (boundary layer profile) of a cylinder of which the data is given as a PIV vector field. I have been able to read and reorganise the data file but I've been given some suggestions to interpolate and use quiver/draw a polyline but I haven't had any luck unfortunately. I can find the centre coordinates and radius of the circle but am not sure how to implement this to interpolate at every degree.&lt;/p&gt;</t>
  </si>
  <si>
    <t>2018-07-05 00:44:15.323000+00:00</t>
  </si>
  <si>
    <t>2018-07-05 06:31:07.540000+00:00</t>
  </si>
  <si>
    <t>matlab|extract|circle|polyline|boundary</t>
  </si>
  <si>
    <t>Centos auxd process hangs</t>
  </si>
  <si>
    <t>&lt;p&gt;I'm having a regular problem that I can't figure out what is going wrong.
Every once in a while (I think it is a daily problem), the command &lt;code&gt;auxd&lt;/code&gt; uses up all my processor capacity. As you can see I'm running this machine in a vmware environment.
I've tried and look what this process is, but it is not common I guess?&lt;/p&gt;
&lt;p&gt;I can kill the process, but after a while the process is automatically executed again.
I'm running centos 6.5 with kernel: 2.6.32-504.1.3.el6.x86_64
I've tried updating my system to the latest version but that didn't help. 
This is my top output when the process hangs..&lt;/p&gt;
&lt;pre&gt;&lt;code&gt;PID   USER      PR  NI  VIRT  RES  SHR S %CPU %MEM    TIME+  COMMAND
46939 root      20   0  778m  20m 1140 S 795.7  0.1   8418:57 auxd
&lt;/code&gt;&lt;/pre&gt;
&lt;p&gt;Hopefully somebody can point me into the direction what this problem might be or how to solve it.&lt;/p&gt;</t>
  </si>
  <si>
    <t>2014-11-30 12:33:30.007000+00:00</t>
  </si>
  <si>
    <t>2014-12-07 17:49:09.013000+00:00</t>
  </si>
  <si>
    <t>2014-11-30 12:57:51.823000+00:00</t>
  </si>
  <si>
    <t>linux|centos6.5</t>
  </si>
  <si>
    <t>how to get the time after two minutes</t>
  </si>
  <si>
    <t>&lt;p&gt;I have a to execute a command automatically after two minutes from the current date using shell scripting. Lets say my current time is in below format. The script should read the current time ,add two minutes to the existing time which will be 2014-09-10T09-23-34 and then execute the remaining script.&lt;/p&gt;
&lt;pre&gt;&lt;code&gt;date +"%Y"-"%m"-"%d"T"%H"-"%M"-"%S"
&lt;/code&gt;&lt;/pre&gt;
&lt;p&gt;2014-09-10T09-21-34&lt;/p&gt;</t>
  </si>
  <si>
    <t>2014-09-10 13:26:43.873000+00:00</t>
  </si>
  <si>
    <t>2014-09-10 15:01:15.167000+00:00</t>
  </si>
  <si>
    <t>2014-09-10 13:27:16.657000+00:00</t>
  </si>
  <si>
    <t>python|shell|unix|time|tcl</t>
  </si>
  <si>
    <t>Changing to Times New Roman in r graph</t>
  </si>
  <si>
    <t>&lt;pre&gt;&lt;code&gt;dose.m1logistic&amp;lt;-drm(adults/number~concentration,weights=number,data=dose,fct=L.3(),type="binomial")
plot(dose.m1logistic,type="all",log="x",xlab="Concentration (ppb)",ylab="Proportion Emergence")
&lt;/code&gt;&lt;/pre&gt;
&lt;p&gt;I want to plot a graph using this codes in r, the axes font type should be Times New Roman and font type 12&lt;/p&gt;
&lt;p&gt;Thanking you in anticipation
Sylvester&lt;/p&gt;</t>
  </si>
  <si>
    <t>2015-09-23 14:11:36.587000+00:00</t>
  </si>
  <si>
    <t>2015-09-23 14:19:40.730000+00:00</t>
  </si>
  <si>
    <t>r|fonts</t>
  </si>
  <si>
    <t>Rails - loops and routes, and getting . instead of /</t>
  </si>
  <si>
    <t>&lt;p&gt;I have three controllers, books, users and contributions. In a view in the books controller I have the following snippet - &lt;/p&gt;
&lt;pre&gt;&lt;code&gt;&amp;lt;%= link_to contrib.user.username, show_users_path(contrib.user_id) %&amp;gt;
&lt;/code&gt;&lt;/pre&gt;
&lt;p&gt;Which returns /users.n rather than /users/n&lt;/p&gt;
&lt;pre&gt;&lt;code&gt;&amp;lt;%= link_to contrib.user.username, "users/#{contrib.user_id}" %&amp;gt;
&lt;/code&gt;&lt;/pre&gt;
&lt;p&gt;does the same thing.&lt;/p&gt;
&lt;p&gt;I've read SO questions about this problem with nested resources, and with custom routes, but I've simply got my routes set up as resources, as follows -&lt;/p&gt;
&lt;pre&gt;&lt;code&gt;devise_for :users, :controllers =&amp;gt; { registrations: 'registrations' }
resources :blogs
resources :books
resources :users
resources :contributions
&lt;/code&gt;&lt;/pre&gt;
&lt;p&gt;In users/index I have the snippet&lt;/p&gt;
&lt;pre&gt;&lt;code&gt;&amp;lt;%= link_to user.username, "users/#{user.id}" %&amp;gt;
&lt;/code&gt;&lt;/pre&gt;
&lt;p&gt;which works fine. What is going on?&lt;/p&gt;
&lt;p&gt;.....&lt;/p&gt;
&lt;p&gt;The problem was I'm using an each loop. The whole snippet goes &lt;/p&gt;
&lt;pre&gt;&lt;code&gt;&amp;lt;% if controller.controller_name == "books" %&amp;gt;
  &amp;lt;p&amp;gt;&amp;lt;strong&amp;gt;by &amp;lt;%=link_to book.user.username, book.user %&amp;gt;&amp;lt;/strong&amp;gt;&amp;lt;/p&amp;gt;
  &amp;lt;% book.contributions.each do |contrib| %&amp;gt;
     &amp;lt;p&amp;gt;&amp;lt;%= link_to contrib.user.username, user_path(contrib.user) %&amp;gt;&amp;lt;/p&amp;gt;
  &amp;lt;%end%&amp;gt;
&amp;lt;% end %&amp;gt;
&lt;/code&gt;&lt;/pre&gt;
&lt;p&gt;I changed the fourth line to this - &lt;/p&gt;
&lt;pre&gt;&lt;code&gt;&amp;lt;p&amp;gt;&amp;lt;%= link_to contrib.user.username, user_path(book.contrib.user) %&amp;gt;&amp;lt;/p&amp;gt;
&lt;/code&gt;&lt;/pre&gt;
&lt;p&gt;Which works. Can anyone explain why?&lt;/p&gt;</t>
  </si>
  <si>
    <t>2014-08-27 13:56:04.160000+00:00</t>
  </si>
  <si>
    <t>2014-11-29 13:04:41.343000+00:00</t>
  </si>
  <si>
    <t>2014-08-27 14:14:34.780000+00:00</t>
  </si>
  <si>
    <t>ruby-on-rails-4|devise|routes</t>
  </si>
  <si>
    <t>jqGrid with dynamic colModel?</t>
  </si>
  <si>
    <t>&lt;p&gt;I have to create a data table simmiliar to the &lt;a href="http://www.chartle.net/" rel="nofollow noreferrer"&gt;http://www.chartle.net/&lt;/a&gt; have. &lt;/p&gt;
&lt;p&gt;The most importang feature is : &lt;/p&gt;
&lt;ol&gt;
&lt;li&gt;Row can be added/remove dynamically (done)&lt;/li&gt;
&lt;li&gt;Column can be added/remove dynamically (how can i do this ?)&lt;/li&gt;
&lt;li&gt;The changed colModel  can be saved in database for feature modification .. &lt;/li&gt;
&lt;/ol&gt;
&lt;p&gt;Is this possible ? &lt;/p&gt;</t>
  </si>
  <si>
    <t>2009-09-28 04:38:33.317000+00:00</t>
  </si>
  <si>
    <t>2012-10-02 12:54:56.233000+00:00</t>
  </si>
  <si>
    <t>jquery|jqgrid</t>
  </si>
  <si>
    <t>tab completion not working</t>
  </si>
  <si>
    <t>&lt;p&gt;I'm trying to create a prompt with tab completion. I have two files. main.py and prompt.py. main.py imports prompt.py and runs prompt.py's &lt;code&gt;main()&lt;/code&gt; function. The &lt;code&gt;main()&lt;/code&gt; function sets up a tab completer using readline and repeatedly waits for user input. It prints whatever is inputted and should have tab completion which completes according to whatever text is in the COMMANDS list.&lt;/p&gt;
&lt;p&gt;main.py:&lt;/p&gt;
&lt;pre&gt;&lt;code&gt;import prompt
prompt.main()
&lt;/code&gt;&lt;/pre&gt;
&lt;p&gt;prompt.py:&lt;/p&gt;
&lt;pre&gt;&lt;code&gt;import readline
import colorama
colorama.init()
COMMANDS = ['qwerty','uiop','asdf','ghjkl']
def complete(text, state):
    for cmd in COMMANDS:
        if cmd.startswith(text):
            if not state:
                return cmd
            else:
                state -= 1
def main():
    readline.parse_and_bind("tab: complete")
    readline.set_completer(complete)
    while True:
        test_input=raw_input(':')
        print test_input
main()
&lt;/code&gt;&lt;/pre&gt;
&lt;p&gt;What should happen is when I press the tab button the program tries to autocomplete to whatever is in the COMMANDS list. So if I type in "qwe" and press tab the program tab completes to "qwerty". However when I press tab in the program, nothing happens.&lt;/p&gt;
&lt;p&gt;Upon commenting the line &lt;code&gt;colorama.init()&lt;/code&gt;, the code can now autocomplete. So the line &lt;code&gt;colorama.init()&lt;/code&gt; is affecting tab completing. Why is this so? How can I run that line without it affecting the tab as I need the colorama module to output colored text on the windows command prompt. &lt;/p&gt;</t>
  </si>
  <si>
    <t>2018-01-01 15:49:13.887000+00:00</t>
  </si>
  <si>
    <t>2018-11-12 10:44:39.657000+00:00</t>
  </si>
  <si>
    <t>2018-01-01 16:29:31.877000+00:00</t>
  </si>
  <si>
    <t>python|python-2.7|input|windows-10|readline</t>
  </si>
  <si>
    <t>Match words in a string and make them bold</t>
  </si>
  <si>
    <t>&lt;p&gt;I'm trying to find specific words in a string and wrap those words with &lt;code&gt;&amp;lt;b&amp;gt;&lt;/code&gt;. Below is what I have but I'm wondering whether there is a more effecient groovyish way to do this?&lt;/p&gt;
&lt;pre&gt;&lt;code&gt;void testSomething() {
    def myText = "The quick brown fox is very feisty today"
    def BOUNDS = /\b/
    def myWords = "quick very"
    def words =  myWords.tokenize(" ").join("|")
    def regex = /$BOUNDS($words)$BOUNDS/
    def found = ''
    myText.eachMatch(regex) { match -&amp;gt;
        found += match[0] + ' '
    }
    assert found == 'quick very '
    def foundList = found.tokenize(" ")
    def newList = []
    myText.tokenize(" ").each {word -&amp;gt;
        if (foundList.contains(word))
            word = "&amp;lt;b&amp;gt;${word}&amp;lt;/b&amp;gt;"
        newList.add(word)
    }
    assert "The &amp;lt;b&amp;gt;quick&amp;lt;/b&amp;gt; brown fox is &amp;lt;b&amp;gt;very&amp;lt;/b&amp;gt; feisty today" ==    newList.join(" ")
}
&lt;/code&gt;&lt;/pre&gt;</t>
  </si>
  <si>
    <t>2013-01-09 19:05:43.007000+00:00</t>
  </si>
  <si>
    <t>2013-01-09 19:27:22.230000+00:00</t>
  </si>
  <si>
    <t>groovy</t>
  </si>
  <si>
    <t>SQLSTATE[23000]: Integrity constraint violation: 1048 Column 'name' cannot be null (SQL: insert using Laravel 5.1.*</t>
  </si>
  <si>
    <t>&lt;p&gt;I have searched online and no similar situation seems to address my cares. I have written this code to create a form and save to the DB using Laravel 5.1.*. whenever i try loading the page it kept on throwing this error which I'll need a solution to.
This is the code for view:
&lt;/p&gt;
&lt;pre&gt;&lt;code&gt;@section('body')
{!! Form::open('action'=&amp;gt;'UsersController@store') !!}       
        &amp;lt;p&amp;gt;{!! Form::text('name', 'Abraham Adeoya', ['class'=&amp;gt;'css-input', 'placeholder'=&amp;gt;'enter firstname &amp;amp; lastname']) !!}&amp;lt;/p&amp;gt;
        &amp;lt;p&amp;gt;{!! Form::email('email', 'ken4ward@yahoo.com', ['class'=&amp;gt;'css-input', 'placeholder'=&amp;gt;'example@domain.com']) !!}&amp;lt;/p&amp;gt;
        &amp;lt;p&amp;gt;{!! Form::text('username', 'ken4ward', ['class'=&amp;gt;'css-input', 'placeholder'=&amp;gt;'enter username']) !!}&amp;lt;/p&amp;gt;
        &amp;lt;p&amp;gt;{!! Form::password('password', '111111', ['class'=&amp;gt;'css-input', 'placeholder'=&amp;gt;'password']) !!}&amp;lt;/p&amp;gt;
        &amp;lt;p&amp;gt;{!! Form::password('repeatpassword', 111111, ['class'=&amp;gt;'css-input', 'placeholder'=&amp;gt;'repeat password']) !!}&amp;lt;/p&amp;gt;
        &amp;lt;p&amp;gt;{!! Form::submit('Create', ['class'=&amp;gt;'css-button']) !!}&amp;lt;/p&amp;gt;  
{!! Form::close() !!}
@stop
&lt;/code&gt;&lt;/pre&gt;
&lt;p&gt;The problems with this code snippet above is that the password fields and the button do accept CSS effects applied, and it throws the the error page.&lt;/p&gt;
&lt;p&gt;This is the controller:&lt;/p&gt;
&lt;pre&gt;&lt;code&gt;class UsersController extends Controller
{
    public function index()
    {
        $users = User::all();
        return view('users.index')-&amp;gt;with('users', $users);
    }
    public function create()
    {
        return view('users.create');
    }
    public function store(Request $request)
    {
        $users = new User();
        $users-&amp;gt;name = $request-&amp;gt;name;
        $users-&amp;gt;email = $request-&amp;gt;email;
        $users-&amp;gt;username = $request-&amp;gt;username;
        $users-&amp;gt;password = $request-&amp;gt;password;
        $users-&amp;gt;updated_at = $request-&amp;gt;updated_at;
        $users-&amp;gt;created_at = $request-&amp;gt;created_at;
        $users-&amp;gt;save();
    }
&lt;/code&gt;&lt;/pre&gt;
&lt;p&gt;This is the route:&lt;/p&gt;
&lt;pre&gt;&lt;code&gt;Route::get('users', 'UsersController@index');
Route::get('users/create', 'UsersController@create');
Route::get('users/create', 'UsersController@store');
&lt;/code&gt;&lt;/pre&gt;
&lt;p&gt;This is the error message:&lt;/p&gt;
&lt;pre&gt;&lt;code&gt;QueryException in Connection.php line 651:
SQLSTATE[23000]: Integrity constraint violation: 1048 Column 'name' cannot be null (SQL: insert into `users` (`name`, `email`, `username`, `password`, `updated_at`, `created_at`) values (, , , , , ))
in Connection.php line 651
at Connection-&amp;gt;runQueryCallback('insert into `users` (`name`, `email`, `username`, `password`, `updated_at`, `created_at`) values (?, ?, ?, ?, ?, ?)', array(null, null, null, null, null, null), object(Closure)) in Connection.php line 611
at Connection-&amp;gt;run('insert into `users` (`name`, `email`, `username`, `password`, `updated_at`, `created_at`) values (?, ?, ?, ?, ?, ?)', array(null, null, null, null, null, null), object(Closure)) in Connection.php line 391
at Connection-&amp;gt;statement('insert into `users` (`name`, `email`, `username`, `password`, `updated_at`, `created_at`) values (?, ?, ?, ?, ?, ?)', array(null, null, null, null, null, null)) in Connection.php line 347
at Connection-&amp;gt;insert('insert into `users` (`name`, `email`, `username`, `password`, `updated_at`, `created_at`) values (?, ?, ?, ?, ?, ?)', array(null, null, null, null, null, null)) in Processor.php line 32
at Processor-&amp;gt;processInsertGetId(object(Builder), 'insert into `users` (`name`, `email`, `username`, `password`, `updated_at`, `created_at`) values (?, ?, ?, ?, ?, ?)', array(null, null, null, null, null, null), 'id') in Builder.php line 1799
at Builder-&amp;gt;insertGetId(array('name' =&amp;gt; null, 'email' =&amp;gt; null, 'username' =&amp;gt; null, 'password' =&amp;gt; null, 'updated_at' =&amp;gt; null, 'created_at' =&amp;gt; null), 'id')
at call_user_func_array(array(object(Builder), 'insertGetId'), array(array('name' =&amp;gt; null, 'email' =&amp;gt; null, 'username' =&amp;gt; null, 'password' =&amp;gt; null, 'updated_at' =&amp;gt; null, 'created_at' =&amp;gt; null), 'id')) in Builder.php line 943
at Builder-&amp;gt;__call('insertGetId', array(array('name' =&amp;gt; null, 'email' =&amp;gt; null, 'username' =&amp;gt; null, 'password' =&amp;gt; null, 'updated_at' =&amp;gt; null, 'created_at' =&amp;gt; null), 'id')) in Model.php line 1638
at Builder-&amp;gt;insertGetId(array('name' =&amp;gt; null, 'email' =&amp;gt; null, 'username' =&amp;gt; null, 'password' =&amp;gt; null, 'updated_at' =&amp;gt; null, 'created_at' =&amp;gt; null), 'id') in Model.php line 1638
at Model-&amp;gt;insertAndSetId(object(Builder), array('name' =&amp;gt; null, 'email' =&amp;gt; null, 'username' =&amp;gt; null, 'password' =&amp;gt; null, 'updated_at' =&amp;gt; null, 'created_at' =&amp;gt; null)) in Model.php line 1607
at Model-&amp;gt;performInsert(object(Builder), array()) in Model.php line 1513
at Model-&amp;gt;save() in UsersController.php line 50
at UsersController-&amp;gt;store(object(Request))
at call_user_func_array(array(object(UsersController), 'store'), array(object(Request))) in Controller.php line 256
at Controller-&amp;gt;callAction('store', array(object(Request))) in ControllerDispatcher.php line 164
at ControllerDispatcher-&amp;gt;call(object(UsersController), object(Route), 'store') in ControllerDispatcher.php line 112
at ControllerDispatcher-&amp;gt;Illuminate\Routing\{closure}(object(Request))
at call_user_func(object(Closure), object(Request)) in Pipeline.php line 139
at Pipeline-&amp;gt;Illuminate\Pipeline\{closure}(object(Request))
at call_user_func(object(Closure), object(Request)) in Pipeline.php line 103
at Pipeline-&amp;gt;then(object(Closure)) in ControllerDispatcher.php line 114
at ControllerDispatcher-&amp;gt;callWithinStack(object(UsersController), object(Route), object(Request), 'store') in ControllerDispatcher.php line 69
at ControllerDispatcher-&amp;gt;dispatch(object(Route), object(Request), 'App\Http\Controllers\UsersController', 'store') in Route.php line 203
at Route-&amp;gt;runWithCustomDispatcher(object(Request)) in Route.php line 134
at Route-&amp;gt;run(object(Request)) in Router.php line 712
at Router-&amp;gt;Illuminate\Routing\{closure}(object(Request))
at call_user_func(object(Closure), object(Request)) in Pipeline.php line 139
at Pipeline-&amp;gt;Illuminate\Pipeline\{closure}(object(Request))
at call_user_func(object(Closure), object(Request)) in Pipeline.php line 103
at Pipeline-&amp;gt;then(object(Closure)) in Router.php line 714
at Router-&amp;gt;runRouteWithinStack(object(Route), object(Request)) in Router.php line 679
at Router-&amp;gt;dispatchToRoute(object(Request)) in Router.php line 639
at Router-&amp;gt;dispatch(object(Request)) in Kernel.php line 236
at Kernel-&amp;gt;Illuminate\Foundation\Http\{closure}(object(Request))
at call_user_func(object(Closure), object(Request)) in Pipeline.php line 139
at Pipeline-&amp;gt;Illuminate\Pipeline\{closure}(object(Request)) in VerifyCsrfToken.php line 50
at VerifyCsrfToken-&amp;gt;handle(object(Request), object(Closure))
at call_user_func_array(array(object(VerifyCsrfToken), 'handle'), array(object(Request), object(Closure))) in Pipeline.php line 124
at Pipeline-&amp;gt;Illuminate\Pipeline\{closure}(object(Request)) in ShareErrorsFromSession.php line 49
at ShareErrorsFromSession-&amp;gt;handle(object(Request), object(Closure))
at call_user_func_array(array(object(ShareErrorsFromSession), 'handle'), array(object(Request), object(Closure))) in Pipeline.php line 124
at Pipeline-&amp;gt;Illuminate\Pipeline\{closure}(object(Request)) in StartSession.php line 62
at StartSession-&amp;gt;handle(object(Request), object(Closure))
at call_user_func_array(array(object(StartSession), 'handle'), array(object(Request), object(Closure))) in Pipeline.php line 124
at Pipeline-&amp;gt;Illuminate\Pipeline\{closure}(object(Request)) in AddQueuedCookiesToResponse.php line 37
at AddQueuedCookiesToResponse-&amp;gt;handle(object(Request), object(Closure))
at call_user_func_array(array(object(AddQueuedCookiesToResponse), 'handle'), array(object(Request), object(Closure))) in Pipeline.php line 124
at Pipeline-&amp;gt;Illuminate\Pipeline\{closure}(object(Request)) in EncryptCookies.php line 59
at EncryptCookies-&amp;gt;handle(object(Request), object(Closure))
at call_user_func_array(array(object(EncryptCookies), 'handle'), array(object(Request), object(Closure))) in Pipeline.php line 124
at Pipeline-&amp;gt;Illuminate\Pipeline\{closure}(object(Request)) in CheckForMaintenanceMode.php line 42
at CheckForMaintenanceMode-&amp;gt;handle(object(Request), object(Closure))
at call_user_func_array(array(object(CheckForMaintenanceMode), 'handle'), array(object(Request), object(Closure))) in Pipeline.php line 124
at Pipeline-&amp;gt;Illuminate\Pipeline\{closure}(object(Request))
at call_user_func(object(Closure), object(Request)) in Pipeline.php line 103
at Pipeline-&amp;gt;then(object(Closure)) in Kernel.php line 122
at Kernel-&amp;gt;sendRequestThroughRouter(object(Request)) in Kernel.php line 87
at Kernel-&amp;gt;handle(object(Request)) in index.php line 54
at require_once('C:\Users\ken4ward\Documents\xampp\htdocs\schoolapp\public\index.php') in server.php line 21
1/2
PDOException in Connection.php line 390:
SQLSTATE[23000]: Integrity constraint violation: 1048 Column 'name' cannot be null
in Connection.php line 390
at PDOStatement-&amp;gt;execute(array(null, null, null, null, null, null)) in Connection.php line 390
at Connection-&amp;gt;Illuminate\Database\{closure}(object(MySqlConnection), 'insert into `users` (`name`, `email`, `username`, `password`, `updated_at`, `created_at`) values (?, ?, ?, ?, ?, ?)', array(null, null, null, null, null, null)) in Connection.php line 644
at Connection-&amp;gt;runQueryCallback('insert into `users` (`name`, `email`, `username`, `password`, `updated_at`, `created_at`) values (?, ?, ?, ?, ?, ?)', array(null, null, null, null, null, null), object(Closure)) in Connection.php line 611
at Connection-&amp;gt;run('insert into `users` (`name`, `email`, `username`, `password`, `updated_at`, `created_at`) values (?, ?, ?, ?, ?, ?)', array(null, null, null, null, null, null), object(Closure)) in Connection.php line 391
at Connection-&amp;gt;statement('insert into `users` (`name`, `email`, `username`, `password`, `updated_at`, `created_at`) values (?, ?, ?, ?, ?, ?)', array(null, null, null, null, null, null)) in Connection.php line 347
at Connection-&amp;gt;insert('insert into `users` (`name`, `email`, `username`, `password`, `updated_at`, `created_at`) values (?, ?, ?, ?, ?, ?)', array(null, null, null, null, null, null)) in Processor.php line 32
at Processor-&amp;gt;processInsertGetId(object(Builder), 'insert into `users` (`name`, `email`, `username`, `password`, `updated_at`, `created_at`) values (?, ?, ?, ?, ?, ?)', array(null, null, null, null, null, null), 'id') in Builder.php line 1799
at Builder-&amp;gt;insertGetId(array('name' =&amp;gt; null, 'email' =&amp;gt; null, 'username' =&amp;gt; null, 'password' =&amp;gt; null, 'updated_at' =&amp;gt; null, 'created_at' =&amp;gt; null), 'id')
at call_user_func_array(array(object(Builder), 'insertGetId'), array(array('name' =&amp;gt; null, 'email' =&amp;gt; null, 'username' =&amp;gt; null, 'password' =&amp;gt; null, 'updated_at' =&amp;gt; null, 'created_at' =&amp;gt; null), 'id')) in Builder.php line 943
at Builder-&amp;gt;__call('insertGetId', array(array('name' =&amp;gt; null, 'email' =&amp;gt; null, 'username' =&amp;gt; null, 'password' =&amp;gt; null, 'updated_at' =&amp;gt; null, 'created_at' =&amp;gt; null), 'id')) in Model.php line 1638
at Builder-&amp;gt;insertGetId(array('name' =&amp;gt; null, 'email' =&amp;gt; null, 'username' =&amp;gt; null, 'password' =&amp;gt; null, 'updated_at' =&amp;gt; null, 'created_at' =&amp;gt; null), 'id') in Model.php line 1638
at Model-&amp;gt;insertAndSetId(object(Builder), array('name' =&amp;gt; null, 'email' =&amp;gt; null, 'username' =&amp;gt; null, 'password' =&amp;gt; null, 'updated_at' =&amp;gt; null, 'created_at' =&amp;gt; null)) in Model.php line 1607
at Model-&amp;gt;performInsert(object(Builder), array()) in Model.php line 1513
at Model-&amp;gt;save() in UsersController.php line 50
at UsersController-&amp;gt;store(object(Request))
at call_user_func_array(array(object(UsersController), 'store'), array(object(Request))) in Controller.php line 256
at Controller-&amp;gt;callAction('store', array(object(Request))) in ControllerDispatcher.php line 164
at ControllerDispatcher-&amp;gt;call(object(UsersController), object(Route), 'store') in ControllerDispatcher.php line 112
at ControllerDispatcher-&amp;gt;Illuminate\Routing\{closure}(object(Request))
at call_user_func(object(Closure), object(Request)) in Pipeline.php line 139
at Pipeline-&amp;gt;Illuminate\Pipeline\{closure}(object(Request))
at call_user_func(object(Closure), object(Request)) in Pipeline.php line 103
at Pipeline-&amp;gt;then(object(Closure)) in ControllerDispatcher.php line 114
at ControllerDispatcher-&amp;gt;callWithinStack(object(UsersController), object(Route), object(Request), 'store') in ControllerDispatcher.php line 69
at ControllerDispatcher-&amp;gt;dispatch(object(Route), object(Request), 'App\Http\Controllers\UsersController', 'store') in Route.php line 203
at Route-&amp;gt;runWithCustomDispatcher(object(Request)) in Route.php line 134
at Route-&amp;gt;run(object(Request)) in Router.php line 712
at Router-&amp;gt;Illuminate\Routing\{closure}(object(Request))
at call_user_func(object(Closure), object(Request)) in Pipeline.php line 139
at Pipeline-&amp;gt;Illuminate\Pipeline\{closure}(object(Request))
at call_user_func(object(Closure), object(Request)) in Pipeline.php line 103
at Pipeline-&amp;gt;then(object(Closure)) in Router.php line 714
at Router-&amp;gt;runRouteWithinStack(object(Route), object(Request)) in Router.php line 679
at Router-&amp;gt;dispatchToRoute(object(Request)) in Router.php line 639
at Router-&amp;gt;dispatch(object(Request)) in Kernel.php line 236
at Kernel-&amp;gt;Illuminate\Foundation\Http\{closure}(object(Request))
at call_user_func(object(Closure), object(Request)) in Pipeline.php line 139
at Pipeline-&amp;gt;Illuminate\Pipeline\{closure}(object(Request)) in VerifyCsrfToken.php line 50
at VerifyCsrfToken-&amp;gt;handle(object(Request), object(Closure))
at call_user_func_array(array(object(VerifyCsrfToken), 'handle'), array(object(Request), object(Closure))) in Pipeline.php line 124
at Pipeline-&amp;gt;Illuminate\Pipeline\{closure}(object(Request)) in ShareErrorsFromSession.php line 49
at ShareErrorsFromSession-&amp;gt;handle(object(Request), object(Closure))
at call_user_func_array(array(object(ShareErrorsFromSession), 'handle'), array(object(Request), object(Closure))) in Pipeline.php line 124
at Pipeline-&amp;gt;Illuminate\Pipeline\{closure}(object(Request)) in StartSession.php line 62
at StartSession-&amp;gt;handle(object(Request), object(Closure))
at call_user_func_array(array(object(StartSession), 'handle'), array(object(Request), object(Closure))) in Pipeline.php line 124
at Pipeline-&amp;gt;Illuminate\Pipeline\{closure}(object(Request)) in AddQueuedCookiesToResponse.php line 37
at AddQueuedCookiesToResponse-&amp;gt;handle(object(Request), object(Closure))
at call_user_func_array(array(object(AddQueuedCookiesToResponse), 'handle'), array(object(Request), object(Closure))) in Pipeline.php line 124
at Pipeline-&amp;gt;Illuminate\Pipeline\{closure}(object(Request)) in EncryptCookies.php line 59
at EncryptCookies-&amp;gt;handle(object(Request), object(Closure))
at call_user_func_array(array(object(EncryptCookies), 'handle'), array(object(Request), object(Closure))) in Pipeline.php line 124
at Pipeline-&amp;gt;Illuminate\Pipeline\{closure}(object(Request)) in CheckForMaintenanceMode.php line 42
at CheckForMaintenanceMode-&amp;gt;handle(object(Request), object(Closure))
at call_user_func_array(array(object(CheckForMaintenanceMode), 'handle'), array(object(Request), object(Closure))) in Pipeline.php line 124
at Pipeline-&amp;gt;Illuminate\Pipeline\{closure}(object(Request))
at call_user_func(object(Closure), object(Request)) in Pipeline.php line 103
at Pipeline-&amp;gt;then(object(Closure)) in Kernel.php line 122
at Kernel-&amp;gt;sendRequestThroughRouter(object(Request)) in Kernel.php line 87
at Kernel-&amp;gt;handle(object(Request)) in index.php line 54
at require_once('C:\Users\ken4ward\Documents\xampp\htdocs\schoolapp\public\index.php') in server.php line 21
&lt;/code&gt;&lt;/pre&gt;
&lt;p&gt;Please help me out of this issue.&lt;/p&gt;</t>
  </si>
  <si>
    <t>2015-11-24 05:47:51.633000+00:00</t>
  </si>
  <si>
    <t>2017-03-04 01:52:40.140000+00:00</t>
  </si>
  <si>
    <t>mysql|model-view-controller|http-post|laravel-5.1</t>
  </si>
  <si>
    <t>JQuery not working in Firefox</t>
  </si>
  <si>
    <t>&lt;p&gt;I have a Jquery function, which works in Chrome, but not in Firefox, Does anybody have any idea, what went wrong ?&lt;/p&gt;
&lt;p&gt;This function is used to fill a text box with default values. The code logic is correct, as it works correctly in chrome.&lt;/p&gt;
&lt;pre&gt;&lt;code&gt;$('#filler').change(function(){
//Logic here    
var Row = document.getElementById("node-0");
var Cells = Row.getElementsByTagName("td");
var size=(Cells[2].innerText);
var chr=document.getElementById("filler").value;    
var fillertxt="";
for (var i=0;i&amp;lt;size;i++)
{
  fillertxt+=chr+chr+" ";
}       
if(!/[0123456789abcdef]/ig.test(chr))
    {
         alert("Do use Hexadecimal characters!");   
    }
    else
    {
        $('#input').val(fillertxt);
    }
});
&lt;/code&gt;&lt;/pre&gt;</t>
  </si>
  <si>
    <t>2013-02-22 12:49:07.293000+00:00</t>
  </si>
  <si>
    <t>2013-02-22 18:09:32.100000+00:00</t>
  </si>
  <si>
    <t>2013-02-22 13:06:05.060000+00:00</t>
  </si>
  <si>
    <t>How to create Flash component without visible scene?</t>
  </si>
  <si>
    <t>&lt;p&gt;I would like to integrate mp3 sound file into web-page using Flash, just to play it if some event occurs. It seems to me, the easiest way to do that is to integrate a small swf file into web-page and send path to mp3 file as parameter in  element. So basically swf gets path to mp3 file and plays it.&lt;/p&gt;
&lt;p&gt;Is it possible to make flash element (swf file) without a picture or without scene? It looks like, flash element always need to have a visible screen, but I don't need it because my flash component doesn't need to show anything to a user.&lt;/p&gt;
&lt;p&gt;&lt;strong&gt;UPDATE:&lt;/strong&gt;&lt;br&gt;
At this moment, I made 1x1px flash and hid it in HTML document, using &lt;code&gt;object&lt;/code&gt; element. &lt;/p&gt;
&lt;pre&gt;&lt;code&gt;  &amp;lt;object width="0" height="0"&amp;gt;
&lt;/code&gt;&lt;/pre&gt;</t>
  </si>
  <si>
    <t>2011-03-06 20:53:14.480000+00:00</t>
  </si>
  <si>
    <t>2011-05-18 22:00:17.080000+00:00</t>
  </si>
  <si>
    <t>2011-03-17 01:31:28.753000+00:00</t>
  </si>
  <si>
    <t>actionscript|audio|flash</t>
  </si>
  <si>
    <t>How to convert JSON date to normal date in jquery</t>
  </si>
  <si>
    <t>&lt;p&gt;JSON object has returned date in this format:&lt;/p&gt;
&lt;pre&gt;&lt;code&gt;/Date(1387267380000)/
&lt;/code&gt;&lt;/pre&gt;
&lt;p&gt;I want to display it in &lt;/p&gt;
&lt;pre&gt;&lt;code&gt;12/16/2013
&lt;/code&gt;&lt;/pre&gt;
&lt;p&gt;How can I do this in jquery/javascript ?&lt;/p&gt;</t>
  </si>
  <si>
    <t>2013-12-17 08:06:10.647000+00:00</t>
  </si>
  <si>
    <t>2013-12-17 08:11:41.940000+00:00</t>
  </si>
  <si>
    <t>jquery|json</t>
  </si>
  <si>
    <t>How to decorate (wrap) child's method with parent's method</t>
  </si>
  <si>
    <t>&lt;p&gt;First of all, this question might be &lt;a href="https://stackoverflow.com/q/2065112/2377489"&gt;duplicate&lt;/a&gt;, but somehow I haven't got my head around those answers. Say I have:&lt;/p&gt;
&lt;pre&gt;&lt;code&gt;import argparse
class Parent:
    def __init__(self):
        self.parser = argparse.ArgumentParser()
        self.parser.add_argument("user")
        # parse the argument
        self.parser.parse_args()
class Child(Parent):
    def __init__(self):
        # here self.parser is not defined
        # self.parser.add_argument("password")
        super().__init__()
        # here args are already parsed and 
        # self.parser does not include args
        # self.parser.add_argument("password")
if __name__ == '__main__':
    Child()
&lt;/code&gt;&lt;/pre&gt;
&lt;p&gt;This is the minimal working example of the code I want to write (something like command line app framework. My setup is basically the following&lt;/p&gt;
&lt;pre&gt;&lt;code&gt;class Parent:
    def __init__(self):
        # do some stuff starting stuff
       # middle
        # do some ending stuff
class Child(Parent):
    def __init__(self):
        # do something in the middle of Parent init
&lt;/code&gt;&lt;/pre&gt;
&lt;p&gt;There is simple partial workaround in my case. When &lt;code&gt;Parent&lt;/code&gt; might not do &lt;code&gt;self.parser.parse_args()&lt;/code&gt; or it would &lt;em&gt;somehow&lt;/em&gt; (don't know how write now exactly) check, if child added any arguments and then leave the &lt;code&gt;self.parser.parse_args()&lt;/code&gt; to the child class. But I thought, whether it is possible one dumb idea was to change parent's &lt;code&gt;__init__&lt;/code&gt; to behave like a decorator over child and do something like this (a part from the fact, that &lt;strong&gt;init&lt;/strong&gt; does allow to return anything other than &lt;code&gt;None&lt;/code&gt;, it probably does not work from various other reasons..?)&lt;/p&gt;
&lt;pre&gt;&lt;code&gt;class Child(Parent):
    @super.__init__
    def __init__(self):
&lt;/code&gt;&lt;/pre&gt;
&lt;p&gt;So, any ideas, which path should I chose? My motivation for that is, that I want the end user, who would use such &lt;em&gt;framework&lt;/em&gt; (that means writing app, that inherits from Parent) to need to do as little work as possible (that means, moving most things into Parent). Is there any reasonable way, how to do this?&lt;/p&gt;</t>
  </si>
  <si>
    <t>2016-05-21 07:28:59.493000+00:00</t>
  </si>
  <si>
    <t>2016-05-21 08:14:49.060000+00:00</t>
  </si>
  <si>
    <t>2017-05-23 11:59:52.367000+00:00</t>
  </si>
  <si>
    <t>python|class|decorator|argparse|super</t>
  </si>
  <si>
    <t>Does normal object base type - derived type conversion come under Covariance and contravariance?</t>
  </si>
  <si>
    <t>&lt;p&gt;Covariance and contravariance provides implicit reference conversion for Arrays, Delegates and Generic parameter types.&lt;/p&gt;
&lt;pre&gt;&lt;code&gt;IEnumerable&amp;lt;string&amp;gt; strings = new List&amp;lt;string&amp;gt;();
IEnumerable&amp;lt;object&amp;gt; objects = strings;
Action&amp;lt;object&amp;gt; actObject = SetObject;
Action&amp;lt;string&amp;gt; actString = actObject;
&lt;/code&gt;&lt;/pre&gt;
&lt;p&gt;Does normal object base type derived type conversion come under Covariance and contravariance as stated below ? &lt;/p&gt;
&lt;pre&gt;&lt;code&gt;ChildClass childobj=new ChildClass;
BaseClass baseobj=childobj;
BaseClass baseobj=new BaseClass;
ChildClass childobj= (BaseClass) baseobj;
&lt;/code&gt;&lt;/pre&gt;
&lt;p&gt;If so how runtime handles it and If not why?&lt;/p&gt;</t>
  </si>
  <si>
    <t>2014-08-01 06:20:56.893000+00:00</t>
  </si>
  <si>
    <t>2014-08-01 06:26:52.160000+00:00</t>
  </si>
  <si>
    <t>2014-08-01 06:21:54.647000+00:00</t>
  </si>
  <si>
    <t>c#|.net|covariance|contravariance</t>
  </si>
  <si>
    <t>Where is my syntax error in this php program</t>
  </si>
  <si>
    <t>&lt;p&gt;I am driving myself crazy trying to figure out where i am messing up. I've gone through this program 100s of times and I still can't figure out why it isn't running. All the areas in the database being called are not blank and all the variables are being brought correctly from the previous page.&lt;/p&gt;
&lt;pre&gt;&lt;code&gt;$host="localhost";
    $username="root";
    $password="sunbuggy";
    $database="mpg";
    $table="m";
mysql_connect($host,$username,$password) or die( "unable to connect to mysql server");
    mysql_select_db($database) or die( "Unable to select database"); 
        $driver=$_POST['driver'];
        $shuttle=$_POST['shuttle'];
        $gas=$_POST['gas'];
        $miles=$_POST['miles'];
        $cost=$_POST['cost'];
$getlastpri= "(SELECT * FROM '$table' ORDER BY `prikey` DESC)";
$sql=mysql_query($getlastpri);
$i=0;
$num=mysql_result($prime,$i,$prikey);
$shut=NULL;
while ($shut != $shuttle){
$shut=mysql_result($sql,$i,shuttle);
    $i++;}
if($shut == $shuttle)
    {$pastmiles=mysql_result($sql,$i,miles);}
else
    $pastmiles=Null;                        
if($pastmiles=Null):
    {$milestravled=Null;}
else:
$milestravled=$miles-$pastmiles;
$milespergallon=($milestravled/$gas);
$abc= "INSERT INTO $table VALUES ('','$driver','$shuttle','$gas','$miles','$cost', '$milestravled','$milespergallon')";
mysql_query($abc);
mysql_close();
echo "Your latest information has been input into the server";
?&amp;gt;`
&lt;/code&gt;&lt;/pre&gt;
&lt;p&gt;Thanks so much in advance. Henry&lt;/p&gt;</t>
  </si>
  <si>
    <t>2012-08-27 22:03:25.677000+00:00</t>
  </si>
  <si>
    <t>2012-08-27 22:32:31.330000+00:00</t>
  </si>
  <si>
    <t>2012-08-27 22:10:48.150000+00:00</t>
  </si>
  <si>
    <t>php|mysql|syntax-error</t>
  </si>
  <si>
    <t>How to bind to a list that nested deep in the DataContext object in WPF</t>
  </si>
  <si>
    <t>&lt;p&gt;I need to bind to a list of objects that is hidden deep inside the DataContext object and it doesn���t seem to be working for me. Here is my DataContext object:&lt;/p&gt;
&lt;pre&gt;&lt;code&gt;public class UserDataContext
{
    public ObservableCollection&amp;lt;UserViewModel&amp;gt; Users { get; set; }
    public UsersSettingsViewModel UserSettings { get; set; }
}
public class UsersSettingsViewModel
{
    public int Id { get; set; }
    public ObservableCollection&amp;lt;Subscriptions&amp;gt; Subscriptions { get; set; }
} 
&lt;/code&gt;&lt;/pre&gt;
&lt;p&gt;I have a list of users, bound to &lt;code&gt;Users&lt;/code&gt; property and when a user is selected, I want to display settings defined for the user. Settings are kept in &lt;code&gt;UsersSettingsViewModel&lt;/code&gt; class and at the moment it is just a list of user���s subscriptions.  I set DataContext to an instance of &lt;code&gt;UserDataContext&lt;/code&gt; at the beginning. Then I dynamically load &lt;code&gt;UserSettingsViewModel&lt;/code&gt; object for the selected user in the SelectionChanged event handler:&lt;/p&gt;
&lt;pre&gt;&lt;code&gt;private void OnUserSelectionChanged(object sender, SelectionChangedEventArgs e)
{
   if (lwUsers.SelectedItem == null)
       return;
   var selectedUser = (UserViewModel)lwUsers.SelectedItem;
   var settings = _usersSettingsDal.Load(selectedUser.Login) ?? _usersSettingsDal.Create(selectedUser.Login);
   UserDataContext.UserSettings = _usersSettingsDal.ToViewModel(settings);
}
&lt;/code&gt;&lt;/pre&gt;
&lt;p&gt;Although I don���t have any problems in binding to Users property from XAML, for some reason I can���t get the Subscriptions property to be displayed at all. It just doesn���t do anything:&lt;/p&gt;
&lt;pre&gt;&lt;code&gt;&amp;lt;GroupBox Header="Subscriptions" Name="gbSubscriptions"&amp;gt;
                            &amp;lt;StackPanel Margin="10,10,10,10"&amp;gt;
                                &amp;lt;ListView ItemsSource="{Binding UserDataContext.Subscriptions}"&amp;gt;
                                    &amp;lt;ListBox.ItemTemplate&amp;gt;
                                        &amp;lt;DataTemplate&amp;gt;
                                            &amp;lt;StackPanel&amp;gt;
                                                &amp;lt;TextBlock Text="{Binding Path=Name, diag:PresentationTraceSources.TraceLevel=High}"   /&amp;gt;
                                                &amp;lt;CheckBox IsChecked="{Binding Path=Enabled, diag:PresentationTraceSources.TraceLevel=High}" /&amp;gt;
                                            &amp;lt;/StackPanel&amp;gt;
                                        &amp;lt;/DataTemplate&amp;gt;
                                    &amp;lt;/ListBox.ItemTemplate&amp;gt;
                                &amp;lt;/ListView&amp;gt;
                            &amp;lt;/StackPanel&amp;gt;
                        &amp;lt;/GroupBox&amp;gt;
&lt;/code&gt;&lt;/pre&gt;
&lt;p&gt;Do I need to refresh DataContext somehow? Or maybe &lt;code&gt;UserDataContext.Subscriptions&lt;/code&gt; is not a legitimate path for Binding? Any thoughts?&lt;/p&gt;</t>
  </si>
  <si>
    <t>2014-09-04 13:29:40.103000+00:00</t>
  </si>
  <si>
    <t>2014-09-04 14:00:17.113000+00:00</t>
  </si>
  <si>
    <t>c#|wpf|xaml|data-binding</t>
  </si>
  <si>
    <t>LiveServerTestCase modifies production database when ran in python script</t>
  </si>
  <si>
    <t>&lt;p&gt;When I run my tests in a python script it modifies my production database.  If I run from the command line it doesn't.  When I say modify, it wipes out my existing users and replaces them with the users I create for testing.  &lt;/p&gt;
&lt;p&gt;I followed this for the setup: &lt;a href="https://docs.djangoproject.com/en/1.4/topics/testing/#django.test.LiveServerTestCase" rel="nofollow noreferrer"&gt;https://docs.djangoproject.com/en/1.4/topics/testing/#django.test.LiveServerTestCase&lt;/a&gt;
I created a |setUp| method to setup users.  &lt;/p&gt;
&lt;p&gt;When I run this the production database isn't modified:
    python2.7 manage.py test yPayment&lt;/p&gt;
&lt;p&gt;In my python script I have:
  from django.utils import unittest
  class yPaymentTest(LiveServerTestCase)
  ...
  suite_payment = unittest.TestLoader().loadTestsFromTestCase(yPaymentTest)
  unittest.TextTestRunner(verbosity=2).run(suite_payment)&lt;/p&gt;
&lt;p&gt;Here is the full output from the command line
[brian@centos-dv7 yPaymentProj]$ /usr/local/python2.7/lib/python2.7/site-packages/virt_env/django1p4/bin/python2.7 manage.py test yPayment
Creating test database for alias 'default'...
Traceback (most recent call last):
  File "/usr/local/python2.7/lib/python2.7/wsgiref/handlers.py", line 85, in run
    self.result = application(self.environ, self.start_response)
  File "/usr/local/python2.7/lib/python2.7/site-packages/virt_env/django1p4/lib/python2.7/site-packages/django/contrib/staticfiles/handlers.py", line 67, in &lt;strong&gt;call&lt;/strong&gt;
    return self.application(environ, start_response)
  File "/usr/local/python2.7/lib/python2.7/site-packages/virt_env/django1p4/lib/python2.7/site-packages/django/contrib/staticfiles/handlers.py", line 67, in &lt;strong&gt;call&lt;/strong&gt;
    return self.application(environ, start_response)
  File "/usr/local/python2.7/lib/python2.7/site-packages/virt_env/django1p4/lib/python2.7/site-packages/django/core/handlers/wsgi.py", line 241, in &lt;strong&gt;call&lt;/strong&gt;
    response = self.get_response(request)
  File "/usr/local/python2.7/lib/python2.7/site-packages/virt_env/django1p4/lib/python2.7/site-packages/django/core/handlers/base.py", line 151, in get_response
    response = self.handle_uncaught_exception(request, resolver, sys.exc_info())
  File "/usr/local/python2.7/lib/python2.7/site-packages/virt_env/django1p4/lib/python2.7/site-packages/django/core/handlers/base.py", line 226, in handle_uncaught_exception
    return callback(request, **param_dict)
  File "/usr/local/python2.7/lib/python2.7/site-packages/virt_env/django1p4/lib/python2.7/site-packages/django/utils/decorators.py", line 91, in _wrapped_view
    response = view_func(request, *args, **kwargs)
  File "/usr/local/python2.7/lib/python2.7/site-packages/virt_env/django1p4/lib/python2.7/site-packages/django/views/defaults.py", line 32, in server_error
    t = loader.get_template(template_name) # You need to create a 500.html template.
  File "/usr/local/python2.7/lib/python2.7/site-packages/virt_env/django1p4/lib/python2.7/site-packages/django/template/loader.py", line 145, in get_template
    template, origin = find_template(template_name)
  File "/usr/local/python2.7/lib/python2.7/site-packages/virt_env/django1p4/lib/python2.7/site-packages/django/template/loader.py", line 138, in find_template
    raise TemplateDoesNotExist(name)
TemplateDoesNotExist: 500.html
/usr/local/python2.7/lib/python2.7/site-packages/virt_env/django1p4/lib/python2.7/site-packages/django/db/models/fields/&lt;strong&gt;init&lt;/strong&gt;.py:808: RuntimeWarning: DateTimeField received a naive datetime (2014-06-08 22:54:32.927908) while time zone support is active.
  RuntimeWarning)
/usr/local/python2.7/lib/python2.7/site-packages/virt_env/django1p4/lib/python2.7/site-packages/django/db/models/fields/&lt;strong&gt;init&lt;/strong&gt;.py:808: RuntimeWarning: DateTimeField received a naive datetime (2014-06-08 22:54:32.927916) while time zone support is active.
  RuntimeWarning)
/usr/local/python2.7/lib/python2.7/site-packages/virt_env/django1p4/lib/python2.7/site-packages/django/db/models/fields/&lt;strong&gt;init&lt;/strong&gt;.py:808: RuntimeWarning: DateTimeField received a naive datetime (2014-06-08 22:54:34.690671) while time zone support is active.
  RuntimeWarning)&lt;/p&gt;
&lt;h2&gt;.sss&lt;/h2&gt;
&lt;p&gt;Ran 4 tests in 12.259s&lt;/p&gt;
&lt;p&gt;OK (skipped=3)
Destroying test database for alias 'default'...&lt;/p&gt;
&lt;p&gt;Here is the output from the python script.&lt;br&gt;
test_custom_admin_add_card (&lt;strong&gt;main&lt;/strong&gt;.yPaymentTest) ... /usr/local/python2.7/lib/python2.7/site-packages/virt_env/django1p4/lib/python2.7/site-packages/django/db/models/fields/&lt;strong&gt;init&lt;/strong&gt;.py:808: RuntimeWarning: DateTimeField received a naive datetime (2014-06-08 22:57:54.016573) while time zone support is active.
  RuntimeWarning)
/usr/local/python2.7/lib/python2.7/site-packages/virt_env/django1p4/lib/python2.7/site-packages/django/db/models/fields/&lt;strong&gt;init&lt;/strong&gt;.py:808: RuntimeWarning: DateTimeField received a naive datetime (2014-06-08 22:57:54.016584) while time zone support is active.
  RuntimeWarning)
/usr/local/python2.7/lib/python2.7/site-packages/virt_env/django1p4/lib/python2.7/site-packages/django/db/models/fields/&lt;strong&gt;init&lt;/strong&gt;.py:808: RuntimeWarning: DateTimeField received a naive datetime (2014-06-08 22:57:55.843861) while time zone support is active.
  RuntimeWarning)
ok
test_custom_admin_login (&lt;strong&gt;main&lt;/strong&gt;.yPaymentTest) ... skipped 'skipping while debugging other functions'
test_custom_admin_no_card (&lt;strong&gt;main&lt;/strong&gt;.yPaymentTest) ... skipped 'skipping while debugging other functions'
test_custom_admin_required_login (&lt;strong&gt;main&lt;/strong&gt;.yPaymentTest) ... skipped 'skipping while debugging other functions'&lt;/p&gt;
&lt;hr&gt;
&lt;p&gt;Ran 4 tests in 24.278s&lt;/p&gt;
&lt;p&gt;OK (skipped=3)&lt;/p&gt;
&lt;p&gt;I'm running the script with an IDE.&lt;/p&gt;
&lt;p&gt;This is a similar problem: &lt;a href="https://stackoverflow.com/questions/17435155/django-functional-liveservertestcase-after-submitting-form-with-selenium-obje"&gt;Django functional LiveServerTestCase - After submitting form with selenium, objects save to non-test database&lt;/a&gt;
but it doesn't apply since I'm using self.live_server_url instead of hard coding a url.&lt;/p&gt;
&lt;p&gt;I'm using python 2.7, django 1.4.13 and the latest version of Selenium.&lt;/p&gt;</t>
  </si>
  <si>
    <t>2014-06-09 04:21:11.067000+00:00</t>
  </si>
  <si>
    <t>2014-06-18 17:07:24.557000+00:00</t>
  </si>
  <si>
    <t>2017-05-23 10:32:25.937000+00:00</t>
  </si>
  <si>
    <t>django</t>
  </si>
  <si>
    <t>RuntimeError: Conflicting 'userprofile_roles' models in application</t>
  </si>
  <si>
    <t>&lt;p&gt;I am new in django and i have a project based on django 1.6.X and i want to upgrade it to 1.11.X to add some features but when i did it i found many problems and i solved some of them but this one i don't know what to do with it, it gives me when i run it:&lt;/p&gt;
&lt;pre&gt;&lt;code&gt;RuntimeError: Conflicting 'userprofile_roles' models in application 'survey': &amp;lt;class 'survey.models.UserProfile_roles'&amp;gt; and &amp;lt;class 'survey.models.Userprofile_Roles'&amp;gt;.
&lt;/code&gt;&lt;/pre&gt;
&lt;p&gt;Full error_log:&lt;/p&gt;
&lt;pre&gt;&lt;code&gt;Unhandled exception in thread started by &amp;lt;function wrapper at 0x7f2b1a21b140&amp;gt;
Traceback (most recent call last):
  File "/usr/local/lib/python2.7/dist-packages/Django-1.11.3-py2.7.egg/django/utils/autoreload.py", line 227, in wrapper
    fn(*args, **kwargs)
  File "/usr/local/lib/python2.7/dist-packages/Django-1.11.3-py2.7.egg/django/core/management/commands/runserver.py", line 117, in inner_run
    autoreload.raise_last_exception()
  File "/usr/local/lib/python2.7/dist-packages/Django-1.11.3-py2.7.egg/django/utils/autoreload.py", line 250, in raise_last_exception
    six.reraise(*_exception)
  File "/usr/local/lib/python2.7/dist-packages/Django-1.11.3-py2.7.egg/django/utils/autoreload.py", line 227, in wrapper
    fn(*args, **kwargs)
  File "/usr/local/lib/python2.7/dist-packages/Django-1.11.3-py2.7.egg/django/__init__.py", line 27, in setup
    apps.populate(settings.INSTALLED_APPS)
  File "/usr/local/lib/python2.7/dist-packages/Django-1.11.3-py2.7.egg/django/apps/registry.py", line 108, in populate
    app_config.import_models()
  File "/usr/local/lib/python2.7/dist-packages/Django-1.11.3-py2.7.egg/django/apps/config.py", line 202, in import_models
    self.models_module = import_module(models_module_name)
  File "/usr/lib/python2.7/importlib/__init__.py", line 37, in import_module
    __import__(name)
  File "/media/ahmed-mohamed/My Stuff/Work/AgileEngage.Sample/survey/models.py", line 255, in &amp;lt;module&amp;gt;
    class Userprofile_Roles(models.Model):    
  File "/usr/local/lib/python2.7/dist-packages/Django-1.11.3-py2.7.egg/django/db/models/base.py", line 325, in __new__
    new_class._meta.apps.register_model(new_class._meta.app_label, new_class)
  File "/usr/local/lib/python2.7/dist-packages/Django-1.11.3-py2.7.egg/django/apps/registry.py", line 224, in register_model
    (model_name, app_label, app_models[model_name], model))
RuntimeError: Conflicting 'userprofile_roles' models in application 'survey': &amp;lt;class 'survey.models.UserProfile_roles'&amp;gt; and &amp;lt;class 'survey.models.Userprofile_Roles'&amp;gt;.
&lt;/code&gt;&lt;/pre&gt;
&lt;p&gt;Can any one help me with it ? thanks alot.&lt;/p&gt;
&lt;p&gt;&lt;strong&gt;Edit&lt;/strong&gt;:&lt;/p&gt;
&lt;p&gt;this is survey/models.py&lt;/p&gt;
&lt;pre&gt;&lt;code&gt;from django.db import models
from stripogram import html2text
from django.contrib.auth.models import User
from django.db.models.signals import post_save
from django.core import serializers
from datetime import datetime
class AnswerRange(models.Model):
    title = models.CharField(max_length=200)
    order = models.IntegerField(default=0)
    def answers(self):
        result = ""
        for i in self.mcqanswer_set.all():
            result += "," + i.title
        return result[1:]
    def __unicode__(self):
        return self.title + '( ' + self.answers() + ' )'
    def extar_mcq(self):
        return serializers.serialize('python', self.mcqanswer_set.all())
class McqAnswer(models.Model):
    answerrange = models.ForeignKey(AnswerRange)
    title = models.CharField(max_length=200)
    minValue = models.FloatField()
    maxValue = models.FloatField()
    def __unicode__(self):
        return self.title
class Role(models.Model):
    code = models.CharField(max_length=10)
    title = models.CharField(max_length=200)
    description = models.TextField()
    rank=models.IntegerField(default=1)
    def __unicode__(self):
        return '[ %s ] %s ' % (self.code, self.title)
ANSWER_RANGE_DISPLAY_CHOICES = (
    ('sequence', 'sequence'),
    ('reverse', 'reverse'),
    ('random', 'random'),
)
ACTIVE_CHOICES = (
    ('include', 'No'),
    ('exclude', 'Yes'),
)
class Indicator(models.Model):
    code = models.CharField(max_length=10)
    roles = models.ManyToManyField(Role)
    question = models.TextField()
    answer_range = models.ForeignKey(AnswerRange)
    answer_range_display = models.CharField(max_length=8, choices=ANSWER_RANGE_DISPLAY_CHOICES, default='sequence')
    answers = models.ManyToManyField(User, through='Answer')
    exclude = models.CharField(max_length=8, choices=ACTIVE_CHOICES, default='include')
    def text(self):
        return html2text(self.question)
    def __unicode__(self):
        return '[ %s ] %s ' % (self.code, self.question)
class CharacteristicCategory(models.Model):
    title = models.CharField(max_length=200)
    description = models.TextField()   
    def __unicode__(self):
        return self.title
class Characteristic(models.Model):
    code = models.CharField(max_length=10)
    title = models.CharField(max_length=200)
    description = models.TextField()
    characteristic_category = models.ForeignKey(CharacteristicCategory, null=True, blank=True)
    indicators = models.ManyToManyField(Indicator)
    def __unicode__(self):
        return '[ %s ] %s ' % (self.code, self.title)
class Practice(models.Model):
    code = models.CharField(max_length=10)
    title = models.CharField(max_length=200)
    description = models.TextField()
    characteristics = models.ManyToManyField(Characteristic)
    def __unicode__(self):
        return '[ %s ] %s ' % (self.code, self.title)
class Answer(models.Model):
    indicator = models.ForeignKey(Indicator)
    user = models.ForeignKey(User)
    mcqanswer = models.ForeignKey(McqAnswer)
class Macro(models.Model):
    place_holder = models.CharField(max_length=255)
    translation = models.TextField()
    def __unicode__(self):
        return '%s -&amp;gt; %s' % (self.place_holder ,self.translation) 
class ReportPassword(models.Model):
    url = models.CharField(max_length=400)
    password = models.CharField(max_length=20)
    def __unicode__(self):
        return self.url  
class Demographic(models.Model):
    title = models.CharField(max_length=200)
    required = models.BooleanField()
    viewable = models.BooleanField()
    def __unicode__(self):
        return self.title
class DemographicValue(models.Model):
    demographic = models.ForeignKey(Demographic)
    value = models.CharField(max_length=200)
    def __unicode__(self):
        return self.value
class UserProfile(models.Model):
    user = models.OneToOneField(User)
    first_name = models.CharField(max_length=80)
    last_name = models.CharField(max_length=80)
    roles = models.ManyToManyField(Role, null=True, blank=True)
    supervisor= models.CharField(max_length=80)
    department_manager= models.CharField(max_length=80)
    demographics = models.ManyToManyField(Demographic, through='UserDemographics')
    hide_welcome_message = models.BooleanField()
    did_fill_demographics = models.BooleanField()
    survey_finished = models.BooleanField()
    def __unicode__(self):
        return self.user.username
class Option(models.Model):    
    key = models.CharField(max_length=80)
    value = models.CharField(max_length=80)
    def __unicode__(self):
        return self.key
def isValidSurveyOption(key,value):
    try:
        option=Option.objects.get(key=key)
    except Exception:
        option = None
    if option is not None:
        if(option.value== value):
            return True
    return False
def addSurveyOptionIfNotExist(key,value):
   try:
        option=Option.objects.get(key=key)
   except Exception:
        option = None
   if option is not None:
        option.value= value
        option.save()
   else:
       Option.objects.create(key=key,value=value)   
def create_user_profile(sender, **kwargs):
    """When creating a new user, make a profile for him or her."""
    u = kwargs["instance"]
    if not UserProfile.objects.filter(user=u):
        UserProfile(user=u).save()
post_save.connect(create_user_profile, sender=User)
class UserDemographics(models.Model):
    userProfile = models.ForeignKey(UserProfile)
    demographic = models.ForeignKey(Demographic)
    demographic_value = models.ForeignKey(DemographicValue)
class Message(models.Model):
    code = models.CharField(max_length=40)
    body = models.TextField(max_length=1500)
    def __unicode__(self):
        return '%s -&amp;gt; %s' % (self.code ,self.body) 
class InstanceSetting(models.Model):
    code = models.CharField(max_length=100)
    value = models.TextField()
    def __unicode__(self):
        return '%s -&amp;gt; %s' % (self.code ,self.value) 
class Comment(models.Model):
    user = models.ForeignKey(User)
    text = models.TextField()
    def __unicode__(self):
        return self.text[:50]
class Test(models.Model):
    code = models.CharField(max_length=40)
    value=models.IntegerField(default=1)
class UsersWaitingList(models.Model):
    first_name = models.CharField(max_length=80)
    last_name = models.CharField(max_length=80)
    email= models.CharField(max_length=80)
    role = models.CharField(max_length=80)
    supervisor= models.CharField(max_length=80)
    department_manager= models.CharField(max_length=80)
    def __unicode__(self):
        return self.email
class ticket(models.Model):
    code=models.TextField()
    type=models.TextField()
    data=models.TextField()
    status=models.TextField()
    date_created = models.DateTimeField()
    date_modified = models.DateTimeField()
    def save(self, *args, **kwargs):
        if self.date_created == None:
            self.date_created = datetime.now()
        self.date_modified = datetime.now()
        super(ticket, self).save(*args, **kwargs) 
class Userprofile_Roles(models.Model):    
    role = models.ForeignKey(Role)
    userprofile = models.ForeignKey(UserProfile)
    def __unicode__(self):
        return self.userprofile.first_name
&lt;/code&gt;&lt;/pre&gt;</t>
  </si>
  <si>
    <t>2017-07-26 12:16:19.890000+00:00</t>
  </si>
  <si>
    <t>2017-07-26 13:24:35.933000+00:00</t>
  </si>
  <si>
    <t>2017-07-26 12:21:02.577000+00:00</t>
  </si>
  <si>
    <t>python|django|django-upgrade</t>
  </si>
  <si>
    <t>How to compare to a collection of constants in VB.Net?</t>
  </si>
  <si>
    <t>&lt;p&gt;I have a user entered value to check against a set of reserved numbers for validation. The set of reserved numbers never changes. Thus, being a C programmer at heart, I popped the reserved numbers into an array and reached for my &lt;code&gt;const&lt;/code&gt; blaster. &lt;/p&gt;
&lt;pre class="lang-vb prettyprint-override"&gt;&lt;code&gt;Const ReservedAddresses() As Byte = {10, 12, 75} 'I wish...
&lt;/code&gt;&lt;/pre&gt;
&lt;p&gt;However, annoyingly VS informed me thusly: &lt;/p&gt;
&lt;blockquote&gt;
  &lt;p&gt;Constants must be of an intrinsic or enumerated type, not a class, structure, type parameter, or array type.&lt;/p&gt;
&lt;/blockquote&gt;
&lt;p&gt;How then should one correctly contain a set of unchanging numbers through which one would like to loop, or otherwise check against, at some point in the future?&lt;/p&gt;</t>
  </si>
  <si>
    <t>2016-01-18 15:16:55.030000+00:00</t>
  </si>
  <si>
    <t>2017-02-01 19:28:36.433000+00:00</t>
  </si>
  <si>
    <t>arrays|vb.net|const</t>
  </si>
  <si>
    <t>have div side by side inside one big div, without using absolute position?</t>
  </si>
  <si>
    <t>&lt;p&gt;I have a problem in my website&lt;/p&gt;
&lt;p&gt;I have a big &lt;code&gt;&amp;lt;div&amp;gt;&lt;/code&gt; with brown background and it has no height and have 3 &lt;code&gt;&amp;lt;div&amp;gt;&lt;/code&gt; elements inside it, and that big &lt;code&gt;&amp;lt;div&amp;gt;&lt;/code&gt; should not have absolute position.&lt;/p&gt;
&lt;p&gt;I tried to fix that using &lt;code&gt;float&lt;/code&gt;, but when I use float left/right that brown background is no longer visible!&lt;/p&gt;
&lt;p&gt;Below is a simple code for understanding my problem :&lt;/p&gt;
&lt;pre&gt;&lt;code&gt;&amp;lt;div id="bigDiv" style="background-color:brown"&amp;gt; 
    &amp;lt;div id="right"&amp;gt;&amp;lt;/div&amp;gt;
    &amp;lt;div id="midle"&amp;gt;&amp;lt;/div&amp;gt;
    &amp;lt;div id="left"&amp;gt;&amp;lt;/div&amp;gt;
&amp;lt;/div&amp;gt;
&lt;/code&gt;&lt;/pre&gt;</t>
  </si>
  <si>
    <t>2013-12-10 09:28:34.720000+00:00</t>
  </si>
  <si>
    <t>2013-12-10 09:38:40.747000+00:00</t>
  </si>
  <si>
    <t>2013-12-10 09:31:04.640000+00:00</t>
  </si>
  <si>
    <t>html|css|css-float|css-position</t>
  </si>
  <si>
    <t>Can you do this HTML layout without using tables?</t>
  </si>
  <si>
    <t>&lt;p&gt;Ok, I had a simple layout problem a week or two ago.  Namely sections of a page needed a header:&lt;/p&gt;
&lt;pre class="lang-none prettyprint-override"&gt;&lt;code&gt;+---------------------------------------------------------+
| Title                                            Button |
+---------------------------------------------------------+
&lt;/code&gt;&lt;/pre&gt;
&lt;p&gt;Pretty simple stuff.  Thing is table hatred seems to have taken over in the Web world, which I was reminded of when I asked &lt;a href="https://stackoverflow.com/questions/519234/why-use-definition-lists-dl-dd-dt-tags-for-html-forms-instead-of-tables"&gt;Why use definition lists (DL,DD,DT) tags for HTML forms instead of tables?&lt;/a&gt;  Now the general topic of tables vs divs/CSS has previously been discussed, for example:&lt;/p&gt;
&lt;ul&gt;
&lt;li&gt;&lt;a href="https://stackoverflow.com/questions/83073/div-vs-table"&gt;DIV vs Table&lt;/a&gt;; and&lt;/li&gt;
&lt;li&gt;&lt;a href="https://stackoverflow.com/questions/30251/tables-instead-of-divs"&gt;Tables instead of DIVs&lt;/a&gt;.&lt;/li&gt;
&lt;/ul&gt;
&lt;p&gt;So this isn't intended to be a general discussion about CSS vs tables for layout.  This is simply the solution to one problem.  I tried various solutions to the above using CSS including:&lt;/p&gt;
&lt;ul&gt;
&lt;li&gt;Float right for the button or a div containing the button;&lt;/li&gt;
&lt;li&gt;Position relative for the button; and&lt;/li&gt;
&lt;li&gt;Position relative+absolute.&lt;/li&gt;
&lt;/ul&gt;
&lt;p&gt;None of these solutions were satisfactory for different reasons.  For example the relative positioning resulted in a z-index issue where my dropdown menu appeared under the content.&lt;/p&gt;
&lt;p&gt;So I ended up going back to:&lt;/p&gt;
&lt;pre class="lang-html prettyprint-override"&gt;&lt;code&gt;&amp;lt;style type="text/css"&amp;gt;
.group-header { background-color: yellow; width: 100%; }
.group-header td { padding: 8px; }
.group-title { text-align: left; font-weight: bold; }
.group-buttons { text-align: right; }
&amp;lt;/style&amp;gt;
&amp;lt;table class="group-header"&amp;gt;
&amp;lt;tr&amp;gt;
  &amp;lt;td class="group-title"&amp;gt;Title&amp;lt;/td&amp;gt;
  &amp;lt;td class="group-buttons"&amp;gt;&amp;lt;input type="button" name="Button"&amp;gt;&amp;lt;/td&amp;gt;
&amp;lt;/tr&amp;gt;
&amp;lt;/table&amp;gt;
&lt;/code&gt;&lt;/pre&gt;
&lt;p&gt;And it works perfectly.  It's simple, as backward compatibile as it gets (that'll work probably even on IE5) and it just works.  No messing about with positioning or floats.&lt;/p&gt;
&lt;p&gt;So can anyone do the equivalent without tables?&lt;/p&gt;
&lt;p&gt;The requirements are:&lt;/p&gt;
&lt;ul&gt;
&lt;li&gt;&lt;strong&gt;Backwards compatible:&lt;/strong&gt; to FF2 and IE6;&lt;/li&gt;
&lt;li&gt;&lt;strong&gt;Reasonably consistent:&lt;/strong&gt; across different browsers;&lt;/li&gt;
&lt;li&gt;&lt;strong&gt;Vertically centered:&lt;/strong&gt; the button and title are of different heights; and&lt;/li&gt;
&lt;li&gt;&lt;strong&gt;Flexible:&lt;/strong&gt; allow reasonably precise control over positioning (padding and/or margin) and styling.&lt;/li&gt;
&lt;/ul&gt;
&lt;p&gt;On a side note, I came across a couple of interesting articles today:&lt;/p&gt;
&lt;ul&gt;
&lt;li&gt;&lt;a href="http://www.flownet.com/ron/css-rant.html" rel="noreferrer"&gt;Why CSS should not be used for layout&lt;/a&gt;; and&lt;/li&gt;
&lt;li&gt;&lt;a href="http://iamelgringo.blogspot.com/2009/02/tables-vs-css-css-trolls-begone.html" rel="noreferrer"&gt;Tables vs CSS: CSS Trolls begone&lt;/a&gt;&lt;/li&gt;
&lt;/ul&gt;
&lt;p&gt;&lt;strong&gt;EDIT:&lt;/strong&gt; Let me elaborate on the float issue.  This sort of works:&lt;/p&gt;
&lt;pre class="lang-html prettyprint-override"&gt;&lt;code&gt;&amp;lt;html&amp;gt;
  &amp;lt;head&amp;gt;
    &amp;lt;title&amp;gt;Layout&amp;lt;/title&amp;gt;
    &amp;lt;style type="text/css"&amp;gt;
      .group-header, .group-content { width: 500px; margin: 0 auto; }
      .group-header { border: 1px solid red; background: yellow; overflow: hidden; }
      .group-content { border: 1px solid black; background: #DDD; }
      .group-title { float: left; padding: 8px; }
      .group-buttons { float: right; padding: 8px; }
    &amp;lt;/style&amp;gt;
  &amp;lt;/head&amp;gt;
  &amp;lt;body&amp;gt;
    &amp;lt;div class="group-header"&amp;gt;
      &amp;lt;div class="group-title"&amp;gt;This is my title&amp;lt;/div&amp;gt;
      &amp;lt;div class="group-buttons"&amp;gt;&amp;lt;input type="button" value="Collapse"&amp;gt;&amp;lt;/div&amp;gt;
    &amp;lt;/div&amp;gt;
    &amp;lt;div class="group-content"&amp;gt;
      &amp;lt;p&amp;gt;And it works perfectly. It's simple, as backward compatibile as it gets (that'll work probably even on IE5) and it just works. No messing about with positioning or floats.&amp;lt;/p&amp;gt;
      &amp;lt;p&amp;gt;So can anyone do the equivalent without tables that is backwards compatible to at least FF2 and IE6?&amp;lt;/p&amp;gt;
      &amp;lt;p&amp;gt;On a side note, I came across a couple of interesting articles today:&amp;lt;/p&amp;gt;
    &amp;lt;/div&amp;gt;
  &amp;lt;/body&amp;gt;
&amp;lt;/html&amp;gt;
&lt;/code&gt;&lt;/pre&gt;
&lt;p&gt;Thanks to &lt;a href="https://stackoverflow.com/users/42092/ant-p"&gt;Ant P&lt;/a&gt; for the &lt;code&gt;overflow: hidden&lt;/code&gt; part (still don't get why though).  Here's where the problem comes in.  Say I want the title and button to be vertically centered.  This is problematic because the elements are of different height.  Compare this to:&lt;/p&gt;
&lt;pre class="lang-html prettyprint-override"&gt;&lt;code&gt;&amp;lt;html&amp;gt;
  &amp;lt;head&amp;gt;
    &amp;lt;title&amp;gt;Layout&amp;lt;/title&amp;gt;
    &amp;lt;style type="text/css"&amp;gt;
      .group-header, .group-content { width: 500px; margin: 0 auto; }
      .group-header { border: 1px solid red; background: yellow; overflow: hidden; }
      .group-content { border: 1px solid black; background: #DDD; }
      .group-header td { vertical-align: middle; }
      .group-title { padding: 8px; }
      .group-buttons { text-align: right; }
    &amp;lt;/style&amp;gt;
  &amp;lt;/head&amp;gt;
  &amp;lt;body&amp;gt;
    &amp;lt;table class="group-header"&amp;gt;
    &amp;lt;tr&amp;gt;
      &amp;lt;td class="group-title"&amp;gt;This is my title&amp;lt;/td&amp;gt;
      &amp;lt;td class="group-buttons"&amp;gt;&amp;lt;input type="button" value="Collapse"&amp;gt;&amp;lt;/td&amp;gt;
    &amp;lt;/tr&amp;gt;
    &amp;lt;/table&amp;gt;
    &amp;lt;div class="group-content"&amp;gt;
      &amp;lt;p&amp;gt;And it works perfectly. It's simple, as backward compatibile as it gets (that'll work probably even on IE5) and it just works. No messing about with positioning or floats.&amp;lt;/p&amp;gt;
      &amp;lt;p&amp;gt;So can anyone do the equivalent without tables that is backwards compatible to at least FF2 and IE6?&amp;lt;/p&amp;gt;
      &amp;lt;p&amp;gt;On a side note, I came across a couple of interesting articles today:&amp;lt;/p&amp;gt;
    &amp;lt;/div&amp;gt;
  &amp;lt;/body&amp;gt;
&amp;lt;/html&amp;gt;
&lt;/code&gt;&lt;/pre&gt;
&lt;p&gt;which works perfectly.&lt;/p&gt;</t>
  </si>
  <si>
    <t>2009-02-07 01:44:01.893000+00:00</t>
  </si>
  <si>
    <t>2014-10-12 06:18:08.003000+00:00</t>
  </si>
  <si>
    <t>2017-05-23 12:34:51.097000+00:00</t>
  </si>
  <si>
    <t>cletus</t>
  </si>
  <si>
    <t>html|css|layout</t>
  </si>
  <si>
    <t>pymodbus on RasPi read_holding_registers Returns none From Simulator</t>
  </si>
  <si>
    <t>&lt;p&gt;I'm trying to read holding registers from a Modbus simulator, but when I print the value in Python, I get a "none" object. The simulator does send a response, but Python seems to not receive it.&lt;/p&gt;
&lt;p&gt;I've googled for a day and have tried everything I've found: including unit number, different Python modbus clients, different simulators, etc. No luck.&lt;/p&gt;
&lt;p&gt;Any ideas or suggestions are very welcomed!!Please let me know if there is any information I should supply to help.&lt;/p&gt;
&lt;p&gt;I can successfully write to the holding registers, and the simulator sends the transmission below:&lt;/p&gt;
&lt;p&gt;"RX:01 03 00 00 00 01
RX:84 0A
Read Register from 0 for 1
TX:01 03 02 00 05 78 47"&lt;/p&gt;
&lt;p&gt;&lt;a href="https://i.stack.imgur.com/PlxDl.png" rel="nofollow noreferrer"&gt;&lt;img src="https://i.stack.imgur.com/PlxDl.png" alt="enter image description here"&gt;&lt;/a&gt;
Simulator Transmissions&lt;/p&gt;
&lt;p&gt;&lt;a href="https://i.stack.imgur.com/KpCf1.png" rel="nofollow noreferrer"&gt;&lt;img src="https://i.stack.imgur.com/KpCf1.png" alt="enter image description here"&gt;&lt;/a&gt;
Simulator Registers&lt;/p&gt;
&lt;p&gt;The Python output that I get is:
"Connection:True
None"&lt;/p&gt;
&lt;p&gt;&lt;a href="https://i.stack.imgur.com/HJcC7.png" rel="nofollow noreferrer"&gt;&lt;img src="https://i.stack.imgur.com/HJcC7.png" alt="enter image description here"&gt;&lt;/a&gt;&lt;/p&gt;
&lt;p&gt;If I try the print(result.registers), I get the error: "Error: ('NoneType' object has no attribute 'registers')"&lt;/p&gt;
&lt;p&gt;Version Info:
Python: 3.4.2
Modbus: pymodbus3
Simulator: MOD_RSsim Version 8.20
USB-to-Modbus converter: UTEK Model:UT-890A (connected to RasPi)
USB-to-RS232 convertor: ATEN Model: GUC232A (connected to laptop)&lt;/p&gt;
&lt;p&gt;&lt;div class="snippet" data-lang="js" data-hide="false" data-console="true" data-babel="false"&gt;_x000D_
&lt;div class="snippet-code"&gt;_x000D_
&lt;pre class="snippet-code-html lang-html prettyprint-override"&gt;&lt;code&gt;import pymodbus3_x000D_
from pymodbus3.client.sync import ModbusSerialClient_x000D_
_x000D_
client = ModbusSerialClient(method='rtu', address=1, timeout=1000, port="/dev/ttyUSB0", bytesize=8, stopbits=1, baudrate=9600, parity='E')_x000D_
_x000D_
connection = client.connect()_x000D_
print ('Connection:{}'.format(connection))_x000D_
_x000D_
write = client.write_registers(0, 5, unit = 1)_x000D_
time.sleep(0.3)_x000D_
result = client.read_holding_registers(address=0x00, count=1, unit = 0x01)_x000D_
time.sleep(1)_x000D_
_x000D_
print(result)&lt;/code&gt;&lt;/pre&gt;_x000D_
&lt;/div&gt;_x000D_
&lt;/div&gt;_x000D_
&lt;/p&gt;</t>
  </si>
  <si>
    <t>2017-11-10 01:04:52.087000+00:00</t>
  </si>
  <si>
    <t>2017-11-10 01:59:17.163000+00:00</t>
  </si>
  <si>
    <t>raspberry-pi|modbus|pymodbus3</t>
  </si>
  <si>
    <t>extjs filter grid data in column header textfield</t>
  </si>
  <si>
    <t>&lt;p&gt;I am trying to understand how the grid header filter works in the column header textfield.&lt;/p&gt;
&lt;p&gt;replicated kitchen sink example, can't see the textfield inside the column header.&lt;/p&gt;
&lt;p&gt;&lt;a href="http://jsfiddle.net/srikanthradix/ghzD9/2/" rel="nofollow"&gt;http://jsfiddle.net/srikanthradix/ghzD9/2/&lt;/a&gt;&lt;/p&gt;
&lt;p&gt;I defined the company column which I would like to filter&lt;/p&gt;
&lt;pre&gt;&lt;code&gt;{
                text: 'Company (Filter)',
                sortable: false,
                dataIndex: 'company',
                width: 120,
                locked: true,
                editor: {
                    xtype: 'textfield'
                },
                items: {
                    xtype: 'textfield',
                    flex : 1,
                    margin: 2,
                    enableKeyEvents: true,
                    listeners: {
                        keyup: function() {
                            var store = this.up('tablepanel').store;
                            store.clearFilter();
                            if (this.value) {
                                store.filter({
                                    property     : 'company',
                                    value         : this.value,
                                    anyMatch      : true,
                                    caseSensitive : false
                                });
                            }
                        },
                        buffer: 500
                    }
                }
            }
&lt;/code&gt;&lt;/pre&gt;
&lt;p&gt;and also added the basic setup like setpath, requires, and features&lt;/p&gt;
&lt;pre&gt;&lt;code&gt;Ext.Loader.setPath('Ext.ux', 'http://cdn.sencha.com/ext-4.2.0-gpl/examples/ux/');
Ext.require([
    'Ext.grid.*',
    'Ext.data.*',
    'Ext.util.*',
    'Ext.state.*',
    'Ext.ux.grid.FiltersFeature'
]);
&lt;/code&gt;&lt;/pre&gt;
&lt;p&gt;inside the grid&lt;/p&gt;
&lt;pre&gt;&lt;code&gt; features: [{
            ftype: 'filters'
        }],
&lt;/code&gt;&lt;/pre&gt;
&lt;p&gt;Could you suggest if I am missing anything else?&lt;/p&gt;</t>
  </si>
  <si>
    <t>2014-04-30 22:14:36.070000+00:00</t>
  </si>
  <si>
    <t>2014-04-30 22:37:16.217000+00:00</t>
  </si>
  <si>
    <t>extjs|panel|extjs4.2</t>
  </si>
  <si>
    <t>2nd char array overwriting 1st char array after fread from file</t>
  </si>
  <si>
    <t>&lt;p&gt;Goal is to use C to read data from file (could be text or binary) and then append to an existing string&lt;/p&gt;
&lt;p&gt;I have 2 char arrays, one an existing string (s1), and another a string (s2) I'll append the buffer char array (buf) to &lt;/p&gt;
&lt;pre&gt;&lt;code&gt;size_t readCounter = 0;
char buf[16];
char s1[] = "hello ";
char s2[] = ""
while (1) {
    readCounter = fread(buf, sizeof(char), strlen(buf), fp);
    if (readCounter == 0) {
        break;
    }
    strcat(s2, buf);    
}
printf("%s", s1);
printf("%s", s2);
&lt;/code&gt;&lt;/pre&gt;
&lt;p&gt;Problem:&lt;/p&gt;
&lt;p&gt;When I print out s1, it no longer is "hello ", it includes the characters from the file so for some reason the first char array is being overwritten in memory. Why does this happen? How can I resolve this?&lt;/p&gt;</t>
  </si>
  <si>
    <t>2017-10-18 05:39:04.027000+00:00</t>
  </si>
  <si>
    <t>2017-10-18 05:43:11.303000+00:00</t>
  </si>
  <si>
    <t>c|arrays|file-io</t>
  </si>
  <si>
    <t>Understanding PHP Type Coercion</t>
  </si>
  <si>
    <t>&lt;p&gt;I saw this small piece of code that is evading my understanding:&lt;/p&gt;
&lt;pre&gt;&lt;code&gt;&amp;lt;?php
$a = '0e462097431906509019562988736854';
$b = '0e830400451993494058024219903391';
var_dump($a == $b);
&lt;/code&gt;&lt;/pre&gt;
&lt;p&gt;Which will output:&lt;/p&gt;
&lt;pre&gt;&lt;code&gt;bool(true)
&lt;/code&gt;&lt;/pre&gt;
&lt;p&gt;I understand that when using &lt;code&gt;==&lt;/code&gt; PHP will attempt fuzzy comparison, silently converting between types in order to perform the comparison. What I'm &lt;em&gt;not&lt;/em&gt; understanding is why PHP seems to think these two strings are the same. I would have thought since &lt;code&gt;$a&lt;/code&gt; and &lt;code&gt;$b&lt;/code&gt; are strings, that no type conversion would need to take place.&lt;/p&gt;
&lt;p&gt;What am I not understanding?&lt;/p&gt;</t>
  </si>
  <si>
    <t>2014-11-04 17:30:59.940000+00:00</t>
  </si>
  <si>
    <t>2014-11-05 10:08:17.213000+00:00</t>
  </si>
  <si>
    <t>php|type-conversion|dynamic-typing</t>
  </si>
  <si>
    <t>Retrieving data with SQL</t>
  </si>
  <si>
    <t>&lt;p&gt;I'm trying to get data from SQL but i have some difficulties.&lt;/p&gt;
&lt;p&gt;I want to retrieve all the customers that have made more than 2 invoices in which they have purchased the article x, but I want just the customers that have a total purchased of this article more then 2 units.&lt;/p&gt;
&lt;p&gt;the query that I have written select just the customers that have made more than 2 invoices.&lt;/p&gt;
&lt;pre&gt;&lt;code&gt;SELECT clientcode 
FROM   invoice f 
       INNER JOIN invoicedetails fd 
               ON f.idinvoice = fd.idinvoice 
WHERE  fd.itemcode IN ('FA02096103') 
       AND f.clientcode &amp;lt;&amp;gt; '00000' 
       AND CONVERT(DATETIME, CONVERT(VARCHAR(10), dtfatures, 103), 103) &amp;gt;= 
           CONVERT(DATETIME, '20/01/2013', 103) 
       AND CONVERT(DATETIME, CONVERT(VARCHAR(10), dtfatures, 103), 103) &amp;lt;= 
           CONVERT(DATETIME, '30/01/2013', 103) 
GROUP  BY clientcode 
HAVING Count(f.clientcode) &amp;gt;= 2 
&lt;/code&gt;&lt;/pre&gt;</t>
  </si>
  <si>
    <t>2013-06-10 22:10:45.697000+00:00</t>
  </si>
  <si>
    <t>2013-06-11 05:04:37.633000+00:00</t>
  </si>
  <si>
    <t>2013-06-10 22:14:36.300000+00:00</t>
  </si>
  <si>
    <t>docker-compose up for only certain containers</t>
  </si>
  <si>
    <t>&lt;p&gt;I have a &lt;code&gt;docker-compose.yml&lt;/code&gt; which contain several containers.  Three of them are for my app (client, server and database) and the rest are for various dev tools (e.g. psql, npm, manage.py, etc).  When I do &lt;code&gt;docker-compose up&lt;/code&gt; all of them are started, but I only want the three main ones to start.  Because of the links I've specified, I can start just those three with &lt;code&gt;docker-compose up client&lt;/code&gt; but then the output is only from that one container. So, is there a way to do one of the following:&lt;/p&gt;
&lt;ol&gt;
&lt;li&gt;Tell docker-compose which containers should by started by &lt;code&gt;docker-compose up&lt;/code&gt;&lt;/li&gt;
&lt;li&gt;Get output from all linked containers from &lt;code&gt;docker-compose up client&lt;/code&gt;&lt;/li&gt;
&lt;/ol&gt;</t>
  </si>
  <si>
    <t>2015-05-14 08:52:54.267000+00:00</t>
  </si>
  <si>
    <t>2018-08-25 21:17:40.500000+00:00</t>
  </si>
  <si>
    <t>docker|docker-compose</t>
  </si>
  <si>
    <t>Unable to extend the root volume /dev/root of a Yocto build VM</t>
  </si>
  <si>
    <t>&lt;p&gt;I have created an emulator yocto build VM. The *.vmdk file provided create an space of around 273MB. Its too small, when new terminal is opened its root memory gets full. 
I can mount a drive but but it remians as external hdd.&lt;/p&gt;
&lt;p&gt;Result of &lt;code&gt;df -h&lt;/code&gt;&lt;/p&gt;
&lt;pre&gt;&lt;code&gt;Filesystem  size    used    available   use%    mounted on
/dev/root   273.5M  273.5M    0M        100%    /
devtmpfs    500.0M  0         500.0M    0%      /dev
tmpfs       500.3M  0         500.3M    0%      /dev/shm
tmpfs       500.3M  9.4M      490.9M    2%      /run
tmpfs       500.3M  0         500.3M    0%      sys/fs/cgroup
tmpfs       500.3M  9.4M      490.9M    2%      /etc/machine-id
tmpfs       500.3M  16.0K     500.3M    0%      /tmp
&lt;/code&gt;&lt;/pre&gt;
&lt;p&gt;Even I tried to change the ROOTFS and increase the size of root directory but it failed to increase.&lt;/p&gt;</t>
  </si>
  <si>
    <t>2015-06-16 16:30:11.247000+00:00</t>
  </si>
  <si>
    <t>2015-06-16 17:03:27.820000+00:00</t>
  </si>
  <si>
    <t>linux</t>
  </si>
  <si>
    <t>Set extended property via Linq-to-entities</t>
  </si>
  <si>
    <t>&lt;p&gt;I want retrieve the data, and set property that was added to entityobject(via partial class)  on fly.&lt;/p&gt;
&lt;p&gt;How can I do that?&lt;/p&gt;
&lt;p&gt;this is my query: &lt;/p&gt;
&lt;pre&gt;&lt;code&gt;var ret = (from item in contex.Items
               select new Itemm
               {   
                  Title = item.Title,
                  Count = 1 // more complex: Count =item.refToAnotherEntity.Count()                                          
               });
public partial class Itemm 
{
     public int Count { get; set; }
}
&lt;/code&gt;&lt;/pre&gt;
&lt;p&gt;I get error that: The entity or complex type cannot be constructed in a LINQ to Entities query&lt;/p&gt;</t>
  </si>
  <si>
    <t>2011-01-24 19:21:54.277000+00:00</t>
  </si>
  <si>
    <t>2015-08-19 19:12:04.330000+00:00</t>
  </si>
  <si>
    <t>2011-01-24 19:52:50.127000+00:00</t>
  </si>
  <si>
    <t>c#|entity-framework|partial-classes</t>
  </si>
  <si>
    <t>there is no exception in the log cat but my code going to exception portion</t>
  </si>
  <si>
    <t>&lt;pre&gt;&lt;code&gt;lvchartid.setOnItemClickListener(new OnItemClickListener() {
    @Override
    public void onItemClick(AdapterView&amp;lt;&amp;gt; parent, View view, int position,long id) {
        final String item = ((TextView)view).getText().toString();
        new Thread(new Runnable() {
            @Override
            public void run() {
                try {
                    WebConnectionHelper con = new WebConnectionHelper("PatientChartGynologicalHistroySelect");
                    con.Addparameter("accountno", "10011065");
                    con.Addparameter("chartid", item);
                    con.intiateConnection(Checkcharts.this);
                    result = con.GetOutPut();
                    if (result == null) {
                        Log.e("Search result", "null");
                    } else
                    Log.e("Search result", result.toString());
                    } catch (Exception e) {
                    e.printStackTrace();
                    Log.e("Error search", e.toString());
                }
                if (result == null) {
                    return;
                }
                try{
                    SoapObject tempobj = (SoapObject)result.getProperty(0);
                    result = (SoapObject) tempobj.getProperty(1);
                    chartspatient = new ArrayList&amp;lt;getset_chartspatient&amp;gt;();
                    SoapObject property = (SoapObject) result.getProperty(0);
                    for (int i = 0; i &amp;lt; property.getPropertyCount(); i++)
                    {
                        SoapObject category_list = (SoapObject) property.getProperty(i);
                        Log.e("Result", category_list.toString());
                        getset_patientsinglechart chartssingle = new getset_patientsinglechart();
                        chartssingle.setPATIENT_GYNECOLOGIC_HISTORY_ID(category_list.getPropertySafelyAsString("PATIENT_GYNECOLOGIC_HISTORY_ID","").toString());
                        chartssingle.setCURRENTLY_SEXUALLY_ACTIVE(category_list.getPropertySafelyAsString("CURRENTLY_SEXUALLY_ACTIVE","").toString());
                        chartssingle.setAGE_FIRST_SEXUAL_INTERCOURSE(category_list.getPropertySafelyAsString("AGE_FIRST_SEXUAL_INTERCOURSE","").toString());
                        chartssingle.setSEXUAL_PROBLEMS(category_list.getPropertySafelyAsString("SEXUAL_PROBLEMS","").toString());
                        chartssingle.setCONTRACEPTION(category_list.getPropertySafelyAsString("CONTRACEPTION","").toString());
                        chartssingle.setMENOPAUSE(category_list.getPropertySafelyAsString("MENOPAUSE","").toString());
                        chartssingle.setFIRST_MENARCHE_AGE(category_list.getPropertySafelyAsString("FIRST_MENARCHE_AGE","").toString());
                        chartssingle.setLNMP(category_list.getPropertySafelyAsString("LNMP","").toString());
                        chartssingle.setMENARCHE_CYCLE(category_list.getPropertySafelyAsString("MENARCHE_CYCLE","").toString());
                        chartssingle.setMENARCHE_FLOW(category_list.getPropertySafelyAsString("MENARCHE_FLOW","").toString());
                        chartssingle.setFREQUENCY(category_list.getPropertySafelyAsString("FREQUENCY","").toString());
                        chartssingle.setGRAVIDA(category_list.getPropertySafelyAsString("GRAVIDA","").toString());
                        chartssingle.setPARA(category_list.getPropertySafelyAsString("PARA","").toString());
                        chartssingle.setABORTIONS(category_list.getPropertySafelyAsString("ABORTIONS","").toString());
                        chartssingle.setPregnant(category_list.getPropertySafelyAsString("Pregnant","").toString());
                        chartssingle.setEDD(category_list.getPropertySafelyAsString("EDD","").toString());
                        singlecharts.add(chartssingle);
                        //        Log.d("Data",""+chartssingle.toString());
                    }
                    //the data not adding to the data holder class here
                    DataHolder.singlechartsofpatient = singlecharts;
                    //    Intent intent = new Intent(Checkcharts.this,Checkcharts.class);
                    //intent.putExtra("extra_text", item);
                    //    startActivity(intent);
                }
                //here is the exception
                catch (Exception e) {
                    // TODO: handle exception
                }
                runOnUiThread(new Runnable() {
                    @Override
                    public void run() {
                        // TODO Auto-generated method stub
                    }
                });
            }
        }).start();
    }
});
&lt;/code&gt;&lt;/pre&gt;</t>
  </si>
  <si>
    <t>2014-10-28 00:13:33.440000+00:00</t>
  </si>
  <si>
    <t>2014-10-28 00:30:53.430000+00:00</t>
  </si>
  <si>
    <t>2014-10-28 00:26:55.783000+00:00</t>
  </si>
  <si>
    <t>java|exception</t>
  </si>
  <si>
    <t>Compare two number SQL</t>
  </si>
  <si>
    <t>&lt;p&gt;In SQL,I am trying to compare two numbers in the same field. Both numbers contain different information, but for some technical reason they are same. The problem is when exist one sub-string of  length 5 and another of length 4 and the last 4 digits of both are same.I want to get the first one with length 5.&lt;/p&gt;
&lt;p&gt;Example:&lt;/p&gt;
&lt;pre&gt;&lt;code&gt;--------------------------------
|ID | Number| Description        |
---------------------------------
| 1 | 12345 | Project X,Ready    |
---------------------------------
| 2 |  2345 | Project X,onDesign |
---------------------------------   
&lt;/code&gt;&lt;/pre&gt;
&lt;p&gt;I should always get 12345(or biggest one) if exist numbers with last 4 digits same. Is there any CASE or CTE statement which can give me an easy resolution for this issue?&lt;/p&gt;</t>
  </si>
  <si>
    <t>2015-12-16 09:34:16.480000+00:00</t>
  </si>
  <si>
    <t>2015-12-16 11:46:28.303000+00:00</t>
  </si>
  <si>
    <t>2015-12-16 09:48:44.893000+00:00</t>
  </si>
  <si>
    <t>sql|sql-server|case|common-table-expression</t>
  </si>
  <si>
    <t>Jetty: How to write to access logs</t>
  </si>
  <si>
    <t>&lt;p&gt;In my Java servlet code, I want to be able to programatically write to the jetty access log.  I am aware that jetty will automatically log every incoming HTTP request to the access log.  However, my servlet needs to occasionally append it's own line to the access log.  Has anyone here done something similar?&lt;/p&gt;
&lt;p&gt;Thanks!  &lt;/p&gt;</t>
  </si>
  <si>
    <t>2009-08-21 20:57:19.997000+00:00</t>
  </si>
  <si>
    <t>2014-10-03 18:40:22.517000+00:00</t>
  </si>
  <si>
    <t>java|logging|servlets|jetty</t>
  </si>
  <si>
    <t>How can I get the text from an Asp.Net TextBox control with Jquery or Javascript?</t>
  </si>
  <si>
    <t>&lt;p&gt;I have an Asp.Net TextBox control: &lt;/p&gt;
&lt;pre&gt;&lt;code&gt;&amp;lt;asp:TextBox ID="txtFromDate" runat="server" CssClass="txtDateFrom"&amp;gt;&amp;lt;/asp:TextBox&amp;gt;
&lt;/code&gt;&lt;/pre&gt;
&lt;p&gt;In a separate Jquery/Javascript file, I would like get the text from it... normally the text is like '9/1/2015'. &lt;/p&gt;
&lt;p&gt;I have tried the following:&lt;/p&gt;
&lt;pre&gt;&lt;code&gt;var r2FromDate = new Date($(".txtFromDate").val);
var r2FromDate = new Date($(".txtFromDate").val.toString());
var r2FromDate = new Date($(".txtFromDate").val());
var r2FromDate = new Date($(".txtFromDate").text());
var r2FromDate = new Date($(".txtFromDate").text);
&lt;/code&gt;&lt;/pre&gt;
&lt;p&gt;and the same with using the # &amp;lt;%= txtFromDate.ClientID %&gt;   notation and it completely breaks with that.&lt;/p&gt;
&lt;p&gt;Please help!&lt;/p&gt;</t>
  </si>
  <si>
    <t>2015-09-18 20:52:00.100000+00:00</t>
  </si>
  <si>
    <t>2018-01-16 08:56:30.767000+00:00</t>
  </si>
  <si>
    <t>javascript|c#|jquery|asp.net</t>
  </si>
  <si>
    <t>UITabBar moving selected image</t>
  </si>
  <si>
    <t>&lt;p&gt;I have two UITableViewControllers that needed to be shown in "swipable tabs". That means you can swipe left / right from one to another. I found a lot of similar questions and answers, but couldn't connect them together to produce a solution that would fit my needs.
The problem is that I need also a "selected image", that shows which tab is selected. This image should move (follow your finger) when you swipe to change tab. I found a project on git that solves my problem, the only thing is that it uses navigation controller instead of tab controller so I don't know how to change that. 
Anyone already worked on a thing like this?&lt;/p&gt;
&lt;p&gt;Example
&lt;a href="https://github.com/cwRichardKim/RKSwipeBetweenViewControllers" rel="nofollow"&gt;https://github.com/cwRichardKim/RKSwipeBetweenViewControllers&lt;/a&gt;&lt;/p&gt;</t>
  </si>
  <si>
    <t>2015-12-07 22:25:40.887000+00:00</t>
  </si>
  <si>
    <t>2015-12-07 22:41:01.593000+00:00</t>
  </si>
  <si>
    <t>objective-c|uiscrollview|uinavigationcontroller|uitabbar|uiswipegesturerecognizer</t>
  </si>
  <si>
    <t>./waf command not working</t>
  </si>
  <si>
    <t>&lt;p&gt;I am using ns-3.16 in ubuntu 12.04. I'm new to python as well as ns3. When I run this ./waf (or any other waf command) it produces the following code: &lt;/p&gt;
&lt;pre&gt;&lt;code&gt;   Waf: Entering directory `/home/hp/ns-3.16-git-master/build'
Waf: Leaving directory `/home/hp/ns-3.16-git-master/build'
Traceback (most recent call last):
  File "/home/hp/ns-3.16-git-master/.waf-1.6.11-30618c54883417962c38f5d395f83584/waflib/Scripting.py", line 97, in waf_entry_point
    run_commands()
  File "/home/hp/ns-3.16-git-master/.waf-1.6.11-30618c54883417962c38f5d395f83584/waflib/Scripting.py", line 151, in run_commands
    run_command(cmd_name)
  File "/home/hp/ns-3.16-git-master/.waf-1.6.11-30618c54883417962c38f5d395f83584/waflib/Scripting.py", line 143, in run_command
    ctx.execute()
  File "/home/hp/ns-3.16-git-master/.waf-1.6.11-30618c54883417962c38f5d395f83584/waflib/Scripting.py", line 345, in execute
    return execute_method(self)
  File "/home/hp/ns-3.16-git-master/.waf-1.6.11-30618c54883417962c38f5d395f83584/waflib/Build.py", line 98, in execute
    self.execute_build()
  File "/home/hp/ns-3.16-git-master/.waf-1.6.11-30618c54883417962c38f5d395f83584/waflib/Build.py", line 107, in execute_build
    self.compile()
  File "/home/hp/ns-3.16-git-master/.waf-1.6.11-30618c54883417962c38f5d395f83584/waflib/Build.py", line 182, in compile
    self.producer.start()
  File "/home/hp/ns-3.16-git-master/.waf-1.6.11-30618c54883417962c38f5d395f83584/waflib/Runner.py", line 149, in start
    self.refill_task_list()
  File "/home/hp/ns-3.16-git-master/.waf-1.6.11-30618c54883417962c38f5d395f83584/waflib/Runner.py", line 98, in refill_task_list
    self.outstanding.extend(self.biter.next())
  File "/home/hp/ns-3.16-git-master/.waf-1.6.11-30618c54883417962c38f5d395f83584/waflib/Build.py", line 396, in get_build_iterator
    self.post_group()
  File "/home/hp/ns-3.16-git-master/.waf-1.6.11-30618c54883417962c38f5d395f83584/waflib/Build.py", line 380, in post_group
    f()
  File "/home/hp/ns-3.16-git-master/.waf-1.6.11-30618c54883417962c38f5d395f83584/waflib/extras/compat15.py", line 114, in post
    return old_post(self)
  File "/home/hp/ns-3.16-git-master/.waf-1.6.11-30618c54883417962c38f5d395f83584/waflib/TaskGen.py", line 110, in post
    v()
  File "/home/hp/ns-3.16-git-master/src/wscript", line 436, in apply_ns3header
    dst_node = ns3_dir_node.find_or_declare(src_node.name)
AttributeError: 'NoneType' object has no attribute 'find_or_declare
&lt;/code&gt;&lt;/pre&gt;
&lt;p&gt;How should I troubleshoot this?&lt;/p&gt;</t>
  </si>
  <si>
    <t>2014-06-27 07:32:14.710000+00:00</t>
  </si>
  <si>
    <t>2014-06-30 06:58:51.310000+00:00</t>
  </si>
  <si>
    <t>2014-06-27 07:48:42.793000+00:00</t>
  </si>
  <si>
    <t>waf|ns-3</t>
  </si>
  <si>
    <t>Testing JavaScript readline with Jasmine</t>
  </si>
  <si>
    <t>&lt;p&gt;I have a function called move that allows user to input an answer. &lt;/p&gt;
&lt;pre&gt;&lt;code&gt;move:function() {
  print("Enter number between 1 - 9");                         
  var userInput = readline();
  counter++
}
&lt;/code&gt;&lt;/pre&gt;
&lt;p&gt;My jasmine test looks like this&lt;/p&gt;
&lt;pre&gt;&lt;code&gt;it("takes turn playing pieces", function() {
  counter = 2;                                                   
  game = new PlayGame();      
  game.move()
  expect(counter).toEqual(3)
}
&lt;/code&gt;&lt;/pre&gt;
&lt;p&gt;&lt;strong&gt;The error message:&lt;/strong&gt; ReferenceError: readline is not defined.
I feel the problem is that jasmine doesn't know what readline is. The fact that I'm looking to get a user input in a test suite doesn't seem right. What can I test instead?&lt;/p&gt;
&lt;hr&gt;
&lt;p&gt;and instead just see if I'm getting the correct output (which is why I'm testing counter. What do you guys think?&lt;/p&gt;</t>
  </si>
  <si>
    <t>2014-03-20 15:31:22.027000+00:00</t>
  </si>
  <si>
    <t>2014-06-12 15:30:37.637000+00:00</t>
  </si>
  <si>
    <t>2014-03-20 16:05:09.097000+00:00</t>
  </si>
  <si>
    <t>javascript|testing|jasmine</t>
  </si>
  <si>
    <t>Finding the minimum and maximum in python</t>
  </si>
  <si>
    <t>&lt;p&gt;I have to ask the user to put some numbers and then print the size, sum, average, minimum and maximum. I can get the first 3 things but I'm stuck on the minimum and maximum one. The problem I have is I can't use &lt;code&gt;sort()&lt;/code&gt; because I need to make the list an integer one, but you can't use an integer list for &lt;code&gt;split()&lt;/code&gt;&lt;/p&gt;
&lt;p&gt;Here's my code:&lt;/p&gt;
&lt;pre&gt;&lt;code&gt;    number = raw_input('Enter number:')
    list_of_numbers = number.split()
    tally = 0
    sum = 0
      while number!= '':
        tally = tally + 1
        sum = sum + int(number)
        average = float(sum) / float(tally)
      number = raw_input('Enter number:')
    print "Size:", tally
    print "Sum:", sum
    print "Average:", average
&lt;/code&gt;&lt;/pre&gt;
&lt;p&gt;Any hints? Thanks&lt;/p&gt;</t>
  </si>
  <si>
    <t>2012-09-06 02:41:15.113000+00:00</t>
  </si>
  <si>
    <t>2018-10-22 13:53:02.717000+00:00</t>
  </si>
  <si>
    <t>2012-09-06 02:51:51.477000+00:00</t>
  </si>
  <si>
    <t>python-2.7</t>
  </si>
  <si>
    <t>How to find the port number of any PC?</t>
  </si>
  <si>
    <t>&lt;p&gt;Currently, I'm working on TCP client/server implementation in C. In that, I found that I can give any random number as a port number for my PC. Is it correct procedure? Or is there any standard port number for my PC? &lt;/p&gt;</t>
  </si>
  <si>
    <t>2011-12-14 06:10:56.060000+00:00</t>
  </si>
  <si>
    <t>2011-12-14 06:33:02.170000+00:00</t>
  </si>
  <si>
    <t>c|sockets|unix|tcp|port</t>
  </si>
  <si>
    <t>quotation havoc while posting data in html attribute</t>
  </si>
  <si>
    <t>&lt;p&gt;I want to post some data as an html attribute. Suppose there is a rails variable &lt;/p&gt;
&lt;pre&gt;&lt;code&gt;@fields = [{:name =&amp;gt; "id", :type =&amp;gt; :integer}]
&lt;/code&gt;&lt;/pre&gt;
&lt;p&gt;I want to post in the page for use with jquery's .data(). So in the .html.erb I have&lt;/p&gt;
&lt;pre&gt;&lt;code&gt;&amp;lt;%= form_tag( {:action =&amp;gt; 'whatever'}, {... , :"data-fields" =&amp;gt; h(@fields.to_json)}) %&amp;gt;
&lt;/code&gt;&lt;/pre&gt;
&lt;p&gt;But while rendering, the quotations in string &lt;code&gt;[{"name":"id","type":"integer"}]&lt;/code&gt; mess up the other attributes because Rails form_tag uses double quotes to enclose the whole json string in double quotes. How do I post json with strings as an attribute from Rails?&lt;/p&gt;</t>
  </si>
  <si>
    <t>2013-03-01 22:55:36.627000+00:00</t>
  </si>
  <si>
    <t>2013-03-13 18:45:11.320000+00:00</t>
  </si>
  <si>
    <t>2013-03-11 19:22:41.040000+00:00</t>
  </si>
  <si>
    <t>ruby-on-rails|json|jquery|html|html-escape</t>
  </si>
  <si>
    <t>Link from an HTML page to a specific page or content in xps file</t>
  </si>
  <si>
    <t>&lt;p&gt;How can I create a link from an HTML page to a specific page or content in xps file like (*.html#anhor, or .pdf#page=2 in pdf)?
Asume you create the xps file first as &lt;strong&gt;save as xps&lt;/strong&gt; in the Microsoft Word. How to create in this case an anchor? If it's impossible, how to navigate directly to the desired page or position in the text?&lt;/p&gt;</t>
  </si>
  <si>
    <t>2011-07-05 15:12:14.397000+00:00</t>
  </si>
  <si>
    <t>2011-09-20 14:22:16.587000+00:00</t>
  </si>
  <si>
    <t>html|hyperlink|navigation|anchor|xps</t>
  </si>
  <si>
    <t>How to wait for user answer after press callback button</t>
  </si>
  <si>
    <t>&lt;pre&gt;&lt;code&gt;def start(bot, update):
keyboard = [[InlineKeyboardButton("Run Test", callback_data='1'),
             InlineKeyboardButton("Rerun Tests", callback_data='2')],
            [InlineKeyboardButton("Deploy branch on dev", callback_data='3')]]
reply_markup = InlineKeyboardMarkup(keyboard)
update.message.reply_text('Please choose:', reply_markup=reply_markup)
def button(bot, update):
    query = update.callback_query
    if query.data == '3':
        """Wait for user answer and send this message below"""
        text = "this message"
        bot.sendMessage(chat_id=update.message.chat_id, text="Deployment on dev began, just wait a bit! %s" % text)
    bot.edit_message_text(text="Selected option: {}".format(query.data),
                          chat_id=query.message.chat_id,
                          message_id=query.message.message_id)
&lt;/code&gt;&lt;/pre&gt;
&lt;p&gt;I tried to create some do after user press callback button 3, i tried to parse_args but it's doesn't work, can anybody help me with this issue ?&lt;/p&gt;</t>
  </si>
  <si>
    <t>2018-01-19 11:57:24.140000+00:00</t>
  </si>
  <si>
    <t>python|python-telegram-bot</t>
  </si>
  <si>
    <t>What is the default ORDER BY if I use SELECT statement in mysqli::query</t>
  </si>
  <si>
    <t>&lt;p&gt;If I have a table like this:&lt;/p&gt;
&lt;pre&gt;&lt;code&gt;int        VARCHAR        int
----------------------------------      
 1          "U"            1
 2          "A"            1
 3          "B"            1
&lt;/code&gt;&lt;/pre&gt;
&lt;p&gt;and I run a query through php's mysqli like this:&lt;/p&gt;
&lt;pre&gt;&lt;code&gt;$sql = "SELECT * FROM " . parent::GetTableName();
if ($current_user_only == TRUE)
    $sql = $sql . " WHERE userID_FK=" . parent::GetUserID();
$result = $this-&amp;gt;get_db_con()-&amp;gt;query($sql);
if ($result == FALSE)
    throw new Exception("SQL exec failed (". __FILE__ . __LINE__ . "):      $this-&amp;gt;get_db_con()-&amp;gt;error");
while ($row = mysqli_fetch_array($result))
{
    echo($row[1]);
}
&lt;/code&gt;&lt;/pre&gt;
&lt;p&gt;I get an output like this:&lt;/p&gt;
&lt;pre&gt;&lt;code&gt; 2          "A"            1
 3          "B"            1
 1          "U"            1
&lt;/code&gt;&lt;/pre&gt;
&lt;p&gt;That is the result seems to be sorted by the VARCHAR column. If I run the same query in SEQUEL PRO it gives me results in the order I'm expecting which is the order in which they are entered in the table.&lt;/p&gt;
&lt;p&gt;Any ideas?&lt;/p&gt;</t>
  </si>
  <si>
    <t>2011-11-28 19:19:51.427000+00:00</t>
  </si>
  <si>
    <t>2011-11-28 19:23:54.277000+00:00</t>
  </si>
  <si>
    <t>php|mysql|mysqli</t>
  </si>
  <si>
    <t>How to enable onpaste only for alphabetic letters</t>
  </si>
  <si>
    <t>&lt;p&gt;I have got a task to disable the textbox from pasting.Only the alphabetic characters must be allow to paste.
My code is&lt;/p&gt;
&lt;pre&gt;&lt;code&gt;&amp;lt;b&amp;gt;Name&amp;lt;/b&amp;gt;
&amp;lt;input type="text" id="name" onpaste="return false"/&amp;gt;
&lt;/code&gt;&lt;/pre&gt;
&lt;p&gt;By giving onpaste="return false" no values are pasted.
How can I solve this problem?&lt;/p&gt;</t>
  </si>
  <si>
    <t>2013-03-27 12:30:54.733000+00:00</t>
  </si>
  <si>
    <t>2018-01-12 06:21:42.683000+00:00</t>
  </si>
  <si>
    <t>2013-03-28 09:03:56.297000+00:00</t>
  </si>
  <si>
    <t>javascript|jquery|html|html5</t>
  </si>
  <si>
    <t>How to use RecyclerView in RecyclerView adapter with Fragment?</t>
  </si>
  <si>
    <t>&lt;p&gt;My &lt;code&gt;SavedActivity.java&lt;/code&gt;:&lt;/p&gt;
&lt;pre&gt;&lt;code&gt;import android.os.Environment;
import android.support.v4.app.Fragment;
import android.os.Bundle;
import android.support.v7.widget.LinearLayoutManager;
import android.support.v7.widget.RecyclerView;
import android.view.LayoutInflater;
import android.view.View;
import android.view.ViewGroup;
import java.io.File;
import java.util.ArrayList;
public class SavedActivity extends Fragment {
private static final String Saved  = "/MyApp";
public SavedActivity() {
}
@Override
public View onCreateView(LayoutInflater inflater, ViewGroup container, Bundle savedInstanceState) {
    View inflatedView = LayoutInflater.from(container.getContext()).inflate(R.layout.recycler_view_adapter_saved,container, false);
    RecyclerView RecyclerViewMediaList =   (RecyclerView)inflatedView.findViewById(R.id.recycler_View);
    RecyclerViewMediaList.setLayoutManager(new   LinearLayoutManager(getActivity()));
    //Error On the line below
    RecyclerViewAdapterSaved recyclerViewMediaAdapter = new RecyclerViewAdapterSaved(this.getListFiles(new File(Environment.getExternalStorageDirectory().toString()+ Saved)), SavedActivity.this));
    RecyclerViewMediaList.setAdapter(recyclerViewMediaAdapter);
    return inflatedView;
}
@Override
public void onCreate(Bundle savedInstanceState) {
    super.onCreate(savedInstanceState);
}
private ArrayList&amp;lt;File&amp;gt; getListFiles(File parentDir) {
    ArrayList&amp;lt;File&amp;gt; inFiles = new ArrayList&amp;lt;&amp;gt;();
    File[] files;
    files = parentDir.listFiles();
    if (files != null) {
        for (File file : files) {
            if (file.getName().endsWith(".jpg"))
            {
                if (!inFiles.contains(file))
                    inFiles.add(file);
            }
        }
    }
    return inFiles;
}
}
&lt;/code&gt;&lt;/pre&gt;
&lt;p&gt;This causes the error:&lt;/p&gt;
&lt;pre&gt;&lt;code&gt;RecyclerViewAdapterSaved recyclerViewMediaAdapter = new RecyclerViewAdapterSaved(this.getListFiles(new File(Environment.getExternalStorageDirectory().toString()+ Saved)),SavedActivity.this));
&lt;/code&gt;&lt;/pre&gt;
&lt;p&gt;My &lt;code&gt;RecyclerViewAdapterSaved.java&lt;/code&gt;:&lt;/p&gt;
&lt;pre&gt;&lt;code&gt;import android.app.Activity;
import android.content.Intent;
import android.graphics.Bitmap;
import android.graphics.BitmapFactory;
import android.support.v7.widget.CardView;
import android.support.v7.widget.RecyclerView;
import android.view.LayoutInflater;
import android.view.View;
import android.view.ViewGroup;
import android.widget.ImageView;
import java.io.File;
import java.util.ArrayList;
public class RecyclerViewAdapterSaved extends RecyclerView.Adapter&amp;lt;RecyclerViewAdapterSaved.FileHolder&amp;gt; {
private ArrayList&amp;lt;File&amp;gt; filesList;
private Activity activity;
RecyclerViewAdapterSaved(ArrayList&amp;lt;File&amp;gt; filesList, Activity activity){
    this.filesList = filesList;
    this.activity = activity;
}
@Override
public RecyclerViewAdapterSaved.FileHolder onCreateViewHolder(ViewGroup parent, int viewType) {
    View inflatedView = LayoutInflater.from(parent.getContext()).inflate(R.layout.recycler_view_adapter_saved, parent, false);
    return new FileHolder(inflatedView);
}
@Override
public void onBindViewHolder(final RecyclerViewAdapterSaved.FileHolder holder, final int position) {
    final File currentFile = filesList.get(position);
    showImages(currentFile,holder,position);
}
@Override
public int getItemCount() {
    return filesList.size();
}
public static class FileHolder extends RecyclerView.ViewHolder implements View.OnClickListener {
    ImageView imageViewSaved;
     CardView cardviewImageViewSaved;
    public FileHolder(View itemView) {
        super(itemView);
        imageViewSaved = (ImageView) itemView.findViewById(R.id.imageView);
        itemView.setOnClickListener(this);
    }
    @Override
    public void onClick(View v) {
    }
public void showImages(final File currentFile, final RecyclerViewAdapterSaved.FileHolder holder, final int position){
    holder.cardviewImageViewSaved.setVisibility(View.VISIBLE);
    Bitmap statusBitmap = BitmapFactory.decodeFile(currentFile.getAbsolutePath());
    holder.imageViewSaved.setImageBitmap(statusBitmap);
}
}
&lt;/code&gt;&lt;/pre&gt;
&lt;p&gt;Same code is working when using it in &lt;code&gt;ppCompactActivity&lt;/code&gt; but showing error when using it in &lt;code&gt;Fragment&lt;/code&gt;.&lt;/p&gt;
&lt;p&gt;Error(on mouse over the line): &lt;/p&gt;
&lt;blockquote&gt;
  &lt;p&gt;RecyclerViewAdapterSaved(ArrayList),android:app.Activity in
  RecyclerViewAdapterSaved cannot be applied&lt;/p&gt;
&lt;/blockquote&gt;</t>
  </si>
  <si>
    <t>2018-01-21 16:49:38.520000+00:00</t>
  </si>
  <si>
    <t>2018-09-13 11:13:33.637000+00:00</t>
  </si>
  <si>
    <t>2018-01-21 19:16:08.133000+00:00</t>
  </si>
  <si>
    <t>android|android-recyclerview|android-cardview|recycler-adapter|layout-inflater</t>
  </si>
  <si>
    <t>Why system call hooking produces different result everytime in Linux/Android 2.6.29?</t>
  </si>
  <si>
    <t>&lt;p&gt;I have implemented system call hooking for &lt;code&gt;Android 2.6.29&lt;/code&gt; kernel through a &lt;code&gt;LKM module&lt;/code&gt;. I am tracing down one Android app for system calls. But interestingly, it returns different results every time I get a list of system calls. &lt;/p&gt;
&lt;p&gt;I am not able to make bold text in the code section, so I have put ** to show where the difference starts.&lt;/p&gt;
&lt;p&gt;For example, &lt;/p&gt;
&lt;p&gt;first run:&lt;/p&gt;
&lt;pre&gt;&lt;code&gt;our_sys_gettid ---&amp;gt; uid = 10028  
 our_sys_open ---&amp;gt; uid = 10028 with filename= /dev/cpuctl//tasks, flags= 131073, mode=0 
 our_sys_write ---&amp;gt; uid = 10028 with fd= 30, buf = 230 and count=3 
 our_sys_close ---&amp;gt; uid = 10028 with fd= 30  
 our_sys_setpriority ---&amp;gt; uid = 10028 with which= 0, who=230 and niceval=0 
 our_sys_futex ---&amp;gt; uid = 10028 with uadd=������������������, op=1, val=1, utime=&amp;lt;NULL&amp;gt;, uaddr2=������������������ and val3=  
 **our_sys_gettid ---&amp;gt; uid = 10028  
 our_sys_open ---&amp;gt; uid = 10028 with filename= /dev/cpuctl//tasks, flags= 131073, mode=0 
 our_sys_clock_gettime ---&amp;gt; uid = 10028 with which_clock=&amp;lt;NULL&amp;gt;, tp =   
 our_sys_clock_gettime ---&amp;gt; uid = 10028 with which_clock=&amp;lt;NULL&amp;gt;, tp =   
 our_sys_ioctl ---&amp;gt; uid = 10028 with fd=21, cmd=3222823425 and arg=3196467192 
 our_sys_ioctl ---&amp;gt; uid = 10028 with fd=21, cmd=3222823425 and arg=3196467192 **
 our_sys_clock_gettime ---&amp;gt; uid = 10028 with which_clock=&amp;lt;NULL&amp;gt;, tp =   
 our_sys_clock_gettime ---&amp;gt; uid = 10028 with which_clock=&amp;lt;NULL&amp;gt;, tp =   
 our_sys_ioctl ---&amp;gt; uid = 10028 with fd=21, cmd=3222823425 and arg=3196466496 
 our_sys_ioctl ---&amp;gt; uid = 10028 with fd=21, cmd=3222823425 and arg=3196466496 
 our_sys_dup ---&amp;gt; uid = 10028 with fildes=32 
 our_sys_close ---&amp;gt; uid = 10028 with fd= 32  
 .....................
&lt;/code&gt;&lt;/pre&gt;
&lt;p&gt;Second run: &lt;/p&gt;
&lt;pre&gt;&lt;code&gt;our_sys_gettid ---&amp;gt; uid = 10028  
 our_sys_open ---&amp;gt; uid = 10028 with filename= /dev/cpuctl//tasks, flags= 131073, mode=0 
 our_sys_write ---&amp;gt; uid = 10028 with fd= 30, buf = 228 and count=3 
 our_sys_close ---&amp;gt; uid = 10028 with fd= 30  
 our_sys_setpriority ---&amp;gt; uid = 10028 with which= 0, who=228 and niceval=0 
 our_sys_futex ---&amp;gt; uid = 10028 with uadd=������������������, op=1, val=1, utime=&amp;lt;NULL&amp;gt;, uaddr2=������������������ and val3=  
 **our_sys_gettid ---&amp;gt; uid = 10028  
 our_sys_open ---&amp;gt; uid = 10028 with filename= /dev/cpuctl//tasks, flags= 131073, mode=0 
 our_sys_write ---&amp;gt; uid = 10028 with fd= 30, buf = 228 and count=3 
 our_sys_clock_gettime ---&amp;gt; uid = 10028 with which_clock=&amp;lt;NULL&amp;gt;, tp =   
 our_sys_clock_gettime ---&amp;gt; uid = 10028 with which_clock=&amp;lt;NULL&amp;gt;, tp =   
 our_sys_ioctl ---&amp;gt; uid = 10028 with fd=21, cmd=3222823425 and arg=3198662648 
 our_sys_ioctl ---&amp;gt; uid = 10028 with fd=21, cmd=3222823425 and arg=3198662648 
 our_sys_clock_gettime ---&amp;gt; uid = 10028 with which_clock=&amp;lt;NULL&amp;gt;, tp =   
 our_sys_clock_gettime ---&amp;gt; uid = 10028 with which_clock=&amp;lt;NULL&amp;gt;, tp =   
 our_sys_ioctl ---&amp;gt; uid = 10028 with fd=21, cmd=3222823425 and arg=3198661952** 
 our_sys_close ---&amp;gt; uid = 10028 with fd= 30  
 our_sys_setpriority ---&amp;gt; uid = 10028 with which= 0, who=228 and niceval=0 
 our_sys_ioctl ---&amp;gt; uid = 10028 with fd=21, cmd=3222823425 and arg=1181359656 
 our_sys_ioctl ---&amp;gt; uid = 10028 with fd=21, cmd=3222823425 and arg=3198661952 
 our_sys_dup ---&amp;gt; uid = 10028 with fildes=32 
 our_sys_close ---&amp;gt; uid = 10028 with fd= 32  
 ....................
&lt;/code&gt;&lt;/pre&gt;
&lt;p&gt;Third run:&lt;/p&gt;
&lt;pre&gt;&lt;code&gt;our_sys_gettid ---&amp;gt; uid = 10028  
 our_sys_open ---&amp;gt; uid = 10028 with filename= /dev/cpuctl//tasks, flags= 131073, mode=0 
 our_sys_write ---&amp;gt; uid = 10028 with fd= 31, buf = 228 and count=3 
 our_sys_close ---&amp;gt; uid = 10028 with fd= 31  
 our_sys_setpriority ---&amp;gt; uid = 10028 with which= 0, who=228 and niceval=0 
 our_sys_futex ---&amp;gt; uid = 10028 with uadd=������������������, op=1, val=1, utime=&amp;lt;NULL&amp;gt;, uaddr2=������������������ and val3=X{���D  
 **our_sys_clock_gettime ---&amp;gt; uid = 10028 with which_clock=&amp;lt;NULL&amp;gt;, tp =   
 our_sys_clock_gettime ---&amp;gt; uid = 10028 with which_clock=&amp;lt;NULL&amp;gt;, tp =   
 our_sys_ioctl ---&amp;gt; uid = 10028 with fd=21, cmd=3222823425 and arg=3198035960 
 our_sys_ioctl ---&amp;gt; uid = 10028 with fd=21, cmd=3222823425 and arg=3198035960 
 our_sys_clock_gettime ---&amp;gt; uid = 10028 with which_clock=&amp;lt;NULL&amp;gt;, tp =   
 our_sys_clock_gettime ---&amp;gt; uid = 10028 with which_clock=&amp;lt;NULL&amp;gt;, tp =   
 our_sys_munmap ---&amp;gt; uid = 10028 with addr=1183178752 and len=770048 
 our_sys_close ---&amp;gt; uid = 10028 with fd= 32**  
 our_sys_ioctl ---&amp;gt; uid = 10028 with fd=21, cmd=3222823425 and arg=3198035264 
 our_sys_ioctl ---&amp;gt; uid = 10028 with fd=21, cmd=3222823425 and arg=3198035264 
 our_sys_dup ---&amp;gt; uid = 10028 with fildes=31 
 our_sys_close ---&amp;gt; uid = 10028 with fd= 31  
 ........................
&lt;/code&gt;&lt;/pre&gt;
&lt;p&gt;Any idea why it's producing different results every time?&lt;/p&gt;
&lt;p&gt;Is there any other better tool to trace system calls? I heard of &lt;code&gt;strace/ptrace&lt;/code&gt;, &lt;code&gt;auditd&lt;/code&gt; etc but not sure if they are usable for Android or not.&lt;/p&gt;</t>
  </si>
  <si>
    <t>2013-01-09 07:49:30.773000+00:00</t>
  </si>
  <si>
    <t>2013-01-09 20:29:56.680000+00:00</t>
  </si>
  <si>
    <t>android|c|linux|linux-kernel|system-calls</t>
  </si>
  <si>
    <t>How to Change the Mobile Network Type using android code?</t>
  </si>
  <si>
    <t>&lt;p&gt;I want to change the network type in android mobile phone. Is there any function for this purpose in java? &lt;/p&gt;</t>
  </si>
  <si>
    <t>2014-03-16 05:50:38.123000+00:00</t>
  </si>
  <si>
    <t>2014-03-16 06:21:10.923000+00:00</t>
  </si>
  <si>
    <t>Is this (Rspec example) a ruby code?</t>
  </si>
  <si>
    <t>&lt;p&gt;I am learning Rspec.&lt;/p&gt;
&lt;p&gt;I think Rspec codes are just ruby codes.
I found this code and it doesn't look like a correct ruby code.&lt;/p&gt;
&lt;pre&gt;&lt;code&gt;37.should be &amp;lt; 100
&lt;/code&gt;&lt;/pre&gt;
&lt;p&gt;If that's a ruby code, then 'be' should be a variable which is weird to me.
So it can be written like 37.should(be &amp;lt; 100).
What is it?&lt;/p&gt;
&lt;p&gt;Sam &lt;/p&gt;</t>
  </si>
  <si>
    <t>2014-01-17 23:05:38.507000+00:00</t>
  </si>
  <si>
    <t>2014-01-17 23:18:01.467000+00:00</t>
  </si>
  <si>
    <t>ruby|rspec</t>
  </si>
  <si>
    <t>Hyperledger Fabric scalability</t>
  </si>
  <si>
    <t>&lt;p&gt;I have an already built Hyperledger Fabric system which can process x tps(transaction per second). In the future, maybe the requirement for the system is not just x tps.&lt;/p&gt;
&lt;p&gt;Then, how to scale up Hyperledger Fabric system to satisfy higher requirement?&lt;/p&gt;</t>
  </si>
  <si>
    <t>2018-04-20 03:20:32.740000+00:00</t>
  </si>
  <si>
    <t>2018-10-01 02:24:14.463000+00:00</t>
  </si>
  <si>
    <t>performance|hyperledger-fabric|hyperledger|scalability|blockchain</t>
  </si>
  <si>
    <t>JQuery is not working in tomcat</t>
  </si>
  <si>
    <t>&lt;p&gt;I have been trying to run use jquery in my javaee application instead of plain javascript. The code below show the application that i have been unable  to get my head around. Every time i run the app it gives me a blank page. Somehow the jquery is not loading on the tomcat server. How do I go about it?. &lt;/p&gt;
&lt;p&gt;&lt;div class="snippet" data-lang="js" data-hide="false" data-console="true" data-babel="false"&gt;_x000D_
&lt;div class="snippet-code"&gt;_x000D_
&lt;pre class="snippet-code-html lang-html prettyprint-override"&gt;&lt;code&gt;&amp;lt;html&amp;gt;_x000D_
&amp;lt;head&amp;gt;_x000D_
    &amp;lt;title&amp;gt;Erycoking | JSON&amp;lt;/title&amp;gt;_x000D_
    &amp;lt;script  src="WEB-INF/lib/jquery-3.2.1.min.js"&amp;gt;&amp;lt;/script&amp;gt;_x000D_
    &amp;lt;script&amp;gt;_x000D_
        $(document).ready(function () {_x000D_
            $.getJSON("${pageContext.request.contextPath}/getCDs.jsp", function (response) {_x000D_
                var cds = response.catalog.cd;_x000D_
                alert(JSON.stringify(cds));_x000D_
                $.each(cds, function (ind, val) {_x000D_
                    $('body.container').append('&amp;lt;li&amp;gt;' + cds[ind].title + ' : '_x000D_
                        + cds[ind].artist + '&amp;lt;/li&amp;gt;');_x000D_
                });_x000D_
            });_x000D_
        });_x000D_
    &amp;lt;/script&amp;gt;_x000D_
&amp;lt;/head&amp;gt;_x000D_
    &amp;lt;body&amp;gt;_x000D_
        &amp;lt;ul class='container'&amp;gt;&amp;lt;/ul&amp;gt;_x000D_
    &amp;lt;/body&amp;gt;_x000D_
&amp;lt;/html&amp;gt;&lt;/code&gt;&lt;/pre&gt;_x000D_
&lt;/div&gt;_x000D_
&lt;/div&gt;_x000D_
&lt;/p&gt;
&lt;p&gt;my getCDs.jsp is down here&lt;/p&gt;
&lt;p&gt;&lt;div class="snippet" data-lang="js" data-hide="false" data-console="true" data-babel="false"&gt;_x000D_
&lt;div class="snippet-code"&gt;_x000D_
&lt;pre class="snippet-code-html lang-html prettyprint-override"&gt;&lt;code&gt;&amp;lt;jsp:useBean id="fetchBean" class="fetcher.FetchXML" /&amp;gt;_x000D_
&amp;lt;jsp:getProperty name="fetchBean" property="json" /&amp;gt;&lt;/code&gt;&lt;/pre&gt;_x000D_
&lt;/div&gt;_x000D_
&lt;/div&gt;_x000D_
&lt;/p&gt;
&lt;p&gt;my FetchXML.java is down here&lt;/p&gt;
&lt;p&gt;&lt;div class="snippet" data-lang="js" data-hide="false" data-console="true" data-babel="false"&gt;_x000D_
&lt;div class="snippet-code"&gt;_x000D_
&lt;pre class="snippet-code-html lang-html prettyprint-override"&gt;&lt;code&gt;public class FetchXML {_x000D_
    public void setJson(String json){}_x000D_
    public String getJson(){_x000D_
        JSONObject json = null;_x000D_
_x000D_
        try {_x000D_
            String xml = "";_x000D_
            URL url = new URL("http://www.w3schools.com/xml/cd_catalog.xml");_x000D_
            URLConnection conn = url.openConnection();_x000D_
            BufferedReader br = new BufferedReader(new InputStreamReader(conn.getInputStream()));_x000D_
_x000D_
            String line = null;_x000D_
            while((line = br.readLine())  != null) xml+= line;_x000D_
            br.close();_x000D_
_x000D_
            xml = xml.replace("'", "");_x000D_
            json = XML.toJSONObject(xml.toLowerCase());_x000D_
_x000D_
        } catch (MalformedURLException e) {_x000D_
            e.printStackTrace();_x000D_
        } catch (IOException e) {_x000D_
            e.printStackTrace();_x000D_
        } catch (JSONException e) {_x000D_
            e.printStackTrace();_x000D_
        }_x000D_
        return json.toString();_x000D_
    }_x000D_
}&lt;/code&gt;&lt;/pre&gt;_x000D_
&lt;/div&gt;_x000D_
&lt;/div&gt;_x000D_
&lt;/p&gt;
&lt;p&gt;And finally my web.xml&lt;/p&gt;
&lt;p&gt;&lt;div class="snippet" data-lang="js" data-hide="false" data-console="true" data-babel="false"&gt;_x000D_
&lt;div class="snippet-code"&gt;_x000D_
&lt;pre class="snippet-code-html lang-html prettyprint-override"&gt;&lt;code&gt;&amp;lt;?xml version="1.0" encoding="UTF-8"?&amp;gt;_x000D_
&amp;lt;web-app xmlns="http://xmlns.jcp.org/xml/ns/javaee"_x000D_
         xmlns:xsi="http://www.w3.org/2001/XMLSchema-instance"_x000D_
         xsi:schemaLocation="http://xmlns.jcp.org/xml/ns/javaee http://xmlns.jcp.org/xml/ns/javaee/web-app_3_1.xsd"_x000D_
         version="3.1"&amp;gt;_x000D_
    _x000D_
    &amp;lt;welcome-file-list&amp;gt;_x000D_
        &amp;lt;welcome-file&amp;gt;fetch.jsp&amp;lt;/welcome-file&amp;gt;_x000D_
    &amp;lt;/welcome-file-list&amp;gt;_x000D_
_x000D_
_x000D_
    _x000D_
&amp;lt;/web-app&amp;gt;&lt;/code&gt;&lt;/pre&gt;_x000D_
&lt;/div&gt;_x000D_
&lt;/div&gt;_x000D_
&lt;/p&gt;
&lt;p&gt;Here is my file structure
&lt;a href="https://i.stack.imgur.com/pf32Z.png" rel="nofollow noreferrer"&gt;enter image description here&lt;/a&gt;&lt;/p&gt;</t>
  </si>
  <si>
    <t>2017-08-30 21:23:38.690000+00:00</t>
  </si>
  <si>
    <t>2017-09-01 18:18:54.413000+00:00</t>
  </si>
  <si>
    <t>java|jquery|tomcat</t>
  </si>
  <si>
    <t>Gerrit: Fixing commit without change-id in footer</t>
  </si>
  <si>
    <t>&lt;p&gt;I have Gerrit set up to require change-id in the commit message footer. But, I was able to somehow push a change without a change-id in the footer. That seems to have messed up my branch (master branch). I am unable to push to the master branch now. &lt;/p&gt;
&lt;p&gt;Here is what I've done so far:&lt;/p&gt;
&lt;pre&gt;&lt;code&gt;&amp;gt; git status
On branch master
Your branch is up-to-date with 'origin/master'.
nothing to commit, working tree clean
&amp;gt; touch test.txt
&amp;gt; git add .
&amp;gt; git commit
&amp;gt; git status
On branch master
Your branch is up-to-date with 'origin/master'.
Changes to be committed:
  (use "git reset HEAD &amp;lt;file&amp;gt;..." to unstage)
    new file:   test.txt
&amp;gt; git -c diff.mnemonicprefix=false -c core.quotepath=false -c credential.helper=sourcetree push -v origin master:refs/for/master 
Pushing to ssh://username@gerrit.site.com:29418/project_name
To ssh://username@gerrit.site.com:29418/project_name
 ! [rejected]        master -&amp;gt; refs/for/master (non-fast-forward)
error: failed to push some refs to 'ssh://username@gerrit.site.com:29418/project_name'
hint: Updates were rejected because a pushed branch tip is behind its remote
hint: counterpart. Check out this branch and integrate the remote changes
hint: (e.g. 'git pull ...') before pushing again.
hint: See the 'Note about fast-forwards' in 'git push --help' for details.
Completed with errors, see above
&lt;/code&gt;&lt;/pre&gt;
&lt;p&gt;and here is the structure of the branches:&lt;/p&gt;
&lt;pre&gt;&lt;code&gt;o [origin/master][origin/HEAD][master] current head
\ \
 \ \
  \ o commit without change-id in footer
   \
    o [origin/refs/for/master] test commit to try and fix previous
&lt;/code&gt;&lt;/pre&gt;</t>
  </si>
  <si>
    <t>2017-03-20 19:33:39.900000+00:00</t>
  </si>
  <si>
    <t>2017-03-21 18:42:54.433000+00:00</t>
  </si>
  <si>
    <t>2017-03-21 17:34:40.007000+00:00</t>
  </si>
  <si>
    <t>git|gerrit</t>
  </si>
  <si>
    <t>What's the most secure way to connect to Active Directory from a DMZ?</t>
  </si>
  <si>
    <t>&lt;p&gt;I got a web DMZ server, that hosts an "Extranet" ASP.NET application. I want that users should authenticate to this application using the same user and password that they use on their Windows at work. (we are using Active Directory)&lt;/p&gt;
&lt;p&gt;I want to know what the best way is -the most secure way - to connect from the DMZ web server to the Active Directory.&lt;/p&gt;
&lt;p&gt;For now I saw two possibilities:&lt;br&gt;
- RODC&lt;br&gt;
- LDAP Over SSL (LDAPS)&lt;/p&gt;
&lt;p&gt;Are there any other option you recommend? What other options should I consider? Any limitation, or potential problems with any of those solution?&lt;/p&gt;</t>
  </si>
  <si>
    <t>2012-03-29 14:04:24.987000+00:00</t>
  </si>
  <si>
    <t>2017-02-22 09:11:12.090000+00:00</t>
  </si>
  <si>
    <t>2012-03-30 01:54:00.497000+00:00</t>
  </si>
  <si>
    <t>windows|active-directory|ldap|dmz</t>
  </si>
  <si>
    <t>How to close child window and redirect the link in parent current window</t>
  </si>
  <si>
    <t>&lt;p&gt;I'm getting some json data from the services and bind those values in the table format in the child window. Click on link in the child window, should close child window and redirect the url in parent current window.&lt;/p&gt;
&lt;pre&gt;&lt;code&gt;    &amp;lt;html&amp;gt;
    &amp;lt;head&amp;gt;
        &amp;lt;title&amp;gt;sample&amp;lt;/title&amp;gt;
        &amp;lt;script type="text/javascript"&amp;gt;
        var childWindow;
            function GenerateStudentsTable() {
                var jsondata = {
                    "school": {
                        "students": [{
                                "studentId": "Test1",
                                "Name": "Message01"
                            },
                            {
                                "studentId": "Test2",
                                "Name": "Message2"
                            }, {
                                "studentId": "Test3",
                                "Name": "Message3"
                            }
                        ],
                        "redirectURL" : "https://www.google.com/search"
                    }
                }
                var query = "students";
                var table = document.createElement("TABLE");
                table.border = "1";
                var headerLabels = ["Id", "Name"]
                var headerLabelsCount = headerLabels.length;
                var row = table.insertRow(-1);
                for (var i = 0; i &amp;lt; headerLabelsCount; i++) {
                    var headerCell = document.createElement("TH");
                    headerCell.innerHTML = headerLabels[i];
                    row.appendChild(headerCell);
                }
                var jsonLength = Object.keys(jsondata.school.students).length;
                for (var i = 0; i &amp;lt; jsonLength; i++) {
                    row = table.insertRow(-1);
                    for (var j = 0; j &amp;lt; headerLabelsCount; j++) {
                        var cell = row.insertCell(-1);
                        if (j == 0) {
                            cell.innerHTML = '&amp;lt;a href="javascript:window.opener.redirectToParentWindow()"&amp;gt;' + jsondata.school.students[i].studentId + '&amp;lt;/a&amp;gt;';
                        } else {
                            cell.innerHTML = '&amp;lt;a href="javascript:window.opener.redirectToParentWindow()"&amp;gt;' + jsondata.school.students[i].Name + '&amp;lt;/a&amp;gt;';
                        }
                    }
                }
                childWindow = window.open("", "Title", "toolbar=no,location=no,directories=no,status=no,menubar=no,scrollbars=yes,resizable=yes,width=780,height=200,top=" + (screen.height - 400) + ",left=" + (screen.width - 840));
                childWindow.document.body.innerHTML = table.outerHTML;
            }
            function redirectToParentWindow()
            {
                childWindow.close();
                window.location.href =jsondata.school.redirectURL;
            }
        &amp;lt;/script&amp;gt;
    &amp;lt;/head&amp;gt;
    &amp;lt;body&amp;gt;
    &amp;lt;input type="button" value="Generate Table" onclick="GenerateStudentsTable()" /&amp;gt;
        &amp;lt;hr /&amp;gt;
        &amp;lt;div id="dvTable"&amp;gt;
        &amp;lt;/div&amp;gt;
    &amp;lt;/body&amp;gt;
&amp;lt;/html&amp;gt;
&lt;/code&gt;&lt;/pre&gt;
&lt;p&gt;I have no issues in the binding data in the child window but i'm not sure how to close the child window and redirect to link in parent window. Thanks in advance&lt;/p&gt;</t>
  </si>
  <si>
    <t>2018-08-12 05:10:57.073000+00:00</t>
  </si>
  <si>
    <t>2018-08-12 08:16:04.533000+00:00</t>
  </si>
  <si>
    <t>2018-08-12 06:16:54.890000+00:00</t>
  </si>
  <si>
    <t>Jquery checkbox not getting checked</t>
  </si>
  <si>
    <t>&lt;p&gt;I have a function called 'getData' that contains an ajax call that successfully returns my data ( a dynamically created list of fruits) via json.  I have another function called 'AddFruit' that should check a checkbox when a user clicks a button that enters a text value into a textbox and that value does NOT match one of the values contained in my json data.   &lt;/p&gt;
&lt;p&gt;For example if the data returned from the ajax call is {'orange', 'apple', 'pear'} and the user clicks a button that adds 'banana' to a textbox, my checkbox should be checked.&lt;/p&gt;
&lt;p&gt;Below is what I've tried so far: &lt;/p&gt;
&lt;pre&gt;&lt;code&gt;  function AddFruit(data) {
                     var fruit = $("#Fruit").val(); //the value of input text box that gets populated when a user clicks '#ButtonAdd' button.
                     $("#ButtonAdd").click(function() {
                     $.each(data, function (item) {
                   if ($('fruit:contains(" + data[item] + ")'))
                        {
                          $("#Oldform").prop ("checked", false);
                        } else
                            {
                                $("#Oldform").prop ("checked", true);
                            }
                         });
                   });
              }
  getData().done(AddFruit); // when the ajax call is successfully completed, run the AddFruit function.
&lt;/code&gt;&lt;/pre&gt;</t>
  </si>
  <si>
    <t>2014-06-27 17:57:47.793000+00:00</t>
  </si>
  <si>
    <t>2014-07-09 21:59:53.830000+00:00</t>
  </si>
  <si>
    <t>2014-06-27 19:55:45.380000+00:00</t>
  </si>
  <si>
    <t>jquery|ajax|json|checkbox</t>
  </si>
  <si>
    <t>soap web service with symfony2</t>
  </si>
  <si>
    <t>&lt;p&gt;i need to create a webservices with symfony2 ive read the official article &lt;a href="http://symfony.com/doc/current/cookbook/web_services/php_soap_extension.html" rel="nofollow"&gt;http://symfony.com/doc/current/cookbook/web_services/php_soap_extension.html&lt;/a&gt;
 in the example it creates a instance of SoapServer with a parameter routing a .wsdl file, what is this file? i didnt found too much documentation about soap in symfony. some help with this please?&lt;/p&gt;
&lt;pre&gt;&lt;code&gt;public function indexAction()
{
    $server = new \SoapServer('/path/to/hello.wsdl');
    $server-&amp;gt;setObject($this-&amp;gt;get('hello_service'));
    $response = new Response();
    $response-&amp;gt;headers-&amp;gt;set('Content-Type', 'text/xml; charset=ISO-8859-1');
    ob_start();
    $server-&amp;gt;handle();
    $response-&amp;gt;setContent(ob_get_clean());
    return $response;
}
&lt;/code&gt;&lt;/pre&gt;</t>
  </si>
  <si>
    <t>2012-08-17 18:18:49.103000+00:00</t>
  </si>
  <si>
    <t>2012-12-20 17:28:35.813000+00:00</t>
  </si>
  <si>
    <t>2012-09-19 12:48:56.463000+00:00</t>
  </si>
  <si>
    <t>web-services|soap|symfony|soapserver</t>
  </si>
  <si>
    <t>Is there a way to add overlapping borders to ALL div with css?</t>
  </si>
  <si>
    <t>&lt;p&gt;I did a search here but I found just info about adjacent borders. Does anybody know if it is possible to add borders to all divs just to see how the current layout works.&lt;/p&gt;
&lt;p&gt;If you just add a 1px border, it will add 2px to the width (side by side) and will - sometimes - break the current layout.&lt;/p&gt;
&lt;p&gt;I need this just for control purposes, something to turn on/off, not for production.&lt;/p&gt;
&lt;p&gt;thanks!&lt;/p&gt;</t>
  </si>
  <si>
    <t>2016-06-28 11:12:08.967000+00:00</t>
  </si>
  <si>
    <t>2017-10-02 06:55:26.260000+00:00</t>
  </si>
  <si>
    <t>html|css|css3</t>
  </si>
  <si>
    <t>Implicit instantiation depending on scoped or unscoped enumeration</t>
  </si>
  <si>
    <t>&lt;p&gt;14.7.3/6 says the following:&lt;/p&gt;
&lt;blockquote&gt;
  &lt;blockquote&gt;
    &lt;p&gt;If a template, a member template or the member of a class template is explicitly specialized then that
    specialization shall be declared before the first use of that specialization that would cause an implicit instantiation to take place, in every translation unit in which such a use occurs; no diagnostic is required. If the program does not provide a definition for an explicit specialization and either the specialization is used in a way that would cause an implicit instantiation to take place or the member is a virtual member function, the program is ill-formed, no diagnostic required. An implicit instantiation is never generated for an explicit specialization that is declared but not defined.&lt;/p&gt;
  &lt;/blockquote&gt;
&lt;/blockquote&gt;
&lt;p&gt;It then gives the following example:&lt;/p&gt;
&lt;pre&gt;&lt;code&gt;template&amp;lt;class T&amp;gt; struct A
{
    enum E : T;
    enum class S : T;
};
template&amp;lt;&amp;gt; enum A&amp;lt;int&amp;gt;::E : int { eint };       // OK
template&amp;lt;&amp;gt; enum class A&amp;lt;int&amp;gt;::S : int { sint }; // OK
template&amp;lt;class T&amp;gt; enum A&amp;lt;T&amp;gt;::E : T { eT };
template&amp;lt;class T&amp;gt; enum class A&amp;lt;T&amp;gt;::S : T { cT };
template&amp;lt;&amp;gt; enum A&amp;lt;char&amp;gt;::E : char { echar }; // ill-formed, A&amp;lt;char&amp;gt;::E was instantiated
                                             // when A&amp;lt;char&amp;gt; was instantiated
template&amp;lt;&amp;gt; enum class A&amp;lt;char&amp;gt;::S : char { schar }; // OK
&lt;/code&gt;&lt;/pre&gt;
&lt;p&gt;I'm not following how it is able to compile the last line but not the one before it. I expected both examples to fail because both &lt;code&gt;A&amp;lt;char&amp;gt;::E&lt;/code&gt; and &lt;code&gt;A&amp;lt;char&amp;gt;::S&lt;/code&gt; were being implicitly instantiated. I notice when I remove &lt;code&gt;class&lt;/code&gt; from the enum-key of &lt;code&gt;S&lt;/code&gt; in the primary template the last line fails with the same message as the other. Why does this happen?&lt;/p&gt;</t>
  </si>
  <si>
    <t>2014-08-08 02:57:04.087000+00:00</t>
  </si>
  <si>
    <t>2014-08-08 03:25:00.617000+00:00</t>
  </si>
  <si>
    <t>c++|templates|c++11|stl</t>
  </si>
  <si>
    <t>ffmpeg stream encoding out produce a stream shows different program on each start</t>
  </si>
  <si>
    <t>&lt;p&gt;I am using ffmpeg for almost one year, my stream recently started behaving badly.&lt;/p&gt;
&lt;p&gt;The lines on ffmpeg screen started running crazy fast when restreaming it, causing more CPU (with no encoding). I have mapped the stream to select only one stream. But the problem is even with mapping I am getting different program each time when it is played.&lt;/p&gt;
&lt;p&gt;Also each program it is playing for less than a minute. &lt;strong&gt;There is no specific error message showing on ffmpeg screen. Only the output is behaving badly&lt;/strong&gt;.&lt;/p&gt;
&lt;p&gt;I even tried ffmpeg version 3.3, 3.4 and 4.0 with same results.&lt;/p&gt;
&lt;p&gt;It has so many resolution streams, so i selected only 33 (video) and 34 (audio), the ones with highest resolution.&lt;/p&gt;
&lt;pre&gt;&lt;code&gt;ffmpeg -i "http://insourceip/stream.m3u8" -err_detect explode  -c copy -map 0:33? -map 0:34?  -hls_time 10 -hls_list_size 6 -hls_wrap 10 -start_number 1 out/music.m3u8
&lt;/code&gt;&lt;/pre&gt;
&lt;p&gt;Please help me with this.&lt;/p&gt;
&lt;p&gt;Below is the output: the one after (No longer receiving playlist 8) start running crazy when started.&lt;/p&gt;
&lt;pre&gt;&lt;code&gt;Program 11
    Metadata:
      variant_bitrate : 1088000
    Stream #0:33: Video: h264 (Constrained Baseline) ([27][0][0][0] / 0x001B), yuv420p, 640x480 [SAR 12:11 DAR 16:11], 25 fps, 25 tbr, 90k tbn, 50 tbc
    Metadata:
      variant_bitrate : 1088000
    Stream #0:34: Audio: aac (LC) ([15][0][0][0] / 0x000F), 32000 Hz, stereo, fltp
    Metadata:
      variant_bitrate : 1088000
    Stream #0:35: Data: timed_id3 (ID3  / 0x20334449)
    Metadata:
      variant_bitrate : 1088000
[hls @ 0x7a64120] Opening '/music1.ts' for writing
Output #0, hls, to '/music.m3u8':
  Metadata:
    encoder         : Lavf57.71.100
    Stream #0:0: Video: h264 (Constrained Baseline) ([27][0][0][0] / 0x001B), yuv420p, 640x480 [SAR 12:11 DAR 16:11], q=2-31, 25 fps, 25 tbr, 90k tbn, 25 tbc
    Metadata:
      variant_bitrate : 1088000
    Stream #0:1: Audio: aac (LC) ([15][0][0][0] / 0x000F), 32000 Hz, stereo, fltp
    Metadata:
      variant_bitrate : 1088000
    Stream #0:2: Data: timed_id3 (ID3  / 0x20334449)
    Metadata:
      variant_bitrate : 1088000
Stream mapping:
  Stream #0:33 -&amp;gt; #0:0 (copy)
  Stream #0:34 -&amp;gt; #0:1 (copy)
  Stream #0:35 -&amp;gt; #0:2 (copy)
Press [q] to stop, [?] for help
[hls,applehttp @ 0x3d57120] No longer receiving playlist 10
[hls,applehttp @ 0x3d57120] No longer receiving playlist 1
[hls,applehttp @ 0x3d57120] No longer receiving playlist 3
[hls,applehttp @ 0x3d57120] No longer receiving playlist 5
[hls,applehttp @ 0x3d57120] No longer receiving playlist 7
[hls,applehttp @ 0x3d57120] No longer receiving playlist 9
[hls,applehttp @ 0x3d57120] No longer receiving playlist 0
[hls,applehttp @ 0x3d57120] No longer receiving playlist 2
[hls,applehttp @ 0x3d57120] No longer receiving playlist 4
[hls,applehttp @ 0x3d57120] No longer receiving playlist 6
[hls,applehttp @ 0x3d57120] No longer receiving playlist 8
***[hls,applehttp @ 0x3d57120] Opening 'FORMATED/i/MUSIC_1@13394/segment153957897_1_av-b.ts' for reading
[hls,applehttp @ 0x3d57120] Opening 'FORMATED/i/MUSIC_1@13394/segment153957898_1_av-b.ts' for reading
[hls @ 0x7a64120] Opening '/music2.ts' for writing
[hls @ 0x7a64120] Opening '/music.m3u8.tmp' for writing
[hls,applehttp @ 0x3d57120] Opening 'FORMATED/i/MUSIC_1@13394/segment153957899_1_av-b.ts' for reading
[hls @ 0x7a64120] Opening '/music3.ts' for writing***
&lt;/code&gt;&lt;/pre&gt;</t>
  </si>
  <si>
    <t>2018-10-15 14:17:25.277000+00:00</t>
  </si>
  <si>
    <t>2018-10-15 18:21:58.543000+00:00</t>
  </si>
  <si>
    <t>ffmpeg|video-streaming|streaming|hls|m3u8</t>
  </si>
  <si>
    <t>Undefined property: stdClass codeigniter</t>
  </si>
  <si>
    <t>&lt;p&gt;&lt;code&gt;Undefined property: stdClass alamat&lt;/code&gt; &lt;/p&gt;
&lt;p&gt;in my view where I take ,&lt;/p&gt;
&lt;blockquote&gt;
  &lt;p&gt;$this-&gt;data['prodi']  = $this-&gt;mprodi-&gt;get_all_prodi();&lt;/p&gt;
&lt;/blockquote&gt;
&lt;p&gt;In my controller view I am getting this error. But when I am not take my select &lt;code&gt;prodi&lt;/code&gt; is not shown.&lt;/p&gt;
&lt;p&gt;This is my view :&lt;/p&gt;
&lt;pre&gt;&lt;code&gt;&amp;lt;div class="field"&amp;gt;
     &amp;lt;label&amp;gt;Piih Prodi&amp;lt;/label&amp;gt;
      &amp;lt;input type="hidden" name="nama_prodi" value="&amp;lt;?php echo $data-&amp;gt;nama_prodi;?&amp;gt;"&amp;gt;&amp;lt;?php echo form_error('nama_prodi', '&amp;lt;div class="ui red pointing label"&amp;gt;', '&amp;lt;/div&amp;gt;'); ?&amp;gt;
     &amp;lt;select name="prodi" id="select_prodi"&amp;gt;
       &amp;lt;?php foreach ($prodi as $prodi_data) :?&amp;gt;
       &amp;lt;?php echo '&amp;lt;option value="'.$prodi_data-&amp;gt;id_prodi.'"&amp;gt;'.$prodi_data-&amp;gt;nama_prodi.'&amp;lt;/option&amp;gt;'; ?&amp;gt;
        &amp;lt;?php endforeach; ?&amp;gt;
      &amp;lt;/select&amp;gt;
   &amp;lt;/div&amp;gt;
  &amp;lt;div class="field"&amp;gt;
    &amp;lt;label&amp;gt;Fakultas&amp;lt;/label&amp;gt;
    &amp;lt;div class="ui small left icon input"&amp;gt;
      &amp;lt;input type="text" disabled="disabled" id="fakultas" class="fakultas" placeholder="fakultas" name="nama_fakultas"&amp;gt; 
      &amp;lt;i class="text file outline icon"&amp;gt;&amp;lt;/i&amp;gt;
   &amp;lt;/div&amp;gt;
 &amp;lt;/div&amp;gt;
 &amp;lt;div class="field"&amp;gt;
    &amp;lt;label&amp;gt;Alamat&amp;lt;/label&amp;gt;
    &amp;lt;textarea placeholder="text" name="alamat"&amp;gt;
    &amp;lt;?php echo $data-&amp;gt;alamat;?&amp;gt;
    &amp;lt;/textarea&amp;gt;&amp;lt;?php echo form_error('alamat', '&amp;lt;div class="ui red pointing label"&amp;gt;', '&amp;lt;/div&amp;gt;'); ?&amp;gt;
    &amp;lt;/div&amp;gt;
&lt;/code&gt;&lt;/pre&gt;
&lt;p&gt;&lt;em&gt;Controller :&lt;/em&gt;&lt;/p&gt;
&lt;pre&gt;&lt;code&gt;function edit_anggota($nim='')
    {
        $this-&amp;gt;form_validation-&amp;gt;set_rules('nim', 'nim', 'required');
        $this-&amp;gt;form_validation-&amp;gt;set_rules('email', 'email', 'required'););
        $this-&amp;gt;form_validation-&amp;gt;set_rules('geup', 'Geup', 'required');
        //$nim = $this-&amp;gt;uri-&amp;gt;segment(4);
        $nim = $this-&amp;gt;input-&amp;gt;post('old_nim');
        $this-&amp;gt;data['prodi']    = $this-&amp;gt;mprodi-&amp;gt;get_all_prodi();
        if (!empty($_POST)) 
        {
            $data['nim']            = $this-&amp;gt;input-&amp;gt;post('nim');
            $data['email']          = $this-&amp;gt;input-&amp;gt;post('email');
            $data['no_telp']        = $this-&amp;gt;input-&amp;gt;post('no_telp');
            $data['tempat_lahir']   = $this-&amp;gt;input-&amp;gt;post('tempat_lahir');
            $data['tanggal_lahir']  = $this-&amp;gt;input-&amp;gt;post('tanggal_lahir');
            $data['tanggal_lahir']  = $this-&amp;gt;input-&amp;gt;post('tanggal_lahir');
            $data['jenis_kelamin']  = $this-&amp;gt;input-&amp;gt;post('jenis_kelamin');
            $data['angkatan']       = $this-&amp;gt;input-&amp;gt;post('angkatan');
            $data['agama']          = $this-&amp;gt;input-&amp;gt;post('agama');
            $data['id_prodi']       = $this-&amp;gt;input-&amp;gt;post('id_prodi');
            $data['alamat']         = $this-&amp;gt;input-&amp;gt;post('alamat');
            $data['sabuk']          = $this-&amp;gt;input-&amp;gt;post('sabuk');
            $data['geup']           = $this-&amp;gt;input-&amp;gt;post('geup');
            if ($this-&amp;gt;form_validation-&amp;gt;run() !== FALSE) 
            {
                $config['upload_path'] = './images/';
                $config['allowed_types'] = 'gif|jpg|png';
                $config['max_size'] = '5000';
                $config['max_width']  = '10240';
                $config['max_height']  = '7680';
                $this-&amp;gt;load-&amp;gt;library('upload', $config);
                if ( ! $this-&amp;gt;upload-&amp;gt;do_upload('userfile'))     
                {
                    if ($_FILES['userfile']['size']==0) 
                    {
                        // echo "&amp;lt;pre&amp;gt;";
                        // print_r($_POST);
                        // print_r($_FILES);
                        // print_r($this-&amp;gt;upload-&amp;gt;display_errors());
                        // exit;
                        $this-&amp;gt;mdaftar-&amp;gt;update_daftar($nim,$data);
                        $this-&amp;gt;session-&amp;gt;set_flashdata('message', generateSuccessMessage('Data berhasil diupdate'));
                        redirect(site_url('anggota/profil/edit_anggota'));
                    }
                    else
                    {
                        $this-&amp;gt;data['error']= $this-&amp;gt;upload-&amp;gt;display_errors();
                        $this-&amp;gt;data['id_user']  = $this-&amp;gt;session-&amp;gt;userdata('user_id');
                        $this-&amp;gt;data['orang']    = $this-&amp;gt;mlogin-&amp;gt;dataPengguna($this-&amp;gt;session-&amp;gt;userdata('username'));
                        $this-&amp;gt;data['data']     = $this-&amp;gt;mdaftar-&amp;gt;get_daftar_detail($this-&amp;gt;data['id_user']);
                        $this-&amp;gt;data['contents'] = $this-&amp;gt;load-&amp;gt;view('anggota/edit_profil', $this-&amp;gt;data, true);
                        $this-&amp;gt;load-&amp;gt;view('template/wrapper/mahasiswa/wrapper_sign',$this-&amp;gt;data);
                    }
                }
                else
                {
                    $datafoto=$this-&amp;gt;upload-&amp;gt;data();
                    $nm_file =$datafoto['file_name'];
                    $data['image']= $nm_file;
                    $this-&amp;gt;mdaftar-&amp;gt;update_daftar($nim,$data);
                    // print_r($this-&amp;gt;mdaftar-&amp;gt;update_daftar($nim,$data));
                    $this-&amp;gt;session-&amp;gt;set_flashdata('message', generateSuccessMessage('Data berhasil diupdate'));
                    redirect(site_url('anggota/profil/edit_anggota'));
                }
            }
            else
            {
                $this-&amp;gt;data['id_user']  = $this-&amp;gt;session-&amp;gt;userdata('user_id');
                $this-&amp;gt;data['detail']   = $this-&amp;gt;mdaftar-&amp;gt;get_daftar_detail($this-&amp;gt;data['id_user']);
                $this-&amp;gt;data['orang']    = $this-&amp;gt;mlogin-&amp;gt;dataPengguna($this-&amp;gt;session-&amp;gt;userdata('username'));
                $this-&amp;gt;data['contents'] = $this-&amp;gt;load-&amp;gt;view('anggota/edit_profil', $this-&amp;gt;data, true);
                $this-&amp;gt;load-&amp;gt;view('template/wrapper/mahasiswa/wrapper_sign',$this-&amp;gt;data);
            }
        }
        else
        {
            $this-&amp;gt;data['id_user']  = $this-&amp;gt;session-&amp;gt;userdata('user_id');
            $this-&amp;gt;data['data']     = $this-&amp;gt;mdaftar-&amp;gt;get_daftar_detail($this-&amp;gt;data['id_user']);
            $this-&amp;gt;data['orang']    = $this-&amp;gt;mlogin-&amp;gt;dataPengguna($this-&amp;gt;session-&amp;gt;userdata('username'));
            $this-&amp;gt;data['contents'] = $this-&amp;gt;load-&amp;gt;view('anggota/edit_profil', $this-&amp;gt;data, true);
            $this-&amp;gt;load-&amp;gt;view('template/wrapper/mahasiswa/wrapper_sign',$this-&amp;gt;data);
        }
    }
&lt;/code&gt;&lt;/pre&gt;
&lt;p&gt;modal&lt;/p&gt;
&lt;pre&gt;&lt;code&gt;    function get_daftar_detail($id_user)//$limit = 10, $offset = 0)
    {
        //$this-&amp;gt;db-&amp;gt;order_by('id','asc');
        //$this-&amp;gt;db-&amp;gt;limit($limit, $offset);
        $this-&amp;gt;db-&amp;gt;select('*');
        $this-&amp;gt;db-&amp;gt;join('prodi','prodi.id_prodi = mahasiswa.id_prodi','left');
        $this-&amp;gt;db-&amp;gt;join('pendaftaran_anggota','pendaftaran_anggota.nim = mahasiswa.nim','left');
        $this-&amp;gt;db-&amp;gt;join('anggota','anggota.id_anggota = pendaftaran_anggota.id_anggota','left');
        $this-&amp;gt;db-&amp;gt;join('user','user.id_user = anggota.id_user','left');
        $this-&amp;gt;db-&amp;gt;where('user.id_user',$id_user);
        //$this-&amp;gt;db-&amp;gt;join('prodi','prodi.id_prodi = mahasiswa.id_prodi','join');
        $data = $this-&amp;gt;db-&amp;gt;get('mahasiswa'); 
        return $data-&amp;gt;row();
    }
function get_all_prodi()
    {
        $this-&amp;gt;db-&amp;gt;order_by('id_prodi','desc');
        $data = $this-&amp;gt;db-&amp;gt;get($this-&amp;gt;tbl_prodi);
        return $data-&amp;gt;result();
    }
&lt;/code&gt;&lt;/pre&gt;
&lt;p&gt;Please tell me what to do.&lt;/p&gt;
&lt;p&gt;Thank you&lt;/p&gt;</t>
  </si>
  <si>
    <t>2014-05-19 04:52:37.473000+00:00</t>
  </si>
  <si>
    <t>2015-10-22 00:25:29.110000+00:00</t>
  </si>
  <si>
    <t>php|mysql|codeigniter</t>
  </si>
  <si>
    <t>attr_accessor on class variable</t>
  </si>
  <si>
    <t>&lt;pre&gt;&lt;code&gt;class User 
  class &amp;lt;&amp;lt; self
    attr_reader :passwordManagerAccountID
    attr_reader :masterPassword
    def session(passwordManagerAccountID , masterPassword)
      @@passwordManagerAccountID = passwordManagerAccountID
      @@masterPassword = masterPassword
    end
  end  
end
User.session("sdsd" , "sdsd")
User.passwordManagerAccountID #=&amp;gt; no output
User.masterPassword #=&amp;gt; no output
&lt;/code&gt;&lt;/pre&gt;
&lt;p&gt;I am trying to use &lt;code&gt;attr_reader&lt;/code&gt; on class variable but it doesn't seem to work.&lt;/p&gt;
&lt;p&gt;I google searched but I don't seem to understand. So, if someone can explain me in simple terms the problem and its solution (&lt;strong&gt;without using getter and setter methods&lt;/strong&gt;).&lt;/p&gt;</t>
  </si>
  <si>
    <t>2014-02-17 15:03:44.670000+00:00</t>
  </si>
  <si>
    <t>2014-02-17 15:25:22.793000+00:00</t>
  </si>
  <si>
    <t>2014-02-17 15:18:12.603000+00:00</t>
  </si>
  <si>
    <t>Adding data to table via a partialview</t>
  </si>
  <si>
    <t>&lt;p&gt;I'm working on a forum created in MVC and I'm having trouble using my Partial view to add table data.&lt;/p&gt;
&lt;p&gt;My "ShowPost" view looks like this (the auto-generated view when you create a controller with Read/write with entity framework and with the Model set to my 'Post' table) &lt;/p&gt;
&lt;pre&gt;&lt;code&gt;@model IEnumerable&amp;lt;Forum6.Models.Post&amp;gt;
@{
    ViewBag.Title = "ShowPost";
}
&amp;lt;table&amp;gt;
    &amp;lt;tr&amp;gt;
        &amp;lt;th&amp;gt;
            @Html.DisplayNameFor(model =&amp;gt; model.topicid)
        &amp;lt;/th&amp;gt;
        &amp;lt;th&amp;gt;
            @Html.DisplayNameFor(model =&amp;gt; model.date)
        &amp;lt;/th&amp;gt;
        &amp;lt;th&amp;gt;
            @Html.DisplayNameFor(model =&amp;gt; model.text)
        &amp;lt;/th&amp;gt;
        &amp;lt;th&amp;gt;
            @Html.DisplayNameFor(model =&amp;gt; model.userid)
        &amp;lt;/th&amp;gt;
        &amp;lt;th&amp;gt;&amp;lt;/th&amp;gt;
    &amp;lt;/tr&amp;gt;
@foreach (var item in Model) {
    &amp;lt;tr&amp;gt;
        &amp;lt;td&amp;gt;
            @Html.DisplayFor(modelItem =&amp;gt; item.Topics.name)
        &amp;lt;/td&amp;gt;
        &amp;lt;td&amp;gt;
            @Html.DisplayFor(modelItem =&amp;gt; item.date)
        &amp;lt;/td&amp;gt;
        &amp;lt;td&amp;gt;
            @Html.DisplayFor(modelItem =&amp;gt; item.text)
        &amp;lt;/td&amp;gt;
        &amp;lt;td&amp;gt;
            @Html.DisplayFor(modelItem =&amp;gt; item.Users.username)
        &amp;lt;/td&amp;gt;
        &amp;lt;td&amp;gt;
            @Html.ActionLink("Edit", "Edit", new { id=item.postid }) |
            @Html.ActionLink("Details", "Details", new { id=item.postid }) |
            @Html.ActionLink("Delete", "Delete", new { id=item.postid })
        &amp;lt;/td&amp;gt;
    &amp;lt;/tr&amp;gt;
} @* End loop *@
@* My Partial view *@
    &amp;lt;div id="panel"&amp;gt;@Html.Partial("_CreatePost", new Forum6.Models.Post())&amp;lt;/div&amp;gt;
        &amp;lt;br /&amp;gt;
&lt;/code&gt;&lt;/pre&gt;
&lt;p&gt;And here is the code in my partialview "_CreatePost"&lt;/p&gt;
&lt;pre&gt;&lt;code&gt;@model Forum6.Models.Post
@{
    ViewBag.Title = "CreatePost";
}
&amp;lt;h2&amp;gt;CreatePost&amp;lt;/h2&amp;gt;
@using (Html.BeginForm()) {
    @Html.ValidationSummary(true)
    &amp;lt;fieldset&amp;gt;
        &amp;lt;legend&amp;gt;Post&amp;lt;/legend&amp;gt;
        &amp;lt;div class="editor-label"&amp;gt;
            @Html.LabelFor(model =&amp;gt; model.date)
        &amp;lt;/div&amp;gt;
        &amp;lt;div class="editor-field"&amp;gt;
            @Html.EditorFor(model =&amp;gt; model.date)
            @Html.ValidationMessageFor(model =&amp;gt; model.date)
        &amp;lt;/div&amp;gt;
        &amp;lt;div class="editor-label"&amp;gt;
            @Html.LabelFor(model =&amp;gt; model.text)
        &amp;lt;/div&amp;gt;
        &amp;lt;div class="editor-field"&amp;gt;
            @Html.EditorFor(model =&amp;gt; model.text)
            @Html.ValidationMessageFor(model =&amp;gt; model.text)
        &amp;lt;/div&amp;gt;
        &amp;lt;div class="editor-label"&amp;gt;
            @Html.LabelFor(model =&amp;gt; model.userid)
        &amp;lt;/div&amp;gt;
        &amp;lt;div class="editor-field"&amp;gt;
            @Html.EditorFor(model =&amp;gt; model.userid)
            @Html.ValidationMessageFor(model =&amp;gt; model.userid)
        &amp;lt;/div&amp;gt;
        &amp;lt;p&amp;gt;
            &amp;lt;input type="submit" value="AddData" /&amp;gt;
        &amp;lt;/p&amp;gt;
    &amp;lt;/fieldset&amp;gt;
}
@section Scripts {
    @Scripts.Render("~/bundles/jqueryval")
}
&lt;/code&gt;&lt;/pre&gt;
&lt;p&gt;Here is a screenshot of the view
&lt;img src="https://i.stack.imgur.com/wHlMN.jpg" alt="Screenshot of my View"&gt;&lt;/p&gt;
&lt;p&gt;EDIT:
ShowPost in HomeController:&lt;/p&gt;
&lt;pre&gt;&lt;code&gt;public ActionResult ShowPost(int id = 0)
    {
        // 19.03.13
        var posts = (from p in db.Post
                     where p.topicid == id
                     select p);
        ViewBag.currentTopic = id;
        return View(posts);
    }
&lt;/code&gt;&lt;/pre&gt;
&lt;p&gt;Create Post method in HomeController&lt;/p&gt;
&lt;pre&gt;&lt;code&gt; public ActionResult CreatePost(int id = 0)
        {
            ViewBag.topicid = new SelectList(db.Topics, "topicid", "name");
            ViewBag.userid = new SelectList(db.Users, "userid", "username");
            ViewBag.currentTopic = id;
            return View();
        }
        [HttpPost]
        public ActionResult CreatePost(Post post, int id = 0)
        {
            // Set TopicId and Date
            post.topicid = id;
            //08.04.2013
            post.date = DateTime.Now;
            if (ModelState.IsValid)
            {   
                db.Post.Add(post);
                db.SaveChanges();
                return RedirectToAction("ShowPost", new { id = post.topicid });
            }
            ViewBag.topicid = new SelectList(db.Topics, "topicid", "name", post.topicid);
            ViewBag.userid = new SelectList(db.Users, "userid", "username", post.userid);
            return View(post);
        }
&lt;/code&gt;&lt;/pre&gt;
&lt;p&gt;When I click "AddData" the fields clear, but no data is added. I don't know where to go from here.&lt;/p&gt;
&lt;p&gt;Can anyone see where I'm going wrong?&lt;/p&gt;</t>
  </si>
  <si>
    <t>2013-04-22 12:48:34.663000+00:00</t>
  </si>
  <si>
    <t>2013-04-22 15:16:26.853000+00:00</t>
  </si>
  <si>
    <t>asp.net|asp.net-mvc|entity-framework</t>
  </si>
  <si>
    <t>How to set a Jquery Datepicker daterange</t>
  </si>
  <si>
    <t>&lt;p&gt;I have two input text boxes which is bound to jquery Datepicker widget.
When user select a given date from Date1 (Effective Date), I want to set the min date  of Date2 (Expiry date) to Date1 + 1 .. How do I do that,
Thanks &lt;/p&gt;</t>
  </si>
  <si>
    <t>2011-02-23 16:04:29.213000+00:00</t>
  </si>
  <si>
    <t>2011-02-24 01:05:33.097000+00:00</t>
  </si>
  <si>
    <t>javascript|jquery-ui</t>
  </si>
  <si>
    <t>How do I retrieve file / function / line numbers from a PDB using the addresses in a client's call stack?</t>
  </si>
  <si>
    <t>&lt;p&gt;I'm adding some crash reporting to my game in C++, using the &lt;a href="http://www.codeproject.com/Articles/11132/Walking-the-callstack" rel="nofollow"&gt;StackWalker library&lt;/a&gt; for Windows. I'm assuming that when a client generates a call stack, it will print addresses rather than file / function names, etc.&lt;/p&gt;
&lt;p&gt;How can I convert these addresses into something human readable? I will be saving the PDB files, but I've got no idea how to inspect them.&lt;/p&gt;</t>
  </si>
  <si>
    <t>2014-09-30 23:06:33.637000+00:00</t>
  </si>
  <si>
    <t>2014-10-01 00:53:35.327000+00:00</t>
  </si>
  <si>
    <t>c++|visual-studio-2010|windows-7|pdb</t>
  </si>
  <si>
    <t>Best way to use a master page and its assets from a project into another project</t>
  </si>
  <si>
    <t>&lt;p&gt;I wanna create in TFS (yes, sadly) a project with reusable code and resources to be reused in other projects. This project has a master page, its code behind (ugly name), a few classes with reusable code, and static assets like JavaScrit and CSS files.&lt;/p&gt;
&lt;p&gt;I'm able to add in a project the reference to this reusable project. I'm able to create objects of its classes.&lt;/p&gt;
&lt;p&gt;I then add that master page into local project (RightClick on the project &gt; add existing item &gt; select the master page on file system). With that, I can  create an asp page (RightClick on the project &gt; add new item &gt; web form with master page, select the "remote" master page) and use it.&lt;/p&gt;
&lt;p&gt;But when I run the project, the page is opened with broken references to all assets.&lt;/p&gt;
&lt;p&gt;I'd need to create each folder and add each asset file one by one manually. And every time it's created a new asset file on the reusable project, I'd need to add it to each project that consumes it. That's deeply troublesome.&lt;/p&gt;
&lt;p&gt;Is there a way to do this add existing file into a whole folder, and keep it synched from the reusable project? By synched, I include being able to change them in local project and have them updated on reusable project, be able to commit, etc.&lt;/p&gt;
&lt;p&gt;I could use junction to make a NTFS shadow link of one folder to another, but then files would be replicated on TFS, without it knowing they are a unique file. I'd like to do this replication on TFS-side, so that it handles synching, merging, conflicts, locks, etc.&lt;/p&gt;</t>
  </si>
  <si>
    <t>2015-06-23 17:33:44.580000+00:00</t>
  </si>
  <si>
    <t>2015-06-26 17:08:35.673000+00:00</t>
  </si>
  <si>
    <t>asp.net|visual-studio|visual-studio-2013|tfs|master-pages</t>
  </si>
  <si>
    <t>Kendo Autocomplete no matched result</t>
  </si>
  <si>
    <t>&lt;p&gt;I am using Kendo Autocomplete and would like to display a 'not found' message
when there is no matched result. How can I do that?&lt;/p&gt;
&lt;p&gt;I had tried the following code, but the pop-up will disappear immediately:&lt;/p&gt;
&lt;pre&gt;&lt;code&gt;        kendo.ui.AutoComplete.fn.search = (function (search){
            return function(word) {
                word = word || this._accessor();
                search.apply(this, arguments);
                if(this.dataSource.view().length === 0) {
                    $('#txtMapFilterSearch_listbox').append("&amp;lt;li tabindex='-1' role='option' unselectable='on' class='k-item'&amp;gt;Not found&amp;lt;/li&amp;gt;");
                }
            };
        })(kendo.ui.AutoComplete.fn.search);
&lt;/code&gt;&lt;/pre&gt;</t>
  </si>
  <si>
    <t>2015-04-06 03:46:18.947000+00:00</t>
  </si>
  <si>
    <t>2015-04-06 09:27:23.067000+00:00</t>
  </si>
  <si>
    <t>kendo-ui</t>
  </si>
  <si>
    <t>How to display an attribute of a related model when using collection_select in Rails</t>
  </si>
  <si>
    <t>&lt;p&gt;I Have a MTI set up with a Client inheriting from Person. I also have a Project which is in one-to-one relationship with Client model . In my view project/new.html.erb  I would like to create a dropdown menu with client names available for selection.&lt;/p&gt;
&lt;pre&gt;&lt;code&gt;&amp;lt;%= f.collection_select(:client_id, Client.all, :id, :XXX, {include_blank: true, :data =&amp;gt; {:placeholder =&amp;gt; "Select a client"}}, {:class =&amp;gt; "chosen-select", :tabindex =&amp;gt; "-1", :style =&amp;gt; "width:350px;", }) %&amp;gt;
&lt;/code&gt;&lt;/pre&gt;
&lt;p&gt;The XXX normally is a symbol that signifies the attribute of the direct model ( in this case Client).&lt;br&gt;
How can I display a name attribute which is actually an attribute of a Person class? &lt;/p&gt;
&lt;p&gt;&lt;strong&gt;UPDATE&lt;/strong&gt;
I added a person_name method to my Client class&lt;/p&gt;
&lt;pre&gt;&lt;code&gt;class Client &amp;lt; ActiveRecord::Base
  has_many :projects
  has_one :person, as: :profile, dependent: :destroy
  attr_accessible :person_attributes, :pref_hours_of_contact, :pref_method_of_contact
  accepts_nested_attributes_for :person
  def person_name
    person.name
  end
end
&lt;/code&gt;&lt;/pre&gt;
&lt;p&gt;I have also amended the view:&lt;/p&gt;
&lt;pre&gt;&lt;code&gt;&amp;lt;%= f.collection_select(:client_id, Client.all, :id, :person_name, {include_blank: true, :data =&amp;gt; {:placeholder =&amp;gt; "Select client"}}, {:class =&amp;gt; "chosen-select", :tabindex =&amp;gt; "-1", :style =&amp;gt; "width:350px;", }) %&amp;gt;
&lt;/code&gt;&lt;/pre&gt;</t>
  </si>
  <si>
    <t>2014-08-02 16:13:32.780000+00:00</t>
  </si>
  <si>
    <t>2014-11-05 22:32:39.837000+00:00</t>
  </si>
  <si>
    <t>ruby-on-rails|ruby</t>
  </si>
  <si>
    <t>How to read unsigned character array using gets()?</t>
  </si>
  <si>
    <t>&lt;p&gt;I need to read a number of unsigned character from the input(ASCII value&gt;127).
SO i used-&lt;/p&gt;
&lt;pre&gt;&lt;code&gt;unsigned char S[102];
&lt;/code&gt;&lt;/pre&gt;
&lt;p&gt;but when i take input like this-&lt;/p&gt;
&lt;pre&gt;&lt;code&gt; gets(S);
&lt;/code&gt;&lt;/pre&gt;
&lt;p&gt;compiler show error:&lt;/p&gt;
&lt;blockquote&gt;
  &lt;p&gt;error: invalid conversion from
  'unsigned char*' to 'char*'&lt;/p&gt;
&lt;/blockquote&gt;
&lt;p&gt;So my question is how read unsigned character array using gets() or any other function exist.&lt;/p&gt;</t>
  </si>
  <si>
    <t>2011-05-28 07:33:08.953000+00:00</t>
  </si>
  <si>
    <t>2011-05-28 09:25:47.957000+00:00</t>
  </si>
  <si>
    <t>Bootstrap and their JS plugins</t>
  </si>
  <si>
    <t>&lt;p&gt;I was working on getting Scrollspy to work. My code had no errors&lt;/p&gt;
&lt;pre&gt;&lt;code&gt;&amp;lt;body data-spy="scroll" data-target=".workplease" data-offset="300"&amp;gt;
&amp;lt;div class="site-wrapper"&amp;gt;
  &amp;lt;div class="site-wrapper-inner"&amp;gt;
    &amp;lt;div class="cover-container" &amp;gt;
      &amp;lt;div class="masthead clearfix"&amp;gt;
        &amp;lt;div class="inner"&amp;gt;
          &amp;lt;h3 class="masthead-brand"&amp;gt;Master Sensei&amp;lt;/h3&amp;gt;
          &amp;lt;nav class="workplease" role="navigation"&amp;gt;
            &amp;lt;ul class="nav masthead-nav"&amp;gt;
            &amp;lt;li&amp;gt;&amp;lt;a href="#info"&amp;gt;Om filmen&amp;lt;/a&amp;gt;&amp;lt;/li&amp;gt;
            &amp;lt;li&amp;gt;&amp;lt;a href="#info2"&amp;gt;Produktion&amp;lt;/a&amp;gt;&amp;lt;/li&amp;gt;
            &amp;lt;li&amp;gt;&amp;lt;a href="#info3"&amp;gt;Kontakt&amp;lt;/a&amp;gt;&amp;lt;/li&amp;gt;
            &amp;lt;/ul&amp;gt;
          &amp;lt;/nav&amp;gt;
        &amp;lt;/div&amp;gt;
      &amp;lt;/div&amp;gt;
&lt;/code&gt;&lt;/pre&gt;
&lt;p&gt;but Scrollspy did not work for some reason, until I added&lt;/p&gt;
&lt;pre&gt;&lt;code&gt;&amp;lt;script src="http://cdnjs.cloudflare.com/ajax/libs/twitter-bootstrap/2.3.1/js/bootstrap-scrollspy.js"&amp;gt;&amp;lt;/script&amp;gt;
&lt;/code&gt;&lt;/pre&gt;
&lt;p&gt;But the bootstrap documentation says&lt;/p&gt;
&lt;blockquote&gt;
  &lt;p&gt;Plugins can be included individually (using Bootstrap's individual *.js files), or all at once (using bootstrap.js or the minified bootstrap.min.js).&lt;/p&gt;
&lt;/blockquote&gt;
&lt;p&gt;Even though I already had the &lt;em&gt;bootstrap.min.js&lt;/em&gt; in my index file.
isn't Scrollspy included in the &lt;em&gt;bootstrap.min.js&lt;/em&gt;, and unnecessary for me to load individually, or am I mistaken?&lt;/p&gt;
&lt;p&gt;Here is my whole script section in my index file. Maybe it has something to do with the order of things?&lt;/p&gt;
&lt;pre&gt;&lt;code&gt;&amp;lt;script src="https://code.jquery.com/jquery-2.1.3.min.js"&amp;gt;&amp;lt;/script&amp;gt;
&amp;lt;script src="https://maxcdn.bootstrapcdn.com/bootstrap/3.3.2/js/bootstrap.min.js"&amp;gt;&amp;lt;/script&amp;gt;
&amp;lt;script src="./index_files/docs.min.js"&amp;gt;&amp;lt;/script&amp;gt;
&amp;lt;!-- IE10 viewport hack for Surface/desktop Windows 8 bug --&amp;gt;
&amp;lt;script src="./index_files/ie10-viewport-bug-workaround.js"&amp;gt;&amp;lt;/script&amp;gt;
&amp;lt;script src="http://cdnjs.cloudflare.com/ajax/libs/twitter-bootstrap/2.3.1/js/bootstrap-scrollspy.js"&amp;gt;&amp;lt;/script&amp;gt;
&lt;/code&gt;&lt;/pre&gt;</t>
  </si>
  <si>
    <t>2015-03-16 00:48:12.413000+00:00</t>
  </si>
  <si>
    <t>2015-03-16 01:07:19.743000+00:00</t>
  </si>
  <si>
    <t>javascript|jquery|twitter-bootstrap|scrollspy</t>
  </si>
  <si>
    <t>Can I integrate google map/api with openlayers?</t>
  </si>
  <si>
    <t>&lt;p&gt;I have openlayers integrated with bing map. I want to convert this current system with google map also instead of bing map. I have used bing map for journey planner, draw shapes, search locations, add annotation, add layers etc. &lt;/p&gt;
&lt;p&gt;Can I do those above features with google map also?&lt;/p&gt;</t>
  </si>
  <si>
    <t>2018-11-12 15:02:27.540000+00:00</t>
  </si>
  <si>
    <t>2018-11-12 18:44:34.213000+00:00</t>
  </si>
  <si>
    <t>google-maps|openlayers|bing-maps</t>
  </si>
  <si>
    <t>How can I use CASE on this MySQL query?</t>
  </si>
  <si>
    <t>&lt;pre&gt;&lt;code&gt;SELECT
DATE(DTM) AS'Dia',
ROUND(COUNT(TMP)/4) AS 'O��dio'
CASE 
ROUND(COUNT(TMP)/4)&amp;gt;=6 THEN '20'
ROUND(COUNT(TMP)/4)&amp;lt;6 THEN '-10'
END
FROM dados_meteo
WHERE TMP&amp;gt;=20 AND TMP&amp;lt;=30
GROUP BY DATE(DTM)
&lt;/code&gt;&lt;/pre&gt;</t>
  </si>
  <si>
    <t>2011-05-24 21:40:09.553000+00:00</t>
  </si>
  <si>
    <t>2011-05-24 21:47:42.313000+00:00</t>
  </si>
  <si>
    <t>2011-05-24 21:40:48.713000+00:00</t>
  </si>
  <si>
    <t>Why semaphore is released but WaitForSingleObject() still stuck?</t>
  </si>
  <si>
    <t>&lt;p&gt;&lt;strong&gt;UPDATE:&lt;/strong&gt; I found that the semaphore they are releasing is not the semaphore the monitor thread is waiting! I used &lt;code&gt;cout&amp;lt;&amp;lt;ready&lt;/code&gt; to find the semaphore the threads are releasing is &lt;code&gt;00000394&lt;/code&gt;, which is not the handle of the semaphore the monitor thread is waiting for. What is the possible reason for this problem? Thank you!&lt;/p&gt;
&lt;hr&gt;
&lt;p&gt;I am new to multithread programming in Windows. Today when I'm writing my online game server, I try to use semaphores in Windows. It is written based on IOCP so that every message is handled in a separate thread. A game consists 4 players.&lt;/p&gt;
&lt;p&gt;What I expect it to do is: when receiving a message, a new thread starts and release a &lt;code&gt;ready&lt;/code&gt;. There is a monitor thread waiting for 4 &lt;code&gt;ready&lt;/code&gt;, and then releases 4 &lt;code&gt;all_ready&lt;/code&gt;. Each thread waits one &lt;code&gt;all_ready&lt;/code&gt; and goes on.&lt;/p&gt;
&lt;p&gt;The code is here:&lt;/p&gt;
&lt;p&gt;&lt;code&gt;CGameHost&lt;/code&gt; is a manager for a 4-player game.&lt;/p&gt;
&lt;pre&gt;&lt;code&gt;CGameHost::CGameHost(void)
{
    init_times=0;
    ready = CreateSemaphore(NULL, 0, 4, NULL);
    read = CreateSemaphore(NULL, 0, 4, NULL);
    all_ready = CreateSemaphore(NULL, 0, 4, NULL);
    all_read = CreateSemaphore(NULL, 0, 4, NULL);
    monitor_thread = (HANDLE)_beginthreadex(NULL, 0, Monitor, (LPVOID)this, NULL, 0);
}
unsigned __stdcall CGameHost::Monitor( LPVOID p ) // a static function
{
    CGameHost *nowp = (CGameHost *)p;
    while(true)
    {
        int i;
        for(i=1;i&amp;lt;=MAX_PLAYER;i++)
        {
            WaitForSingleObject(nowp-&amp;gt;ready, INFINITE);//stuck here
            cout&amp;lt;&amp;lt;"Get Ready!"&amp;lt;&amp;lt;endl; // This is not outputed, which means it stucks in the last row.
        }
        for(i=1;i&amp;lt;=MAX_PLAYER;i++)
        {
            ReleaseSemaphore(nowp-&amp;gt;all_ready, 1, NULL);
        }
        for(i=1; i&amp;lt;=MAX_PLAYER; i++)
        {
            WaitForSingleObject(nowp-&amp;gt;read, INFINITE);
        }
        for(i=1; i&amp;lt;=MAX_PLAYER;i++)
        {
            ReleaseSemaphore(nowp-&amp;gt;all_read, 1, NULL);
        }
    }
    return 0;
}
void CGameHost::ReleaseReady()
{
    ReleaseSemaphore(ready, 1, NULL);
}
void CGameHost::WaitAllReady()
{
    WaitForSingleObject(all_ready, INFINITE);
}
void CGameHost::ReleaseRead()
{
    ReleaseSemaphore(read, 1, NULL);
}
void CGameHost::WaitAllRead()
{
    WaitForSingleObject(all_read, INFINITE);
}
&lt;/code&gt;&lt;/pre&gt;
&lt;p&gt;&lt;code&gt;DataProcess::Game&lt;/code&gt; is the message handler for incoming game messages.&lt;/p&gt;
&lt;pre&gt;&lt;code&gt;CMessage Dataprocess::Game( CMessage* recv_msg )
{
    CMessage ret;
    int now_roomnum = recv_msg-&amp;gt;para1;
    int now_playernum = recv_msg-&amp;gt;para2;
    if(true)
    {
        cout&amp;lt;&amp;lt;"Received Game Message: "&amp;lt;&amp;lt;endl;
        cout&amp;lt;&amp;lt;"type2 = "&amp;lt;&amp;lt;recv_msg-&amp;gt;type2;
        cout&amp;lt;&amp;lt;" player_num = "&amp;lt;&amp;lt;now_playernum&amp;lt;&amp;lt;" msg= "&amp;lt;&amp;lt;recv_msg-&amp;gt;msg&amp;lt;&amp;lt;endl;
    }
    if(recv_msg-&amp;gt;type2 == MSG_GAME_OPERATION)
    {
        ret.type1 = MSG_GAME;
        ret.type2 = MSG_GAME_OPERATION;
        cout&amp;lt;&amp;lt;"Entered from "&amp;lt;&amp;lt;now_playernum&amp;lt;&amp;lt;endl;
        game_host[now_roomnum].SetMessage(now_playernum, recv_msg-&amp;gt;msg);
        game_host[now_roomnum].ReleaseReady();
        cout&amp;lt;&amp;lt;"Released Ready from "&amp;lt;&amp;lt;now_playernum&amp;lt;&amp;lt;endl;//this is shown
        game_host[now_roomnum].WaitAllReady();//stuck here
        cout&amp;lt;&amp;lt;"AllReady from"&amp;lt;&amp;lt;now_playernum&amp;lt;&amp;lt;endl;//not shown
    }
    return ret;
}
&lt;/code&gt;&lt;/pre&gt;
&lt;p&gt;Your reply will be of great help for a beginner of Windows multithread programmer like me! Thank you!&lt;/p&gt;</t>
  </si>
  <si>
    <t>2015-05-14 11:15:11.223000+00:00</t>
  </si>
  <si>
    <t>2015-05-14 12:58:38.173000+00:00</t>
  </si>
  <si>
    <t>2015-05-14 12:19:43.177000+00:00</t>
  </si>
  <si>
    <t>c++|windows|multithreading|semaphore</t>
  </si>
  <si>
    <t>Count Min Unique Values with Multiple Criteria Referencing 2 Tables</t>
  </si>
  <si>
    <t>&lt;p&gt;I need to count unique values [Name1] with a given category [Category1] that are only present when their corresponding variables [Number1] are the minimum available when referencing another table that shares a category [Category2,Number2]. Table1 has fixed variables, whereas Table2 has independent variables--hence the need to reference it. Thus, the binary value of the unique value/row for [@Name1] depends on whether [@Number1] meets the minimum threshold from [@Number2] given matching categories. Therefore, the #of unique values should scale with the input for each category.&lt;/p&gt;
&lt;p&gt;Example&lt;/p&gt;
&lt;pre&gt;&lt;code&gt;    Table1      
Name1   Category1.. Number1
Alpha   One          0.00
Alpha   One         25.00
Alpha   One         50.00
Beta    Two         20.00
Beta    Two         40.00
Beta    Two         60.00
Beta    Two         80.00
Beta    Two        100.00
Gamma   Two         35.00
Gamma   Two         70.00
Epsilon Three       30.00
Epsilon Three       60.00
Epsilon Three       90.00
    Table2  
Category2   Number2
One           25.00
Two           30.00
Three         20.00
&lt;/code&gt;&lt;/pre&gt;
&lt;p&gt;Here, [Category]:One should have 1 UV, [Category]:Two should have only 1 UV, and [Category]:Three should have 0 UV&lt;/p&gt;
&lt;p&gt;I have tried various formulae, but I am stumped on how to account for all the criteria and two tables.&lt;/p&gt;
&lt;p&gt;If it is not too much to ask, please include an equation not just for Total UV, but broken by category as well. Table1 also has to be read in any order, but Table2 does not.&lt;/p&gt;</t>
  </si>
  <si>
    <t>2015-09-03 01:17:52.667000+00:00</t>
  </si>
  <si>
    <t>2015-09-03 02:20:06.973000+00:00</t>
  </si>
  <si>
    <t>2015-09-03 01:50:56.093000+00:00</t>
  </si>
  <si>
    <t>excel|excel-formula|max|unique|multiple-columns</t>
  </si>
  <si>
    <t>Cyclic type definition in OCaml</t>
  </si>
  <si>
    <t>&lt;p&gt;Obviously the following type definition is &lt;code&gt;cyclic&lt;/code&gt;:&lt;/p&gt;
&lt;pre&gt;&lt;code&gt;type node = int * node;;
Error: The type abbreviation node is cyclic 
&lt;/code&gt;&lt;/pre&gt;
&lt;hr&gt;
&lt;p&gt;My question is how comes the following one is &lt;code&gt;not cyclic&lt;/code&gt;?&lt;/p&gt;
&lt;pre&gt;&lt;code&gt;type tree = Node of int * tree;;
&lt;/code&gt;&lt;/pre&gt;
&lt;p&gt;The second definition also refers to itself.&lt;/p&gt;</t>
  </si>
  <si>
    <t>2014-02-28 11:26:34.367000+00:00</t>
  </si>
  <si>
    <t>2014-02-28 15:51:48.593000+00:00</t>
  </si>
  <si>
    <t>ocaml</t>
  </si>
  <si>
    <t>Downloading OpenOffice PDF via PHP</t>
  </si>
  <si>
    <t>&lt;p&gt;I have an Issue:
Downloading PDF created with OpenOffice are always "blank".
Here is the code:&lt;/p&gt;
&lt;pre&gt;&lt;code&gt;$filename = "test.pdf";
header("Content-Type: application/pdf");
header("Content-Disposition: attachment; filename=\"test.pdf\"");
$file = file($filename);
foreach($file AS $fileshow)
{
    print $fileshow;
}
exit();
&lt;/code&gt;&lt;/pre&gt;
&lt;p&gt;PDFs fron other sources work like a charm.
What am I dowing wrong?&lt;/p&gt;</t>
  </si>
  <si>
    <t>2015-08-12 08:09:49.910000+00:00</t>
  </si>
  <si>
    <t>php|pdf</t>
  </si>
  <si>
    <t>Pass the name of a property in Twig?</t>
  </si>
  <si>
    <t>&lt;p&gt;In PHP I can designate which element / property to use simply by passing a variable with the name of it, such as:&lt;/p&gt;
&lt;pre&gt;&lt;code&gt;$array[$name]
$object -&amp;gt; $name
&lt;/code&gt;&lt;/pre&gt;
&lt;p&gt;How to do this with Twig?&lt;/p&gt;
&lt;p&gt;For instance, with an array row read from MySQL database whose primary key field can be id, ItemId, Serial, number, or anything, how can I pass in the column name of the primary key so Twig correctly displays the primary key of the row?&lt;/p&gt;
&lt;pre&gt;&lt;code&gt;{{ row.id }}
{{ row.ItemId }}
{{ row.Serial }}
{{ row.number }}
&lt;/code&gt;&lt;/pre&gt;
&lt;p&gt;But just something like:&lt;/p&gt;
&lt;pre&gt;&lt;code&gt;{{ row.primary }}
&lt;/code&gt;&lt;/pre&gt;
&lt;p&gt;Wherein primary is the name of the actual column name of the primary key, be it id, ItemId, or whatever.&lt;/p&gt;
&lt;p&gt;Any way I can do this?&lt;/p&gt;</t>
  </si>
  <si>
    <t>2015-03-15 08:08:32.473000+00:00</t>
  </si>
  <si>
    <t>2015-03-15 08:37:39.967000+00:00</t>
  </si>
  <si>
    <t>twig</t>
  </si>
  <si>
    <t>jquery change from select to type=radio</t>
  </si>
  <si>
    <t>&lt;p&gt;here is work example &lt;a href="http://jsfiddle.net/p4stK/" rel="nofollow"&gt;http://jsfiddle.net/p4stK/&lt;/a&gt; or here&lt;/p&gt;
&lt;pre&gt;&lt;code&gt;Select &amp;lt;select name="type" id="type" style="margin-left:57px; width:153px;"&amp;gt;
        &amp;lt;option ame="first" value="first"&amp;gt;first&amp;lt;/option&amp;gt;
        &amp;lt;option name="second" value="second"&amp;gt;second&amp;lt;/option&amp;gt;
        &amp;lt;option name="computer" value="computer"&amp;gt;computer&amp;lt;/option&amp;gt;
         &amp;lt;option name="car" value="car"&amp;gt;car&amp;lt;/option&amp;gt;
&amp;lt;/select&amp;gt;
&amp;lt;div id="first"&amp;gt;Information first&amp;lt;/div&amp;gt;
&amp;lt;div id="second"&amp;gt;Information second&amp;lt;/div&amp;gt;    
&amp;lt;div id="computer"&amp;gt;Somthing about computer here&amp;lt;/div&amp;gt;
&amp;lt;div id="car"&amp;gt;Somthing about car here&amp;lt;/div&amp;gt; 
&lt;/code&gt;&lt;/pre&gt;
&lt;p&gt;and&lt;/p&gt;
&lt;pre&gt;&lt;code&gt; $(function () {
     $('#car').hide();
     $('#computer').hide();
     $('#second').hide();
     $('#type').change(function () {
         $('#computer').hide();
         if (this.options[this.selectedIndex].value == 'computer') {
             $('#computer').show();
         }
         $('#car').hide();
         if (this.options[this.selectedIndex].value == 'car') {
             $('#car').show();
         }
                  $('#first').hide();
         if (this.options[this.selectedIndex].value == 'first') {
             $('#first').show();
         }
                  $('#second').hide();
         if (this.options[this.selectedIndex].value == 'second') {
             $('#second').show();
         }
     });
 });
&lt;/code&gt;&lt;/pre&gt;
&lt;p&gt;i need this code work with type=radio like&lt;/p&gt;
&lt;pre&gt;&lt;code&gt;&amp;lt;form&amp;gt;
&amp;lt;input type="radio" name="check" value="first"&amp;gt;&amp;lt;b&amp;gt;First&amp;lt;/b&amp;gt;&amp;lt;br /&amp;gt;
&amp;lt;input type="radio" name="check" value="second"&amp;gt;&amp;lt;b&amp;gt;Second&amp;lt;/b&amp;gt;&amp;lt;br /&amp;gt;
&amp;lt;input type="radio" name="check" value="computer"&amp;gt;&amp;lt;b&amp;gt;Computer&amp;lt;/b&amp;gt;&amp;lt;br /&amp;gt;
&amp;lt;input type="radio" name="check" value="car"&amp;gt;&amp;lt;b&amp;gt;Car&amp;lt;/b&amp;gt;
&amp;lt;/form&amp;gt;
&lt;/code&gt;&lt;/pre&gt;</t>
  </si>
  <si>
    <t>2014-03-06 10:26:24.350000+00:00</t>
  </si>
  <si>
    <t>2014-03-06 10:54:27.033000+00:00</t>
  </si>
  <si>
    <t>android things and raspberry pi 3 camera quality/resolution</t>
  </si>
  <si>
    <t>&lt;p&gt;I recently started to use Android Things (0.5.1-devpreview
) on Raspberry Pi 3. 
I noticed that the camera quality and resolution are so bad and low.&lt;/p&gt;
&lt;p&gt;To interact with the camera I'm using the DoorbellCamera class provided with the Doorbell example from Google.&lt;/p&gt;
&lt;p&gt;Calling the dumpFormatInfo I get this results:&lt;/p&gt;
&lt;pre&gt;&lt;code&gt;D/CameraHandler: Using camera id 0
D/CameraHandler: Getting sizes for format: 1
D/CameraHandler:    320x240
D/CameraHandler:    640x480
D/CameraHandler: Getting sizes for format: 20
D/CameraHandler:    320x240
D/CameraHandler:    640x480
D/CameraHandler: Getting sizes for format: 256
D/CameraHandler:    320x240
D/CameraHandler:    640x480
D/CameraHandler: Getting sizes for format: 34
D/CameraHandler:    320x240
D/CameraHandler:    640x480
D/CameraHandler: Getting sizes for format: 35
D/CameraHandler:    320x240
D/CameraHandler:    640x480
D/CameraHandler: Effect available: 0
&lt;/code&gt;&lt;/pre&gt;
&lt;p&gt;The camera I'm using is Waveshare Raspberry Pi Camera 1080p and, using linux and raspistill command, I can correctly get full 1080p pictures/video.&lt;/p&gt;
&lt;p&gt;Any idea how to make it happen also on Android Things?&lt;/p&gt;
&lt;p&gt;thanks&lt;/p&gt;</t>
  </si>
  <si>
    <t>2017-09-02 19:42:25.757000+00:00</t>
  </si>
  <si>
    <t>2017-09-03 01:15:40.773000+00:00</t>
  </si>
  <si>
    <t>android|camera|raspberry-pi3|android-things</t>
  </si>
  <si>
    <t>QVTKWidget was deprecated for VTK 8.1 and will be removed in a future version</t>
  </si>
  <si>
    <t>&lt;p&gt;When i create a qt gui vtk application by Cmake,then i run it with vs 2017.It appears fllowing warning.Any counld tell me how could i cancel this warning?Thank you a lot.&lt;a href="https://i.stack.imgur.com/JHrJL.png" rel="nofollow noreferrer"&gt;enter image description here&lt;/a&gt;&lt;/p&gt;</t>
  </si>
  <si>
    <t>2018-10-08 13:00:13.813000+00:00</t>
  </si>
  <si>
    <t>2018-10-08 14:04:18.533000+00:00</t>
  </si>
  <si>
    <t>c++|qt|vtk|qvtkwidget</t>
  </si>
  <si>
    <t>Inserting LF(0x0A) in eclipse editor</t>
  </si>
  <si>
    <t>&lt;p&gt;Is there any way to insert LF in eclipse editor?&lt;/p&gt;
&lt;p&gt;when I press enter, it appears CR only.&lt;/p&gt;</t>
  </si>
  <si>
    <t>2014-01-28 05:41:06.090000+00:00</t>
  </si>
  <si>
    <t>eclipse|newline</t>
  </si>
  <si>
    <t>Html builder in .net 1.1?</t>
  </si>
  <si>
    <t>&lt;p&gt;I'm currently doing some maintenance on some existing .net 1.1 VB code that creates HTLM from code.&lt;br&gt;
It mainly consists of a bunch of &lt;code&gt;stringbuilder.Append("&amp;lt;table&amp;gt;")&lt;/code&gt;.&lt;br&gt;
Isn't there a cleaner way to create HTML tags?&lt;/p&gt;</t>
  </si>
  <si>
    <t>2010-07-27 08:33:09.067000+00:00</t>
  </si>
  <si>
    <t>2010-07-27 08:43:06.247000+00:00</t>
  </si>
  <si>
    <t>.net|html</t>
  </si>
  <si>
    <t>Page Bean not saved in FlowScope Jsf 2.2</t>
  </si>
  <si>
    <t>&lt;p&gt;While i create a application my page bean not saved in @FlowScoped . by default stored in Request scope here my code :&lt;/p&gt;
&lt;pre&gt;&lt;code&gt;enter code here 
package com.webage.beans;
import java.io.Serializable;
import javax.faces.bean.ManagedBean;
import javax.faces.flow.FlowScoped;
@ManagedBean(name="flow1")
@FlowScoped(value = "flow1")
public class Flow1Bean implements Serializable {
    public String cusName;
    public String city;
    public String getName() {
        return this.getClass().getSimpleName();
    }
    public String doReturnValue() {
        return "return1";
    }
    /**
     * @return the cusName
     */
    public String getCusName() {
        return cusName;
    }
    /**
     * @param cusName the cusName to set
     */
    public void setCusName(String cusName) {
        this.cusName = cusName;
    }
    /**
     * @return the city
     */
    public String getCity() {
        return city;
    }
    /**
     * @param city the city to set
     */
    public void setCity(String city) {
        this.city = city;
    }
}
&lt;/code&gt;&lt;/pre&gt;
&lt;p&gt;My Xhtml file here i'm getting input from page and store it in page bean.:&lt;/p&gt;
&lt;pre&gt;&lt;code&gt;&amp;lt;p&amp;gt;
            &amp;lt;span id="param1FromFlow1"&amp;gt;Flow bean
                param1Value:&amp;lt;h:inputText id="input"
                    value="#{flow1.cusName}" /&amp;gt; &amp;lt;/span&amp;gt;
        &amp;lt;/p&amp;gt;
        &amp;lt;h:outputText value="#{null != facesContext.application.flowHandler.currentFlow}" &amp;gt;
        &amp;lt;/h:outputText&amp;gt;
        &amp;lt;p&amp;gt;&amp;lt;/p&amp;gt;
        &amp;lt;h:commandButton type="submit" value="Next" styleClass="commandButton"
            id="button1" action="flow1a"&amp;gt;&amp;lt;/h:commandButton&amp;gt;
        &amp;lt;p&amp;gt;&amp;lt;/p&amp;gt;
&lt;/code&gt;&lt;/pre&gt;
&lt;p&gt;The below code return "false" in flow/flow1.xhtml file&lt;/p&gt;
&lt;pre&gt;&lt;code&gt;&amp;lt;h:outputText value="#{null != facesContext.application.flowHandler.currentFlow}" &amp;gt;
        &amp;lt;/h:outputText&amp;gt;
&lt;/code&gt;&lt;/pre&gt;</t>
  </si>
  <si>
    <t>2014-02-14 06:20:05.857000+00:00</t>
  </si>
  <si>
    <t>2015-12-12 21:19:26.633000+00:00</t>
  </si>
  <si>
    <t>2014-02-19 11:48:14.467000+00:00</t>
  </si>
  <si>
    <t>jsf|jsf-2.2|websphere-8|flow-scope</t>
  </si>
  <si>
    <t>Dealing with concurrent requests in Meteor</t>
  </si>
  <si>
    <t>&lt;p&gt;I'm dealing with a problem where a user can update a document within a specified time limit, and if he doesn't, the server will.&lt;/p&gt;
&lt;p&gt;The update involves incrementing a value and adding an object to an array of a document. I need to ensure that only one of the user/server updates the document. Not both.&lt;/p&gt;
&lt;p&gt;To ensure this happens, some checks are run to see if the document has already been updated, but there are times where the user and server run at exactly the same time and both pass the checks and then the document is updated twice.&lt;/p&gt;
&lt;p&gt;I've been trying many different ways of fixing this, but I haven't been able to. I tried implement a lock similar to this: &lt;a href="http://en.wikipedia.org/wiki/Peterson%27s_algorithm" rel="nofollow"&gt;http://en.wikipedia.org/wiki/Peterson%27s_algorithm&lt;/a&gt; to ensure that only one update will happen and the second update will fail, but I haven't been successful. Any ideas?&lt;/p&gt;</t>
  </si>
  <si>
    <t>2014-10-17 10:50:17.893000+00:00</t>
  </si>
  <si>
    <t>2014-10-17 17:28:13.927000+00:00</t>
  </si>
  <si>
    <t>meteor</t>
  </si>
  <si>
    <t>Projecting a texture from plane to object with Unity</t>
  </si>
  <si>
    <t>&lt;p&gt;I'm trying to project a texture from a plane to a wall using raycasts. This should happen in realtime. Since the plane is larger than the wall, only part of the texture is supposed to appear on the front side of the wall. So moving the plane will also change the part of the texture on the wall. The wall can have windows etc so it's not just a simple cube. I already managed to get the texturecoordinates using raycasts, but I haven't yet managed to correctly put the texture on the wall. Any ideas how I might achieve this? &lt;/p&gt;</t>
  </si>
  <si>
    <t>2015-06-11 12:06:41.650000+00:00</t>
  </si>
  <si>
    <t>2015-06-11 13:42:00.083000+00:00</t>
  </si>
  <si>
    <t>unity3d|mapping|textures|texture-mapping|texturing</t>
  </si>
  <si>
    <t>Creating string with ints in dataframe using Pandas</t>
  </si>
  <si>
    <t>&lt;p&gt;I know that in R, if I read in a csv file and store it in a dataframe &lt;code&gt;df&lt;/code&gt; such as below&lt;/p&gt;
&lt;pre&gt;&lt;code&gt;A B
1 2
3 4
&lt;/code&gt;&lt;/pre&gt;
&lt;p&gt;I can create a vector storing values like &lt;code&gt;10_1+2&lt;/code&gt; by typing&lt;/p&gt;
&lt;pre&gt;&lt;code&gt;s&amp;lt;-vector()
for(i in c(1:nrow(df)) {
    r&amp;lt;-df[i,]
    s&amp;lt;-paste("10,"_",r$A,"+",r$B)
}
&lt;/code&gt;&lt;/pre&gt;
&lt;p&gt;How do I something similar with Pandas in Python where I can combine int and char's into a string?&lt;/p&gt;</t>
  </si>
  <si>
    <t>2016-02-11 04:24:52.767000+00:00</t>
  </si>
  <si>
    <t>2016-02-13 11:11:19.407000+00:00</t>
  </si>
  <si>
    <t>python|r|pandas</t>
  </si>
  <si>
    <t>How can I dynamically disable popover from a DOM element?</t>
  </si>
  <si>
    <t>&lt;p&gt;I have almost identical multiple divs on a page. They all have graphs inside I want some of them to have popovers when they are hovered. &lt;/p&gt;
&lt;p&gt;I want to decide for each div if the popover is displayable or not. Is there a property that I can include inside options such as "diplay: false" ?&lt;/p&gt;
&lt;p&gt;HTML&lt;/p&gt;
&lt;pre&gt;&lt;code&gt;&amp;lt;div id="{{graph.id}}" data-ng-repeat="graph in graphs" data-placement="top" data-original-title="Parameters"&amp;gt;&amp;lt;/div&amp;gt;
&lt;/code&gt;&lt;/pre&gt;
&lt;p&gt;JS&lt;/p&gt;
&lt;pre&gt;&lt;code&gt;var options = {
    html: true,
    placement: 'top',
    trigger : 'hover',
    content: function() {
        return $('#info-chart-' + currentObj.id).html();
    }
}
$(currentObj.id).popover(options);
&lt;/code&gt;&lt;/pre&gt;</t>
  </si>
  <si>
    <t>2015-11-18 08:26:22.193000+00:00</t>
  </si>
  <si>
    <t>2015-11-20 13:27:12.513000+00:00</t>
  </si>
  <si>
    <t>javascript|jquery|html|twitter-bootstrap|bootstrap-popover</t>
  </si>
  <si>
    <t>Compound Interest Calculator - C</t>
  </si>
  <si>
    <t>&lt;p&gt;The output is totally wrong, I expected it to print one line, then scan my input into the variable, then print the next line, scan my input, etc etc. But it prints the first line, then I have to put my number twice for it to do anything, and it's just downhill from there. Any help?&lt;/p&gt;
&lt;pre&gt;&lt;code&gt;#include &amp;lt;stdio.h&amp;gt;
#include &amp;lt;stdlib.h&amp;gt;
#include &amp;lt;math.h&amp;gt;
int main(void)
{
    float balance;
    int years;
    float interestRateAnual;
    int frequencyOfInterest;
    double totalCost;
    printf( "Insert amount of money to be deposited.\n" );
    scanf( "%f\n", &amp;amp;balance );
    printf( "How many years for the interest?\n" );
    scanf( "%d\n", &amp;amp;years );
    printf( "What is the anual interest rate?\n" );
    scanf( "%f\n", &amp;amp;interestRateAnual );
    printf( "How many times per year is the interest compounded?\n" );
    scanf( "%d\n", &amp;amp;frequencyOfInterest );
    totalCost = pow(balance*(1 + interestRateAnual/frequencyOfInterest), years);
    printf( "After %d years, with an interest rate of %f% per year, ", years, interestRateAnual );
    printf( "the total you will have to pay is %e.\n", totalCost );
    return 0;
}
&lt;/code&gt;&lt;/pre&gt;</t>
  </si>
  <si>
    <t>2015-06-26 03:57:58.500000+00:00</t>
  </si>
  <si>
    <t>2015-06-26 04:25:31.120000+00:00</t>
  </si>
  <si>
    <t>c|printf|scanf</t>
  </si>
  <si>
    <t>When exactly are onSaveInstanceState() and onRestoreInstanceState() called?</t>
  </si>
  <si>
    <t>&lt;p&gt;The following figure (from &lt;a href="http://developer.android.com/training/basics/activity-lifecycle/starting.html" rel="noreferrer"&gt;the official doc&lt;/a&gt;) describes the well-known &lt;strong&gt;lifecycle&lt;/strong&gt; of an Android activity:&lt;/p&gt;
&lt;p&gt;&lt;img src="https://i.stack.imgur.com/kChdb.png" alt="enter image description here"&gt;&lt;/p&gt;
&lt;p&gt;On the other hand, when the activity is destroyed by the system (for example because memory needs to be reclaimed), the state of the activity is sometimes automatically &lt;strong&gt;saved and restored&lt;/strong&gt; by means of the methods &lt;code&gt;onSaveInstanceState()&lt;/code&gt; and &lt;code&gt;onRestoreInstanceState()&lt;/code&gt;, as illustrated by the following figure (also from &lt;a href="http://developer.android.com/training/basics/activity-lifecycle/recreating.html" rel="noreferrer"&gt;the official doc&lt;/a&gt;):&lt;/p&gt;
&lt;p&gt;&lt;img src="https://i.stack.imgur.com/RcBiQ.png" alt="enter image description here"&gt;&lt;/p&gt;
&lt;p&gt;I'm aware that &lt;code&gt;onSaveInstanceState()&lt;/code&gt; is &lt;a href="http://developer.android.com/training/basics/activity-lifecycle/recreating.html" rel="noreferrer"&gt;not always called&lt;/a&gt; when an activity is about to be destroyed. For example, if it is destroyed because the user has pressed the "back" button, the activity state is not preserved. But in the cases when the state &lt;em&gt;is&lt;/em&gt; saved and restored, and &lt;code&gt;onSaveInstanceState()&lt;/code&gt; / &lt;code&gt;onRestoreInstanceState()&lt;/code&gt; get called, &lt;strong&gt;when exactly are they called&lt;/strong&gt;?&lt;/p&gt;
&lt;p&gt;For example, according to the above figures, &lt;code&gt;onRestoreInstanceState()&lt;/code&gt; might be called before &lt;code&gt;onStart()&lt;/code&gt;,  or after &lt;code&gt;onStart()&lt;/code&gt; but before &lt;code&gt;onResume()&lt;/code&gt;, or after &lt;code&gt;onResume()&lt;/code&gt;. Similarly, several possibilities exist for &lt;code&gt;onSaveInstanceState()&lt;/code&gt;. So when are they called exactly?&lt;/p&gt;
&lt;p&gt;Ideally, what I would like is to see a &lt;strong&gt;combined diagram showing the activity lifecycle states and the save/restore methods&lt;/strong&gt;, if that exists.&lt;/p&gt;</t>
  </si>
  <si>
    <t>2013-12-30 00:43:52.260000+00:00</t>
  </si>
  <si>
    <t>2018-10-30 05:28:02.407000+00:00</t>
  </si>
  <si>
    <t>2018-03-12 13:42:38.920000+00:00</t>
  </si>
  <si>
    <t>android|android-activity|restore|android-lifecycle</t>
  </si>
  <si>
    <t>Using PHP, randomly pair up group of items, not pairing any with itself, no direct pairings</t>
  </si>
  <si>
    <t>&lt;p&gt;Assume you have a set of items in an array.&lt;/p&gt;
&lt;p&gt;A, B, C, D, E, F, G, H&lt;/p&gt;
&lt;p&gt;Using PHP, how would you randomly pair the letters together without pairing them with a duplicate of themselves?&lt;/p&gt;
&lt;p&gt;Such as this:&lt;/p&gt;
&lt;pre&gt;&lt;code&gt; A-&amp;gt;pairedLetter = G
 B-&amp;gt;pairedLetter = C
 C-&amp;gt;pairedLetter = E
 D-&amp;gt;pairedLetter = A
 E-&amp;gt;pairedLetter = B
 F-&amp;gt;pairedLetter = D
 G-&amp;gt;pairedLetter = F
&lt;/code&gt;&lt;/pre&gt;
&lt;p&gt;and so on...&lt;/p&gt;
&lt;p&gt;EDIT:
Oh, and also, If A is paired with F, F can NOT be paired with A.
So there will have to be as many relationships as there are items.&lt;/p&gt;</t>
  </si>
  <si>
    <t>2010-09-21 07:40:19.250000+00:00</t>
  </si>
  <si>
    <t>2010-09-21 12:50:03.143000+00:00</t>
  </si>
  <si>
    <t>2010-09-21 09:09:59.003000+00:00</t>
  </si>
  <si>
    <t>php|algorithm|random|pair</t>
  </si>
  <si>
    <t>yii2 active record query</t>
  </si>
  <si>
    <t>&lt;p&gt;I need to make query (in search model) where:&lt;/p&gt;
&lt;ol&gt;
&lt;li&gt;Get current row index (not id)&lt;/li&gt;
&lt;li&gt;Do a manipulation with that count (multiply this on constant number) and add if condition (if 'row index' &gt; 10)&lt;/li&gt;
&lt;li&gt;See this count in the model&lt;/li&gt;
&lt;/ol&gt;
&lt;p&gt;Some steps I resolve:&lt;/p&gt;
&lt;ol&gt;
&lt;li&gt;&lt;p&gt;I know how to create 'new column' and see it in the gridview:&lt;/p&gt;
&lt;pre&gt;&lt;code&gt;$query-&amp;gt;select([
    '{{tour}}.*',
    '(1000 / 'need to add row index' ) as points' //$points
]);
&lt;/code&gt;&lt;/pre&gt;&lt;/li&gt;
&lt;li&gt;&lt;p&gt;I know how to get a current index, but with active record:&lt;/p&gt;&lt;/li&gt;
&lt;/ol&gt;
&lt;pre&gt;&lt;code&gt;MyModel::find()-&amp;gt;andFilterWhere(['&amp;gt;=', 'cumulative_points', $playerPoints])-&amp;gt;count();
&lt;/code&gt;&lt;/pre&gt;
&lt;p&gt;But I need to combine this query. Anybody can help me?
Thanks.&lt;/p&gt;</t>
  </si>
  <si>
    <t>2016-05-12 06:55:43.670000+00:00</t>
  </si>
  <si>
    <t>2016-05-12 08:17:21.983000+00:00</t>
  </si>
  <si>
    <t>activerecord|yii2</t>
  </si>
  <si>
    <t>Where should I unserialize it? php/wordpress creating my own plugin</t>
  </si>
  <si>
    <t>&lt;p&gt;I've serialized data from checkbox, from form:&lt;/p&gt;
&lt;pre&gt;&lt;code&gt;$obj_box = serialize($_POST['obj_box']);
&lt;/code&gt;&lt;/pre&gt;
&lt;p&gt;Send it to table in mysql:&lt;/p&gt;
&lt;pre&gt;&lt;code&gt;global $wpdb;
$table = $wpdb-&amp;gt;prefix . "fl_insert_floor";
$charset_collate = $wpdb-&amp;gt;get_charset_collate();
$sql = "CREATE TABLE IF NOT EXISTS $table (
obj_box` text NOT NULL,
)
$wpdb-&amp;gt;insert( 
$table,array( 
'obj_box' =&amp;gt; $obj_box
));
&lt;/code&gt;&lt;/pre&gt;
&lt;p&gt;I am browsing the data, and want to display unserialize data:&lt;/p&gt;
&lt;pre&gt;&lt;code&gt;function flif_browsing() {
global $wpdb;
$table = $wpdb-&amp;gt;prefix . "fl_insert_floor";
$result = $wpdb-&amp;gt;get_results("SELECT * FROM `wp_fl_insert_floor`") or die('Error3');
 echo '&amp;lt;table summary="Properties" id="table1"&amp;gt;';
 echo '&amp;lt;tr&amp;gt;';
 echo '&amp;lt;td&amp;gt;&amp;lt;b&amp;gt;Typ obiektu&amp;lt;/b&amp;gt;&amp;lt;/td&amp;gt;';
 echo '&amp;lt;/tr&amp;gt;';
foreach ($result as $result1) {
 echo '&amp;lt;tr&amp;gt;';
 echo '&amp;lt;td&amp;gt;'.$get_object_id = $result1-&amp;gt;obj_box.'&amp;lt;/td&amp;gt;';
 echo '&amp;lt;/tr&amp;gt;';
 echo '&amp;lt;/br&amp;gt;';
 }
 echo '&amp;lt;/table&amp;gt;';
 } 
&lt;/code&gt;&lt;/pre&gt;
&lt;p&gt;Where should I unserialize it? (trying different methods and getting errors).
Or there is a better method to send it from checkbox to table in mysql and later display it?&lt;/p&gt;</t>
  </si>
  <si>
    <t>2016-09-30 12:14:14.813000+00:00</t>
  </si>
  <si>
    <t>2016-09-30 12:49:15.487000+00:00</t>
  </si>
  <si>
    <t>php|mysql|serialization</t>
  </si>
  <si>
    <t>Show layout in Marionette.Application inside controller</t>
  </si>
  <si>
    <t>&lt;p&gt;I am trying to structure my code with MVC flow within my application. I am trying to show created layouts in my marionette app instance within my marionette.controller as below..&lt;/p&gt;
&lt;ol&gt;
&lt;li&gt;Can anyone please tell me is it a proper way to show or change layouts within controller is proper way or not? And if not then what's the proper approach for that.&lt;/li&gt;
&lt;/ol&gt;
&lt;p&gt;My Controller&lt;/p&gt;
&lt;pre&gt;&lt;code&gt;define([ 'marionette', 'app', 'index_view' ], function( Marionette, App, IndexView ) {
console.log("Inside...ViewFlow Controller.");
var ViewFlow_Controller = Marionette.Controller.extend({
    loadIndex : function() {
        console.log("Inside...Load Index Method.");
        App.main.show( new IndexView() );
    }
});
return new ViewFlow_Controller();
});
&lt;/code&gt;&lt;/pre&gt;
&lt;p&gt;where my IndexView is like this&lt;/p&gt;
&lt;pre&gt;&lt;code&gt;define(['app', 'helper', 'templates'],
function (App, Helper, templates){
console.log("Inside...Index View.");
App.Page_Index = (function(){
    var Page_Index = {};
    var _pageName = 'IndexPage';        
    var _pageLayout = Helper.newPageLayout({
        name:_pageName,
        panelView:      Helper.newPanelView(),
        headerView:     Helper.newHeaderView({name:_pageName, title:'Welcome to the Index Page'}),
        contentView:    Helper.newContentView({name:_pageName, template: templates.content_index}),
        footerView:     Helper.newFooterView({name:_pageName, title:'IndexPage Footer'})
    });
  return Page_Index;
})();
return App.Page_Index;
});
&lt;/code&gt;&lt;/pre&gt;
&lt;p&gt;My helper returns me App_Layout instance.
But it's not working, it's giving me an error &lt;/p&gt;
&lt;pre&gt;&lt;code&gt;Uncaught TypeError:object is not a function   viewflow_controller.js:12
&lt;/code&gt;&lt;/pre&gt;
&lt;p&gt;Please help me out.&lt;/p&gt;
&lt;p&gt;You can find the code &lt;a href="https://github.com/rachnakhokhar/VIBE_JRM_Framework.git" rel="nofollow"&gt;here&lt;/a&gt; if you want to refer to the complete code or contribute.&lt;/p&gt;
&lt;p&gt;Thanks in advance. &lt;/p&gt;</t>
  </si>
  <si>
    <t>2013-06-02 03:37:09.463000+00:00</t>
  </si>
  <si>
    <t>2013-06-02 05:22:00.640000+00:00</t>
  </si>
  <si>
    <t>2013-06-02 03:51:36.593000+00:00</t>
  </si>
  <si>
    <t>backbone.js|marionette</t>
  </si>
  <si>
    <t>How to make WebStorm automatically add new line and paste left indentation for braces</t>
  </si>
  <si>
    <t>&lt;p&gt;I want to make WebStorm doing following action:&lt;/p&gt;
&lt;p&gt;1) I'm writing new property within JS object which is an object literal:&lt;/p&gt;
&lt;pre&gt;&lt;code&gt;const obj = {
  a: 1,
  b: {|} &amp;lt;-- caret is here and then I press Enter button
}
&lt;/code&gt;&lt;/pre&gt;
&lt;p&gt;2) then I press Enter and expect to see following picture:&lt;/p&gt;
&lt;pre&gt;&lt;code&gt;const obj = {
  a: 1,
  b: {
    |  &amp;lt;-- caret should be here
  }
}
&lt;/code&gt;&lt;/pre&gt;
&lt;p&gt;Now I'm getting this result:&lt;/p&gt;
&lt;pre&gt;&lt;code&gt;const obj = {
  a: 1,
  b: {
  |}  &amp;lt;-- caret is here
}
&lt;/code&gt;&lt;/pre&gt;
&lt;p&gt;and also would be cool to make it adding two spaces inside an empty JS literal object right after closing the brace&lt;/p&gt;
&lt;pre&gt;&lt;code&gt;{ | } &amp;lt;-- caret here right after closing the brace
&lt;/code&gt;&lt;/pre&gt;</t>
  </si>
  <si>
    <t>2018-02-13 12:14:12.443000+00:00</t>
  </si>
  <si>
    <t>2018-02-13 17:25:51.970000+00:00</t>
  </si>
  <si>
    <t>2018-02-13 12:55:23.100000+00:00</t>
  </si>
  <si>
    <t>javascript|intellij-idea|ide|webstorm|eslint</t>
  </si>
  <si>
    <t>EntityManager - Delete from table</t>
  </si>
  <si>
    <t>&lt;p&gt;I am using hsqldb and would like to delete all records from a table.&lt;/p&gt;
&lt;p&gt;Right now I am trying to do that with:&lt;/p&gt;
&lt;p&gt;&lt;code&gt;em.createQuery("DELETE FROM Datatable").executeUpdate();&lt;/code&gt;&lt;/p&gt;
&lt;p&gt;However, I am getting the following exeption:&lt;/p&gt;
&lt;pre&gt;&lt;code&gt;Exception in thread "AWT-EventQueue-0" javax.persistence.TransactionRequiredException: Executing an update/delete query
    at org.hibernate.ejb.AbstractQueryImpl.executeUpdate(AbstractQueryImpl.java:96)
    at sun.reflect.NativeMethodAccessorImpl.invoke0(Native Method)
    at sun.reflect.NativeMethodAccessorImpl.invoke(Unknown Source)
    at sun.reflect.DelegatingMethodAccessorImpl.invoke(Unknown Source)
    at java.lang.reflect.Method.invoke(Unknown Source)
    at org.springframework.orm.jpa.SharedEntityManagerCreator$DeferredQueryInvocationHandler.invoke(SharedEntityManagerCreator.java:311)
    at com.sun.proxy.$Proxy16.executeUpdate(Unknown Source)
    at com.limitCalculator.dao.PersonImporterDaoImpl.dropTable(PersonImporterDaoImpl.java:71)
    at com.limitCalculator.dao.PersonImporterDaoImpl$$FastClassByCGLIB$$ccda8cd0.invoke(&amp;lt;generated&amp;gt;)
    at org.springframework.cglib.proxy.MethodProxy.invoke(MethodProxy.java:204)
    at org.springframework.aop.framework.CglibAopProxy$DynamicAdvisedInterceptor.intercept(CglibAopProxy.java:627)
    at com.limitCalculator.dao.PersonImporterDaoImpl$$EnhancerByCGLIB$$20e91a8e.dropTable(&amp;lt;generated&amp;gt;)
    at com.limitCalculator.service.PersonImporterServiceImpl.dropTable(PersonImporterServiceImpl.java:99)
    at com.limitCalculator.gui.PersonTable.TabPanel$1.actionPerformed(TabPanel.java:96)
    at javax.swing.AbstractButton.fireActionPerformed(Unknown Source)
    at javax.swing.AbstractButton$Handler.actionPerformed(Unknown Source)
    at javax.swing.DefaultButtonModel.fireActionPerformed(Unknown Source)
    at javax.swing.DefaultButtonModel.setPressed(Unknown Source)
    at javax.swing.plaf.basic.BasicButtonListener.mouseReleased(Unknown Source)
    at java.awt.AWTEventMulticaster.mouseReleased(Unknown Source)
    at java.awt.Component.processMouseEvent(Unknown Source)
    at javax.swing.JComponent.processMouseEvent(Unknown Source)
    at java.awt.Component.processEvent(Unknown Source)
    at java.awt.Container.processEvent(Unknown Source)
    at java.awt.Component.dispatchEventImpl(Unknown Source)
    at java.awt.Container.dispatchEventImpl(Unknown Source)
    at java.awt.Component.dispatchEvent(Unknown Source)
    at java.awt.LightweightDispatcher.retargetMouseEvent(Unknown Source)
    at java.awt.LightweightDispatcher.processMouseEvent(Unknown Source)
    at java.awt.LightweightDispatcher.dispatchEvent(Unknown Source)
    at java.awt.Container.dispatchEventImpl(Unknown Source)
    at java.awt.Window.dispatchEventImpl(Unknown Source)
    at java.awt.Component.dispatchEvent(Unknown Source)
    at java.awt.EventQueue.dispatchEventImpl(Unknown Source)
    at java.awt.EventQueue.access$400(Unknown Source)
    at java.awt.EventQueue$2.run(Unknown Source)
    at java.awt.EventQueue$2.run(Unknown Source)
    at java.security.AccessController.doPrivileged(Native Method)
    at java.security.AccessControlContext$1.doIntersectionPrivilege(Unknown Source)
    at java.security.AccessControlContext$1.doIntersectionPrivilege(Unknown Source)
    at java.awt.EventQueue$3.run(Unknown Source)
    at java.awt.EventQueue$3.run(Unknown Source)
    at java.security.AccessController.doPrivileged(Native Method)
    at java.security.AccessControlContext$1.doIntersectionPrivilege(Unknown Source)
    at java.awt.EventQueue.dispatchEvent(Unknown Source)
    at java.awt.EventDispatchThread.pumpOneEventForFilters(Unknown Source)
    at java.awt.EventDispatchThread.pumpEventsForFilter(Unknown Source)
    at java.awt.EventDispatchThread.pumpEventsForHierarchy(Unknown Source)
    at java.awt.EventDispatchThread.pumpEvents(Unknown Source)
    at java.awt.EventDispatchThread.pumpEvents(Unknown Source)
    at java.awt.EventDispatchThread.run(Unknown Source)
&lt;/code&gt;&lt;/pre&gt;
&lt;p&gt;Any recommendations what I am doing wrong?&lt;/p&gt;
&lt;p&gt;I appreciate your answer!&lt;/p&gt;
&lt;p&gt;&lt;strong&gt;UPDATE&lt;/strong&gt;&lt;/p&gt;
&lt;p&gt;Using:&lt;/p&gt;
&lt;p&gt;public void deleteTable() {
    try {
        em.getTransaction().begin();&lt;br&gt;
        em.createQuery("DELETE FROM Data").executeUpdate();
        em.getTransaction().commit();
    } catch(Exception ex) {
        em.getTransaction().rollback();
    }
}&lt;/p&gt;
&lt;p&gt;I am getting the following exception:&lt;/p&gt;
&lt;pre&gt;&lt;code&gt;Exception in thread "AWT-EventQueue-0" java.lang.IllegalStateException: Not allowed to create transaction on shared EntityManager - use Spring transactions or EJB CMT instead
    at org.springframework.orm.jpa.SharedEntityManagerCreator$SharedEntityManagerInvocationHandler.invoke(SharedEntityManagerCreator.java:199)
    at com.sun.proxy.$Proxy14.getTransaction(Unknown Source)
    at com.limitCalculator.dao.FileImporterDaoImpl.deleteTable(FileImporterDaoImpl.java:76)
    at com.limitCalculator.dao.FileImporterDaoImpl$$FastClassByCGLIB$$ccda8cd0.invoke(&amp;lt;generated&amp;gt;)
    at org.springframework.cglib.proxy.MethodProxy.invoke(MethodProxy.java:204)
    at org.springframework.aop.framework.CglibAopProxy$DynamicAdvisedInterceptor.intercept(CglibAopProxy.java:627)
    at com.limitCalculator.dao.FileImporterDaoImpl$$EnhancerByCGLIB$$20e91a8e.deleteTable(&amp;lt;generated&amp;gt;)
    at com.limitCalculator.service.FileImporterServiceImpl.dropTable(FileImporterServiceImpl.java:99)
    at com.limitCalculator.gui.Data.TabPanel$1.actionPerformed(TabPanel.java:96)
    at javax.swing.AbstractButton.fireActionPerformed(Unknown Source)
    at javax.swing.AbstractButton$Handler.actionPerformed(Unknown Source)
    at javax.swing.DefaultButtonModel.fireActionPerformed(Unknown Source)
    at javax.swing.DefaultButtonModel.setPressed(Unknown Source)
    at javax.swing.plaf.basic.BasicButtonListener.mouseReleased(Unknown Source)
    at java.awt.AWTEventMulticaster.mouseReleased(Unknown Source)
    at java.awt.Component.processMouseEvent(Unknown Source)
    at javax.swing.JComponent.processMouseEvent(Unknown Source)
    at java.awt.Component.processEvent(Unknown Source)
    at java.awt.Container.processEvent(Unknown Source)
    at java.awt.Component.dispatchEventImpl(Unknown Source)
    at java.awt.Container.dispatchEventImpl(Unknown Source)
    at java.awt.Component.dispatchEvent(Unknown Source)
    at java.awt.LightweightDispatcher.retargetMouseEvent(Unknown Source)
    at java.awt.LightweightDispatcher.processMouseEvent(Unknown Source)
    at java.awt.LightweightDispatcher.dispatchEvent(Unknown Source)
    at java.awt.Container.dispatchEventImpl(Unknown Source)
    at java.awt.Window.dispatchEventImpl(Unknown Source)
    at java.awt.Component.dispatchEvent(Unknown Source)
    at java.awt.EventQueue.dispatchEventImpl(Unknown Source)
    at java.awt.EventQueue.access$400(Unknown Source)
    at java.awt.EventQueue$2.run(Unknown Source)
    at java.awt.EventQueue$2.run(Unknown Source)
    at java.security.AccessController.doPrivileged(Native Method)
    at java.security.AccessControlContext$1.doIntersectionPrivilege(Unknown Source)
    at java.security.AccessControlContext$1.doIntersectionPrivilege(Unknown Source)
    at java.awt.EventQueue$3.run(Unknown Source)
    at java.awt.EventQueue$3.run(Unknown Source)
    at java.security.AccessController.doPrivileged(Native Method)
    at java.security.AccessControlContext$1.doIntersectionPrivilege(Unknown Source)
    at java.awt.EventQueue.dispatchEvent(Unknown Source)
    at java.awt.EventDispatchThread.pumpOneEventForFilters(Unknown Source)
    at java.awt.EventDispatchThread.pumpEventsForFilter(Unknown Source)
    at java.awt.EventDispatchThread.pumpEventsForHierarchy(Unknown Source)
    at java.awt.EventDispatchThread.pumpEvents(Unknown Source)
    at java.awt.EventDispatchThread.pumpEvents(Unknown Source)
    at java.awt.EventDispatchThread.run(Unknown Source)
&lt;/code&gt;&lt;/pre&gt;
&lt;p&gt;Any recommendations about this case?&lt;/p&gt;</t>
  </si>
  <si>
    <t>2014-07-08 08:57:49.183000+00:00</t>
  </si>
  <si>
    <t>2014-07-08 09:13:23.637000+00:00</t>
  </si>
  <si>
    <t>2014-07-08 09:05:10.353000+00:00</t>
  </si>
  <si>
    <t>java|entitymanager</t>
  </si>
  <si>
    <t>Moving through each pixel for 1bpp Pixel Format</t>
  </si>
  <si>
    <t>&lt;p&gt;I had a question related to the use of Lockbits method in C#..
I have a 1bpp Image and I'm trying to access all the pixels of the image but some are still left out. &lt;/p&gt;
&lt;pre&gt;&lt;code&gt;    public Bitmap Pixels(Bitmap original)
        {
    Rectangle rect = new Rectangle(0, 0, original.Width, original.Height);
                BitmapData bimgData = original.LockBits(rect, ImageLockMode.ReadWrite, original.PixelFormat);
            IntPtr ptr = bimgData.Scan0;
            int bytes = bimgData.Stride * bimg.Height;
            byte[] Values = new byte[bytes];
            Marshal.Copy(ptr, Values, 0, bytes);
            int Val;
            int stride = bimgData.Stride;
for (int column = 0; column &amp;lt; bimgData.Height; column = column + 1)
                    for (int row = 0; row &amp;lt; bimgData.Width; row = row +1)
                    {
                        c = column;
                        r = row;
                        for (int t = 0; t &amp;lt; 8; t++)
                        {
                           Val = Values[((c) * stride) + ((r) / 8)] &amp;amp; 2 ^ t;
                           if (Val == 0)
                                Values[((c) * stride) + ((r) / 8)] = (byte)(Values[((c) * stride) + ((r) / 8)] + 2 ^ t);
                        }
                    }
Marshal.Copy(Values, 0, ptr, bytes);
            original.UnlockBits(bimgData);
            return original;
        }
&lt;/code&gt;&lt;/pre&gt;
&lt;p&gt;This code should turn all the pixels white&lt;/p&gt;</t>
  </si>
  <si>
    <t>2014-01-29 12:01:27.493000+00:00</t>
  </si>
  <si>
    <t>2014-01-29 12:42:25.447000+00:00</t>
  </si>
  <si>
    <t>c#|lockbits</t>
  </si>
  <si>
    <t>Lodash, find indexes of all matching elements</t>
  </si>
  <si>
    <t>&lt;p&gt;Using lodash, how to get the array of indexes of all matching elements?
As example:&lt;/p&gt;
&lt;pre&gt;&lt;code&gt;Animals = [{Name: 'Dog', Id: 0},
          {Name: 'Cat', Id: 1},
          {Name: 'Mouse', Id: 2},
          {Name: 'Horse', Id: 3},
          {Name: 'Pig', Id: 3}]
&lt;/code&gt;&lt;/pre&gt;
&lt;p&gt;And then I want to find indexes of all elements with &lt;code&gt;Id == 3&lt;/code&gt;.&lt;/p&gt;
&lt;p&gt;Expected output:&lt;/p&gt;
&lt;pre&gt;&lt;code&gt;Indexes = [3,4];
&lt;/code&gt;&lt;/pre&gt;</t>
  </si>
  <si>
    <t>2017-05-18 09:59:46.090000+00:00</t>
  </si>
  <si>
    <t>2018-08-08 16:51:46.883000+00:00</t>
  </si>
  <si>
    <t>typescript|lodash</t>
  </si>
  <si>
    <t>Ionic cordova native plugin not working in IOS</t>
  </si>
  <si>
    <t>&lt;p&gt;I am working on an Ionic app which used in Android and IOS both. In my app I use printing, sharing and Barcode Scanner functionality using the following plugin&lt;/p&gt;
&lt;ol&gt;
&lt;li&gt;&lt;strong&gt;cordova-plugin-x-socialsharing 5.4.0&lt;/strong&gt; for "SocialSharing"&lt;/li&gt;
&lt;li&gt;&lt;strong&gt;cordova-plugin-printer 0.7.3&lt;/strong&gt; for "Printer"&lt;/li&gt;
&lt;li&gt;&lt;strong&gt;cordova-plugin-barcodescanner 0.7.4&lt;/strong&gt; for "BarcodeScanner"&lt;/li&gt;
&lt;/ol&gt;
&lt;p&gt;These plugin working fine with Android but when I test it with IOS I face the same issue with all plugins that are following:&lt;/p&gt;
&lt;blockquote&gt;
  &lt;p&gt;When I click printing button in iPhone nothing happens &lt;/p&gt;
  &lt;p&gt;but when I press the home button and reopen app then printing popup show
  automatically. This same problem I also face with other plugins. &lt;/p&gt;
  &lt;p&gt;I think It's background functionality issue with IOS.&lt;/p&gt;
&lt;/blockquote&gt;
&lt;p&gt;I am from an android background so I unable to understand why it's happening with IOS and I stuck with it.&lt;/p&gt;
&lt;p&gt;Here is my code part:&lt;/p&gt;
&lt;p&gt;For &lt;strong&gt;Printing:&lt;/strong&gt;&lt;/p&gt;
&lt;pre&gt;&lt;code&gt;print() {
  this.printer.isAvailable().then((onSuccess=&amp;gt;{}), onerror=&amp;gt;{});
  this.printer.check().then((onSuccess=&amp;gt;{}), onerror=&amp;gt;{});
  let options: PrintOptions = {
    name: 'MyDocument',
    duplex: true,
    landscape: true,
    grayscale: true
  };
  let printData = this.printContent(); 
  setTimeout(() =&amp;gt; {
    this.platform.ready().then(success =&amp;gt; {
      this.printer.print(printData).then(function() {},
        function() { alert("Error while printing!"); });
    }, error=&amp;gt; { alert('Platform Not Ready'+error); });
  }, 100);
}
&lt;/code&gt;&lt;/pre&gt;
&lt;p&gt;For &lt;strong&gt;Sharing&lt;/strong&gt;&lt;/p&gt;
&lt;pre&gt;&lt;code&gt;savebase64AsPDF(folderpath,filename,content,contentType) {
  // Convert the base64 string in a Blob
  var DataBlob = this.b64toBlob(content,contentType,12);
  console.log("Starting to write the file :3");
  window['resolveLocalFileSystemURL'](folderpath, function(dir) {
    console.log("Access to the directory granted succesfully");
    this.file = dir.getFile(filename, {create:true}, function(file) {
      console.log("File created succesfully.");
      file.createWriter(function(fileWriter) {
        console.log("Writing content to file");
        fileWriter.write(DataBlob);
      }, function(){
        alert('Unable to save file in path '+ folderpath);
      });
    });
  });
  //this.downloadFile(DataBlob);
  this.socialSharing.share("",""+this.record.orderNo+" Sale Order",folderpath+"/"+filename,null).then(() =&amp;gt; { }).catch((error) =&amp;gt; { alert(error); });
}
&lt;/code&gt;&lt;/pre&gt;
&lt;p&gt;For &lt;strong&gt;Scanning&lt;/strong&gt;&lt;/p&gt;
&lt;pre&gt;&lt;code&gt;cordova.plugins.barcodeScanner.scan(
      function (result) {
          alert("We got a barcode\n" +
                "Result: " + result.text + "\n" +
                "Format: " + result.format + "\n" +
                "Cancelled: " + result.cancelled);
      },
      function (error) {
          alert("Scanning failed: " + error);
      }
   );
&lt;/code&gt;&lt;/pre&gt;
&lt;p&gt;&lt;strong&gt;Package.json&lt;/strong&gt;&lt;/p&gt;
&lt;pre&gt;&lt;code&gt;{
  "name": "AppName",
  "version": "1.0.3",
  "author": "Ionic Framework",
  "homepage": "http://ionicframework.com/",
  "private": true,
  "scripts": {
    "clean": "ionic-app-scripts clean",
    "build": "ionic-app-scripts build --prod",
    "lint": "ionic-app-scripts lint",
    "ionic:build": "ionic-app-scripts build",
    "ionic:serve": "ionic-app-scripts serve"
  },
  "config": {
    "ionic_source_map": "source_map"
  },
  "dependencies": {
    "@angular/common": "4.1.3",
    "@angular/compiler": "4.1.3",
    "@angular/compiler-cli": "4.1.3",
    "@angular/core": "4.1.3",
    "@angular/forms": "4.1.3",
    "@angular/http": "4.1.3",
    "@angular/platform-browser": "4.1.3",
    "@angular/platform-browser-dynamic": "4.1.3",
    "@ionic-native/app-preferences": "4.7.0",
    "@ionic-native/barcode-scanner": "^4.7.0",
    "@ionic-native/core": "4.7.0",
    "@ionic-native/file": "^4.7.0",
    "@ionic-native/printer": "4.7.0",
    "@ionic-native/social-sharing": "^4.7.0",
    "@ionic-native/splash-screen": "4.7.0",
    "@ionic-native/sqlite": "4.7.0",
    "@ionic-native/status-bar": "4.7.0",
    "@ionic/pro": "^1.0.16",
    "@ionic/storage": "^2.1.3",
    "amazon-cognito-identity-js": "^1.26.0",
    "angular2-signaturepad": "^2.6.1",
    "aws-sdk": "^2.156.0",
    "cordova-browser": "~5.0.3",
    "cordova-pdf-generator": "^2.0.0",
    "cordova-plugin-add-swift-support": "^1.7.1",
    "cordova-plugin-android-permissions": "^1.0.0",
    "cordova-plugin-barcodescanner": "^0.7.4",
    "cordova-plugin-certificates": "^0.6.4",
    "cordova-plugin-compat": "^1.2.0",
    "cordova-plugin-device": "^1.1.7",
    "cordova-plugin-file": "^6.0.1",
    "cordova-plugin-http": "^1.2.0",
    "cordova-plugin-ionic": "^2.0.4",
    "cordova-plugin-printer": "^0.7.3",
    "cordova-plugin-splashscreen": "^4.0.0",
    "cordova-plugin-sslcertificatechecker": "^5.1.0",
    "cordova-plugin-statusbar": "^2.4.1",
    "cordova-plugin-whitelist": "^1.3.3",
    "cordova-plugin-x-socialsharing": "^5.4.0",
    "es6-promise-plugin": "^4.2.2",
    "ionic-angular": "3.9.2",
    "ionic-plugin-keyboard": "^2.2.1",
    "ionicons": "3.0.0",
    "phonegap-plugin-barcodescanner": "^7.1.2",
    "rxjs": "^5.4.2",
    "sw-toolbox": "3.6.0",
    "zone.js": "0.8.12"
  },
  "devDependencies": {
    "@ionic/app-scripts": "3.1.9",
    "@types/node": "^8.5.1",
    "json-loader": "^0.5.7",
    "typescript": "2.3.4",
    "webpack": "^3.8.1"
  },
  "description": "An Ionic project",
  "cordova": {
    "plugins": {
      "cordova-plugin-device": {},
      "cordova-plugin-statusbar": {},
      "cordova-plugin-android-permissions": {},
      "cordova-plugin-sslcertificatechecker": {},
      "cordova-plugin-certificates": {},
      "cordova-plugin-http": {},
      "cordova-plugin-whitelist": {},
      "cordova-plugin-file": {},
      "cordova-pdf-generator": {},
      "cordova-plugin-splashscreen": {},
      "cordova-plugin-ionic": {
        "APP_ID": "e363211c",
        "CHANNEL_NAME": "Production",
        "UPDATE_METHOD": "background",
        "UPDATE_API": "https://api.ionicjs.com",
        "MAX_STORE": "2"
      },
      "ionic-plugin-keyboard": {},
      "cordova-plugin-x-socialsharing": {},
      "cordova-plugin-printer": {},
      "cordova-plugin-barcodescanner": {}
    },
    "platforms": [
      "browser"
    ]
  }
}
&lt;/code&gt;&lt;/pre&gt;</t>
  </si>
  <si>
    <t>2018-05-10 10:41:48.323000+00:00</t>
  </si>
  <si>
    <t>2018-05-14 05:52:03.523000+00:00</t>
  </si>
  <si>
    <t>ios|iphone|cordova|ionic-framework</t>
  </si>
  <si>
    <t>How to install android targets (SDKs)?</t>
  </si>
  <si>
    <t>&lt;p&gt;I am new to cordova developments. Before I getting started with cordova i installed Android SDK from the command line. And JDK and Apache ant also already installed. According to the cordova documention i checked the cordova requirements as follows with &lt;code&gt;cordova requirements&lt;/code&gt; command. And it shows android target is not installed. How do i fix this? without this, Is that would cause to furthuer develoment with cordova. &lt;/p&gt;
&lt;pre&gt;&lt;code&gt;C:\Users\Nav\Documents\cordova_dev\cordova\hello&amp;gt;cordova requirements
    Requirements check results for android:
    Java JDK: installed 1.8.0
    Android SDK: installed true
    Android target: not installed
    No android targets (SDKs) installed!
    Gradle: installed C:\Program Files\Android\Android Studio\gradle\gradle-2.14.1\bin\gradle
    Error: Some of requirements check failed
&lt;/code&gt;&lt;/pre&gt;</t>
  </si>
  <si>
    <t>2017-08-01 07:48:55.010000+00:00</t>
  </si>
  <si>
    <t>2018-04-09 00:22:45.463000+00:00</t>
  </si>
  <si>
    <t>cordova|android-sdk-tools</t>
  </si>
  <si>
    <t>how to generate number pattern in triangular form</t>
  </si>
  <si>
    <t>&lt;p&gt;I want to print this pattern like right angled triangle&lt;/p&gt;
&lt;pre&gt;&lt;code&gt;0 
909 
89098 
7890987 
678909876 
56789098765 
4567890987654 
345678909876543 
23456789098765432 
1234567890987654321 
&lt;/code&gt;&lt;/pre&gt;
&lt;p&gt;I wrote following code&lt;/p&gt;
&lt;pre&gt;&lt;code&gt;# include&amp;lt;stdio.h&amp;gt;
# include&amp;lt;conio.h&amp;gt;
void main()
{   
    clrscr();
    int i,j,x,z,k,f=1;
    for ( i=10;i&amp;gt;=1;i--,f++)
    {
        for(j=1;j&amp;lt;=f;j++,k--)
    {
            k=i;
            if(k!=10)
            {
                printf("%d",k); 
            }
            if(k==10)
            {
                printf("0");
            }
        }
        for(x=1;x&amp;lt;f;x++,z--)
        {
            z=9;
            printf("%d",z);
        }
        printf("%d/n");
    }
    getch();
}
&lt;/code&gt;&lt;/pre&gt;
&lt;p&gt;what is wrong with this code? when i check manually it seems correct but when compiled gives different pattern&lt;/p&gt;</t>
  </si>
  <si>
    <t>2013-07-01 07:56:51.430000+00:00</t>
  </si>
  <si>
    <t>2013-07-01 11:04:51.640000+00:00</t>
  </si>
  <si>
    <t>Vignesh Vicky</t>
  </si>
  <si>
    <t>Show current Activity in background when launching AlertDialog from BroadcastRecevier</t>
  </si>
  <si>
    <t>&lt;p&gt;I have a translucent AlertDialog set to show if the user receives a text message. It is being started from a Broadcast Receiver.&lt;/p&gt;
&lt;p&gt;The user only gets this "emergency" type of message, only if the sender sets it as such a message &lt;em&gt;and&lt;/em&gt; the user enables this type of interruption.&lt;/p&gt;
&lt;p&gt;I have a slight problem because if my application is running, my background is what my application last left off at. The only way I get the background to show what the user is "currenty doing" is by completely closing my app.&lt;/p&gt;
&lt;p&gt;Has anyone run into a similar issue using AlertDialogs with a translucent background?&lt;/p&gt;
&lt;p&gt;here is how I start my activity;&lt;/p&gt;
&lt;pre&gt;&lt;code&gt;Intent i = new Intent(context, LayoutStartActivity.class);
i.putExtras(intent);
i.addFlags(Intent.FLAG_ACTIVITY_NEW_TASK);
context.startActivity(i);
&lt;/code&gt;&lt;/pre&gt;
&lt;p&gt;and here is a stripped down version of my alert dialog &lt;/p&gt;
&lt;pre&gt;&lt;code&gt;    AlertDialog.Builder builder = new AlertDialog.Builder(this);
    builder.setView(holder);
    builder.setPositiveButton("OK", new DialogInterface.OnClickListener() {
        public void onClick(DialogInterface dialog, int which) {
            dialog.cancel();
            finish();
        }
    });
&lt;/code&gt;&lt;/pre&gt;
&lt;p&gt;Thanks&lt;/p&gt;</t>
  </si>
  <si>
    <t>2012-09-06 21:44:55.767000+00:00</t>
  </si>
  <si>
    <t>2012-09-06 21:54:10.103000+00:00</t>
  </si>
  <si>
    <t>2012-09-06 21:52:37.100000+00:00</t>
  </si>
  <si>
    <t>android|broadcastreceiver|alertdialog</t>
  </si>
  <si>
    <t>How to force stopwatch - start/stop from label1.text?</t>
  </si>
  <si>
    <t>&lt;p&gt;I am practicing a small project. According to mouse movements, the stop watch has to be started or stop.
ie, once the mouse is inside  then start the stopwatch otherwise stop. Is it possible?&lt;/p&gt;
&lt;p&gt;my codes: aspx page &lt;pre&gt;&lt;/p&gt;
&lt;pre&gt;&lt;code&gt;&amp;lt;div id="Divn1" onmousemove="MyNewFunction(event)" onmouseout="ClearCoor()" style="width:99%; height:99%; border:solid;background-color:white; position:absolute;"&amp;gt;
            &amp;lt;p id="Demo1"&amp;gt;&amp;lt;/p&amp;gt;
            &amp;lt;asp:Label ID="Label2" runat="server" Font-Size="XX-Large"&amp;gt;&amp;lt;/asp:Label&amp;gt;
            &amp;lt;div id="Divn2" style="width:50px;height:50px;border-radius:50%;background-color:brown; position:absolute; top:45%; margin-left:47%;"&amp;gt;
            &amp;lt;/div&amp;gt;
           &amp;lt;asp:scriptmanager ID="Scriptmanager1" runat="server"&amp;gt;&amp;lt;/asp:scriptmanager&amp;gt;
            &amp;lt;asp:UpdatePanel ID="UpdatePanel1" runat="server"&amp;gt;
              &amp;lt;ContentTemplate&amp;gt;
                &amp;lt;asp:Label ID="Label1" runat="server" Font-Size="XX-Large"&amp;gt;&amp;lt;/asp:Label&amp;gt;
                &amp;lt;asp:Timer ID="tm1" Interval="1000" runat="server" ontick="tm1_Tick" /&amp;gt;
              &amp;lt;/ContentTemplate&amp;gt;
              &amp;lt;Triggers&amp;gt;
                &amp;lt;asp:AsyncPostBackTrigger ControlID="tm1" EventName="Tick" /&amp;gt;
              &amp;lt;/Triggers&amp;gt;
            &amp;lt;/asp:UpdatePanel&amp;gt;
        &amp;lt;/div&amp;gt;
&lt;/code&gt;&lt;/pre&gt;
&lt;p&gt;&lt;/Pre&gt;&lt;/p&gt;
&lt;p&gt;And then aspx.cs&lt;/p&gt;
&lt;pre&gt;
    public static Stopwatch sw;
    protected void Page_Load(object sender, EventArgs e)
    {
        if (!IsPostBack)
        {
            sw = new Stopwatch();
            sw.Start();
        }
    }
    protected void tm1_Tick(object sender, EventArgs e)
    {
        long milsecs = sw.Elapsed.Milliseconds;
        if (Label2.Text.Trim().Length &gt; 0)
        {
            Label1.Text = DateTime.Now.ToString("00:ff");
        }
        sw.Stop();
        //Label1.Visible = false;
    }
&lt;/pre&gt;
&lt;p&gt;Thanks&lt;/p&gt;</t>
  </si>
  <si>
    <t>2017-06-11 21:09:45.237000+00:00</t>
  </si>
  <si>
    <t>c#|asp.net|stopwatch</t>
  </si>
  <si>
    <t>How to Keep the socket live</t>
  </si>
  <si>
    <t>&lt;p&gt;We are working on communicating between Filezilla Client and Filezilla Server having two proxies in between them. Between the two proxies we are having 2 tcp connection. &lt;/p&gt;
&lt;p&gt;filezilla client -&gt; P1 --2----- P2 -&gt; filezilla server.&lt;/p&gt;
&lt;p&gt;The problem we are getting is while upload filezilla client will send the entire data to P1 and P1 send the data to P2. But P2 recv. speed is not as fast as P1 sending speed. P1 will close the connection after some time but as the P2 is still trying to recv data from P1 so it will not be able to recv and it will fail. &lt;/p&gt;
&lt;p&gt;Is there any way to keep the soket alive till the other end will recv the data completely?&lt;/p&gt;
&lt;ol&gt;
&lt;li&gt;&lt;p&gt;I have tried using Linger with different timeout options. but it's not handling all the scenarios.&lt;/p&gt;&lt;/li&gt;
&lt;li&gt;&lt;p&gt;I have tried setting the socket option keepalive, but still the same problem persists.&lt;/p&gt;&lt;/li&gt;
&lt;/ol&gt;
&lt;p&gt;Can anyone please help or suggest me something?&lt;/p&gt;</t>
  </si>
  <si>
    <t>2011-06-22 07:07:06.303000+00:00</t>
  </si>
  <si>
    <t>2011-07-03 06:41:26.880000+00:00</t>
  </si>
  <si>
    <t>2011-06-22 09:14:26.117000+00:00</t>
  </si>
  <si>
    <t>visual-c++|network-programming|tcp</t>
  </si>
  <si>
    <t>iPhone Augmented reality with iOS4 obj c + and Monotouch</t>
  </si>
  <si>
    <t>&lt;p&gt;With the new additions to the OS and the hardware,  iPhone apps can now do some serious augmented reality coolness.  &lt;/p&gt;
&lt;p&gt;What are the instant benefots to the obj c crowd? Are there any frameworks to aid in the creation of AR apps for Obj C devs and if so, can they be easily ported to MT with the btouch project?&lt;/p&gt;
&lt;p&gt;w://&lt;/p&gt;</t>
  </si>
  <si>
    <t>2010-07-01 07:10:25.257000+00:00</t>
  </si>
  <si>
    <t>2010-07-01 09:58:30.393000+00:00</t>
  </si>
  <si>
    <t>user156888</t>
  </si>
  <si>
    <t>iphone|objective-c|xamarin.ios|augmented-reality</t>
  </si>
  <si>
    <t>Use libvlc to stream mp3 to network</t>
  </si>
  <si>
    <t>&lt;p&gt;How can I use libvlc to take an MP3 file (or really any audio file) and stream it to the network so I can connect with iTunes or something and listen like internet radio?&lt;/p&gt;
&lt;p&gt;C API example is preferred, though any language is fine.&lt;/p&gt;</t>
  </si>
  <si>
    <t>2011-01-30 21:15:12.173000+00:00</t>
  </si>
  <si>
    <t>2011-02-07 02:03:20.037000+00:00</t>
  </si>
  <si>
    <t>streaming|vlc|libvlc</t>
  </si>
  <si>
    <t>How do I minimize the total distance traveled in moving goods between warehouses?</t>
  </si>
  <si>
    <t>&lt;p&gt;There are N warehouses storing Q[i] quantity of an item on Day 1. On day 2, the requirements are for quantity Q'[i] in each warehouse. So basically item has to be moved between warehouses to fulfill the constraint. The distance between warehouses is known. What class of algorithms can solve this? Any pointers? The goal is to minimize the distance traveled in moving goods.&lt;/p&gt;</t>
  </si>
  <si>
    <t>2016-03-31 20:30:37.517000+00:00</t>
  </si>
  <si>
    <t>2016-03-31 21:50:07.480000+00:00</t>
  </si>
  <si>
    <t>algorithm|optimization|data-structures</t>
  </si>
  <si>
    <t>Wscript.sleep 1000 not working</t>
  </si>
  <si>
    <t>&lt;p&gt;I have the following VBA code:  &lt;/p&gt;
&lt;pre&gt;&lt;code&gt;Set wshshell = CreateObject("WScript.Shell")
wshshell.SendKeys "{F3}"
WScript.Sleep 1000
&lt;/code&gt;&lt;/pre&gt;
&lt;p&gt;I get the following error on the &lt;code&gt;WSCript.Sleep&lt;/code&gt; line:&lt;/p&gt;
&lt;blockquote&gt;
  &lt;p&gt;Run time error 424: Object required &lt;/p&gt;
&lt;/blockquote&gt;</t>
  </si>
  <si>
    <t>2017-01-14 05:28:26.777000+00:00</t>
  </si>
  <si>
    <t>2017-01-14 17:41:33.273000+00:00</t>
  </si>
  <si>
    <t>vba|excel-vba|wsh|excel</t>
  </si>
  <si>
    <t>App works locally but not on Heroku (Application Error); Using Nodemon and Webpack</t>
  </si>
  <si>
    <t>&lt;p&gt;Alright, I've tried to look up my question on StackOverflow but I can't find something that helps me since everything I've tried doesn't have any effect on the result (Application error).&lt;/p&gt;
&lt;p&gt;So I'm really stumped because the app works perfectly fine on my localhost, but I can't get it to work on Heroku, it just gives me a Application error so I have no idea what the issue is.&lt;/p&gt;
&lt;p&gt;So on my package.JSON file looks like this:&lt;/p&gt;
&lt;pre&gt;&lt;code&gt;"main": "index.js",
  "scripts": {
  "test": "echo \"Error: no test specified\" &amp;amp;&amp;amp; exit 1",
  "start": "nodemon --use_strict index.js",
  "bundle": "webpack"
},
&lt;/code&gt;&lt;/pre&gt;
&lt;p&gt;And I've already tried to change "nodemon" to "node" and gotten rid of --use_strict and ran it on local host and it still works perfectly fine but the Heroku app still gives me a Application Error.&lt;/p&gt;
&lt;p&gt;index.js the only thing that I can think of being bad (changed it and it runs here):&lt;/p&gt;
&lt;pre&gt;&lt;code&gt;// start the server
app.listen(3000, () =&amp;gt; {
  console.log('Server is running.');
});
&lt;/code&gt;&lt;/pre&gt;
&lt;p&gt;webpack.config.js:&lt;/p&gt;
&lt;pre&gt;&lt;code&gt;const path = require('path');
module.exports = {
  // the entry file for the bundle
  entry: path.join(__dirname, '/client/src/app.jsx'),
  // the bundle file we will get in the result
  output: {
    path: path.join(__dirname, '/client/dist/js'),
    filename: 'app.js',
  },
  module: {
    // apply loaders to files that meet given conditions
    loaders: [{
      test: /\.jsx?$/,
      include: path.join(__dirname, '/client/src'),
      loader: 'babel-loader',
      query: {
        presets: ["react", "es2015"]
      }
    }],
  },
  // start Webpack in a watch mode, so Webpack will rebuild the bundle on changes
  watch: true
};
&lt;/code&gt;&lt;/pre&gt;
&lt;p&gt;It deployed properly after git push heroku master:
&lt;a href="https://c1.staticflickr.com/3/2873/33519283263_3d9a711311_z.jpg" rel="nofollow noreferrer"&gt;https://c1.staticflickr.com/3/2873/33519283263_3d9a711311_z.jpg&lt;/a&gt;&lt;/p&gt;
&lt;p&gt;I'm pretty much trying to make this app work on Heroku:
&lt;a href="https://vladimirponomarev.com/blog/authentication-in-react-apps-creating-components" rel="nofollow noreferrer"&gt;https://vladimirponomarev.com/blog/authentication-in-react-apps-creating-components&lt;/a&gt;&lt;/p&gt;
&lt;p&gt;I think a possible problem might be that you have to run "run bundle" on one shell and "npm start" in the other shell.&lt;/p&gt;
&lt;p&gt;Another thing, this app had a lot of things that were npm installed manually in node_modules, which Heroku does not accept if I try to push it on github and will crash, so I'm thinking that might be an issue as well, though I have no idea how to get around that.&lt;/p&gt;
&lt;p&gt;This also uses Express and Mongodb, and I added my mongodb info into the index.json file and ran the application, and it worked perfectly fine and after checking the db, the correct info was also inside it, so it's not that either.&lt;/p&gt;</t>
  </si>
  <si>
    <t>2017-04-29 00:10:30.713000+00:00</t>
  </si>
  <si>
    <t>2017-04-29 01:03:40.347000+00:00</t>
  </si>
  <si>
    <t>2017-04-29 00:54:42.547000+00:00</t>
  </si>
  <si>
    <t>mongodb|reactjs|express|heroku|webpack</t>
  </si>
  <si>
    <t>How to show a textbox, button, etc in a Java Applet?</t>
  </si>
  <si>
    <t>&lt;p&gt;How can I show common GUI elements such as :&lt;/p&gt;
&lt;ul&gt;
&lt;li&gt;Textbox&lt;/li&gt;
&lt;li&gt;Button&lt;/li&gt;
&lt;li&gt;Radios/Dropdowns&lt;/li&gt;
&lt;li&gt;Labels&lt;/li&gt;
&lt;/ul&gt;
&lt;p&gt;etc in a java applet which would be run from a web browser?&lt;/p&gt;</t>
  </si>
  <si>
    <t>2009-06-26 19:38:11.400000+00:00</t>
  </si>
  <si>
    <t>2009-06-26 19:47:19.400000+00:00</t>
  </si>
  <si>
    <t>2009-06-26 19:43:42.963000+00:00</t>
  </si>
  <si>
    <t>java|swing|applet</t>
  </si>
  <si>
    <t>Closing/cleaning up "mixed" file descriptors / sockets</t>
  </si>
  <si>
    <t>&lt;p&gt;When I create a socket using accept() and make a FILE out of it using fdopen(), what do I have to do to clean everything up? Do I need to do fclose() on the FILE, shutdown() and close() on the socket, or only the shutdown() and or close() or fclose()? If I don't do fclose(), do I have to free() the FILE pointer manually?&lt;/p&gt;</t>
  </si>
  <si>
    <t>2008-09-20 12:38:21.637000+00:00</t>
  </si>
  <si>
    <t>2008-09-20 13:06:38.887000+00:00</t>
  </si>
  <si>
    <t>jkramer</t>
  </si>
  <si>
    <t>c|sockets|io|file-descriptor</t>
  </si>
  <si>
    <t>laravel 5.1 notfoundhttpexception for all the requests except '/'</t>
  </si>
  <si>
    <t>&lt;p&gt;This is my route&lt;/p&gt;
&lt;pre&gt;&lt;code&gt;&amp;lt;?php
Route::get('/', function () {    return 'reached'; });
Route::post('first', function () {    return 'first'; });
&lt;/code&gt;&lt;/pre&gt;
&lt;p&gt;I can able to see the result as &lt;code&gt;reached&lt;/code&gt; if i run &lt;/p&gt;
&lt;pre&gt;&lt;code&gt;localhost/project
&lt;/code&gt;&lt;/pre&gt;
&lt;p&gt;But i can't see the output &lt;code&gt;first&lt;/code&gt; if i run &lt;code&gt;localhost/project/first&lt;/code&gt;&lt;/p&gt;
&lt;p&gt;&lt;strong&gt;What could be the issue ?&lt;/strong&gt;&lt;/p&gt;
&lt;p&gt;I just installed &lt;code&gt;illuminate/html&lt;/code&gt; after fresh installation.&lt;/p&gt;
&lt;p&gt;&lt;strong&gt;Update :&lt;/strong&gt; &lt;/p&gt;
&lt;p&gt;I even tried &lt;/p&gt;
&lt;pre&gt;&lt;code&gt;Route::get('first', function () {    return 'first'; });
&lt;/code&gt;&lt;/pre&gt;</t>
  </si>
  <si>
    <t>2015-09-07 09:26:35.140000+00:00</t>
  </si>
  <si>
    <t>2015-09-07 16:01:13+00:00</t>
  </si>
  <si>
    <t>2015-09-07 09:45:22.620000+00:00</t>
  </si>
  <si>
    <t>php|laravel|laravel-5.1</t>
  </si>
  <si>
    <t>How can i add a condition string to an sql query in an var type</t>
  </si>
  <si>
    <t>&lt;p&gt;Im working on an source code with an sql query in a VAR type like&lt;/p&gt;
&lt;pre&gt;&lt;code&gt;var query = select ... from ... where ... ;
&lt;/code&gt;&lt;/pre&gt;
&lt;p&gt;is it possible to add an dynamic "where clause" like&lt;/p&gt;
&lt;pre&gt;&lt;code&gt;string condition = "where x.x &amp;gt; x.y"; 
e.g. var query = select ... from ... + condition;
&lt;/code&gt;&lt;/pre&gt;
&lt;p&gt;Iam sorry for my bad english &lt;/p&gt;</t>
  </si>
  <si>
    <t>2010-08-27 12:10:30.957000+00:00</t>
  </si>
  <si>
    <t>2010-08-28 13:53:31.463000+00:00</t>
  </si>
  <si>
    <t>2010-08-27 16:41:09.517000+00:00</t>
  </si>
  <si>
    <t>c#|asp.net|sql|.net-3.5</t>
  </si>
  <si>
    <t>Get user media not working in iOS 11.3 Chrome</t>
  </si>
  <si>
    <t>&lt;p&gt;I've been developing a web app to scan the barcode in live stream. I have used the following code for video streaming:&lt;/p&gt;
&lt;pre&gt;&lt;code&gt;navigator.mediaDevices.getUserMedia({ video: constraints }).then(function(stream) {
       // video.src = window.URL.createObjectURL(stream);
       video.srcObject = stream;
       video.play();
       // ...
}
&lt;/code&gt;&lt;/pre&gt;
&lt;p&gt;It works as expected in Android chrome browser, and also in ios safari browser. But, when i tried it in ios Chrome browser, it is not working. 
I have also tried adding the following constraints:&lt;/p&gt;
&lt;pre&gt;&lt;code&gt;video.setAttribute('autoplay',��'');
video.setAttribute('muted',��'');
video.setAttribute('playsinline',��'');  
&lt;/code&gt;&lt;/pre&gt;
&lt;p&gt;But no use on it. Can anyone please suggest me the right solution to do it.&lt;/p&gt;</t>
  </si>
  <si>
    <t>2018-05-23 06:03:32.777000+00:00</t>
  </si>
  <si>
    <t>2018-05-23 09:26:59.493000+00:00</t>
  </si>
  <si>
    <t>javascript|ios|html5|google-chrome|getusermedia</t>
  </si>
  <si>
    <t>How to validate a query string of multiple values concatenated in Laravel?</t>
  </si>
  <si>
    <t>&lt;p&gt;I know how to validate a query string with a single value in this way,&lt;/p&gt;
&lt;pre&gt;&lt;code&gt;Validator::make($request-&amp;gt;all(), [
    'category' =&amp;gt; 'sometimes|nullable',
    'type' =&amp;gt; [
        'required',
        Rule::in($this-&amp;gt;propertyConfig['property_types']),
    ],
])-&amp;gt;validate();
&lt;/code&gt;&lt;/pre&gt;
&lt;p&gt;But what if I have a query string like this:&lt;/p&gt;
&lt;pre&gt;&lt;code&gt;types=aa,bb,cc
&lt;/code&gt;&lt;/pre&gt;
&lt;p&gt;I need to validate if &lt;strong&gt;aa&lt;/strong&gt;, &lt;strong&gt;bb&lt;/strong&gt; and &lt;strong&gt;cc&lt;/strong&gt; are all in the array &lt;em&gt;$types&lt;/em&gt;. How can I do that by using Laravel Validator?&lt;/p&gt;</t>
  </si>
  <si>
    <t>2017-11-01 04:27:07.970000+00:00</t>
  </si>
  <si>
    <t>2017-11-01 05:40:17.063000+00:00</t>
  </si>
  <si>
    <t>laravel</t>
  </si>
  <si>
    <t>Create Sandbox C#</t>
  </si>
  <si>
    <t>&lt;p&gt;are there any tutorials out there on how to create a sandbox using C#?&lt;/p&gt;
&lt;p&gt;I would like to personalize my own one, thanks&lt;/p&gt;</t>
  </si>
  <si>
    <t>2010-03-17 18:28:48.587000+00:00</t>
  </si>
  <si>
    <t>2011-12-05 23:22:04.090000+00:00</t>
  </si>
  <si>
    <t>c#|sandbox</t>
  </si>
  <si>
    <t>Maven Multi Module Spring Boot Project</t>
  </si>
  <si>
    <t>&lt;p&gt;I am trying to create a multi module project that contains two module, core and web. They are both Spring Boot projects that I generated on Spring Initialzer. I setup the Maven POM files but I'm having issues getting it to deploy. However I am confused how the configuration is going to work.&lt;/p&gt;
&lt;p&gt;The core module is going to contain the domain object / entities, Spring Data JPA repositories, services, and will be packaged as a JAR. The Web module is going to have Spring Security, the controllers, and the views. It will be packaged as a WAR. &lt;/p&gt;
&lt;p&gt;The normal structure of a Spring Boot project looks like the following&lt;/p&gt;
&lt;pre&gt;&lt;code&gt;/
pom.xml
src/
..main/
....com/
......example/
........app/
..........Application.java
..resources/
....application.properites
&lt;/code&gt;&lt;/pre&gt;
&lt;p&gt;I essentially have two of these and two Spring Boot application / configuration / initialization classes. &lt;/p&gt;
&lt;p&gt;My questions are&lt;/p&gt;
&lt;ol&gt;
&lt;li&gt;&lt;p&gt;Do the properties have to live in a single configuration file or can I have two application.properities, one the core jar, and one for the WAR?&lt;/p&gt;&lt;/li&gt;
&lt;li&gt;&lt;p&gt;Can I have the following in my core.jar&lt;/p&gt;
&lt;pre&gt;&lt;code&gt;import org.springframework.boot.SpringApplication;
import org.springframework.boot.autoconfigure.SpringBootApplication;
@SpringBootApplication
public class TimesheetCoreApplication {
  public static void main(String[] args) {
    SpringApplication.run(TimesheetCoreApplication.class, args);
  }
}
&lt;/code&gt;&lt;/pre&gt;&lt;/li&gt;
&lt;/ol&gt;
&lt;p&gt;Along with the following two in my web.war&lt;/p&gt;
&lt;pre&gt;&lt;code&gt;import org.springframework.boot.SpringApplication;
import org.springframework.boot.autoconfigure.SpringBootApplication;
@SpringBootApplication
public class TimesheetWebApplication {
    public static void main(String[] args) {
        SpringApplication.run(TimesheetWebApplication.class, args);
    }
}
&lt;/code&gt;&lt;/pre&gt;
&lt;p&gt;AND&lt;/p&gt;
&lt;pre&gt;&lt;code&gt;import org.springframework.boot.builder.SpringApplicationBuilder;
import org.springframework.boot.context.web.SpringBootServletInitializer;
public class ServletInitializer extends SpringBootServletInitializer {
    @Override
    protected SpringApplicationBuilder configure(SpringApplicationBuilder application) {
        return application.sources(TimesheetWebApplication.class);
    }
}
&lt;/code&gt;&lt;/pre&gt;
&lt;ol start="3"&gt;
&lt;li&gt;Since Spring Boot does a lot of auto configuration, will they step over each other with the configuration, either conflicting or overriding one another?&lt;/li&gt;
&lt;/ol&gt;
&lt;p&gt;What is the best way to approach this? I would like to leverage Spring Boot if possible.&lt;/p&gt;</t>
  </si>
  <si>
    <t>2015-07-21 04:57:58.343000+00:00</t>
  </si>
  <si>
    <t>2016-02-12 02:59:13.417000+00:00</t>
  </si>
  <si>
    <t>2015-07-21 05:01:24.053000+00:00</t>
  </si>
  <si>
    <t>java|spring|maven|spring-boot</t>
  </si>
  <si>
    <t>How to roll back my change in Git?</t>
  </si>
  <si>
    <t>&lt;p&gt;I committed change &lt;code&gt;A&lt;/code&gt; into my &lt;code&gt;feature branch&lt;/code&gt;.&lt;br&gt;
All good so I merged to &lt;code&gt;Develop&lt;/code&gt;.
Two other merges &lt;code&gt;B&lt;/code&gt; &amp;amp; &lt;code&gt;C&lt;/code&gt;, are done to &lt;code&gt;Develop&lt;/code&gt; from other &lt;code&gt;feature branches&lt;/code&gt;.&lt;/p&gt;
&lt;p&gt;A problem comes up with my change so I have to roll back.&lt;/p&gt;
&lt;p&gt;&lt;strong&gt;Q1. What should I do?&lt;/strong&gt;&lt;/p&gt;
&lt;p&gt;I check out an old version of &lt;code&gt;Develop&lt;/code&gt; (the most recent before A), copy it off, &lt;code&gt;revert&lt;/code&gt; back to head, then paste over.&lt;/p&gt;
&lt;p&gt;Q2. I was hoping to re-apply changes &lt;code&gt;B&lt;/code&gt; &amp;amp; &lt;code&gt;C&lt;/code&gt; but no diff so can't.&lt;br&gt;
Anything I can do to reapply &lt;code&gt;B&lt;/code&gt; &amp;amp; &lt;code&gt;C&lt;/code&gt;? Or was the problem unfixable at &lt;code&gt;Q1&lt;/code&gt;?&lt;/p&gt;</t>
  </si>
  <si>
    <t>2018-04-20 22:15:55.533000+00:00</t>
  </si>
  <si>
    <t>2018-04-21 01:04:45.343000+00:00</t>
  </si>
  <si>
    <t>git|feature-branch</t>
  </si>
  <si>
    <t>How do I assign a std::pair that have one of it's component typed const?</t>
  </si>
  <si>
    <t>&lt;p&gt;I'm trying to code an associative container compatible with std::map. To do so, I have to create an insert method that accept a new item in the form of an std::pair with the first component of a const type. For example : &lt;code&gt;std::pair&amp;lt;const int, int&amp;gt; p&lt;/code&gt;.&lt;/p&gt;
&lt;p&gt;The problem I have is that such an object can't be assigned to another. So in the inner code of my MapCompatibleContainer, I can't copy the new pair to the private variable (a std::vector).&lt;/p&gt;
&lt;p&gt;How can I work around this?&lt;/p&gt;
&lt;p&gt;Thanks&lt;/p&gt;</t>
  </si>
  <si>
    <t>2011-03-12 21:12:56.107000+00:00</t>
  </si>
  <si>
    <t>2011-03-13 08:24:35.240000+00:00</t>
  </si>
  <si>
    <t>c++|std-pair</t>
  </si>
  <si>
    <t>issue with session across subdomain only for google chrome</t>
  </si>
  <si>
    <t>&lt;p&gt;I've faced a strange issue with session across subdomain only for google chrome.
I have two subdomain a.mydomain.com &amp;amp; b.mydomain.com.
if I open a.mydomain.com first on browser &amp;amp; then open b.mydomain.com &amp;amp; login from there then I'm not getting the session in a.mydomain.com. But if I login first from b.mydomain.co &amp;amp; then open a.mydomain.com I'm getting the session in a.mydomain.com.&lt;/p&gt;
&lt;p&gt;I'm unable to solve this. Please help&lt;/p&gt;</t>
  </si>
  <si>
    <t>2011-10-24 18:45:58.007000+00:00</t>
  </si>
  <si>
    <t>2011-10-24 19:39:24.577000+00:00</t>
  </si>
  <si>
    <t>php|session|subdomain</t>
  </si>
  <si>
    <t>RecyclerView, different divider dependently on type of row</t>
  </si>
  <si>
    <t>&lt;p&gt;So I have a ListView with different types of rows. I would like to disable divider for the first row and have another style of a divider for the second one.&lt;/p&gt;
&lt;p&gt;What's the best practice to do that?&lt;/p&gt;
&lt;p&gt;I'm adding dividers currently by:&lt;/p&gt;
&lt;pre&gt;&lt;code&gt;    DividerItemDecoration dividerItemDecoration = new DividerItemDecoration(recyclerView.getContext(),DividerItemDecoration.VERTICAL);
    dividerItemDecoration.setDrawable(getDrawable(R.drawable.divider));
    recyclerView.addItemDecoration(dividerItemDecoration);
&lt;/code&gt;&lt;/pre&gt;
&lt;p&gt;&lt;a href="https://i.stack.imgur.com/bJfKP.png" rel="nofollow noreferrer"&gt;&lt;img src="https://i.stack.imgur.com/bJfKP.png" alt="enter image description here"&gt;&lt;/a&gt;&lt;/p&gt;</t>
  </si>
  <si>
    <t>2017-03-29 11:23:18.133000+00:00</t>
  </si>
  <si>
    <t>2017-03-29 12:23:03.430000+00:00</t>
  </si>
  <si>
    <t>android|android-recyclerview</t>
  </si>
  <si>
    <t>Are there any reasons NOT to use angular-loader?</t>
  </si>
  <si>
    <t>&lt;p&gt;I've worked with Angular for a little bit, but I keep managing to learn something new - today, I installed the &lt;a href="https://github.com/angular/angular-seed" rel="nofollow noreferrer"&gt;angular-seed&lt;/a&gt; project in order to give my development a little kick in the pants. I ran into the &lt;a href="https://github.com/angular/angular-seed/blob/master/app/index-async.html" rel="nofollow noreferrer"&gt;index-async&lt;/a&gt; file and learned about the angular-loader - which I hadn't used before.&lt;/p&gt;
&lt;p&gt;I found this question, as well: &lt;a href="https://stackoverflow.com/q/15777449/677526"&gt;What is angular-loader.js for?&lt;/a&gt;&lt;/p&gt;
&lt;p&gt;It looks as though the index-async file is using a script loader in addition to the angular module loader, which makes sense. However, I've never used this method before. (In my company, we've used &lt;a href="http://requirejs.org/" rel="nofollow noreferrer"&gt;RequireJS&lt;/a&gt; to load angular modules before, and so I can understand why something like this would be easier and less cumbersome.) Yet, it also seems that I could use the loader without a third-party script loader - I could just include all of my app files, in any order, before the loader is called, without having to worry about the dependencies.&lt;/p&gt;
&lt;p&gt;In short - when should I use angular-loader? More importantly, is there any reason NOT to use it all the time?&lt;/p&gt;</t>
  </si>
  <si>
    <t>2014-03-23 20:23:24.707000+00:00</t>
  </si>
  <si>
    <t>2015-04-22 21:32:38.713000+00:00</t>
  </si>
  <si>
    <t>2017-05-23 10:10:10.683000+00:00</t>
  </si>
  <si>
    <t>Is it possible to compute the minimum of three numbers by using two comparisons at the same time?</t>
  </si>
  <si>
    <t>&lt;p&gt;I've been trying to think up of some way that I could do two comparisons at the same time to find the greatest/least of three numbers. Arithmetic operations on them are considered "free" in this case.&lt;/p&gt;
&lt;p&gt;That is to say, the classical way of finding the greater of two, and then comparing it to the third number isn't valid in this case because one comparison depends on the result of the other.&lt;/p&gt;
&lt;p&gt;Is it possible to use two comparisons where this isn't the case? I was thinking maybe comparing the differences of the numbers somehow or their products or something, but came up with nothing.&lt;/p&gt;
&lt;p&gt;Just to reemphasize, two comparisons are still done, just that neither comparison relies on the result of the other comparison.&lt;/p&gt;
&lt;p&gt;Great answers so far, thanks guys&lt;/p&gt;</t>
  </si>
  <si>
    <t>2013-11-06 20:36:58.437000+00:00</t>
  </si>
  <si>
    <t>2013-11-22 20:52:47.410000+00:00</t>
  </si>
  <si>
    <t>2013-11-06 22:30:08.573000+00:00</t>
  </si>
  <si>
    <t>algorithm|comparison</t>
  </si>
  <si>
    <t>C Makefile - subdirectories for different file endings</t>
  </si>
  <si>
    <t>&lt;p&gt;I'm currently trying to work out a Makefile that I could use for multiple projects without the need to change it for every single project. However I recently began programming in C and making Makefiles&lt;/p&gt;
&lt;p&gt;This is my current project structure.&lt;/p&gt;
&lt;pre&gt;&lt;code&gt;project
 | src
   | gd.c, gd.h, geom.c(only file with main function)
 | obj // *.o files should be created here
 | bin // executable should be created here
 | Makefile
&lt;/code&gt;&lt;/pre&gt;
&lt;p&gt;This is what I have build so far, but am not sure at all how to specify the subdirectories for the compiled/linked files.&lt;/p&gt;
&lt;pre&gt;&lt;code&gt; 1  TARGET = projectname
 2  LIBS = -lm
 3  CC = gcc
 4  CFLAGS  = -std=c11 -Wall 
 5  LD = gcc
 6  LDFLAGS = -Wall 
 7
 8  SRCDIR = src
 9  OBJDIR = obj
10  EXEDIR = bin 
11  
12  SOURCES = 
13  HEADERS = 
14  OBJECTS = 
15 
16  $(EXEDIR)/$(TARGET): $(OBJECTS)
17      $(LD) $(OBJECTS) $(LDFLAGS) -o $@ $(LIBS)
18 
19  $(OBJECTS): $(SOURCES) $(HEADERS)
20      $(CC) $(CFLAGS) -c $&amp;lt; -o $@
21 
22  .PHONY: clean
23  clean:
24      rm -f *.o
25 
26  .PHONY: remove
27  remove: clean
28      rm -f $(EXEDIR)/$(TARGET)
&lt;/code&gt;&lt;/pre&gt;
&lt;p&gt;My Question would be:&lt;/p&gt;
&lt;ol&gt;
&lt;li&gt;How can I create these files and put them in their respective subdirectory with my layout or something similar to it?&lt;/li&gt;
&lt;li&gt;Is it possible to create the necessary folders(obj and bin) when using the make command and if so how can I do it?&lt;/li&gt;
&lt;/ol&gt;</t>
  </si>
  <si>
    <t>2017-05-14 15:34:17.767000+00:00</t>
  </si>
  <si>
    <t>2017-05-14 20:02:13.813000+00:00</t>
  </si>
  <si>
    <t>c|makefile</t>
  </si>
  <si>
    <t>CLLocationManagerDelegate methods not being called in Swift code</t>
  </si>
  <si>
    <t>&lt;p&gt;I'm trying to create a simple app that finds out the region someone is in, but I'm stuck because none of the CLLocationManagerDelegate methods are called when the app runs and finds locations.&lt;/p&gt;
&lt;p&gt;In case it's relevant I'm also not seeing the dialog asking that I give the app permission to use location.&lt;/p&gt;
&lt;p&gt;Here's what I have so far -&lt;/p&gt;
&lt;pre&gt;&lt;code&gt;import UIKit
import CoreLocation
class ViewController: UIViewController, CLLocationManagerDelegate {
@IBOutlet weak var locationLabel : UILabel!
var locationManager = CLLocationManager()
let geocoder = CLGeocoder ()
override func viewDidLoad() {
  super.viewDidLoad()
  // Do any additional setup after loading the view, typically from a nib.
  locationManager.delegate = self
  locationManager.desiredAccuracy = kCLLocationAccuracyBest
  locationManager.startUpdatingLocation()
}
override func viewDidDisappear(animated: Bool) {
  locationManager.stopUpdatingLocation()
}
override func didReceiveMemoryWarning() {
  super.didReceiveMemoryWarning()
  // Dispose of any resources that can be recreated.
}
func locationManager(manager: CLLocationManager!, didUpdateLocations locations:  [AnyObject]!) {
  geocoder.reverseGeocodeLocation(locations.last as CLLocation, completionHandler: {(placemark, error) in
    if (error != nil) {
      println("Error")
    } else {
      let pm = placemark.first as CLPlacemark
      println(pm)
    }
  })
}
func locationManager(manager: CLLocationManager!, didFailWithError error: NSError!) {
    println("Epic Fail")
  } 
}
&lt;/code&gt;&lt;/pre&gt;
&lt;p&gt;I've put in breakpoints so I know the code is never called. I have gone in and manually turned on location services for the app while it's been running too.&lt;/p&gt;</t>
  </si>
  <si>
    <t>2014-10-17 22:25:03.900000+00:00</t>
  </si>
  <si>
    <t>2018-06-20 02:56:24.890000+00:00</t>
  </si>
  <si>
    <t>ios|swift|core-location|cllocationmanager</t>
  </si>
  <si>
    <t>How do I make the current tab appear active?</t>
  </si>
  <si>
    <t>&lt;p&gt;I am trying to set these tabs in bootstrap to active when I am at the specific link page. I am new to web design. Anyone have any idea how to do this? This is my html code.&lt;/p&gt;
&lt;pre&gt;&lt;code&gt;  &amp;lt;div id="top"&amp;gt;
       &amp;lt;ul class="nav nav-tabs"&amp;gt;
           &amp;lt;li class="active"&amp;gt;&amp;lt;a href="index.php"&amp;gt;Home&amp;lt;/a&amp;gt;&amp;lt;/li&amp;gt;
           &amp;lt;li&amp;gt;&amp;lt;a href="history.php"&amp;gt;History&amp;lt;/a&amp;gt;&amp;lt;/li&amp;gt;
           &amp;lt;li&amp;gt;&amp;lt;a href="leader.php"&amp;gt;Leaderboard&amp;lt;/a&amp;gt;&amp;lt;/li&amp;gt;
           &amp;lt;li&amp;gt;&amp;lt;a href="talk.php"&amp;gt;Comments&amp;lt;/a&amp;gt;&amp;lt;/li&amp;gt;
       &amp;lt;/ul&amp;gt;
  &amp;lt;/div&amp;gt;
&lt;/code&gt;&lt;/pre&gt;</t>
  </si>
  <si>
    <t>2014-04-09 21:07:22.483000+00:00</t>
  </si>
  <si>
    <t>2014-04-09 23:06:14.850000+00:00</t>
  </si>
  <si>
    <t>html|twitter-bootstrap|tabs</t>
  </si>
  <si>
    <t>SQL Query, how to get data from two tables</t>
  </si>
  <si>
    <t>&lt;p&gt;&lt;strong&gt;Table 1&lt;/strong&gt;:&lt;/p&gt;
&lt;pre&gt;&lt;code&gt;ID (unqiue), Name, Address
&lt;/code&gt;&lt;/pre&gt;
&lt;p&gt;&lt;strong&gt;Table 2&lt;/strong&gt;:&lt;/p&gt;
&lt;pre&gt;&lt;code&gt;RecordId, ID (key of table 1),  Child name
&lt;/code&gt;&lt;/pre&gt;
&lt;p&gt;In one query, I want to retrieve all rows of Table 1 with one additional column which will be the count of all record in table 2 from ID (that is number of children for each ID in table 1).  Can't figure out how to format a query to retrieve this data.&lt;/p&gt;</t>
  </si>
  <si>
    <t>2017-01-19 04:34:11.187000+00:00</t>
  </si>
  <si>
    <t>2017-01-19 05:55:03.147000+00:00</t>
  </si>
  <si>
    <t>SQL Server 2014 Dynamic SQL</t>
  </si>
  <si>
    <t>&lt;p&gt;Please take a look at the code and help me on the last part, &lt;strong&gt;--put all together = fail !!!&lt;/strong&gt;&lt;/p&gt;
&lt;p&gt;I wanted to generate a string for executing &lt;code&gt;sp_executesql&lt;/code&gt; but I'm getting an error at the end. I also tried open cursor but it error out too.&lt;/p&gt;
&lt;p&gt;Basically I'm trying to get actual row count per column per table for all tables 
because general rowcount want give you if new column added and populated.&lt;/p&gt;
&lt;pre&gt;&lt;code&gt;USE AdventureWorks2014
GO
-- Create view to hold the dataset
Alter view vColumnSchema
AS
with myColumnName
As
(
Select      TOP (100) PERCENT 
            GetDate() As create_date,
            @@SERVERNAME As Server_Name,
            DB_Name() AS database_name,
            c.[object_id],
            s.name AS [schema_name],                      
            t.name as table_name,
            c.name as column_name,
            p.rows AS NUM_ROWS,
            c.[precision]                                     
from        sys.tables as t
INNER JOIN  sys.columns as c with(nolock) on t.[object_id] = c.[object_id]
INNER JOIN  sys.indexes AS i ON t.object_id = i.object_id 
INNER JOIN  sys.partitions AS p ON i.object_id = p.object_id AND i.index_id = p.index_id 
INNER JOIN  sys.schemas AS s ON s.schema_id = t.schema_id
WHERE       t.name NOT LIKE 'dt%' 
AND         i.object_id &amp;gt; 255 
AND         i.index_id &amp;lt;= 1
And         s.name is not null
Order by    s.name,
            t.name       
)
Select      Top 100 percent 
            create_date,
            Server_Name,
            database_name, 
            [schema_name],
            table_name,
            column_name,
            NUM_ROWS,
            case when precision = 0 then
            'Select Count('+column_name+')'+' from ' +[schema_name]+'.'+table_name+ ' where '+column_name+'&amp;lt;&amp;gt; '''' '  
            else 
            'Select Count(' +column_name+')'+' from ' +[schema_name]+ '.'+table_name+' where '+column_name+'&amp;gt; 0'   
            END as ColumnCount,
            case when precision = 0 
            then ' &amp;lt;&amp;gt; '''' '    
            Else '&amp;gt; 0' 
            END As WhereClause                  
from        myColumnName
Order by    [schema_name],
            table_name
GO
select * from vColumnSchema 
where table_name = 'ProductCostHistory'
go
select * from Production.ProductCostHistory -- 395 records
--pick one record and test it = pass
Select Count(EndDate) from Production.ProductCostHistory where EndDate&amp;lt;&amp;gt; '' --200 records
GO
--test = pass on both whereClause
Declare @Column_name nvarchar(50) = 'EndDate' 
Declare @Schema_Name nvarchar(20) = 'Production'
declare @table_name nvarchar(50)  = 'ProductCostHistory'
declare @whereClause nvarchar(5) =  '&amp;lt;&amp;gt; '''' ' 
declare @sqltext nvarchar(max) ='
select count('+@Column_name+') as ColumnCount from ' +@Schema_Name+'.'+@table_name+' where '+@Column_name+' '+@WhereClause+'
'
EXECUTE sp_executesql @sqltext 
GO
--examine each column = pass
Declare @Column_name nvarchar(50) = 'select Column_name from vColumnSchema'
EXECUTE sp_executesql @Column_name
GO
Declare @schema_name nvarchar(50) = 'select schema_name from vColumnSchema'
EXECUTE sp_executesql @schema_name
GO
declare @table_name nvarchar(50)  = 'select table_name from vColumnSchema'
EXECUTE sp_executesql  @table_name
GO
declare @WhereClause nvarchar(50)  = 'select WhereClause from vColumnSchema'
EXECUTE sp_executesql  @WhereClause 
GO
--put all together = fail !!!
declare @Column_name nvarchar(50) = 'select Column_name from vColumnSchema'
declare @schema_name nvarchar(50) = 'select schema_name from vColumnSchema'
declare @table_name nvarchar(50)  = 'select table_name from vColumnSchema'
declare @WhereClause nvarchar(5)  = 'select WhereClause from vColumnSchema';
declare @sqltext nvarchar(max)    ='
select count('+@Column_name+') as ColumnCount from ' +@Schema_Name+'.'+@table_name+' where '+@Column_name+' '+@WhereClause+' 
'
EXECUTE sp_executesql @sqltext
go
&lt;/code&gt;&lt;/pre&gt;</t>
  </si>
  <si>
    <t>2015-08-13 01:48:38.570000+00:00</t>
  </si>
  <si>
    <t>2015-08-13 06:35:08.720000+00:00</t>
  </si>
  <si>
    <t>sql|sql-server|dynamic|sql-server-2014</t>
  </si>
  <si>
    <t>Ember Getting Started</t>
  </si>
  <si>
    <t>&lt;p&gt;I'm playing the Ember doing the Getting Started tutorial: &lt;a href="http://emberjs.com/guides/getting-started/displaying-model-data/" rel="nofollow noreferrer"&gt;http://emberjs.com/guides/getting-started/displaying-model-data/&lt;/a&gt; but I got stuck, I don't know what I'm doing wrong. Everything was fine until I got to Displaying Model Data, you only has to add:&lt;/p&gt;
&lt;pre&gt;&lt;code&gt;Todos.TodosRoute = Ember.Route.extend({
  model: function () {
    return Todos.Todo.find();
  }
});
&lt;/code&gt;&lt;/pre&gt;
&lt;p&gt;to return all existing todos and replace the static html with handlebars to make it dynamic:&lt;/p&gt;
&lt;pre&gt;&lt;code&gt;&amp;lt;ul id="todo-list"&amp;gt;
  {{#each controller}}
    &amp;lt;li&amp;gt;
      &amp;lt;input type="checkbox" class="toggle"&amp;gt;
      &amp;lt;label&amp;gt;{{title}}&amp;lt;/label&amp;gt;&amp;lt;button class="destroy"&amp;gt;&amp;lt;/button&amp;gt;
    &amp;lt;/li&amp;gt;
  {{/each}}
&amp;lt;/ul&amp;gt;
&lt;/code&gt;&lt;/pre&gt;
&lt;p&gt;And this is the result:
&lt;img src="https://i.stack.imgur.com/dbg5a.gif" alt="enter image description here"&gt;&lt;/p&gt;
&lt;p&gt;As I said, it worked fine before until this point. Code &lt;a href="http://jsbin.com/atinup/3/edit" rel="nofollow noreferrer"&gt;right here&lt;/a&gt;.&lt;/p&gt;</t>
  </si>
  <si>
    <t>2013-06-06 15:59:08.353000+00:00</t>
  </si>
  <si>
    <t>2014-09-22 07:49:04.080000+00:00</t>
  </si>
  <si>
    <t>2013-06-06 19:20:34.980000+00:00</t>
  </si>
  <si>
    <t>javascript|ember.js</t>
  </si>
  <si>
    <t>Python makes system call to nodejs inside SLURM, but cannot get output from node.js</t>
  </si>
  <si>
    <t>&lt;p&gt;I have a python code which works when I run from console.&lt;/p&gt;
&lt;pre&gt;&lt;code&gt;python hello.py; #returns hello.
&lt;/code&gt;&lt;/pre&gt;
&lt;p&gt;But when I run my python code inside SLURM, nodejs code won't return any output. I see an empty string &lt;code&gt;['']&lt;/code&gt;. &lt;/p&gt;
&lt;p&gt;hello.py&lt;/p&gt;
&lt;pre&gt;&lt;code&gt;def contractCall( val ):
   return os.popen( val + "| sudo nodejs").read().replace("\n", "").replace(" ", "");
jobInfo = contractCall('echo "console.log( \'hello\'   )"');
print(jobInfo); #this line returns [''] when I call it inside SLURM.
&lt;/code&gt;&lt;/pre&gt;
&lt;p&gt;slurmRun.sh&lt;/p&gt;
&lt;pre&gt;&lt;code&gt;#!/bin/bash
#SBATCH -o slurm.out        # STDOUT
#SBATCH -e slurm.err        # STDERR
python hello.py 
&lt;/code&gt;&lt;/pre&gt;
&lt;p&gt;its output: &lt;code&gt;['']&lt;/code&gt;&lt;/p&gt;
&lt;p&gt;Thank you for your valuable time and help.&lt;/p&gt;</t>
  </si>
  <si>
    <t>2017-05-03 23:22:05.603000+00:00</t>
  </si>
  <si>
    <t>2017-05-03 23:27:18.487000+00:00</t>
  </si>
  <si>
    <t>python|node.js|slurm</t>
  </si>
  <si>
    <t>c++ blank app connection with SQL server</t>
  </si>
  <si>
    <t>&lt;p&gt;I want to connect c++ app with SQL server to retrieve information from there such as usernames and passwords but I don't know how to do it could anyone help me?&lt;/p&gt;</t>
  </si>
  <si>
    <t>2015-12-31 08:09:46.437000+00:00</t>
  </si>
  <si>
    <t>2015-12-31 09:35:40.387000+00:00</t>
  </si>
  <si>
    <t>c++|sql-server|connection-string</t>
  </si>
  <si>
    <t>StaticResource for StringFormat in win phone not working</t>
  </si>
  <si>
    <t>&lt;p&gt;I have declared a resource in Application.Resources like &lt;/p&gt;
&lt;pre&gt;&lt;code&gt; &amp;lt;sys:String x:Key="DecimalFormat"&amp;gt;\{0:F2\}&amp;lt;/sys:String&amp;gt;
&lt;/code&gt;&lt;/pre&gt;
&lt;p&gt;Now on textbox I giving this static resource as StringFormat but its not working. I also tried  binding of stringFormat application breaks. Is there any I want to make stringformat dynamic.&lt;/p&gt;</t>
  </si>
  <si>
    <t>2013-07-17 18:17:24.340000+00:00</t>
  </si>
  <si>
    <t>2013-07-17 22:31:39.017000+00:00</t>
  </si>
  <si>
    <t>xaml|windows-phone-7.1</t>
  </si>
  <si>
    <t>Sorting a Result in Python</t>
  </si>
  <si>
    <t>&lt;p&gt;I am using a code to extract a value from a file and I have a loop that does this process for 12 times so in total I receive 12 numbers shown on the screen seperetaly and I want them to be sorted from small to big in the end but I could not do it with the &lt;code&gt;sorted()&lt;/code&gt; code.&lt;/p&gt;
&lt;p&gt;The result looks like&lt;/p&gt;
&lt;pre&gt;&lt;code&gt;57423.8674915
57423.8821137
57423.8891771
57423.856707
57423.8604281
&lt;/code&gt;&lt;/pre&gt;
&lt;p&gt;I  so I want them to be in order from small to large but they are not an array or anything they are just 12 numbers taken from different files shown on the screen..&lt;/p&gt;
&lt;p&gt;This is the code I use : &lt;/p&gt;
&lt;pre&gt;&lt;code&gt;for fitsName in glob.glob('*.fits'):
    hdulist = pyfits.open(fitsName)
    a = hdulist[0].header['JD'] - 2400000.5
    sorted(a, key=lambda x: x[1])
    print  a
    hdulist.close()
&lt;/code&gt;&lt;/pre&gt;
&lt;p&gt;Here a is 12 numbers taken from a .fits file but in random order, so I want them to be in
an order from small to larger.&lt;/p&gt;</t>
  </si>
  <si>
    <t>2016-02-07 01:31:24.310000+00:00</t>
  </si>
  <si>
    <t>2016-02-07 10:02:42.487000+00:00</t>
  </si>
  <si>
    <t>2016-02-07 01:51:37.263000+00:00</t>
  </si>
  <si>
    <t>python|sorting</t>
  </si>
  <si>
    <t>Special characters executing javascript code in R</t>
  </si>
  <si>
    <t>&lt;p&gt;I try to execute a javascript line which runs in JS console which is this:&lt;/p&gt;
&lt;pre&gt;&lt;code&gt;window.document.querySelectorAll('.atbk[href*="/url"]')
&lt;/code&gt;&lt;/pre&gt;
&lt;p&gt;I try to use it with the following script:&lt;/p&gt;
&lt;pre&gt;&lt;code&gt;startServer()
remDr &amp;lt;- remoteDriver()
remDr$open()
remDr$navigate(a_url)
re &amp;lt;-  remDr$executeScript('return window.document.querySelectorAll('.atbk[href*="/url"]');')
Error: unexpected symbol in "re &amp;lt;-  remDr$executeScript('return window.document.querySelectorAll('.atbk"
&lt;/code&gt;&lt;/pre&gt;
&lt;p&gt;Is there any difference in character I should use?&lt;/p&gt;</t>
  </si>
  <si>
    <t>2015-10-27 14:01:24.930000+00:00</t>
  </si>
  <si>
    <t>2015-10-27 14:43:33.097000+00:00</t>
  </si>
  <si>
    <t>Python 3 - A Specific Operation on a List</t>
  </si>
  <si>
    <t>&lt;p&gt;I have a list of length n having positive numbers like:&lt;/p&gt;
&lt;pre&gt;&lt;code&gt;list = [a,b,c,d,g,h,w,x,y,z]
&lt;/code&gt;&lt;/pre&gt;
&lt;p&gt;where a,b,c... are all numbers. I want to check if the list has any any two consecutive pairs of numbers which satisfy the below criteria:&lt;/p&gt;
&lt;pre&gt;&lt;code&gt;[w,x] and [y,z] such that w = z +/- 1 and x = y +/- 1 and abs(w-x) == abs(y-z)
&lt;/code&gt;&lt;/pre&gt;
&lt;p&gt;for example - &lt;/p&gt;
&lt;pre&gt;&lt;code&gt;&amp;gt;&amp;gt;&amp;gt; l
[0, 3, 2, 5, 4, 1, 6]
(2,5) and (4,1) are such consecutive pairs of list elements.
&lt;/code&gt;&lt;/pre&gt;
&lt;p&gt;Any tips will be useful.&lt;/p&gt;</t>
  </si>
  <si>
    <t>2015-06-03 06:05:08.970000+00:00</t>
  </si>
  <si>
    <t>2015-06-03 06:53:32.707000+00:00</t>
  </si>
  <si>
    <t>2015-06-03 06:25:13.323000+00:00</t>
  </si>
  <si>
    <t>Macro to Skip Blank Lines</t>
  </si>
  <si>
    <t>&lt;p&gt;I understand that this is a question that has been asked before in a multitude of forms, but every time I try to use the solution to answer my problem, it's not working and I can't figure out how to adjust to make it work for me.&lt;/p&gt;
&lt;p&gt;I have a sheet that, with formulas, pulls all of the data from a daily-updated spreadsheet based on NBA games; in other words, who they're playing, what their opponent's rank is, etc...  This creates a large spreadsheet with a line for each player with the aforementioned data next to players who are active tonight.  &lt;/p&gt;
&lt;p&gt;If a player isn't active, his line is blank.&lt;/p&gt;
&lt;p&gt;I want to set up a way to automatically parse a new sheet with &lt;em&gt;just&lt;/em&gt; the list of active players, skipping the inactive players.  I understand that I need to create a looped macro that will go through each cell and copy that cell value if it &amp;lt;&gt;"", but I can't seem to get it to work.&lt;/p&gt;</t>
  </si>
  <si>
    <t>2015-01-06 21:40:34.930000+00:00</t>
  </si>
  <si>
    <t>2015-01-08 17:21:38.520000+00:00</t>
  </si>
  <si>
    <t>vba</t>
  </si>
  <si>
    <t>MDX and PeriodsToDate</t>
  </si>
  <si>
    <t>&lt;p&gt;I'm very new to MDX so I hope this is a simple question for a MDX expert.  I have the following expression SUM(PeriodsToDate([Accounting Date].[(All)]),[Measures].[Amount]) which this piece works as expected.  I need to add a filter or IIF statement that basically does the following:&lt;/p&gt;
&lt;pre&gt;&lt;code&gt;IF 
  SUM(PeriodsToDate([Accounting Date].[(All)]),[Measures].[Amount]) &amp;lt; 0 
    Then 0
Else 
  SUM(PeriodsToDate([Accounting Date].[(All)]),[Measures].[Amount])
&lt;/code&gt;&lt;/pre&gt;</t>
  </si>
  <si>
    <t>2017-02-10 19:59:12.893000+00:00</t>
  </si>
  <si>
    <t>2017-02-18 12:32:12.693000+00:00</t>
  </si>
  <si>
    <t>ssas|mdx</t>
  </si>
  <si>
    <t>onmouseover not working on chrome?</t>
  </si>
  <si>
    <t>&lt;p&gt;i want to use onmouseover so that it replaces preview picture with thumbnail picture when mouse is on it..
below code works fine on firefox and IE but not working on chrome..
here is the link where it is applied &lt;a href="http://samdesign.comli.com/gallery.html" rel="nofollow"&gt;samdesign.comli.com/gallery.html&lt;/a&gt;&lt;/p&gt;
&lt;pre&gt;&lt;code&gt;    &amp;lt;div class="gallery" align="center"&amp;gt;
&amp;lt;h1&amp;gt;Photo Gallery&amp;lt;/h1&amp;gt;&amp;lt;br/&amp;gt;
&amp;lt;div class="thumbnails"&amp;gt;
    &amp;lt;img onMouseOver="preview.src=img1.src" id="img1" src="images/Salman_Siddiqui.jpg" alt="Image Not Loaded"/&amp;gt;
    &amp;lt;img onMouseOver="preview.src=img2.src" id="img2" src="images/slide6.jpg" alt="Image Not Loaded"/&amp;gt;
    &amp;lt;img onmouseover="preview.src=img3.src" id="img3" src="images/slide1.jpg" alt="Image Not Loaded"/&amp;gt;
    &amp;lt;img onmouseover="preview.src=img4.src" id="img4" src="images/slide2.jpg" alt="Image Not Loaded"/&amp;gt;
    &amp;lt;img onmouseover="preview.src=img5.src" id="img5" src="images/slide3.jpg" alt="Image Not Loaded"/&amp;gt;
    &amp;lt;img onmouseover="preview.src=img6.src" id="img6" src="images/slide4.jpg" alt="Image Not Loaded"/&amp;gt;
    &amp;lt;img onmouseover="preview.src=img7.src" id="img7" src="images/slide5.jpg" alt="Image Not Loaded"/&amp;gt;
    &amp;lt;img onmouseover="preview.src=img8.src" id="img8" src="images/slide7.jpg" alt="Image Not Loaded"/&amp;gt;
&amp;lt;/div&amp;gt;&amp;lt;br/&amp;gt;
&amp;lt;div class="preview" align="center"&amp;gt;
    &amp;lt;img id="preview" src="images/Salman_Siddiqui.jpg" alt="No Image Loaded"/&amp;gt;
&amp;lt;/div&amp;gt;
&amp;lt;br/&amp;gt;
&amp;lt;/div&amp;gt;
&lt;/code&gt;&lt;/pre&gt;</t>
  </si>
  <si>
    <t>2014-01-31 16:52:47.370000+00:00</t>
  </si>
  <si>
    <t>2014-02-06 19:08:58.260000+00:00</t>
  </si>
  <si>
    <t>javascript|jquery|html|google-chrome</t>
  </si>
  <si>
    <t>Installing hadoop on Centos 7 but command is not working</t>
  </si>
  <si>
    <t>&lt;p&gt;I am trying to install cluster hadoop on centos7. But command is not responding , I manually download the hadoop from this &lt;a href="http://www.apache.org/dyn/closer.cgi/hadoop/common/hadoop-2.7.0/hadoop-2.7.0.tar.gz" rel="nofollow noreferrer"&gt;link&lt;/a&gt; on windows and then copy on VMware and installing using this command but this is not working.&lt;/p&gt;
&lt;p&gt;&lt;a href="https://i.stack.imgur.com/uJ1gE.jpg" rel="nofollow noreferrer"&gt;&lt;img src="https://i.stack.imgur.com/uJ1gE.jpg" alt="enter image description here"&gt;&lt;/a&gt;&lt;/p&gt;</t>
  </si>
  <si>
    <t>2015-11-27 17:19:04.867000+00:00</t>
  </si>
  <si>
    <t>2015-11-27 18:41:16.440000+00:00</t>
  </si>
  <si>
    <t>hadoop|centos|vmware|centos7</t>
  </si>
  <si>
    <t>Inserting substring in string at specific index counting from end. How to in mysql?</t>
  </si>
  <si>
    <t>&lt;p&gt;I have problem with mysql insert().&lt;/p&gt;
&lt;p&gt;I have strings of variable length (15-20 chars) in a table, and I need to add 4 characters to every string. The catch is that I need to add them exactly 4 chars before the end of the string.&lt;/p&gt;
&lt;p&gt;For example, given input string &lt;code&gt;1234567890-123&lt;/code&gt; I need to add 'ABCD' before '-', so that the string becomes &lt;code&gt;1234567890ABCD-123&lt;/code&gt;.&lt;/p&gt;
&lt;ul&gt;
&lt;li&gt;I tried with insert() function but it can't do it. &lt;/li&gt;
&lt;li&gt;Is there solution for this or do I need to write an application to do it?&lt;/li&gt;
&lt;li&gt;I use MySQL 4.1.&lt;/li&gt;
&lt;/ul&gt;</t>
  </si>
  <si>
    <t>2011-08-11 10:30:46.867000+00:00</t>
  </si>
  <si>
    <t>2011-08-11 10:39:50.990000+00:00</t>
  </si>
  <si>
    <t>2011-08-11 10:38:13.640000+00:00</t>
  </si>
  <si>
    <t>MongoFiles, GridFS, and Perl</t>
  </si>
  <si>
    <t>&lt;p&gt;I've been using perl, MongoDB, and GridFS for some pet development, and wonder - is there anyway for perl to interface with Mongofiles (other than navigate there with system commands and call it that way, heh) - like..well...a cpan library? Or an extension of the current CPAN module for Mongo?&lt;/p&gt;
&lt;p&gt;For an example of what I'd like to do:&lt;/p&gt;
&lt;p&gt;I'd like to be able to store files into my mongoDB and retrieve files into my mongoDB - for example, from the command line, once I have navigated to the directory with mongofiles in it, I can execute&lt;/p&gt;
&lt;pre&gt;&lt;code&gt;mongofiles put "C:\Users\Me\cool.txt"
&lt;/code&gt;&lt;/pre&gt;
&lt;p&gt;And it will store the file into the DB! Let's say I DELETE cool.txt off of my drive. Now when I execute:&lt;/p&gt;
&lt;pre&gt;&lt;code&gt;mongofiles get "C:\Users\Me\cool.txt"
&lt;/code&gt;&lt;/pre&gt;
&lt;p&gt;It retrieves the file out of the DB and puts it in my directory! I just want to be able to access this mongofiles functionality from Perl. Even if that means having a copy of mongofiles in the directory with my script.&lt;/p&gt;</t>
  </si>
  <si>
    <t>2012-06-21 19:21:46.043000+00:00</t>
  </si>
  <si>
    <t>2012-06-21 20:11:36.440000+00:00</t>
  </si>
  <si>
    <t>perl|mongodb|gridfs</t>
  </si>
  <si>
    <t>Android Custom View always getting 0 width when calling onMeasure</t>
  </si>
  <si>
    <t>&lt;p&gt;I'm fairly new to android dev and am trying to learn ropes.  In order to do that I've been messing around Custom Views in android.  I am trying to build an alarm clock app and I want to make a nice spinner to select the times from.  Similar to say this:&lt;/p&gt;
&lt;p&gt;&lt;a href="http://i47.tinypic.com/aymyjc.jpg" rel="nofollow"&gt;http://i47.tinypic.com/aymyjc.jpg&lt;/a&gt;&lt;/p&gt;
&lt;p&gt;I have created an AndroidScollSpinner class that looks like this:&lt;/p&gt;
&lt;pre&gt;&lt;code&gt;public class AndroidScrollSpinner extends View {
    public AndroidScrollSpinner(Context context) {
        super(context);
    }
    @Override
    protected void onDraw(Canvas canvas) {
        super.onDraw(canvas);
        drawBackground(canvas);
        drawSomeText(canvas);
        canvas.restore();
    }
    private void drawSomeText(Canvas canvas) {
        Paint titlePaint = new Paint();
        titlePaint.setColor(Color.BLUE);
        canvas.drawTextOnPath("Bert", new Path(), 0.0f,0.0f, titlePaint);
    }
    private void drawBackground(Canvas canvas) {
        Paint backgroundPaint = new Paint();
        backgroundPaint.setColor(getResources().getColor(R.color.bluegrass));
        backgroundPaint.setStyle(Paint.Style.FILL);
        Bitmap background = Bitmap.createBitmap(getWidth(), getHeight(), Bitmap.Config.ARGB_8888);
        canvas.drawBitmap(background, 0, 0, backgroundPaint);
    }
    @Override
    protected void onMeasure(int widthMeasureSpec, int heightMeasureSpec) {
        int minw = getPaddingLeft() + getPaddingRight() + getSuggestedMinimumWidth();
        int w = Math.max(minw, MeasureSpec.getSize(widthMeasureSpec));
        int h = MeasureSpec.getSize(heightMeasureSpec);
        setMeasuredDimension(w, h);
    }
}
&lt;/code&gt;&lt;/pre&gt;
&lt;p&gt;The issue I am having is in the onMeasure&lt;/p&gt;
&lt;p&gt;The MeasureSpec.getSize(widthMeasureSpec) always returns 0.  Does anyone know why?  Or what I am missing here?&lt;/p&gt;
&lt;p&gt;Here's my layout file as well.&lt;/p&gt;
&lt;pre&gt;&lt;code&gt;&amp;lt;?xml version="1.0" encoding="utf-8"?&amp;gt;
&amp;lt;LinearLayout xmlns:android="http://schemas.android.com/apk/res/android"
              android:orientation="vertical"
              android:layout_width="fill_parent"
              android:layout_height="wrap_content"&amp;gt;
    &amp;lt;LinearLayout xmlns:android="http://schemas.android.com/apk/res/android"
                  android:orientation="horizontal"
                  android:layout_width="fill_parent"
                  android:layout_height="match_parent"
                  android:gravity="center_horizontal"
                  android:id="@+id/addAlarmSpinnerLayout"&amp;gt;
    &amp;lt;/LinearLayout&amp;gt;
    &amp;lt;LinearLayout android:layout_width="match_parent"
                  android:layout_height="wrap_content"&amp;gt;
        &amp;lt;ToggleButton android:id="@+id/sundayToggleButton"
                      android:layout_width="match_parent"
                      android:layout_height="wrap_content"
                      android:layout_weight="0.14"
                      android:textOn="@string/S"
                      android:textOff="@string/S"/&amp;gt;
        &amp;lt;ToggleButton android:id="@+id/mondayToggleButton"
                      android:layout_width="match_parent"
                      android:layout_height="wrap_content"
                      android:layout_weight="0.14"
                      android:textOn="@string/M"
                      android:textOff="@string/M"/&amp;gt;
        &amp;lt;ToggleButton android:id="@+id/tuesdayToggleButton"
                      android:layout_width="match_parent"
                      android:layout_height="wrap_content"
                      android:layout_weight="0.14"
                      android:textOn="@string/T"
                      android:textOff="@string/T"/&amp;gt;
        &amp;lt;ToggleButton android:id="@+id/wednesdayToggleButton"
                      android:layout_width="match_parent"
                      android:layout_height="wrap_content"
                      android:layout_weight="0.14"
                      android:textOn="@string/W"
                      android:textOff="@string/W"/&amp;gt;
        &amp;lt;ToggleButton android:id="@+id/thursdayToggleButton"
                      android:layout_width="match_parent"
                      android:layout_height="wrap_content"
                      android:layout_weight="0.14"
                      android:textOn="@string/T"
                      android:textOff="@string/T"/&amp;gt;
        &amp;lt;ToggleButton android:id="@+id/fridayToggleButton"
                      android:layout_width="match_parent"
                      android:layout_height="wrap_content"
                      android:layout_weight="0.14"
                      android:textOn="@string/F"
                      android:textOff="@string/F"/&amp;gt;
        &amp;lt;ToggleButton android:id="@+id/saturdayToggleButton"
                      android:layout_width="match_parent"
                      android:layout_height="wrap_content"
                      android:layout_weight="0.14"
                      android:textOn="@string/S"
                      android:textOff="@string/S"/&amp;gt;
    &amp;lt;/LinearLayout&amp;gt;
    &amp;lt;Button android:id="@+id/doneButton"
            android:layout_width="fill_parent"
            android:layout_height="wrap_content"
            android:text="@string/done"
            android:onClick="onDoneClicked"&amp;gt;
    &amp;lt;/Button&amp;gt;
    &amp;lt;Switch
            android:layout_width="wrap_content"
            android:layout_height="wrap_content"
            android:text="@string/hour24Clock"
            android:id="@+id/hour24switch"
            android:layout_gravity="center"
            android:enabled="true"
            android:onClick="createSpinners"/&amp;gt;
&amp;lt;/LinearLayout&amp;gt;
&lt;/code&gt;&lt;/pre&gt;
&lt;p&gt;If you need to know anything else about the app, have a look here under &lt;a href="https://github.com/rdsmallwood928/NeverLate" rel="nofollow"&gt;https://github.com/rdsmallwood928/NeverLate&lt;/a&gt;&lt;/p&gt;
&lt;p&gt;Also I do realize that there probably third party libraries out there that I can use to get the spinner effect that I want.  However, I'm really doing this as a learning exercise so it more important to me to understand why this code always returns 0 than to inject a custom component from somewhere else and get on with my life.  Thanks in advance for your help!&lt;/p&gt;
&lt;p&gt;EDIT:  Here is the AddAlarmFragment class that creates the spinners&lt;/p&gt;
&lt;pre&gt;&lt;code&gt;public class AddAlarmFragment extends Fragment {
    private AndroidClickSpinner minuteSpinner;
    private AndroidClickSpinner hourSpinner;
    private AndroidClickSpinner amPmSpinner;
    private ToggleButton mondayToggle;
    private ToggleButton tuesdayToggle;
    private ToggleButton wednesdayToggle;
    private ToggleButton thursdayToggle;
    private ToggleButton fridayToggle;
    private ToggleButton saturdayToggle;
    private ToggleButton sundayToggle;
    private Switch hour24Switch = null;
    @Override
    public View onCreateView(LayoutInflater inflater, ViewGroup container, Bundle savedInstanceState) {
        return inflater.inflate(R.layout.add_alarm, container, false);
    }
    public void onViewCreated(View view, Bundle savedInstanceState) {
        super.onViewCreated(view, savedInstanceState);
        createSpinners(view);
    }
    @Override
    public void onResume() {
        super.onResume();
    }
    public void createSpinners(View view) {
        LinearLayout layout = (LinearLayout) view.findViewById(R.id.addAlarmSpinnerLayout);
        hour24Switch = (Switch) view.findViewById(R.id.hour24switch);
        layout.removeAllViews();
        ArrayList&amp;lt;Object&amp;gt; hours = new ArrayList&amp;lt;&amp;gt;();
        if(hour24Switch.isChecked())  {
            for(int i=0;i&amp;lt;24;i++) hours.add(i);
        } else {
            for(int i=1;i&amp;lt;=12;i++) hours.add(i);
        }
        hourSpinner = new AndroidClickSpinner(getActivity(), hours);
        layout.addView(hourSpinner);
        ArrayList&amp;lt;Object&amp;gt; minutes = new ArrayList&amp;lt;&amp;gt;();
        for(int i=0;i&amp;lt;=60;i++) minutes.add(i);
        minuteSpinner = new AndroidClickSpinner(getActivity(), minutes);
        layout.addView(minuteSpinner);
        if(!hour24Switch.isChecked()) {
            ArrayList&amp;lt;Object&amp;gt; amPm = new ArrayList&amp;lt;&amp;gt;();
            amPm.add("AM");
            amPm.add("PM");
            amPmSpinner = new AndroidClickSpinner(getActivity(), amPm);
            layout.addView(amPmSpinner);
        }
        mondayToggle = (ToggleButton) view.findViewById(R.id.mondayToggleButton);
        tuesdayToggle = (ToggleButton) view.findViewById(R.id.tuesdayToggleButton);
        wednesdayToggle = (ToggleButton) view.findViewById(R.id.wednesdayToggleButton);
        thursdayToggle = (ToggleButton) view.findViewById(R.id.thursdayToggleButton);
        fridayToggle = (ToggleButton) view.findViewById(R.id.fridayToggleButton);
        saturdayToggle = (ToggleButton) view.findViewById(R.id.saturdayToggleButton);
        sundayToggle = (ToggleButton) view.findViewById(R.id.sundayToggleButton);
        //Prevent no day selected...
        switch (new LocalDate().getDayOfWeek()) {
            case 1:
                mondayToggle.setSelected(true);
                break;
            case 2:
                tuesdayToggle.setSelected(true);
                break;
            case 3:
                wednesdayToggle.setSelected(true);
                break;
            case 4:
                thursdayToggle.setSelected(true);
                break;
            case 5:
                fridayToggle.setSelected(true);
                break;
            case 6:
                saturdayToggle.setSelected(true);
                break;
            case 7:
                sundayToggle.setSelected(true);
                break;
        }
        PieChart pie = new PieChart(getActivity());
        Resources res = getResources();
        pie.addItem("Agamemnon", 2, res.getColor(R.color.seafoam));
        pie.addItem("Bocephus", 3.5f, res.getColor(R.color.chartreuse));
        pie.addItem("Calliope", 2.5f, res.getColor(R.color.emerald));
        pie.addItem("Daedalus", 3, res.getColor(R.color.bluegrass));
        pie.addItem("Euripides", 1, res.getColor(R.color.turquoise));
        pie.addItem("Ganymede", 3, res.getColor(R.color.slate));
        layout.addView(pie);
        layout.addView(new AndroidScrollSpinner(getActivity()));
    }
    public Integer getHours() {
        Integer hour = Integer.parseInt(hourSpinner.getSelectedItem().toString());
        if(!hour24Switch.isChecked()) {
            if(hour == 12) {
                hour = 0;
            }
            if(amPmSpinner.getSelectedItem().equals("PM")) {
                hour = hour + 12;
            }
        }
        return hour;
    }
    public Integer getMinutes() {
        return Integer.parseInt(minuteSpinner.getSelectedItem().toString());
    }
    public boolean[] getDays() {
        boolean[] days = new boolean[7];
        days[0] = mondayToggle.isChecked();
        days[1] = tuesdayToggle.isChecked();
        days[2] = wednesdayToggle.isChecked();
        days[3] = thursdayToggle.isChecked();
        days[4] = fridayToggle.isChecked();
        days[5] = saturdayToggle.isChecked();
        days[6] = sundayToggle.isChecked();
        return days;
    }
}
&lt;/code&gt;&lt;/pre&gt;</t>
  </si>
  <si>
    <t>2014-04-04 17:53:22.770000+00:00</t>
  </si>
  <si>
    <t>2014-04-05 17:31:50.633000+00:00</t>
  </si>
  <si>
    <t>java|android|android-custom-view</t>
  </si>
  <si>
    <t>Google Maps Utilities IOS Pod error</t>
  </si>
  <si>
    <t>&lt;p&gt;I'm having trouble adding Google Maps IOS Utilities (for marker clustering) to my swift xcode project with pods.
When I run &lt;code&gt;pod install&lt;/code&gt; it fails with the following error: &lt;/p&gt;
&lt;blockquote&gt;
  &lt;p&gt;The 'Pods-App' target has transitive dependencies that include static
  binaries:
  (/Users/warrick/Projects/orix/App/Pods/GoogleMaps/Subspecs/Base/Frameworks/GoogleMapsBase.framework,
  /Users/warrick/Projects/orix/App/Pods/GoogleMaps/Subspecs/Maps/Frameworks/GoogleMapsCore.framework,
  and
  /Users/warrick/Projects/orix/App/Pods/GoogleMaps/Subspecs/Maps/Frameworks/GoogleMaps.framework)&lt;/p&gt;
&lt;/blockquote&gt;
&lt;p&gt;Google maps works fine, but as soon as I add the utilities it breaks.&lt;/p&gt;
&lt;p&gt;What does this error message mean, and how can I go about resolving it?&lt;/p&gt;
&lt;p&gt;Here is my Podfile:&lt;/p&gt;
&lt;pre&gt;&lt;code&gt;# Uncomment the next line to define a global platform for your project
# platform :ios, '9.0'
workspace '../app'
target 'App' do
  # Comment the next line if you're not using Swift and don't want to use dynamic frameworks
  use_frameworks!
  pod 'GoogleMaps'
  pod 'Google-Maps-iOS-Utils'
  # Firebase - used for notifications
  pod 'Firebase/Core'
  pod 'Firebase/Messaging'
  target 'AppTests' do
    inherit! :search_paths
    # Pods for testing
  end
end
&lt;/code&gt;&lt;/pre&gt;</t>
  </si>
  <si>
    <t>2016-12-12 04:44:48.417000+00:00</t>
  </si>
  <si>
    <t>2018-01-13 22:32:31.137000+00:00</t>
  </si>
  <si>
    <t>ios|swift|google-maps|google-maps-api-3</t>
  </si>
  <si>
    <t>Create clean urls and managing duplications</t>
  </si>
  <si>
    <t>&lt;p&gt;Im using asp.net mvc c#. Based on user input I want to save the text they enter in the db and create a url using this text. there will be a unique id associated with this text too.&lt;/p&gt;
&lt;p&gt;What should I factor when creating "clean" urls? &lt;/p&gt;
&lt;p&gt;and also how should I avoid repetition - i.e every url should be unique,
so if 2 people type in: "Hey, Check My cool URL!!"&lt;/p&gt;
&lt;p&gt;I'd probably want something like &lt;a href="http://www.mysite.com/links/hey-check-my-cool-url/" rel="nofollow"&gt;http://www.mysite.com/links/hey-check-my-cool-url/&lt;/a&gt; &lt;/p&gt;
&lt;p&gt;How can i ensure they will always be unique and what should i do if the same description is entered twice?&lt;/p&gt;</t>
  </si>
  <si>
    <t>2010-12-11 16:30:07.767000+00:00</t>
  </si>
  <si>
    <t>2010-12-11 17:06:39.847000+00:00</t>
  </si>
  <si>
    <t>c#|sql|asp.net-mvc</t>
  </si>
  <si>
    <t>Unable to reproduce memory sanitization results from the project's example project</t>
  </si>
  <si>
    <t>&lt;p&gt;I'm getting exactly the same results from centos7, clang-3.6.1 built from source using a fedora rpm specfile. Ubuntu 14.04, clang-3.4&lt;/p&gt;
&lt;p&gt;Using the instructions from the wiki here &lt;a href="https://github.com/google/sanitizers/wiki/MemorySanitizerLibcxxHowTo" rel="nofollow"&gt;https://github.com/google/sanitizers/wiki/MemorySanitizerLibcxxHowTo&lt;/a&gt;
 as closely as possible. The page was last updated 6 months ago.&lt;/p&gt;
&lt;p&gt;googlest revision 613 is still using tr1&lt;/p&gt;
&lt;pre&gt;&lt;code&gt;In file included from /home/hal/googletest/src/gtest-all.cc:39:
In file included from /home/hal/googletest/include/gtest/gtest.h:58:
In file included from /home/hal/googletest/include/gtest/internal/gtest-internal.h:40:
/home/hal/googletest/include/gtest/internal/gtest-port.h:507:13: fatal error: 
      'tr1/tuple' file not found
#   include &amp;lt;tr1/tuple&amp;gt;  // NOLINT
            ^
1 error generated.
&lt;/code&gt;&lt;/pre&gt;
&lt;p&gt;update googletest to tip (746) and it compiles with the following warning&lt;/p&gt;
&lt;pre&gt;&lt;code&gt;��� [hal@davis 9:54 ~/gtest-msan] make
Scanning dependencies of target gtest
[ 50%] Building CXX object CMakeFiles/gtest.dir/src/gtest-all.cc.o
clang: warning: -lc++abi: 'linker' input unused
clang: warning: -lc++abi: 'linker' input unused
clang: warning: argument unused during compilation: '-L/home/hal/libcxx_msan/lib'
clang: warning: argument unused during compilation: '-L/home/hal/libcxx_msan/lib'
Linking CXX static library libgtest.a
&lt;/code&gt;&lt;/pre&gt;
&lt;p&gt;And the trivial suggested case from that page didn't get picked up by msan&lt;/p&gt;
&lt;pre&gt;&lt;code&gt;[==========] Running 1 test from 1 test case.
[----------] Global test environment set-up.
[----------] 1 test from FooTest
[ RUN      ] FooTest.Foo
test.cc:7: Failure
Value of: foo[4]
  Actual: '\0'
Expected: 'z'
Which is: 'z' (122, 0x7A)
[  FAILED  ] FooTest.Foo (1 ms)
[----------] 1 test from FooTest (1 ms total)
[----------] Global test environment tear-down
[==========] 1 test from 1 test case ran. (1 ms total)
[  PASSED  ] 0 tests.
[  FAILED  ] 1 test, listed below:
[  FAILED  ] FooTest.Foo
 1 FAILED TEST
&lt;/code&gt;&lt;/pre&gt;
&lt;p&gt;I have a project where valgrind barfs due to using some very large mmaps so memory sanitization would be really useful. If I'm doing something wrong. It appears that googletest suppresses the error somehow. Removing google test and converting the test case to&lt;/p&gt;
&lt;p&gt;if(foo[4] == 'z')
      std::cout &amp;lt;&amp;lt; "it is z" &amp;lt;&amp;lt; std::endl;&lt;/p&gt;
&lt;p&gt;Triggers the reporting of the obvious error as expected&lt;/p&gt;
&lt;pre&gt;&lt;code&gt;==29128== WARNING: MemorySanitizer: use-of-uninitialized-value
    #0 0x7f59270c1738 in std::string::_Rep::_M_is_leaked() const /usr/lib/gcc/x86_64-redhat-linux/4.8.5/../../../../include/c++/4.8.5/bits/basic_string.h:192:18
    #1 0x7f59270c1738 in std::string::_M_leak() /usr/lib/gcc/x86_64-redhat-linux/4.8.5/../../../../include/c++/4.8.5/bits/basic_string.h:316
    #2 0x7f59270c1738 in std::string::operator[](unsigned long) /usr/lib/gcc/x86_64-redhat-linux/4.8.5/../../../../include/c++/4.8.5/bits/basic_string.h:849
    #3 0x7f59270c1738 in main /home/hal/test-gtest-msan/test2.cc:7
    #4 0x7f5925c2bb14 in __libc_start_main (/lib64/libc.so.6+0x21b14)
    #5 0x7f592706ce30 in _start (/home/hal/test-gtest-msan/test2+0x35e30)
  Uninitialized value was created by an allocation of 'foo' in the stack frame of function 'main'
    #0 0x7f59270c12e0 in main /home/hal/test-gtest-msan/test2.cc:4
SUMMARY: MemorySanitizer: use-of-uninitialized-value /usr/lib/gcc/x86_64-redhat-linux/4.8.5/../../../../include/c++/4.8.5/bits/basic_string.h:192 std::string::_Rep::_M_is_leaked() const
Exiting
&lt;/code&gt;&lt;/pre&gt;
&lt;p&gt;Is it possible to use memory sanitization with a unit test library?&lt;/p&gt;</t>
  </si>
  <si>
    <t>2016-01-07 23:46:09.833000+00:00</t>
  </si>
  <si>
    <t>2016-02-27 15:32:35.527000+00:00</t>
  </si>
  <si>
    <t>c++|clang++|sanitizer|msan</t>
  </si>
  <si>
    <t>Resizable (Zoomable) Interface in WPF</t>
  </si>
  <si>
    <t>&lt;p&gt;in HTML everything you do can be zoomed in or out (usually the browser supports this feature), I want to accomplish something similar in WPF. Is that possible? If so, how?&lt;/p&gt;</t>
  </si>
  <si>
    <t>2017-12-29 14:40:19.817000+00:00</t>
  </si>
  <si>
    <t>2017-12-29 15:04:52.627000+00:00</t>
  </si>
  <si>
    <t>2017-12-29 14:47:36.570000+00:00</t>
  </si>
  <si>
    <t>wpf</t>
  </si>
  <si>
    <t>Excel Apache POI Printing Issue</t>
  </si>
  <si>
    <t>&lt;p&gt;I am using Apache POI to generate Dynamic Excel.&lt;/p&gt;
&lt;p&gt;I have colored cells. For color i am using &lt;/p&gt;
&lt;blockquote&gt;
  &lt;p&gt;headerCellStyle.setFillForegroundColor(HSSFColor.GREY_25_PERCENT.index);
  headerCellStyle.setFillPattern(HSSFCellStyle.SOLID_FOREGROUND);&lt;/p&gt;
&lt;/blockquote&gt;
&lt;p&gt;Excel generated with perfect colors but when i print this excel background color come with dotted shade.&lt;/p&gt;
&lt;p&gt;I tried and checked the following:&lt;/p&gt;
&lt;ol&gt;
&lt;li&gt;Its not a printer issue&lt;/li&gt;
&lt;li&gt;When I copy content of generated excel into new excel. Its print comes perfect.&lt;/li&gt;
&lt;/ol&gt;
&lt;p&gt;So there must be something wrong in code or in POI.&lt;/p&gt;</t>
  </si>
  <si>
    <t>2013-11-20 11:08:31.837000+00:00</t>
  </si>
  <si>
    <t>2014-02-20 19:18:45.013000+00:00</t>
  </si>
  <si>
    <t>java|excel|printing|apache-poi</t>
  </si>
  <si>
    <t>ngRx : differences between keys from state interface and keys from StoreModule.forRoot</t>
  </si>
  <si>
    <t>&lt;p&gt;I have just started ngRx and I am facing a small issue. &lt;/p&gt;
&lt;p&gt;I would like to know the difference between the keys of both interface states and modules &lt;code&gt;forRoot&lt;/code&gt;. &lt;/p&gt;
&lt;pre class="lang-js prettyprint-override"&gt;&lt;code&gt;export interface ConfigurationState {
  readonly configuration: Configuration;
}
&lt;/code&gt;&lt;/pre&gt;
&lt;pre class="lang-js prettyprint-override"&gt;&lt;code&gt;StoreModule.forRoot({
  configuration: ConfigurationReducer,
}),
&lt;/code&gt;&lt;/pre&gt;
&lt;pre class="lang-js prettyprint-override"&gt;&lt;code&gt;export function configurationReducer(state: Configuration = undefined, action: ConfigurationActions.Actions): Configuration {
  switch (action.type) {
    case ConfigurationActions.SET:
      return action.payload;
    default:
      return state;
  }
}
&lt;/code&gt;&lt;/pre&gt;
&lt;pre class="lang-js prettyprint-override"&gt;&lt;code&gt;this.store.select('configuration')
&lt;/code&gt;&lt;/pre&gt;
&lt;p&gt;When I select a store with the 4th piece of code, I see an intellisense help for the keys of the 1st piece of code. &lt;/p&gt;
&lt;p&gt;If I change the key of the 2nd piece of code, it doesn't change anything. &lt;/p&gt;
&lt;p&gt;So my question is, what is the purpose of &lt;code&gt;forRoot&lt;/code&gt; ? Are the keys important ? &lt;/p&gt;</t>
  </si>
  <si>
    <t>2018-09-18 07:23:03.173000+00:00</t>
  </si>
  <si>
    <t>2018-09-18 08:10:42.250000+00:00</t>
  </si>
  <si>
    <t>2018-09-18 07:57:14.973000+00:00</t>
  </si>
  <si>
    <t>angular|typescript|rxjs|ngrx</t>
  </si>
  <si>
    <t>Mapping to Google Form</t>
  </si>
  <si>
    <t>&lt;p&gt;I followed the steps in &lt;a href="https://stackoverflow.com/questions/25462740/how-to-create-custom-theme-for-google-form/45009023#45009023"&gt;How to create custom theme for Google Form?&lt;/a&gt;. Here is an image of my form inspection &lt;a href="https://i.stack.imgur.com/Qpdz3.png" rel="nofollow noreferrer"&gt;enter image description here&lt;/a&gt; and an entry of my code. Mapping is not working for me. Please advise. Thanks in advance.&lt;/p&gt;
&lt;p&gt;&lt;div class="snippet" data-lang="js" data-hide="false" data-console="true" data-babel="false"&gt;_x000D_
&lt;div class="snippet-code"&gt;_x000D_
&lt;pre class="snippet-code-html lang-html prettyprint-override"&gt;&lt;code&gt;&amp;lt;!DOCTYPE html&amp;gt;_x000D_
&amp;lt;html&amp;gt;_x000D_
&amp;lt;head&amp;gt;_x000D_
&amp;lt;meta name="viewport" content="width=device-width, initial-scale=1"&amp;gt;_x000D_
&amp;lt;style&amp;gt;_x000D_
body {font-family: Arial, Helvetica, sans-serif;}_x000D_
* {box-sizing: border-box;}_x000D_
_x000D_
input[type=text], select, textarea {_x000D_
    width: 100%;_x000D_
    padding: 12px;_x000D_
    border: 1px solid #ccc;_x000D_
    border-radius: 4px;_x000D_
    box-sizing: border-box;_x000D_
    margin-top: 6px;_x000D_
    margin-bottom: 16px;_x000D_
    resize: vertical;_x000D_
}_x000D_
_x000D_
input[type=submit] {_x000D_
    background-color: #4CAF50;_x000D_
    color: white;_x000D_
    padding: 12px 20px;_x000D_
    border: none;_x000D_
    border-radius: 4px;_x000D_
    cursor: pointer;_x000D_
}_x000D_
_x000D_
input[type=submit]:hover {_x000D_
    background-color: #45a049;_x000D_
}_x000D_
_x000D_
.container {_x000D_
    border-radius: 5px;_x000D_
    background-color: #f2f2f2;_x000D_
    padding: 20px;_x000D_
}_x000D_
&amp;lt;/style&amp;gt;_x000D_
&amp;lt;/head&amp;gt;_x000D_
&amp;lt;body&amp;gt;_x000D_
_x000D_
&amp;lt;h3&amp;gt;Contact Us&amp;lt;/h3&amp;gt;_x000D_
_x000D_
&amp;lt;div class="container"&amp;gt;_x000D_
  &amp;lt;form action="/action_page.php"&amp;gt;_x000D_
    &amp;lt;label for="Name"&amp;gt;Name&amp;lt;/label&amp;gt;_x000D_
    &amp;lt;input type="text" id="1633920210" name="Name" placeholder="Your name.."&amp;gt;_x000D_
_x000D_
    &amp;lt;label for="Email"&amp;gt;Email&amp;lt;/label&amp;gt;_x000D_
    &amp;lt;input type="text" id="227649005" name="Email" placeholder="Your email.."&amp;gt;_x000D_
    _x000D_
    &amp;lt;label for="Phone Number"&amp;gt;Phone Number&amp;lt;/label&amp;gt;_x000D_
    &amp;lt;input type="text" id="1770822543" name="Phone Number" placeholder="Your phone number.."&amp;gt;_x000D_
_x000D_
_x000D_
    &amp;lt;label for="Comments"&amp;gt;Comment&amp;lt;/label&amp;gt;_x000D_
    &amp;lt;textarea id="1846923513" name="Comments" placeholder="Comment here.." style="height:200px"&amp;gt;&amp;lt;/textarea&amp;gt;_x000D_
_x000D_
    &amp;lt;input type="submit" value="Submit"&amp;gt;_x000D_
  &amp;lt;/form&amp;gt;_x000D_
&amp;lt;/div&amp;gt;_x000D_
_x000D_
&amp;lt;/body&amp;gt;_x000D_
&amp;lt;/html&amp;gt;&lt;/code&gt;&lt;/pre&gt;_x000D_
&lt;/div&gt;_x000D_
&lt;/div&gt;_x000D_
&lt;/p&gt;</t>
  </si>
  <si>
    <t>2018-10-26 20:33:39.143000+00:00</t>
  </si>
  <si>
    <t>2018-10-26 22:35:04.680000+00:00</t>
  </si>
  <si>
    <t>google-form</t>
  </si>
  <si>
    <t>Java how to check actual securerandom.source being used in runtime?</t>
  </si>
  <si>
    <t>&lt;p&gt;I saw somewhere, we can use &lt;code&gt;strace&lt;/code&gt; command.
Given a simple java program like below:&lt;/p&gt;
&lt;pre&gt;&lt;code&gt;import java.security.SecureRandom;
public class A{
    public static void main(String[] args){
        SecureRandom sr = new SecureRandom();
        int out = 0;
        for(int i = 0; i &amp;lt; 1; i++){
            out ^= sr.nextInt();
        }
        System.out.println(out);
    }
}
&lt;/code&gt;&lt;/pre&gt;
&lt;p&gt;using command when securerandom.source set to /dev/random:&lt;/p&gt;
&lt;pre&gt;&lt;code&gt;strace -o a.strace -f -e file java A
&lt;/code&gt;&lt;/pre&gt;
&lt;p&gt;I got something like this:&lt;/p&gt;
&lt;pre&gt;&lt;code&gt;7490  access("/dev/random", R_OK)       = 0
7490  access("/dev/random", R_OK)       = 0
7490  access("/dev/urandom", R_OK)      = 0
7490  openat(AT_FDCWD, "/dev/random", O_RDONLY) = 5
7490  openat(AT_FDCWD, "/dev/urandom", O_RDONLY) = 6
7490  access("/dev/random", R_OK)       = 0
7490  access("/dev/random", R_OK)       = 0
7490  openat(AT_FDCWD, "/dev/random", O_RDONLY) = 7
7490  openat(AT_FDCWD, "/dev/random", O_RDONLY) = 8
7490  access("/dev/urandom", R_OK)      = 0
7490  access("/dev/urandom", R_OK)      = 0
7490  openat(AT_FDCWD, "/dev/urandom", O_RDONLY) = 9
7490  openat(AT_FDCWD, "/dev/urandom", O_RDONLY) = 10
&lt;/code&gt;&lt;/pre&gt;
&lt;p&gt;then I change &lt;code&gt;securerandom.source&lt;/code&gt; to /dev/urandom, I got something like this:&lt;/p&gt;
&lt;pre&gt;&lt;code&gt;12914 access("/dev/urandom", R_OK)      = 0
12914 access("/dev/urandom", R_OK)      = 0
12914 access("/dev/urandom", R_OK)      = 0
12914 openat(AT_FDCWD, "/dev/urandom", O_RDONLY) = 5
12914 openat(AT_FDCWD, "/dev/urandom", O_RDONLY) = 6
12914 access("/dev/random", R_OK)       = 0
12914 access("/dev/random", R_OK)       = 0
12914 openat(AT_FDCWD, "/dev/random", O_RDONLY) = 7
12914 openat(AT_FDCWD, "/dev/random", O_RDONLY) = 8
12914 access("/dev/urandom", R_OK)      = 0
12914 access("/dev/urandom", R_OK)      = 0
12914 openat(AT_FDCWD, "/dev/urandom", O_RDONLY) = 9
12914 openat(AT_FDCWD, "/dev/urandom", O_RDONLY) = 10
&lt;/code&gt;&lt;/pre&gt;
&lt;p&gt;It seems different, but how can I be sure? &lt;/p&gt;
&lt;p&gt;If there is a better way to check &lt;code&gt;securerandom.source&lt;/code&gt;,please tell me.&lt;/p&gt;</t>
  </si>
  <si>
    <t>2018-09-29 09:55:08.770000+00:00</t>
  </si>
  <si>
    <t>Chrome recently introduced a css bug?</t>
  </si>
  <si>
    <t>&lt;p&gt;It seems that some new version of Chrome (about version 20) introduced a new bug rendering CSS.&lt;/p&gt;
&lt;p&gt;Here what it's supposed to be:
&lt;img src="https://i.stack.imgur.com/tStp5.png" alt="correct rendering"&gt;&lt;/p&gt;
&lt;p&gt;And how new Chrome displays it:
&lt;img src="https://i.stack.imgur.com/YYfpP.png" alt="incorrect rendering"&gt;&lt;/p&gt;
&lt;p&gt;Here is the code (jquery-ui):&lt;/p&gt;
&lt;pre&gt;&lt;code&gt;&amp;lt;a href="#" class="ui-state-default ui-corner-all"&amp;gt;
&amp;lt;span class="ui-icon ui-icon-arrowreturnthick-1-w left" style="
"&amp;gt;&amp;lt;/span&amp;gt;Up&amp;lt;/a&amp;gt;
&lt;/code&gt;&lt;/pre&gt;
&lt;p&gt;Firefox, and previous versions of Chrome, render the code correctly.&lt;/p&gt;
&lt;p&gt;I'm aware we cannot fix this bug, but is there a way to workaround it?&lt;/p&gt;
&lt;p&gt;Thanks in advance&lt;/p&gt;</t>
  </si>
  <si>
    <t>2012-10-16 11:25:27.013000+00:00</t>
  </si>
  <si>
    <t>2012-10-16 14:28:51.170000+00:00</t>
  </si>
  <si>
    <t>2012-10-16 11:35:24.703000+00:00</t>
  </si>
  <si>
    <t>css|jquery-ui|google-chrome</t>
  </si>
  <si>
    <t>Error: Undefined Index while calling Ajax</t>
  </si>
  <si>
    <t>&lt;p&gt;The problem that I'm facing is that I'm getting an Undefined Index variable while calling Ajax. 
I need to post "json" data to the "update.php" page on click of submit button. Basically, I need to capture the values in textbox and send it to the database. &lt;/p&gt;
&lt;p&gt;so, I have created a form on the submit button, for which the code is below:&lt;/p&gt;
&lt;pre&gt;&lt;code&gt;&amp;lt;form action="update.php" method = "post" class="form-inline"&amp;gt;
    &amp;lt;input type="submit" class="btn btn-info" id = "saveEdits" disabled = "disabled" onclick = "updateVal()" name="saveEdits"  value="Update"/&amp;gt;
/form&amp;gt;
&lt;/code&gt;&lt;/pre&gt;
&lt;p&gt;This submit button Calls for an UpdateVal function that captures the value on the text-boxes shown on the page and using AJAX send it to the another php page.&lt;/p&gt;
&lt;p&gt;updateVal function is as below:&lt;/p&gt;
&lt;pre&gt;&lt;code&gt;function updateVal() {
    var node_list = document.getElementsByTagName('input');
    var c = 0;
    var fieldName = [];
    var fieldText = []
    var ID = [];
    for (var i = 0; i &amp;lt; node_list.length; i++) {
        var node = node_list[i];
        if (node.getAttribute('type') == 'text') {
            fieldName[c] = node.name;
            fieldText[c] = node.value;
            ID[c] = node.id;
            c++;
        }
    }
    var postData = {
        fieldName: fieldName,
        fieldText: fieldText,
        ID: ID
    };
    $.ajax({
        type: "post",
        url: "update.php",
        dataType: "json",
        data: {'postData' : JSON.stringify(postData)},
        contentType: 'application/x-www-form-urlencoded; charset=UTF-8'
    });
&lt;/code&gt;&lt;/pre&gt;
&lt;p&gt;The run time data i.e value in textboxes is being captured and can be shown at console, however, when I'm posting this data on update.php, where I would be capturing the json and will update the database, I'm getting the error:&lt;/p&gt;
&lt;p&gt;Notice: Undefined index: in update.php on line 11&lt;/p&gt;
&lt;p&gt;Below is my update.php&lt;/p&gt;
&lt;pre&gt;&lt;code&gt;&amp;lt;?php
$json = $_POST["postData"];
$result = json_decode($json);
var_dump($result);?&amp;gt;
&lt;/code&gt;&lt;/pre&gt;</t>
  </si>
  <si>
    <t>2015-10-21 09:37:08.033000+00:00</t>
  </si>
  <si>
    <t>2015-10-21 10:21:48.167000+00:00</t>
  </si>
  <si>
    <t>javascript|php|jquery|html|ajax</t>
  </si>
  <si>
    <t>how to assert a tuple in conditional</t>
  </si>
  <si>
    <t>&lt;p&gt;Given the tuple:&lt;/p&gt;
&lt;pre&gt;&lt;code&gt;let tuple = (true, 1)
&lt;/code&gt;&lt;/pre&gt;
&lt;p&gt;How do i use this tuple in a conditional?
Something like this:&lt;/p&gt;
&lt;pre&gt;&lt;code&gt;if tuple.first then //doesnt work
&lt;/code&gt;&lt;/pre&gt;
&lt;p&gt;or&lt;/p&gt;
&lt;pre&gt;&lt;code&gt;if x,_ = tuple then // doesnt work
&lt;/code&gt;&lt;/pre&gt;
&lt;p&gt;I don't want to do this:&lt;/p&gt;
&lt;pre&gt;&lt;code&gt;let isTrue value = 
   let b,_ = value
   b
if isTrue tuple then // boring
&lt;/code&gt;&lt;/pre&gt;
&lt;p&gt;Is there a nice way to evaluate a tuple value inside a conditional without creating a seperate function ?&lt;/p&gt;</t>
  </si>
  <si>
    <t>2012-05-17 15:16:37.643000+00:00</t>
  </si>
  <si>
    <t>2012-05-17 15:34:55.333000+00:00</t>
  </si>
  <si>
    <t>f#</t>
  </si>
  <si>
    <t>Android:How to upload .mp3 file to http server?</t>
  </si>
  <si>
    <t>&lt;p&gt;I want to upload .mp3 file(only) from device to my server. &lt;/p&gt;
&lt;p&gt;I want to browse path of media data and select any mp3 file and upload it.                           &lt;/p&gt;
&lt;p&gt;How can I do this?&lt;/p&gt;</t>
  </si>
  <si>
    <t>2011-02-11 08:20:32.393000+00:00</t>
  </si>
  <si>
    <t>2017-07-07 05:12:04.370000+00:00</t>
  </si>
  <si>
    <t>android|file-upload</t>
  </si>
  <si>
    <t>Missing template argument before</t>
  </si>
  <si>
    <t>&lt;p&gt;I am trying to get a sub-string enclosed inside a string using regex but seem to be getting the following error:&lt;/p&gt;
&lt;pre&gt;&lt;code&gt;//code
#include &amp;lt;regex&amp;gt;
#include &amp;lt;iostream&amp;gt;
using namespace std;
int main(){
string str1="hello \"trimthis\" please";
regex rgx("\"([^\"]*)\""); // will capture "trimthis"
regex_iterator current(str1.begin(), str1.end(), rgx);
regex_iterator end;
while (current != end)
    cout &amp;lt;&amp;lt; *current++; 
return 0;
}
&lt;/code&gt;&lt;/pre&gt;
&lt;p&gt;//errors
missing template arguments before 'current' &lt;/p&gt;
&lt;p&gt;missing template arguments before 'end'&lt;/p&gt;
&lt;p&gt;'current' was not declared in this scope&lt;/p&gt;
&lt;p&gt;Is there a different syntax to what I'm trying to do because I haven't used regex before and kind of a newbie to c++&lt;/p&gt;</t>
  </si>
  <si>
    <t>2018-05-01 15:57:08.160000+00:00</t>
  </si>
  <si>
    <t>2018-05-01 16:18:53.357000+00:00</t>
  </si>
  <si>
    <t>2018-05-01 16:06:45.160000+00:00</t>
  </si>
  <si>
    <t>c++|regex|string</t>
  </si>
  <si>
    <t>C# Accessing dotnetBrowser from a UserControl</t>
  </si>
  <si>
    <t>&lt;p&gt;So essentially I'm using the dotNetBrowser for a project that i'm loading into a panel on my main form, and I have a button in a usercontrol for user input so it can interact with the browser. Here's what I have:&lt;/p&gt;
&lt;pre&gt;&lt;code&gt;public partial class Form1 : Form
{
    public BrowserView browserView = new WinFormsBrowserView();
    public Form1()
    {
        InitializeComponent();
        this.panel1.Controls.Add((Control)browserView);
        browserView.Browser.LoadURL("URL TO BE LOADED");
        browserView.Browser.FinishLoadingFrameEvent += delegate (object sender, FinishLoadingEventArgs e)
        {
            if (e.IsMainFrame)
                {
                // Do stuff when loaded
                } else return;
            }
        };
    }
}
&lt;/code&gt;&lt;/pre&gt;
&lt;p&gt;That works fine, in my usercontrol.cs I have:&lt;/p&gt;
&lt;pre&gt;&lt;code&gt;    public void button1_Click(object sender, EventArgs e)
    {
        BrowserView br = (this.Parent as Form1).Controls["browserView"] as BrowserView;
        br.Browser.LoadURL("NEW URL");   
    }
&lt;/code&gt;&lt;/pre&gt;
&lt;p&gt;So that when the button is clicked it can load a new url. But this is throwing a null exception. &lt;/p&gt;
&lt;p&gt;Basically I need these two components to be able to pass information on to eachother. The method I've used worked fine for other Form1 controls, but not the browser it seems.&lt;/p&gt;
&lt;p&gt;Any advice?&lt;/p&gt;</t>
  </si>
  <si>
    <t>2017-01-06 00:07:10.133000+00:00</t>
  </si>
  <si>
    <t>2017-01-06 18:06:08.607000+00:00</t>
  </si>
  <si>
    <t>2017-01-06 06:40:18.700000+00:00</t>
  </si>
  <si>
    <t>c#|dotnetbrowser</t>
  </si>
  <si>
    <t>Notifying generation of files in a defined folder</t>
  </si>
  <si>
    <t>&lt;p&gt;I have requirement that one process will trigger generation of multiple files (i.e. N number of file), There will be an application that will notify an external process the success (1) or failure (0) of the file generation process. If N number of files are generated on specific folders then that will be the success criterion. The destination folders and completion time are different for N files. In addition to the completion of the complete file generation process will take different time of completion on different days based on data volume, network congestion etc . So scheduling a job to get the file count in a specific time will not a feasible solution here. Could you please put your suggestion here to address the problem? &lt;/p&gt;</t>
  </si>
  <si>
    <t>2018-03-30 09:07:53.660000+00:00</t>
  </si>
  <si>
    <t>2018-03-30 10:29:14.883000+00:00</t>
  </si>
  <si>
    <t>c#|.net|file|monitoring|file-watcher</t>
  </si>
  <si>
    <t>How to create Single Access Only records in NetSuite</t>
  </si>
  <si>
    <t>&lt;p&gt;I am having a problem with multiple users editing a single record at the same time and losing work when the other person saves the record with their own work. I would like to lock editing when a user is editing a record, and for some reason, records in NetSuite are not &lt;em&gt;single access only&lt;/em&gt; by default. &lt;strong&gt;How can we accomplish this?&lt;/strong&gt;&lt;/p&gt;</t>
  </si>
  <si>
    <t>2015-11-12 22:07:34.370000+00:00</t>
  </si>
  <si>
    <t>2018-09-29 03:54:54.490000+00:00</t>
  </si>
  <si>
    <t>2015-11-17 18:48:14.090000+00:00</t>
  </si>
  <si>
    <t>netsuite|suitescript</t>
  </si>
  <si>
    <t>Xlsxwriter: Is it possible to do East Asian Language Vertical Text on a cell?</t>
  </si>
  <si>
    <t>&lt;p&gt;I'm trying to create an Excel file using Xlsxwriter. The language written to each cell is Japanese, and I would like to set the cell's text to be vertical text as decribed &lt;a href="https://blogs.technet.microsoft.com/office_global_experience/2010/03/24/east-asian-text-layout-features-in-office-2010/" rel="nofollow"&gt;here&lt;/a&gt;.&lt;/p&gt;
&lt;p&gt;Is this possible using Xlsxwriter?&lt;/p&gt;</t>
  </si>
  <si>
    <t>2016-05-09 12:43:54.677000+00:00</t>
  </si>
  <si>
    <t>2016-05-09 15:38:08.210000+00:00</t>
  </si>
  <si>
    <t>python|xlsxwriter</t>
  </si>
  <si>
    <t>Form validation for AdminLTE theme</t>
  </si>
  <si>
    <t>&lt;p&gt;I am building a web application using the AdminLTE theme (&lt;a href="https://almsaeedstudio.com/preview" rel="nofollow"&gt;https://almsaeedstudio.com/preview&lt;/a&gt;), but this theme does not include form validation.&lt;/p&gt;
&lt;p&gt;I went looking for a plugin for this, which can use the build-in classes for form elements for form validation. I can't find any.&lt;/p&gt;
&lt;p&gt;Does someone know what (free) plugin I can use for form validation for AdminLTE? I guess it's just a plugin that would work for any bootstrap theme?&lt;/p&gt;
&lt;p&gt;Sorry for being a noob :) Greets&lt;/p&gt;</t>
  </si>
  <si>
    <t>2016-07-07 20:08:22.053000+00:00</t>
  </si>
  <si>
    <t>2016-07-08 04:26:28.713000+00:00</t>
  </si>
  <si>
    <t>validation|twitter-bootstrap-3</t>
  </si>
  <si>
    <t>Trying to implement a manual trigger for infinite scroll</t>
  </si>
  <si>
    <t>&lt;p&gt;I'm trying to add, essentially, a "load more posts" element to Paul Irish's infinite scroll, and no matter what I do I can't seem to get it to generate, though infinite scroll works by itself.&lt;/p&gt;
&lt;p&gt;My markup is something like this:&lt;/p&gt;
&lt;p&gt;&lt;div class="snippet" data-lang="js" data-hide="false" data-console="true" data-babel="false"&gt;_x000D_
&lt;div class="snippet-code"&gt;_x000D_
&lt;pre class="snippet-code-html lang-html prettyprint-override"&gt;&lt;code&gt;&amp;lt;body&amp;gt;_x000D_
  &amp;lt;div class="content"/&amp;gt;_x000D_
  &amp;lt;div id="posts"/&amp;gt;_x000D_
    &amp;lt;div class="text post"/&amp;gt;_x000D_
      ...._x000D_
    &amp;lt;/div&amp;gt;_x000D_
  &amp;lt;/div&amp;gt;_x000D_
  &amp;lt;div class="load_more"&amp;gt;load more&amp;lt;/div&amp;gt;_x000D_
  &amp;lt;/div&amp;gt;_x000D_
&amp;lt;body&amp;gt;&lt;/code&gt;&lt;/pre&gt;_x000D_
&lt;/div&gt;_x000D_
&lt;/div&gt;_x000D_
&lt;/p&gt;
&lt;p&gt;and the script I have so far is&lt;/p&gt;
&lt;p&gt;&lt;div class="snippet" data-lang="js" data-hide="false" data-console="true" data-babel="false"&gt;_x000D_
&lt;div class="snippet-code"&gt;_x000D_
&lt;pre class="snippet-code-js lang-js prettyprint-override"&gt;&lt;code&gt;&amp;lt;script src="http://ajax.googleapis.com/ajax/libs/jquery/1.7/jquery.min.js"&amp;gt;&amp;lt;/script&amp;gt;_x000D_
&amp;lt;script src="https://github.com/paulirish/infinite-scroll/blob/master/jquery.infinitescroll.js"&amp;gt;&amp;lt;/script&amp;gt;_x000D_
_x000D_
        &amp;lt;script&amp;gt;_x000D_
            $('#posts').infinitescroll({_x000D_
                navSelector  : "div#paging",            _x000D_
                nextSelector : "a#next",    _x000D_
                itemSelector : ".post",_x000D_
                errorCallback: function(){_x000D_
                    $('.load_more').hide();_x000D_
                }_x000D_
            });_x000D_
            $(window).unbind('.infscr');_x000D_
                $('.load_more').click(function(){_x000D_
                    $('#posts').infinitescroll('retrieve');_x000D_
                    return false_x000D_
            });_x000D_
            _x000D_
        &amp;lt;/script&amp;gt;&lt;/code&gt;&lt;/pre&gt;_x000D_
&lt;/div&gt;_x000D_
&lt;/div&gt;_x000D_
&lt;/p&gt;
&lt;p&gt;I have a tooltip script implemented as well, though it didn't have any effect on infinite scroll rendering initially, so honestly I'm not sure why it isn't working. I have a feeling that I'm missing something colossally obvious, but anyway, any help would be appreciated.&lt;/p&gt;
&lt;p&gt;Thanks&lt;/p&gt;</t>
  </si>
  <si>
    <t>2016-07-06 14:50:23.427000+00:00</t>
  </si>
  <si>
    <t>jquery|triggers|tumblr|infinite-scroll</t>
  </si>
  <si>
    <t>Reading array into textfield on ui stack</t>
  </si>
  <si>
    <t>&lt;p&gt;My problem is I'm reading the entire array into the textField. I need to separate them.
The goal is to show the ui of stack in motion. How do I separate them into individual text fields. 
heres a the problem&lt;/p&gt;
&lt;p&gt;Heres the panel:&lt;/p&gt;
&lt;pre&gt;&lt;code&gt;public class StackPanel extends javax.swing.JPanel {
Random rnd = new Random();
MyStack stack = new MyStack();
private int top;
public StackPanel() {
    initComponents();
    clearLabels();
}
private void clearLabels() {
    label1.setText("");
    label2.setText("");
    label3.setText("");
    label4.setText("");
    label5.setText("");
}
private void setTopTextField(String topValue) {
    topValue = stack.toString();
    if (top == 0) {
        label1.setText(topValue);
    } else if (top == 1) {
        label2.setText(topValue);
    } else if (top == 2) {
        label3.setText(topValue);
    } else if (top == 3) {
        label4.setText(topValue);
    } else if (top == 4) {
        label5.setText(topValue);
    }
}
/**
 * This method is called from within the constructor to initialize the form.
 * WARNING: Do NOT modify this code. The content of this method is always
 * regenerated by the Form Editor.
 */
@SuppressWarnings("unchecked")
// &amp;lt;editor-fold defaultstate="collapsed" desc="Generated Code"&amp;gt;                          
                    private void initComponents() {
    jTextField6 = new javax.swing.JTextField();
    pushButton = new javax.swing.JButton();
    popButton = new javax.swing.JButton();
    label5 = new javax.swing.JTextField();
    label4 = new javax.swing.JTextField();
    label3 = new javax.swing.JTextField();
    label2 = new javax.swing.JTextField();
    label1 = new javax.swing.JTextField();
    jLabel1 = new javax.swing.JLabel();
    jLabel2 = new javax.swing.JLabel();
    jLabel3 = new javax.swing.JLabel();
    jLabel4 = new javax.swing.JLabel();
    jLabel5 = new javax.swing.JLabel();
    jTextField6.setText("jTextField6");
    pushButton.setText("Push");
    pushButton.addMouseListener(new java.awt.event.MouseAdapter() {
        public void mouseClicked(java.awt.event.MouseEvent evt) {
            pushButtonMouseClicked(evt);
        }
    });
    popButton.setText("Pop");
    popButton.addMouseListener(new java.awt.event.MouseAdapter() {
        public void mouseClicked(java.awt.event.MouseEvent evt) {
            popButtonMouseClicked(evt);
        }
    });
    jLabel1.setText(" top");
    jLabel2.setText("top");
    jLabel3.setText("top");
    jLabel4.setText("top");
    jLabel5.setText("top");
    javax.swing.GroupLayout layout = new javax.swing.GroupLayout(this);
    this.setLayout(layout);
    layout.setHorizontalGroup(
        layout.createParallelGroup(javax.swing.GroupLayout.Alignment.LEADING)
        .addGroup(layout.createSequentialGroup()
            .addGap(87, 87, 87)
            .addGroup(layout.createParallelGroup(javax.swing.GroupLayout.Alignment.TRAILING)
                .addGroup(layout.createSequentialGroup()
                    .addGroup(layout.createParallelGroup(javax.swing.GroupLayout.Alignment.LEADING)
                        .addComponent(jLabel3)
                        .addComponent(jLabel4)
                        .addComponent(jLabel5))
                    .addGap(10, 10, 10)
                    .addGroup(layout.createParallelGroup(javax.swing.GroupLayout.Alignment.LEADING)
                        .addComponent(label1, javax.swing.GroupLayout.DEFAULT_SIZE, 88, Short.MAX_VALUE)
                        .addComponent(label2)
                        .addComponent(label3))
                    .addGap(66, 66, 66)
                    .addGroup(layout.createParallelGroup(javax.swing.GroupLayout.Alignment.TRAILING)
                        .addComponent(popButton)
                        .addComponent(pushButton))
                    .addGap(53, 53, 53))
                .addGroup(javax.swing.GroupLayout.Alignment.LEADING, layout.createSequentialGroup()
                    .addGroup(layout.createParallelGroup(javax.swing.GroupLayout.Alignment.LEADING)
                        .addComponent(jLabel2, javax.swing.GroupLayout.Alignment.TRAILING)
                        .addComponent(jLabel1))
                    .addPreferredGap(javax.swing.LayoutStyle.ComponentPlacement.RELATED)
                    .addGroup(layout.createParallelGroup(javax.swing.GroupLayout.Alignment.LEADING, false)
                        .addComponent(label5, javax.swing.GroupLayout.DEFAULT_SIZE, 103, Short.MAX_VALUE)
                        .addComponent(label4))
                    .addContainerGap(javax.swing.GroupLayout.DEFAULT_SIZE, Short.MAX_VALUE))))
    );
    layout.setVerticalGroup(
        layout.createParallelGroup(javax.swing.GroupLayout.Alignment.LEADING)
        .addGroup(javax.swing.GroupLayout.Alignment.TRAILING, layout.createSequentialGroup()
            .addContainerGap(93, Short.MAX_VALUE)
            .addGroup(layout.createParallelGroup(javax.swing.GroupLayout.Alignment.BASELINE)
                .addComponent(jLabel1)
                .addComponent(label5, javax.swing.GroupLayout.DEFAULT_SIZE, javax.swing.GroupLayout.DEFAULT_SIZE, javax.swing.GroupLayout.PREFERRED_SIZE))
            .addPreferredGap(javax.swing.LayoutStyle.ComponentPlacement.RELATED)
            .addGroup(layout.createParallelGroup(javax.swing.GroupLayout.Alignment.BASELINE)
                .addComponent(label4, javax.swing.GroupLayout.PREFERRED_SIZE, javax.swing.GroupLayout.DEFAULT_SIZE, javax.swing.GroupLayout.PREFERRED_SIZE)
                .addComponent(jLabel2))
            .addGroup(layout.createParallelGroup(javax.swing.GroupLayout.Alignment.LEADING)
                .addGroup(layout.createSequentialGroup()
                    .addGap(29, 29, 29)
                    .addComponent(pushButton)
                    .addPreferredGap(javax.swing.LayoutStyle.ComponentPlacement.RELATED)
                    .addComponent(popButton)
                    .addContainerGap())
                .addGroup(javax.swing.GroupLayout.Alignment.TRAILING, layout.createSequentialGroup()
                    .addPreferredGap(javax.swing.LayoutStyle.ComponentPlacement.RELATED)
                    .addGroup(layout.createParallelGroup(javax.swing.GroupLayout.Alignment.BASELINE)
                        .addComponent(label3, javax.swing.GroupLayout.PREFERRED_SIZE, javax.swing.GroupLayout.DEFAULT_SIZE, javax.swing.GroupLayout.PREFERRED_SIZE)
                        .addComponent(jLabel3))
                    .addPreferredGap(javax.swing.LayoutStyle.ComponentPlacement.RELATED)
                    .addGroup(layout.createParallelGroup(javax.swing.GroupLayout.Alignment.BASELINE)
                        .addComponent(label2, javax.swing.GroupLayout.PREFERRED_SIZE, javax.swing.GroupLayout.DEFAULT_SIZE, javax.swing.GroupLayout.PREFERRED_SIZE)
                        .addComponent(jLabel4))
                    .addPreferredGap(javax.swing.LayoutStyle.ComponentPlacement.RELATED)
                    .addGroup(layout.createParallelGroup(javax.swing.GroupLayout.Alignment.BASELINE)
                        .addComponent(label1, javax.swing.GroupLayout.PREFERRED_SIZE, javax.swing.GroupLayout.DEFAULT_SIZE, javax.swing.GroupLayout.PREFERRED_SIZE)
                        .addComponent(jLabel5))
                    .addGap(43, 43, 43))))
    );
}// &amp;lt;/editor-fold&amp;gt;   
private void pushButtonMouseClicked(java.awt.event.MouseEvent evt) {                                        
    stack.push(rnd.nextInt(99) + 1);
    String topValue = String.valueOf(rnd.nextInt());
    setTopTextField(topValue);
    top++;
    System.out.println(stack);
}                                       
private void popButtonMouseClicked(java.awt.event.MouseEvent evt) {                                       
    stack.pop();
    String topValue = String.valueOf(rnd.nextInt());
    setTopTextField(topValue);
    top--;
    System.out.println(stack);
    }                                      
// Variables declaration - do not modify                     
private javax.swing.JLabel jLabel1;
private javax.swing.JLabel jLabel2;
private javax.swing.JLabel jLabel3;
private javax.swing.JLabel jLabel4;
private javax.swing.JLabel jLabel5;
private javax.swing.JTextField jTextField6;
private javax.swing.JTextField label1;
private javax.swing.JTextField label2;
private javax.swing.JTextField label3;
private javax.swing.JTextField label4;
private javax.swing.JTextField label5;
private javax.swing.JButton popButton;
private javax.swing.JButton pushButton;
// End of variables declaration                   
}
&lt;/code&gt;&lt;/pre&gt;
&lt;p&gt;heres the stack class:&lt;/p&gt;
&lt;pre&gt;&lt;code&gt;public class MyStack {
private int[] values;
private int numberOfValues;
 public MyStack(){
  values= new int[5];
  numberOfValues = 0;
 }
public boolean isEmpty() {
    return numberOfValues == 0;
 }
public int peek(){
return values[values.length - numberOfValues];
 }
public void push(int value){
     if (numberOfValues &amp;lt;= 5) {
        values[numberOfValues] = value;
        numberOfValues++;
    }
   }
   public void pop(){
    for (int i = 1; i &amp;lt;= numberOfValues - 1; i++) {
        values[i - 1] = values[i];
    }
    numberOfValues--;
   }
  @Override
  public String toString() {
    String str = "";
    for (int i = 0; i &amp;lt;= numberOfValues - 1; i++) {
        str += String.valueOf(values[i]) + " ";
    }
   // str += "]";
    return str;
}
}
&lt;/code&gt;&lt;/pre&gt;</t>
  </si>
  <si>
    <t>2014-04-11 14:25:41.287000+00:00</t>
  </si>
  <si>
    <t>2014-04-11 15:04:36.947000+00:00</t>
  </si>
  <si>
    <t>2014-04-11 14:36:15.147000+00:00</t>
  </si>
  <si>
    <t>java|arrays|user-interface|stack</t>
  </si>
  <si>
    <t>413 http error on image upload in iis6</t>
  </si>
  <si>
    <t>&lt;p&gt;I keep getting a 413 error "Entity too large" when uploading images (particular image is a 275kb PNG) with an asp.net form.  I have thoroughly researched this, and changed:&lt;/p&gt;
&lt;p&gt;AspMaxRequestEntityAllowed to 1000000 as suggested here- &lt;a href="http://www.banmanpro.com/support2/File_Upload_limits.asp" rel="nofollow noreferrer"&gt;http://www.banmanpro.com/support2/File_Upload_limits.asp&lt;/a&gt;&lt;/p&gt;
&lt;p&gt;UploadReadAheadSize to 1000000 as suggested here- &lt;a href="http://technet.microsoft.com/en-us/library/cc737382.aspx" rel="nofollow noreferrer"&gt;http://technet.microsoft.com/en-us/library/cc737382.aspx&lt;/a&gt;&lt;/p&gt;
&lt;p&gt;web.config on the directory containing the script has a maxRequestLength of 1550000&lt;/p&gt;
&lt;p&gt;None of these solved the problem.  Can someone else help me please?  I have tested this on a development site on another server and the script works fine, so it doesn't seem to be script related.&lt;/p&gt;</t>
  </si>
  <si>
    <t>2009-01-21 22:41:16.390000+00:00</t>
  </si>
  <si>
    <t>2011-03-12 04:13:03.460000+00:00</t>
  </si>
  <si>
    <t>2009-01-22 21:47:48.760000+00:00</t>
  </si>
  <si>
    <t>Fabian Steeg</t>
  </si>
  <si>
    <t>Marty</t>
  </si>
  <si>
    <t>.net|asp.net|iis-6</t>
  </si>
  <si>
    <t>Abstract Class vs Interface in C++</t>
  </si>
  <si>
    <t>&lt;blockquote&gt;
  &lt;p&gt;&lt;strong&gt;Possible Duplicate:&lt;/strong&gt;&lt;br&gt;
  &lt;a href="https://stackoverflow.com/questions/318064/how-do-you-declare-an-interface-in-c"&gt;How do you declare an interface in C++?&lt;/a&gt;  &lt;/p&gt;
&lt;/blockquote&gt;
&lt;p&gt;This is a general question about C++. As you know, there is no clear distinction between &lt;code&gt;interface&lt;/code&gt; and &lt;code&gt;abstract class&lt;/code&gt; in C++ unlike Java and C#. When would it be more preferrable to use an &lt;code&gt;interface&lt;/code&gt; instead of an &lt;code&gt;abstract class&lt;/code&gt; in C++? Could you give some examples?&lt;/p&gt;</t>
  </si>
  <si>
    <t>2012-10-12 08:07:33.207000+00:00</t>
  </si>
  <si>
    <t>2014-08-26 20:31:21.063000+00:00</t>
  </si>
  <si>
    <t>2017-05-23 12:34:35.107000+00:00</t>
  </si>
  <si>
    <t>c++|interface|abstract-class</t>
  </si>
  <si>
    <t>How to write Scala recursion with for/yield?</t>
  </si>
  <si>
    <t>&lt;p&gt;I have the following list of pairs (key,id):&lt;/p&gt;
&lt;pre&gt;&lt;code&gt;val pairs =  List(('a',1), ('a',2), ('b',1), ('b',2))
&lt;/code&gt;&lt;/pre&gt;
&lt;p&gt;I need to generate all combinations of pairs when the keys are different
so the expected output is:&lt;/p&gt;
&lt;pre&gt;&lt;code&gt;List(
  List(),
  List(('a', 1)),
  List(('a', 2)),
  List(('b', 1)),
  List(('a', 1), ('b', 1)),
  List(('a', 2), ('b', 1)),
  List(('b', 2)),
  List(('a', 1), ('b', 2)),
  List(('a', 2), ('b', 2))
)
&lt;/code&gt;&lt;/pre&gt;
&lt;p&gt;Note &lt;code&gt;(List(('a',1),('a',2))&lt;/code&gt; should Not be part of the output so using Scala &lt;code&gt;List.combinations&lt;/code&gt; is not an option&lt;/p&gt;
&lt;p&gt;I currently have the following code:&lt;/p&gt;
&lt;pre&gt;&lt;code&gt;def subSeq (xs: List[(Char, Int)]): List[(Char,Int)] = {
  xs match {
    case Nil =&amp;gt; List()
    case y::ys =&amp;gt; {
      val eh = xs.filter (c =&amp;gt; c._1 == y._1)
      val et = xs.filter (c =&amp;gt; c._1 != y._1)
      for (z: (Char,Int) &amp;lt;- eh) yield z :: subSeq(et)
    }
  }
}
&lt;/code&gt;&lt;/pre&gt;
&lt;p&gt;But I get an error saying &lt;code&gt;List[List[(Char,Int)]] does not match List[(Char,Int)]&lt;/code&gt;&lt;/p&gt;</t>
  </si>
  <si>
    <t>2016-02-01 20:19:20.147000+00:00</t>
  </si>
  <si>
    <t>2016-02-01 21:24:49.273000+00:00</t>
  </si>
  <si>
    <t>2016-02-01 21:16:30.690000+00:00</t>
  </si>
  <si>
    <t>scala|for-loop|recursion|yield</t>
  </si>
  <si>
    <t>transfer the SEO value</t>
  </si>
  <si>
    <t>&lt;p&gt;When I started my business I took domain name according to the key words, but now I bought domain name under the firm name, and I would like to know how to transfer the SEO value from my old domain and to keep both domains.
Thank you in advance,
Greetings!&lt;/p&gt;</t>
  </si>
  <si>
    <t>2013-05-17 19:58:49.920000+00:00</t>
  </si>
  <si>
    <t>2013-05-17 20:00:21.210000+00:00</t>
  </si>
  <si>
    <t>seo</t>
  </si>
  <si>
    <t>Enable WP-postratings</t>
  </si>
  <si>
    <t>&lt;p&gt;I've created my own wordpress theme and installed WP-Postratings plugin, but it doesn't work. I add only &lt;/p&gt;
&lt;p&gt;&lt;code&gt;&amp;lt;?php if(function_exists('the_ratings')) { the_ratings(); } ?&amp;gt;&lt;/code&gt; &lt;/p&gt;
&lt;p&gt;It show rating image, but i can't rate anything. &lt;/p&gt;
&lt;p&gt;Should I add something to the functions, maybe the reason is ajax, should I add some function?&lt;/p&gt;</t>
  </si>
  <si>
    <t>2017-04-23 13:42:50.390000+00:00</t>
  </si>
  <si>
    <t>2017-12-25 14:10:09.970000+00:00</t>
  </si>
  <si>
    <t>wordpress|rating-system</t>
  </si>
  <si>
    <t>Linq query SUM and COUNT</t>
  </si>
  <si>
    <t>&lt;p&gt;I have a SQL Server &lt;code&gt;Order&lt;/code&gt; table with two columns (&lt;code&gt;itemPriceType1&lt;/code&gt; and &lt;code&gt;itemPriceType2&lt;/code&gt;). I need to get the total count and the sum of the two columns in a Linq query or a lambda expression. &lt;/p&gt;
&lt;p&gt;&lt;code&gt;Order&lt;/code&gt; tTable&lt;/p&gt;
&lt;pre&gt;&lt;code&gt;    SELECT *
      ,[userID] as id
      ,[itemPriceType1] as itemCost1
      ,[itemPriceType2] as itemCost2
  FROM order;
&lt;/code&gt;&lt;/pre&gt;
&lt;p&gt;Query result:&lt;/p&gt;
&lt;p&gt;&lt;img src="https://i.stack.imgur.com/7Vxg6.png" alt="enter image description here"&gt;&lt;/p&gt;
&lt;p&gt;Desired result:&lt;/p&gt;
&lt;p&gt;I want to get the total COUNT and the total SUM. &lt;/p&gt;
&lt;p&gt;Eg. &lt;/p&gt;
&lt;pre&gt;&lt;code&gt;Count = 4
Sum = 700 
&lt;/code&gt;&lt;/pre&gt;
&lt;p&gt;My attempt&lt;/p&gt;
&lt;pre&gt;&lt;code&gt;var result1 = (from col1 in db.Orders 
               where col1.itemPriceType1 != 0 
               select col1).Count();
var result2 = (from col1 in db.Orders 
               where col1.itemPriceType2 != 0 
               select col1).Count();
ViewBag.count = (result1+result2);
&lt;/code&gt;&lt;/pre&gt;
&lt;p&gt;In the above query gives me the correct count which is 4. Question, how can I improve this query? And possibly get the sum as well?&lt;/p&gt;</t>
  </si>
  <si>
    <t>2014-10-13 19:26:17.060000+00:00</t>
  </si>
  <si>
    <t>2015-05-20 01:14:24.750000+00:00</t>
  </si>
  <si>
    <t>2015-05-20 00:52:52.607000+00:00</t>
  </si>
  <si>
    <t>c#|asp.net-mvc|linq|sum</t>
  </si>
  <si>
    <t>conditional chaining in ruby</t>
  </si>
  <si>
    <t>&lt;p&gt;I have read &lt;a href="https://stackoverflow.com/questions/1797189/conditional-chaining-in-ruby/1797273#1797273"&gt;this question&lt;/a&gt;, but I couldn't create a full example:&lt;/p&gt;
&lt;pre&gt;&lt;code&gt;class Some
  def method_a
    puts "a"
  end
  def method_b
    puts "b"
  end
  def method_c
    puts "c"
  end
end
some = Some.new
a = true
b = true
c = true
l = []
l &amp;lt;&amp;lt; :method_a if a
l &amp;lt;&amp;lt; :method_b if b
l &amp;lt;&amp;lt; :method_c if c
l.inject(some) { |obj, method|
  obj.send(method)
}
&lt;/code&gt;&lt;/pre&gt;
&lt;blockquote&gt;
  &lt;p&gt;[demas @arch.local.net ][~/dev/study/ruby/oop]% ruby inject_ex.rb&lt;br&gt;
  a&lt;/p&gt;
  &lt;p&gt;inject_ex.rb:26:in &lt;code&gt;block in &amp;lt;main&amp;gt;': undefined method&lt;/code&gt;method_b' for nil:NilClass &lt;/p&gt;
  &lt;p&gt;(NoMethodError)&lt;/p&gt;
  &lt;p&gt;from inject_ex.rb:26:in `each'&lt;/p&gt;
  &lt;p&gt;from inject_ex.rb:26:in `inject'&lt;/p&gt;
  &lt;p&gt;from inject_ex.rb:26:in `'&lt;/p&gt;
&lt;/blockquote&gt;</t>
  </si>
  <si>
    <t>2009-11-27 08:45:44.553000+00:00</t>
  </si>
  <si>
    <t>2009-12-27 09:04:12.257000+00:00</t>
  </si>
  <si>
    <t>2017-05-23 10:27:42.920000+00:00</t>
  </si>
  <si>
    <t>How do i load a method in a master blade template?</t>
  </si>
  <si>
    <t>&lt;p&gt;i am using laravel's blade template and i have a master template for all my pages. In the master template i have a top bar and a sidebar. I want to load something in the sidebar. But i don't know how do it in a simpler way. Now i am calling that method (which i want in to display in my sidebar) in every controller i have like this: &lt;/p&gt;
&lt;pre&gt;&lt;code&gt;View::make()-&amp;gt;with('data_to_load_in_sidebar',$data_to_load_in_sidebar)
&lt;/code&gt;&lt;/pre&gt;
&lt;p&gt;How can i load this only once, not every time i generate a view?&lt;/p&gt;</t>
  </si>
  <si>
    <t>2013-07-16 10:53:39.963000+00:00</t>
  </si>
  <si>
    <t>2013-07-16 14:45:46.303000+00:00</t>
  </si>
  <si>
    <t>php|templates|laravel|blade</t>
  </si>
  <si>
    <t>WebAPI 2 - CORS not working with contentType application/json</t>
  </si>
  <si>
    <t>&lt;p&gt;I've got an Asp.net WebApi 2 project, with a &lt;code&gt;Booking&lt;/code&gt; controller&lt;/p&gt;
&lt;p&gt;If I try to post this from my client-side js:&lt;/p&gt;
&lt;pre&gt;&lt;code&gt;$.ajax({
            url: 'http://localhost:57517/api/booking',
            type: 'POST',
            crossDomain:true,
            data: {AdultPaxCount:1},
            contentType: "application/json"
        });
&lt;/code&gt;&lt;/pre&gt;
&lt;p&gt;I get a not-allowed error (and the &lt;code&gt;Post&lt;/code&gt; action on my &lt;code&gt;BookingController&lt;/code&gt; is not hit)&lt;/p&gt;
&lt;p&gt;However;&lt;/p&gt;
&lt;p&gt;If I remove the&lt;/p&gt;
&lt;blockquote&gt;
  &lt;p&gt;contentType: "application/json"  &lt;/p&gt;
&lt;/blockquote&gt;
&lt;p&gt;section, it 'works' (it is sent to the controller)&lt;/p&gt;
&lt;p&gt;Am I missing something in my setup?&lt;/p&gt;</t>
  </si>
  <si>
    <t>2013-10-30 17:53:24.183000+00:00</t>
  </si>
  <si>
    <t>2016-10-20 05:22:58.393000+00:00</t>
  </si>
  <si>
    <t>asp.net-web-api|cors</t>
  </si>
  <si>
    <t>react-router-dom Link tag not working</t>
  </si>
  <si>
    <t>&lt;p&gt;I'm very new to React. I'm trying to get basic routing working with react-router-dom (v.4.0.0) but I cannot get the Link tag to work. The URL changes but the component linked to does not get rendered. No errors in the console. Any help would be much appreciated. &lt;/p&gt;
&lt;p&gt;This is the code I have. &lt;/p&gt;
&lt;pre&gt;&lt;code&gt;import React, {Component} from 'react';
import ReactDOM from 'react-dom';
import { Provider } from 'react-redux';
import { createStore, applyMiddleware } from 'redux';
import {BrowserRouter, Route, Link} from 'react-router-dom';
import App from './components/app';
import reducers from './reducers';
const createStoreWithMiddleware = applyMiddleware()(createStore);
class First extends Component {
  render() {
    return (&amp;lt;div&amp;gt;First&amp;lt;/div&amp;gt;);
  }
}
class Second extends Component {
  render() {
    return (&amp;lt;div&amp;gt;Second&amp;lt;/div&amp;gt;);
  }
}
ReactDOM.render(
  &amp;lt;Provider store={createStoreWithMiddleware(reducers)}&amp;gt;
    &amp;lt;BrowserRouter&amp;gt;
      &amp;lt;div&amp;gt;
        &amp;lt;div&amp;gt;
          &amp;lt;p&amp;gt;Welcome&amp;lt;/p&amp;gt;
          &amp;lt;Link to="/first"&amp;gt;1&amp;lt;/Link&amp;gt;
          &amp;lt;Link to="/second"&amp;gt;2&amp;lt;/Link&amp;gt;
        &amp;lt;/div&amp;gt;
        &amp;lt;Route path="/first" component={First} /&amp;gt;
        &amp;lt;Route path="/second" component={Second} /&amp;gt;
      &amp;lt;/div&amp;gt;
    &amp;lt;/BrowserRouter&amp;gt;
  &amp;lt;/Provider&amp;gt;
  , document.querySelector('.container'));
&lt;/code&gt;&lt;/pre&gt;
&lt;p&gt;Thanks.&lt;/p&gt;</t>
  </si>
  <si>
    <t>2017-07-18 13:52:40.493000+00:00</t>
  </si>
  <si>
    <t>2017-07-18 22:03:46.333000+00:00</t>
  </si>
  <si>
    <t>reactjs|react-router|react-redux</t>
  </si>
  <si>
    <t>SkImageDecoder factory returned null upon loading an image from resources</t>
  </si>
  <si>
    <t>&lt;p&gt;I'm trying to load an image into my image view using the following line of code:&lt;/p&gt;
&lt;pre&gt;&lt;code&gt;iv_flagged.setImageResource(R.drawable.not_flagged);
&lt;/code&gt;&lt;/pre&gt;
&lt;p&gt;However when I run this line of code, I get the a debug log cat message '07-16 16:12:03.610: D/skia(21114): --- SkImageDecoder::Factory returned null'&lt;/p&gt;
&lt;p&gt;The not_flagged image is definitely in the drawable folder.&lt;/p&gt;
&lt;p&gt;I've loaded images into image views loads of times before, here, where am I going wrong?&lt;/p&gt;</t>
  </si>
  <si>
    <t>2012-07-16 15:18:14.207000+00:00</t>
  </si>
  <si>
    <t>2012-07-16 15:23:02.820000+00:00</t>
  </si>
  <si>
    <t>Unable To Update_View_Delete Modal Dialog Bootstrap</t>
  </si>
  <si>
    <t>&lt;p&gt;I need help...i'm trying to make an insert/update/view/delete form using PHP and modal dialog bootstrap.
i'm managed to do insert process. But unable to update, view and delete from bootstrap modal dialog.&lt;/p&gt;
&lt;p&gt;db connection&amp;amp;process&lt;/p&gt;
&lt;pre&gt;&lt;code&gt;&amp;lt;?php
define('host', 'localhost');
define('user', 'root');
define('password', '');
define('db_name', 'testing');
$connect = NEW mysqli(host,user,password,db_name) or die (mysqli_error());
if(isset($_POST['add']))
{
$name = $connect-&amp;gt;real_escape_string($_POST['name']);
$email = $connect-&amp;gt;real_escape_string($_POST['email']);
$address = $connect-&amp;gt;real_escape_string($_POST['address']);
if($SQL)
{
?&amp;gt;
&amp;lt;script&amp;gt;
alert('Data Inserted!.');
        window.location.href='crud.php';
   &amp;lt;/script&amp;gt;
&amp;lt;?php
    }
}
if(isset($_GET['edit']))
{
$SQL = $connect-&amp;gt;query("SELECT * FROM tbl_employee WHERE id=".$_GET['edit']);
$view= $SQL-&amp;gt;fetch_array(MYSQLI_BOTH);
}
if(isset($_POST['update']))
{
$SQL = $connect-&amp;gt;query("UPDATE tbl_employee SET Nama='".$_POST['name']."', Email='".$_POST['email']."', Address='".$_POST['address']."' WHERE id=".$_GET['edit']);
if($SQL)
{
?&amp;gt;
&amp;lt;script&amp;gt;
alert('Data Updated.');
        window.location.href='crud.php';
   &amp;lt;/script&amp;gt;
       &amp;lt;?php
    }
}
if(isset($_GET['delete']))
{
    $SQL = $connect-&amp;gt;query("DELETE FROM tbl_employee WHERE id=".$_GET['delete']);
if($SQL)
{
?&amp;gt;
&amp;lt;script&amp;gt;
alert('Data Deleted!.');
        window.location.href='crud.php';
   &amp;lt;/script&amp;gt;
&amp;lt;?php
    }
}
?&amp;gt;
&lt;/code&gt;&lt;/pre&gt;
&lt;p&gt;form&lt;/p&gt;
&lt;pre&gt;&lt;code&gt;&amp;lt;div id="employee_table"&amp;gt;
        &amp;lt;table class="table table-bordered"&amp;gt;
        &amp;lt;tr&amp;gt;
            &amp;lt;th width=10%&amp;gt;#&amp;lt;/th&amp;gt;
            &amp;lt;th width=60%&amp;gt;Employee Name&amp;lt;/th&amp;gt;
            &amp;lt;th width=20%&amp;gt;Action&amp;lt;/th&amp;gt;
        &amp;lt;/tr&amp;gt;
        &amp;lt;?php
        while($row = mysqli_fetch_array($result))
        {
            @$no++;
         ?&amp;gt;    
        &amp;lt;tr&amp;gt;
            &amp;lt;td&amp;gt;&amp;lt;?php echo $no; ?&amp;gt;&amp;lt;/td&amp;gt;
            &amp;lt;td&amp;gt;&amp;lt;?php echo $row["name"]; ?&amp;gt;&amp;lt;/td&amp;gt;
            &amp;lt;td&amp;gt;&amp;lt;?php echo $row["email"]; ?&amp;gt;&amp;lt;/td&amp;gt;
            &amp;lt;td&amp;gt;&amp;lt;?php echo $row["address"]; ?&amp;gt;&amp;lt;/td&amp;gt;
            &amp;lt;td&amp;gt;
            &amp;lt;input type="button" name="view" value="View" id="&amp;lt;?php echo $row["id"]; ?&amp;gt;" class="btn btn-info btn-xs view_data" 
            data-toggle="modal" data-target="#view" /&amp;gt;
            &amp;lt;input type="button" name="view" value="Update" id="&amp;lt;?php echo $row["id"]; ?&amp;gt;" class="btn btn-info btn-xs 
            update_data" 
            data-toggle="modal" data-target="#update" /&amp;gt;
            &amp;lt;input type="button" name="view" value="Delete" id="&amp;lt;?php echo $row["id"]; ?&amp;gt;" class="btn btn-info btn-xs 
            delete_data" 
            data-toggle="modal" data-target="#delete" /&amp;gt;
            &amp;lt;/td&amp;gt;
        &amp;lt;/tr&amp;gt;
        &amp;lt;?php
        }
        ?&amp;gt;
        &amp;lt;/table&amp;gt;
        &amp;lt;/div&amp;gt; 
&lt;/code&gt;&lt;/pre&gt;
&lt;p&gt;view modal dialog&lt;/p&gt;
&lt;pre&gt;&lt;code&gt;&amp;lt;div id="view" class="modal fade"&amp;gt;
&amp;lt;div class="modal-dialog"&amp;gt;
    &amp;lt;div class="modal-content"&amp;gt;
        &amp;lt;div class="modal-header"&amp;gt;
            &amp;lt;button type="button" class="close" data-dismiss="modal"&amp;gt;&amp;amp;times;&amp;lt;/button&amp;gt;
            &amp;lt;h4&amp;gt;Employee Details&amp;lt;/h4&amp;gt;
        &amp;lt;/div&amp;gt;
        &amp;lt;div class="modal-body" id="employee_detail"&amp;gt;
        &amp;lt;form method="post" id="insert_form" action=""&amp;gt;
&amp;lt;label&amp;gt;Employee name&amp;lt;/label&amp;gt;
&amp;lt;input type="text" name="name" id="name" class="form-control" value="&amp;lt;?php if(isset($_GET['update'])){ echo $view['1']; } ?&amp;gt;" readonly="" /&amp;gt;
&amp;lt;br&amp;gt;
&amp;lt;label&amp;gt;Employee Address&amp;lt;/label&amp;gt;
&amp;lt;textarea name="address" id="address" class="form-control" value="&amp;lt;?php if(isset($_GET['update'])){ echo $view['2']; } ?&amp;gt;"readonly=""&amp;gt;&amp;lt;/textarea&amp;gt;
        &amp;lt;/div&amp;gt;
    &amp;lt;div class="modal-footer"&amp;gt;
        &amp;lt;button type="button" class="btn btn-default" data-dismiss="modal"&amp;gt;Close&amp;lt;/button&amp;gt;
        &amp;lt;/div&amp;gt;
    &amp;lt;/div&amp;gt;
&amp;lt;/div&amp;gt;
&lt;/code&gt;&lt;/pre&gt;
&lt;p&gt;
&lt;a href="https://i.stack.imgur.com/CTQ1J.jpg" rel="nofollow noreferrer"&gt;employee info unable to view&lt;/a&gt;&lt;/p&gt;</t>
  </si>
  <si>
    <t>2017-05-11 03:02:28.597000+00:00</t>
  </si>
  <si>
    <t>2017-05-11 04:51:33.100000+00:00</t>
  </si>
  <si>
    <t>2017-05-11 04:14:05.383000+00:00</t>
  </si>
  <si>
    <t>php|html|twitter-bootstrap|bootstrap-modal</t>
  </si>
  <si>
    <t>Python error "ascii codec cannot encode character..."</t>
  </si>
  <si>
    <t>&lt;p&gt;I have a script which shows &lt;/p&gt;
&lt;pre&gt;&lt;code&gt;UnicodeEncodeError: 'ascii' codec can't encode character u'\u044e' in position 0: ordinal not in range(128)
&lt;/code&gt;&lt;/pre&gt;
&lt;p&gt;for line &lt;code&gt;print ord(u), u&lt;/code&gt;. How can I run the script ok?&lt;/p&gt;
&lt;p&gt;I run &lt;code&gt;C:\Python27\pythonw.exe name.py&lt;/code&gt;.&lt;/p&gt;
&lt;pre&gt;&lt;code&gt;# -*- encoding: utf-8 -*-
print "Russian letters".center(18*4)
i = 0
for c in "����������������������������������������������������������������"\
         "����������������������������������������������������������������":
  u = unicode(c, 'koi8-r')  
  print ord(u), u
  i += 1
  if i % 4 == 0:
    print
&lt;/code&gt;&lt;/pre&gt;</t>
  </si>
  <si>
    <t>2013-08-11 19:51:22.560000+00:00</t>
  </si>
  <si>
    <t>2013-08-11 20:11:19.940000+00:00</t>
  </si>
  <si>
    <t>2013-08-11 19:57:37.180000+00:00</t>
  </si>
  <si>
    <t>python|unicode</t>
  </si>
  <si>
    <t>How to prevent my users from installing ffmpeg themselves</t>
  </si>
  <si>
    <t>&lt;p&gt;I would like to develop a program for converting video formats based on the ffmpeg command line on mac. I should use c ++ or python. But now there is a problem that bothers me. I do not want my users to have to install the ffmpeg command themselves , before I use my program, so what should I do? My question may be naive, I'm just a sophomore in college and I would be very grateful if you could help me.&lt;/p&gt;
&lt;p&gt;I should check whether there is ffmpeg in the program, and then use the command line to install it? I hope my program can bring ffmpeg, rather than to install&lt;/p&gt;
&lt;p&gt;-.-.-.-.-.-.-.-.-.-.-.-.-.-.-.-.-.-.-.-.-.-.-.-.-.-.-.-.-.-.-.-.-.-.-.-.-.-.-.-.-.-.-.-.-.-.-.-.-.-.-.-.-.-.-.-.-.&lt;/p&gt;
&lt;p&gt;Sorry, I did not say clearly. I hope my program can be the same as the normal mac program can be placed directly into the Application folder. And then you can open directly. I will use qt to draw the interface&lt;/p&gt;</t>
  </si>
  <si>
    <t>2018-02-07 06:46:10.497000+00:00</t>
  </si>
  <si>
    <t>2018-02-07 07:10:39.817000+00:00</t>
  </si>
  <si>
    <t>python|c++|macos|unix|ffmpeg</t>
  </si>
  <si>
    <t>Spring loaded stacktrace</t>
  </si>
  <si>
    <t>&lt;p&gt;IIUC spring-loaded enables me change java server code without redeploying and it works, but I got a ridiculously long stacktrace. What does it mean?&lt;/p&gt;
&lt;pre&gt;&lt;code&gt;18:53:09: Executing external task 'bootRun'...
:compileJava UP-TO-DATE
:processResources UP-TO-DATE
:classes UP-TO-DATE
:findMainClass
:bootRun
  .   ____          _            __ _ _
 /\\ / ___'_ __ _ _(_)_ __  __ _ \ \ \ \
( ( )\___ | '_ | '_| | '_ \/ _` | \ \ \ \
 \\/  ___)| |_)| | | | | || (_| |  ) ) ) )
  '  |____| .__|_| |_|_| |_\__, | / / / /
 =========|_|==============|___/=/_/_/_/
 :: Spring Boot ::        (v1.3.5.RELEASE)
2016-07-15 18:53:13.710  INFO 9337 --- [           main] hello.Application                        : Starting Application on dac-Latitude-E7450 with PID 9337 (/home/dac/Downloads/initial/build/classes/main started by dac in /home/dac/Downloads/initial)
2016-07-15 18:53:13.714  INFO 9337 --- [           main] hello.Application                        : No active profile set, falling back to default profiles: default
2016-07-15 18:53:13.811  INFO 9337 --- [           main] ationConfigEmbeddedWebApplicationContext : Refreshing org.springframework.boot.context.embedded.AnnotationConfigEmbeddedWebApplicationContext@221af3c0: startup date [Fri Jul 15 18:53:13 CEST 2016]; root of context hierarchy
2016-07-15 18:53:13.986 ERROR 9337 --- [           main] org.springsource.loaded.jvm.JVM          : Problems copying method. Incompatible JVM?
java.lang.reflect.InvocationTargetException: null
    at sun.reflect.NativeMethodAccessorImpl.invoke0(Native Method) ~[na:1.8.0_91]
    at sun.reflect.NativeMethodAccessorImpl.invoke(NativeMethodAccessorImpl.java:62) ~[na:1.8.0_91]
    at sun.reflect.DelegatingMethodAccessorImpl.invoke(DelegatingMethodAccessorImpl.java:43) ~[na:1.8.0_91]
    at java.lang.reflect.Method.invoke(Method.java:498) ~[na:1.8.0_91]
    at org.springsource.loaded.jvm.JVM.copyMethod(JVM.java:134) ~[springloaded-1.2.1.RELEASE.jar:1.2.1.RELEASE]
    at org.springsource.loaded.ri.OriginalClassInvoker.createJavaMethod(OriginalClassInvoker.java:68) [springloaded-1.2.1.RELEASE.jar:1.2.1.RELEASE]
    at org.springsource.loaded.ri.ReflectiveInterceptor.jlClassGetDeclaredMethods(ReflectiveInterceptor.java:151) [springloaded-1.2.1.RELEASE.jar:1.2.1.RELEASE]
    at org.springframework.core.type.StandardAnnotationMetadata.getAnnotatedMethods(StandardAnnotationMetadata.java:152) [spring-core-4.2.6.RELEASE.jar:4.2.6.RELEASE]
    at org.springframework.context.annotation.ConfigurationClassParser.doProcessConfigurationClass(ConfigurationClassParser.java:292) [spring-context-4.2.6.RELEASE.jar:4.2.6.RELEASE]
    at org.springframework.context.annotation.ConfigurationClassParser.processConfigurationClass(ConfigurationClassParser.java:232) [spring-context-4.2.6.RELEASE.jar:4.2.6.RELEASE]
    at org.springframework.context.annotation.ConfigurationClassParser.parse(ConfigurationClassParser.java:199) [spring-context-4.2.6.RELEASE.jar:4.2.6.RELEASE]
    at org.springframework.context.annotation.ConfigurationClassParser.parse(ConfigurationClassParser.java:168) [spring-context-4.2.6.RELEASE.jar:4.2.6.RELEASE]
    at org.springframework.context.annotation.ConfigurationClassPostProcessor.processConfigBeanDefinitions(ConfigurationClassPostProcessor.java:321) [spring-context-4.2.6.RELEASE.jar:4.2.6.RELEASE]
    at org.springframework.context.annotation.ConfigurationClassPostProcessor.postProcessBeanDefinitionRegistry(ConfigurationClassPostProcessor.java:243) [spring-context-4.2.6.RELEASE.jar:4.2.6.RELEASE]
    at org.springframework.context.support.PostProcessorRegistrationDelegate.invokeBeanDefinitionRegistryPostProcessors(PostProcessorRegistrationDelegate.java:273) [spring-context-4.2.6.RELEASE.jar:4.2.6.RELEASE]
    at org.springframework.context.support.PostProcessorRegistrationDelegate.invokeBeanFactoryPostProcessors(PostProcessorRegistrationDelegate.java:98) [spring-context-4.2.6.RELEASE.jar:4.2.6.RELEASE]
    at org.springframework.context.support.AbstractApplicationContext.invokeBeanFactoryPostProcessors(AbstractApplicationContext.java:678) [spring-context-4.2.6.RELEASE.jar:4.2.6.RELEASE]
    at org.springframework.context.support.AbstractApplicationContext.refresh(AbstractApplicationContext.java:520) [spring-context-4.2.6.RELEASE.jar:4.2.6.RELEASE]
    at org.springframework.boot.context.embedded.EmbeddedWebApplicationContext.refresh(EmbeddedWebApplicationContext.java:118) [spring-boot-1.3.5.RELEASE.jar:1.3.5.RELEASE]
    at org.springframework.boot.SpringApplication.refresh(SpringApplication.java:766) [spring-boot-1.3.5.RELEASE.jar:1.3.5.RELEASE]
    at org.springframework.boot.SpringApplication.createAndRefreshContext(SpringApplication.java:361) [spring-boot-1.3.5.RELEASE.jar:1.3.5.RELEASE]
    at org.springframework.boot.SpringApplication.run(SpringApplication.java:307) [spring-boot-1.3.5.RELEASE.jar:1.3.5.RELEASE]
    at org.springframework.boot.SpringApplication.run(SpringApplication.java:1191) [spring-boot-1.3.5.RELEASE.jar:1.3.5.RELEASE]
    at org.springframework.boot.SpringApplication.run(SpringApplication.java:1180) [spring-boot-1.3.5.RELEASE.jar:1.3.5.RELEASE]
    at hello.Application.main(Application.java:13) [main/:na]
Caused by: java.lang.IllegalArgumentException: Can not copy a non-root Method
    at java.lang.reflect.Method.copy(Method.java:151) ~[na:1.8.0_91]
    ... 25 common frames omitted
2016-07-15 18:53:15.426 ERROR 9337 --- [           main] org.springsource.loaded.jvm.JVM          : Problems copying method. Incompatible JVM?
&lt;/code&gt;&lt;/pre&gt;
&lt;p&gt;Mu &lt;code&gt;build.gradle&lt;/code&gt;&lt;/p&gt;
&lt;pre&gt;&lt;code&gt;buildscript {
    repositories {
        mavenCentral()
    }
    dependencies {
        classpath("org.springframework.boot:spring-boot-gradle-plugin:1.3.5.RELEASE")
        classpath("org.springframework:springloaded:1.2.1.RELEASE")
    }
}
apply plugin: 'java'
apply plugin: 'eclipse'
apply plugin: 'idea'
apply plugin: 'spring-boot'
apply plugin: 'rebel'
buildscript {
    repositories {
        mavenCentral()
    }
    dependencies {
        classpath group: 'org.zeroturnaround', name: 'gradle-jrebel-plugin', version: '1.1.3'
    }
}
jar {
    baseName = 'gs-spring-boot'
    version =  '0.1.0'
}
repositories {
    mavenCentral()
}
sourceCompatibility = 1.8
targetCompatibility = 1.8
dependencies {
    // tag::jetty[]
    compile("org.springframework.boot:spring-boot-starter-web") {
        exclude module: "spring-boot-starter-tomcat"
    }
    compile("org.springframework.boot:spring-boot-starter-jetty")
    // end::jetty[]
    // tag::actuator[]
    compile("org.springframework.boot:spring-boot-starter-actuator")
    // end::actuator[]
    compile("org.springframework.boot:spring-boot-starter-actuator")
    testCompile("org.springframework.boot:spring-boot-starter-test")
    testCompile("junit:junit")
}
// change default IntelliJ output directory for compiling classes
idea {
    module {
        inheritOutputDirs = false
        outputDir = file("$buildDir/classes/main/")
    }
}
task wrapper(type: Wrapper) {
    gradleVersion = '2.3'
}
&lt;/code&gt;&lt;/pre&gt;
&lt;p&gt;My class that I can reload without restarting jetty&lt;/p&gt;
&lt;pre&gt;&lt;code&gt;package hello;
import org.springframework.web.bind.annotation.RestController;
import org.springframework.web.bind.annotation.RequestMapping;
@RestController
public class HelloController {
    @RequestMapping("/")
    public String index() {
        return "Greetings from Spring Boot!";
    }
}
&lt;/code&gt;&lt;/pre&gt;
&lt;p&gt;But why do I get the stacktrace and how do I fix it?&lt;/p&gt;</t>
  </si>
  <si>
    <t>2016-07-15 17:00:21.573000+00:00</t>
  </si>
  <si>
    <t>2016-07-15 17:49:03.297000+00:00</t>
  </si>
  <si>
    <t>2016-07-15 17:11:13.283000+00:00</t>
  </si>
  <si>
    <t>java|intellij-idea|gradle|spring-boot|spring-loaded</t>
  </si>
  <si>
    <t>Leiningen Parent &gt; Child &gt; 3rd-Party Library Dependency Errors</t>
  </si>
  <si>
    <t>&lt;p&gt;I'm using leiningen to develop 2 projects simultaneously (see &lt;strong&gt;&lt;em&gt;Checkout Dependencies&lt;/em&gt;&lt;/strong&gt; &lt;a href="https://github.com/technomancy/leiningen/blob/master/doc/TUTORIAL.md" rel="nofollow"&gt;here&lt;/a&gt;). That's working and I've gotten it to a point where I want to deploy both libraries. Let's say they are &lt;strong&gt;&lt;em&gt;lib-parent&lt;/em&gt;&lt;/strong&gt; , which uses &lt;strong&gt;&lt;em&gt;lib-child&lt;/em&gt;&lt;/strong&gt;. &lt;/p&gt;
&lt;p&gt;Now, I've deployed &lt;em&gt;lib-child&lt;/em&gt; to clojars (&lt;code&gt;lein deploy clojars&lt;/code&gt;). But if I now include &lt;em&gt;lib-child&lt;/em&gt; as a project dependency in &lt;em&gt;lib-parent&lt;/em&gt;, I can't load &lt;em&gt;lib-child&lt;/em&gt; because one of &lt;strong&gt;&lt;em&gt;it's&lt;/em&gt;&lt;/strong&gt; dependencies (Datomic and it's use of &lt;strong&gt;&lt;em&gt;com.google.common.cache.Cache&lt;/em&gt;&lt;/strong&gt;) doesn't load. Running &lt;code&gt;(require 'lib-child.plugin)&lt;/code&gt; at the repl will give me a &lt;strong&gt;&lt;em&gt;ClassNotFoundException : com.google.common.cache.Cache&lt;/em&gt;&lt;/strong&gt;.&lt;/p&gt;
&lt;p&gt;Is this &lt;strong&gt;&lt;em&gt;i)&lt;/em&gt;&lt;/strong&gt; a general leiningen dependency issue or &lt;strong&gt;&lt;em&gt;ii)&lt;/em&gt;&lt;/strong&gt; an issue with Datomic not getting all of it's dependencies? I'm using &lt;code&gt;[com.datomic/datomic-free "0.8.4143" :exclusions [org.slf4j/slf4j-nop org.slf4j/log4j-over-slf4j]]&lt;/code&gt;. &lt;/p&gt;
&lt;pre&gt;&lt;code&gt;user=&amp;gt; (require 'lib-child.plugin)
SLF4J: Failed to load class "org.slf4j.impl.StaticMDCBinder".
SLF4J: Defaulting to no-operation MDCAdapter implementation.
SLF4J: See http://www.slf4j.org/codes.html#no_static_mdc_binder for further details.
ClassNotFoundException com.google.common.cache.Cache  java.net.URLClassLoader$1.run (URLClassLoader.java:366)
user=&amp;gt; (pst *e)
ExceptionInInitializerError 
        java.lang.Class.forName0 (Class.java:-2)
        java.lang.Class.forName (Class.java:270)
        clojure.lang.RT.loadClassForName (RT.java:2098)
        clojure.lang.RT.load (RT.java:430)
        clojure.lang.RT.load (RT.java:411)
        clojure.core/load/fn--5018 (core.clj:5530)
        clojure.core/load (core.clj:5529)
        clojure.core/load-one (core.clj:5336)
        clojure.core/load-lib/fn--4967 (core.clj:5375)
        clojure.core/load-lib (core.clj:5374)
        clojure.core/apply (core.clj:619)
        clojure.core/load-libs (core.clj:5413)
Caused by:
ClassNotFoundException com.google.common.cache.Cache
        java.net.URLClassLoader$1.run (URLClassLoader.java:366)
        java.net.URLClassLoader$1.run (URLClassLoader.java:355)
        java.security.AccessController.doPrivileged (AccessController.java:-2)
        java.net.URLClassLoader.findClass (URLClassLoader.java:354)
        java.lang.ClassLoader.loadClass (ClassLoader.java:424)
        sun.misc.Launcher$AppClassLoader.loadClass (Launcher.java:308)
        java.lang.ClassLoader.loadClass (ClassLoader.java:357)
        java.lang.Class.forName0 (Class.java:-2)
        java.lang.Class.forName (Class.java:190)
        datomic.cache__init.__init0 (:-1)
        datomic.cache__init.&amp;lt;clinit&amp;gt; (:-1)
        java.lang.Class.forName0 (Class.java:-2)
&lt;/code&gt;&lt;/pre&gt;
&lt;p&gt;Thanks  &lt;/p&gt;</t>
  </si>
  <si>
    <t>2013-10-10 19:22:06.720000+00:00</t>
  </si>
  <si>
    <t>2013-10-11 15:29:30.887000+00:00</t>
  </si>
  <si>
    <t>2013-10-10 19:28:37.827000+00:00</t>
  </si>
  <si>
    <t>maven|deployment|clojure|leiningen|datomic</t>
  </si>
  <si>
    <t>How use function value on table in lua</t>
  </si>
  <si>
    <t>&lt;p&gt;I'm new on the moon and I wonder how I can take a function check if the value contained is on a table.&lt;/p&gt;
&lt;pre&gt;&lt;code&gt;local extraItem = {
  Interior = {from = {1602; 2064; 2070; 2108};
          to = {1808; 2065; 2079; 2119};
          id = {2034; 2180; 2192; 2594}}
}
local function onOptionChange(widget, optText, optData)
  if optData &amp;gt;= 16 then
    print(optText)
    for a, v in ipairs(extraItem.optText.from) do
      for i = extraItem.optText.from[a], extraItem.optText.to[a] do
        local widget = g_ui.createWidget('PaletteItem', paletteList)
        local itemid = g_things.getItemType(i)
        widget:setItemId(itemid:getClientId())
      end
    end
    for a, v in ipairs(extraItem.optText.id) do
      local widget = g_ui.createWidget('PaletteItem', paletteList)
      local itemid = g_things.getItemType(v)
      widget:setItemId(itemid:getClientId())
    end
  end
end
&lt;/code&gt;&lt;/pre&gt;
&lt;p&gt;the &lt;code&gt;print(optText)&lt;/code&gt; print &lt;code&gt;Interior&lt;/code&gt; and &lt;code&gt;extraItem.optText.from&lt;/code&gt; return &lt;code&gt;nul&lt;/code&gt;, how fix it?&lt;/p&gt;</t>
  </si>
  <si>
    <t>2013-12-03 23:51:54.793000+00:00</t>
  </si>
  <si>
    <t>2014-01-06 08:31:44.033000+00:00</t>
  </si>
  <si>
    <t>function|lua|return|lua-table</t>
  </si>
  <si>
    <t>Excel converts hyphened text into a date</t>
  </si>
  <si>
    <t>&lt;p&gt;When I copy the data from query results of Sql Server db and pasted it on Excel the hyphenated text get converted to the date. &lt;/p&gt;
&lt;p&gt;Like 2-12 gets converted to 12-Feb. How can I avoid that? &lt;/p&gt;</t>
  </si>
  <si>
    <t>2013-09-03 21:24:26.070000+00:00</t>
  </si>
  <si>
    <t>2013-09-03 21:34:16.283000+00:00</t>
  </si>
  <si>
    <t>excel</t>
  </si>
  <si>
    <t>keyboard events in .NET</t>
  </si>
  <si>
    <t>&lt;p&gt;The key up event gets triggered when a key is released. This holds true for normal keys like a, b etc. However, holding down the arrow key or escape key produses different results.
Instead of firing a key up event when the key is released, it gets fired soon after the key down event. So, holding down a arrow key becomes equal to pressing and releasing the key many times very fast.
Any explaination and work around to determine when the key is actually released?&lt;/p&gt;</t>
  </si>
  <si>
    <t>2009-02-10 09:20:58.593000+00:00</t>
  </si>
  <si>
    <t>2010-08-05 06:15:15.823000+00:00</t>
  </si>
  <si>
    <t>DotNET</t>
  </si>
  <si>
    <t>c#|vb.net|forms|keyboard</t>
  </si>
  <si>
    <t>Input value update dilemma</t>
  </si>
  <si>
    <t>&lt;p&gt;so i was trying to achieve a program that changes the width and height of an image based on the user's input, i could achieve that normally, but i wanted to do it using object-oriented programming, so here's my problem: i need to get the value of my input elements when the "material" function is called, but if i move the input elements inside the function, the "sett" will not work properly as i've used the input elements before defining them, and if i move the "sett" to the bottom of my code then the "material"'s "caller" parameter will not work because again i've used "sett" before defining it.
here's my code:&lt;/p&gt;
&lt;p&gt;also i forgot to remove the "top" and "left" input elements in the html code, so consider anything associated with them as nothing.&lt;/p&gt;
&lt;pre&gt;&lt;code&gt;&amp;lt;!DOCTYPE html&amp;gt;
&amp;lt;html&amp;gt;
&amp;lt;head&amp;gt;
&amp;lt;meta http-equiv="Content-Type" content="text/html; charset=utf-8"&amp;gt;
&amp;lt;style&amp;gt;
#brazil {position:absolute;display:none;width:200;height:200;}
&amp;lt;/style&amp;gt;
&amp;lt;/head&amp;gt;
&amp;lt;body&amp;gt;
&amp;lt;input id="width" type="text" placeHolder="width"/&amp;gt;
&amp;lt;input id="height" type="text" placeHolder="height"/&amp;gt;
&amp;lt;input id="top" type="text" placeHolder="Vertical Position"/&amp;gt;
&amp;lt;input id="left" type="text" placeHolder="Horizontal Position"/&amp;gt;
&amp;lt;input type="button" value="Create" onclick="material(sett)"/&amp;gt;
&amp;lt;br&amp;gt;
&amp;lt;img id="brazil" src="brazil.png" alt="brazil"/&amp;gt;
&amp;lt;script&amp;gt;
var  Cons = function(width,height) {
this.width = width;
this.height = height;
}
var brazil = document.getElementById("brazil");
var nwidth = document.getElementById("width").value;
var nheight = document.getElementById("height").value;
var sett = new Cons(nwidth,nheight);
var  material = function(caller) {
brazil.style.width = caller.width;
brazil.style.height = caller.height;
brazil.style.display = "inline";
}
&amp;lt;/script&amp;gt;
&amp;lt;/body&amp;gt;
&amp;lt;/html&amp;gt;
&lt;/code&gt;&lt;/pre&gt;</t>
  </si>
  <si>
    <t>2015-12-05 21:57:50.613000+00:00</t>
  </si>
  <si>
    <t>2015-12-05 22:58:17.313000+00:00</t>
  </si>
  <si>
    <t>Error 191 on Facebook, but URL is set up properly</t>
  </si>
  <si>
    <t>&lt;p&gt;Im getting issue with redirect_uri, but everything is set up properly.  I had left this code alone for a week when it was working fine,  picked it up again today and this error was there with no changes at all.&lt;/p&gt;
&lt;p&gt;This is the URL for the app in settings:
&lt;a href="http://www.shifty.com.br/europa/quemtemboca/app/" rel="noreferrer"&gt;http://www.shifty.com.br/europa/quemtemboca/app/&lt;/a&gt;
https://www.shifty.com.br/europa/quemtemboca/app/&lt;/p&gt;
&lt;p&gt;This is the app page:
&lt;a href="http://www.facebook.com/recifetest/" rel="noreferrer"&gt;http://www.facebook.com/recifetest/&lt;/a&gt;&lt;/p&gt;
&lt;p&gt;Sharing was working just fine, now it isnt with absolutely no changes.  Very weird.&lt;/p&gt;
&lt;p&gt;Thanks for any help in advance.&lt;/p&gt;</t>
  </si>
  <si>
    <t>2012-09-03 14:38:50.413000+00:00</t>
  </si>
  <si>
    <t>2013-03-24 07:37:43.893000+00:00</t>
  </si>
  <si>
    <t>facebook|api</t>
  </si>
  <si>
    <t>Specifying a timeframe when scraping from reddit using RedditExtractoR in R</t>
  </si>
  <si>
    <t>&lt;p&gt;I'm trying to scrape all post titles related to given search-terms from certain subreddits within a given timeframe using R. The package 'RedditExtractoR' is really useful, as I can use this line of code to return all the relevant posts, along with some other useful information:&lt;/p&gt;
&lt;p&gt;&lt;code&gt;&amp;gt; reddit_urls(search_terms = 'immigrant', subreddit = 'ukpolitics', page_threshold = 5, sort_by = "new")&lt;/code&gt;&lt;/p&gt;
&lt;p&gt;My problem is, this code returns every post from right now until the page threshold fills, which in this case happens to be a couple of months older than I need, as I set an arbitrary 'page_threshold' while I was testing the code. My time-frame is from the 9th September 2015 to the 23rd June 2016, (the unix timestamps are 1441411201 &amp;amp; 1466726401 respectively, if that is relevant) and consequently I have a couple of months of excess data either side of my time frame.&lt;/p&gt;
&lt;p&gt;Is there any way of including some kind argument to restrict the output to a given time-period? such as "since = X", "unitl = X" or "timeframe = X..X"(arguments I've seen in other packages before). &lt;/p&gt;
&lt;p&gt;Thanks.&lt;/p&gt;</t>
  </si>
  <si>
    <t>2016-08-10 15:15:20.437000+00:00</t>
  </si>
  <si>
    <t>2016-09-11 01:15:28.853000+00:00</t>
  </si>
  <si>
    <t>r|web-scraping|timestamp|reddit</t>
  </si>
  <si>
    <t>Variable keep getting re- initialized inside loop?</t>
  </si>
  <si>
    <t>&lt;p&gt;I'm a total beginner and I'm self studying c++, there is this exercise in jumping into C++ in which it asks to write a tic tac toe game, Now I am half way through the program but currently stuck with a problem inside while loop.
I will not put my current code here as most part of it will be irrelevant to my question but I wrote the code below which is similar to the problem I am facing in my tic tac toe game:&lt;/p&gt;
&lt;p&gt;**No matter what character I give to any of the -char test- variables they keep getting re- initialized to their initial chars because of the while loop in the main(), the only way I know out of this problem is to change the variable's scope to global but I don't want to do that.&lt;/p&gt;
&lt;p&gt;??So how can I stop the variables from getting re-initialized ? I can't really move the while loop from main() as it would affect the other functions in my tic tac toe game... Please consider that I'm a beginner and I only know loops, conditional statements and bools, I will not understand big programming words.&lt;/p&gt;
&lt;p&gt;Thank you&lt;/p&gt;
&lt;pre&gt;&lt;code&gt;#include &amp;lt;iostream&amp;gt;
int show(int choice, char x_o);
int main(){
    int i=0;
    int choice;
    char x_o=' ';
    while(i&amp;lt;2){
        //enter 2 and X the first time for example
        //enter 3 and O the second time for example
        std::cin&amp;gt;&amp;gt;choice&amp;gt;&amp;gt;x_o;
        show(choice, x_o);
        ++i;
    }
}
int show(int choice, char x_o){
    char test='1';
    char test2='2';
    char test3='3';
    switch(choice){
        case 1:
            test=x_o;
            break;
        case 2:
            test2=x_o;
            break;
        case 3:
            test3=x_o;
            break;
    }
    std::cout&amp;lt;&amp;lt;test2&amp;lt;&amp;lt;'\n'; //test2 prints 'X' the first time
    //test2 the second time prints '2' again
}
&lt;/code&gt;&lt;/pre&gt;</t>
  </si>
  <si>
    <t>2014-12-02 05:51:54.193000+00:00</t>
  </si>
  <si>
    <t>2014-12-02 06:03:46.590000+00:00</t>
  </si>
  <si>
    <t>2014-12-02 06:00:26.613000+00:00</t>
  </si>
  <si>
    <t>c++|loops|initialization</t>
  </si>
  <si>
    <t>Help with transformation of Drawed Layout to MigLayout</t>
  </si>
  <si>
    <t>&lt;p&gt;I���m making a sample application that uses MigLayout in a very cool way. Unfortunately after reading through the quickstart and the whitepaper I still have questions and can���t do my desired layout. The sample application lets you add/remove games which are basically an Info Panel + JLabel. The layout should have two rows, one for the info panel and the other one to the JLabel.&lt;/p&gt;
&lt;p&gt;Layout:&lt;/p&gt;
&lt;ul&gt;
&lt;li&gt;Row 1 (Info Panel) : [grow][grow][grow][grow]&lt;/li&gt;
&lt;li&gt;Row 2 (JLabels) :   [grow][grow][grow][grow][/list]&lt;/li&gt;
&lt;/ul&gt;
&lt;p&gt;Here is an image so you guys can see clearly:
&lt;img src="https://i.stack.imgur.com/aKkiz.png" alt="enter image description here"&gt;&lt;/p&gt;
&lt;p&gt;So when I add a Game the layout should shrink the other to fit, like on this image:
&lt;img src="https://i.stack.imgur.com/KD9J5.png" alt="enter image description here"&gt;&lt;/p&gt;
&lt;p&gt;And when I delete the layout should grow the remaining one:
&lt;img src="https://i.stack.imgur.com/o2rNK.png" alt="enter image description here"&gt;&lt;/p&gt;
&lt;p&gt;But it���s not working with the given layout info, can you guys give me a hand? Also the shrinking JLabel should be handed by me, since it can���t resize automatically???&lt;/p&gt;</t>
  </si>
  <si>
    <t>2011-07-16 16:53:32.857000+00:00</t>
  </si>
  <si>
    <t>2011-07-16 17:10:28.890000+00:00</t>
  </si>
  <si>
    <t>java|swing|miglayout</t>
  </si>
  <si>
    <t>Pass id from angularjs within django url</t>
  </si>
  <si>
    <t>&lt;p&gt;I have created a filtered search list to search for some items from the database and show them in a list view. 
What I am trying to do is to display the items as links to their details pages.
since I am working with django and AngularJS there is a conflict between the {{ }} from both of them, so I have written the following code:&lt;/p&gt;
&lt;pre&gt;&lt;code&gt;myApp.config(function($interpolateProvider) {
                   $interpolateProvider.startSymbol('//');
                  $interpolateProvider.endSymbol('//');
        });
&lt;/code&gt;&lt;/pre&gt;
&lt;p&gt;but when I tried to pass the id of the clicked item to the url, it doesn't work any more.
I am trying to do it the same way I did before using AngularJS but I am getting the following error:&lt;/p&gt;
&lt;blockquote&gt;
  &lt;p&gt;Reverse for 'line_details' with arguments '('',)' and keyword arguments '{}' not found. 1 pattern(s) tried: ['baierlab/lines/line/(?P[0-9]+)/details']&lt;/p&gt;
&lt;/blockquote&gt;
&lt;p&gt;The code now is like this:&lt;/p&gt;
&lt;p&gt;The url for the details page:&lt;/p&gt;
&lt;pre&gt;&lt;code&gt;url(r'^lines/line/(?P&amp;lt;line_id&amp;gt;[0-9]+)/details', views.line_details, name='line_details'),
&lt;/code&gt;&lt;/pre&gt;
&lt;p&gt;In the head of the Template:&lt;/p&gt;
&lt;pre&gt;&lt;code&gt;&amp;lt;script type="text/javascript"&amp;gt;
        var myApp = angular.module('myApp', []);
        myApp.config(function($interpolateProvider) {
                   $interpolateProvider.startSymbol('//');
                  $interpolateProvider.endSymbol('//');
        });
        myApp.controller('FilterInputCtrl', function($scope,$rootScope) {
            $scope.items1 = [];
            {% for line in lines %}
                 $scope.items1.push
                 ({
                    id:{{ line.id }},
                    name:'{{ line.name }}',
                 });
            {% endfor %}
        });
    &amp;lt;/script&amp;gt;
&lt;/code&gt;&lt;/pre&gt;
&lt;p&gt;In the Body:&lt;/p&gt;
&lt;pre&gt;&lt;code&gt;&amp;lt;body&amp;gt;
    &amp;lt;div id="selection_list" class="container item_padding"&amp;gt;
        &amp;lt;div ng-controller="FilterInputCtrl" &amp;gt;
            &amp;lt;div class="row"&amp;gt;
                &amp;lt;div class="col-md-6 col-sm-6 col-xs-12"&amp;gt;
                    &amp;lt;input class="form-control" type="text" ng-model="item1" placeholder="Enter your item"&amp;gt;
                    &amp;lt;br /&amp;gt;
                    &amp;lt;ul class="list"&amp;gt;
                        &amp;lt;li ng-repeat="x  in items1 | filter:item1 | orderBy:'name'"&amp;gt;
                            &amp;lt;a href="{% url 'line_details' x.id %}"&amp;gt;//x.name//&amp;lt;/a&amp;gt;
                        &amp;lt;/li&amp;gt;
                    &amp;lt;/ul&amp;gt;
                &amp;lt;/div&amp;gt;
            &amp;lt;/div&amp;gt;
        &amp;lt;/div&amp;gt;
    &amp;lt;/div&amp;gt;
&amp;lt;/body&amp;gt;
&lt;/code&gt;&lt;/pre&gt;</t>
  </si>
  <si>
    <t>2015-12-19 10:12:11.703000+00:00</t>
  </si>
  <si>
    <t>2015-12-22 18:28:58.350000+00:00</t>
  </si>
  <si>
    <t>angularjs|django</t>
  </si>
  <si>
    <t>How do I determine an expired access token?</t>
  </si>
  <si>
    <t>&lt;p&gt;I am interfacing with the &lt;a href="http://developer.microsofthealth.com/cloudAPI" rel="nofollow noreferrer"&gt;Microsoft Health Cloud API&lt;/a&gt; and have successfully requested an access token and refresh token. Communication with the RESTful API works as intended, although I am having a hard time figuring out, how to reliably determine an expired access token.&lt;/p&gt;
&lt;p&gt;I have the following code in place:&lt;/p&gt;
&lt;pre class="lang-cpp prettyprint-override"&gt;&lt;code&gt;fire_and_forget read_profile()
{
    HttpClient httpClient{};
    httpClient.DefaultRequestHeaders().Authorization({ L"bearer", access_token_ });
    try
    {
        auto const response{ co_await httpClient.GetStringAsync({ L"https://api.microsofthealth.net/v1/me/Profile" }) };
        // Raise event passing the response along.
        // Code left out for brevity.
        co_return;
    }
    catch (hresult_error const&amp;amp; e)
    {
        if (e.code() != 0x80190191) // Magic value for "unauthorized access (401)"
        {
            throw;
        }
        // This is an "unauthorized access (401)" error. Continue with requesting a new
        // access token from the refresh token.
        // Code left out for brevity.
    }
&lt;/code&gt;&lt;/pre&gt;
&lt;p&gt;Although it appears to work, it feels wrong for so many reasons. It's not just the magic value, but also the fact, that this particular error code may be used for other error modes.&lt;/p&gt;
&lt;p&gt;Is there a more robust way of determining, whether an access token has expired?&lt;/p&gt;
&lt;p&gt;Note: I understand, that I could use the expiration interval, and check against the system time. I'd rather not go down that route, as it isn't entirely reliable either, and introduces additional complexity for roaming that information across devices.&lt;/p&gt;</t>
  </si>
  <si>
    <t>2018-05-04 21:33:17.463000+00:00</t>
  </si>
  <si>
    <t>2018-05-07 10:07:58.840000+00:00</t>
  </si>
  <si>
    <t>oauth|uwp|c++-winrt</t>
  </si>
  <si>
    <t>Suddenly: WinError 10054 Python Socket.py dependency</t>
  </si>
  <si>
    <t>&lt;p&gt;I know questions about WinError 10054 have been asked before, but solutions were not applicable in my case. &lt;/p&gt;
&lt;p&gt;I have a dozen of scripts running on a daily basis, but as of yesterday a few of them crashed on the following error: &lt;/p&gt;
&lt;pre&gt;&lt;code&gt;ConnectionResetError: [WinError 10054] An existing connection was forcibly closed by the remote host
&lt;/code&gt;&lt;/pre&gt;
&lt;p&gt;The scripts are both running on a local computer and a server (acceptance/production) and the strange thing is that on both machines the scripts now crash. In one case the script crashes on ftplib at the moment I try to retrieve a file from the ftp server by &lt;code&gt;ftp.retrbinary()&lt;/code&gt;. Another script crashes when I try to close a webdriver, used for controlling the Chrome browser. Both are dependent on the socket.py library and the error traces back to: &lt;code&gt;return self._sock.recv_into(b)&lt;/code&gt;. Has there been some update recently that could cause this error?  &lt;/p&gt;</t>
  </si>
  <si>
    <t>2018-04-11 09:29:12.893000+00:00</t>
  </si>
  <si>
    <t>2018-04-11 11:31:09.813000+00:00</t>
  </si>
  <si>
    <t>python|sockets|selenium-webdriver|anaconda|ftplib</t>
  </si>
  <si>
    <t>how to use command line to deploy a war to gcp</t>
  </si>
  <si>
    <t>&lt;p&gt;I know we can use the maven plugin to deploy the application to GCP.  E.G&lt;/p&gt;
&lt;p&gt;mvn appengine:deploy&lt;/p&gt;
&lt;p&gt;But for certain reason, I would like to deploy the application not from the source code, but from artifacts repository (like Nexus).&lt;/p&gt;
&lt;p&gt;What I want to do is to fetch the war from Nexus and use some command line to deploy the war to GCP.   Anyone know how to?&lt;/p&gt;</t>
  </si>
  <si>
    <t>2018-11-26 08:49:39.357000+00:00</t>
  </si>
  <si>
    <t>2018-11-26 22:37:00.127000+00:00</t>
  </si>
  <si>
    <t>maven|google-app-engine|google-cloud-platform|gcloud</t>
  </si>
  <si>
    <t>Rails links not connecting properly</t>
  </si>
  <si>
    <t>&lt;p&gt;I am a rails beginner and I have created 3 models/controllers/views using &lt;code&gt;rails generate scaffold&lt;/code&gt;:&lt;/p&gt;
&lt;ul&gt;
&lt;li&gt;Subjects, which have many topics&lt;/li&gt;
&lt;li&gt;Topics, which have many notes&lt;/li&gt;
&lt;li&gt;Notes&lt;/li&gt;
&lt;/ul&gt;
&lt;p&gt;When I go to &lt;code&gt;http://localhost:3000/subjects/1/topics&lt;/code&gt;, Rails lists the empty list of topics and when the 'New Topic' link is clicked, you are taken to &lt;code&gt;http://localhost:3000/topics/new&lt;/code&gt;.&lt;/p&gt;
&lt;p&gt;Should and how do I get the link for 'New Topic' to take the user to &lt;code&gt;http://localhost:3000/subjects/:id/topics/new&lt;/code&gt; instead of &lt;code&gt;http://localhost:3000/topics/new&lt;/code&gt; and should the new topic form submit to &lt;code&gt;http://localhost:3000/subjects/:id/topics/new&lt;/code&gt; instead of &lt;code&gt;http://localhost:3000/topics&lt;/code&gt;?&lt;/p&gt;
&lt;p&gt;&lt;strong&gt;views/topics/index:&lt;/strong&gt;&lt;/p&gt;
&lt;pre&gt;&lt;code&gt;&amp;lt;h1&amp;gt;Listing topics&amp;lt;/h1&amp;gt;
&amp;lt;table&amp;gt;
  &amp;lt;tr&amp;gt;
    &amp;lt;th&amp;gt;Name&amp;lt;/th&amp;gt;
    &amp;lt;th&amp;gt;&amp;lt;/th&amp;gt;
    &amp;lt;th&amp;gt;&amp;lt;/th&amp;gt;
    &amp;lt;th&amp;gt;&amp;lt;/th&amp;gt;
  &amp;lt;/tr&amp;gt;
&amp;lt;% @topics.each do |topic| %&amp;gt;
  &amp;lt;tr&amp;gt;
    &amp;lt;td&amp;gt;&amp;lt;%= topic.name %&amp;gt;&amp;lt;/td&amp;gt;
    &amp;lt;td&amp;gt;&amp;lt;%= link_to 'Show', topic %&amp;gt;&amp;lt;/td&amp;gt;
    &amp;lt;td&amp;gt;&amp;lt;%= link_to 'Edit', edit_topic_path(topic) %&amp;gt;&amp;lt;/td&amp;gt;
    &amp;lt;td&amp;gt;&amp;lt;%= link_to 'Destroy', topic, method: :delete, data: { confirm: 'Are you sure?' } %&amp;gt;&amp;lt;/td&amp;gt;
  &amp;lt;/tr&amp;gt;
&amp;lt;% end %&amp;gt;
&amp;lt;/table&amp;gt;
&amp;lt;br /&amp;gt;
&amp;lt;%= link_to 'New Topic', new_topic_path %&amp;gt;
&lt;/code&gt;&lt;/pre&gt;
&lt;p&gt;&lt;strong&gt;controllers/topics:&lt;/strong&gt;&lt;/p&gt;
&lt;pre&gt;&lt;code&gt;def new
  @topic = Topic.new
  respond_to do |format|
    format.html # new.html.erb
    format.json { render json: @topic }
  end
end
def edit
  @topic = Topic.find(params[:id])
end
def create
  @topic = Topic.new(params[:topic])
  @topic.subject_id = params[:project_id]
  respond_to do |format|
    if @topic.save
      format.html { redirect_to subject_path(@topic.subject_id), notice: 'Topic was successfully created.' }
      format.json { render json: @topic, status: :created, location: @topic }
    else
      format.html { render action: "new" }
      format.json { render json: @topic.errors, status: :unprocessable_entity }
    end
  end
end
&lt;/code&gt;&lt;/pre&gt;
&lt;p&gt;&lt;strong&gt;new topics form:&lt;/strong&gt;&lt;/p&gt;
&lt;pre&gt;&lt;code&gt;&amp;lt;%= form_for(@topic) do |f| %&amp;gt;
  &amp;lt;% if @topic.errors.any? %&amp;gt;
    &amp;lt;div id="error_explanation"&amp;gt;
      &amp;lt;h2&amp;gt;&amp;lt;%= pluralize(@topic.errors.count, "error") %&amp;gt; prohibited this topic from being saved:&amp;lt;/h2&amp;gt;
      &amp;lt;ul&amp;gt;
      &amp;lt;% @topic.errors.full_messages.each do |msg| %&amp;gt;
        &amp;lt;li&amp;gt;&amp;lt;%= msg %&amp;gt;&amp;lt;/li&amp;gt;
      &amp;lt;% end %&amp;gt;
      &amp;lt;/ul&amp;gt;
    &amp;lt;/div&amp;gt;
  &amp;lt;% end %&amp;gt;
  &amp;lt;div class="field"&amp;gt;
    &amp;lt;%= f.label :name %&amp;gt;&amp;lt;br /&amp;gt;
    &amp;lt;%= f.text_field :name %&amp;gt;
  &amp;lt;/div&amp;gt;
  &amp;lt;div class="actions"&amp;gt;
    &amp;lt;%= f.submit %&amp;gt;
  &amp;lt;/div&amp;gt;
&amp;lt;% end %&amp;gt;
&lt;/code&gt;&lt;/pre&gt;
&lt;p&gt;&lt;strong&gt;routes:&lt;/strong&gt;&lt;/p&gt;
&lt;pre&gt;&lt;code&gt;resources :subjects do
  resources :topics do
    resources :notes
  end
end
resources :notes
resources :topics
resources :subjects
root :to =&amp;gt; 'subjects#index'
&lt;/code&gt;&lt;/pre&gt;</t>
  </si>
  <si>
    <t>2013-08-12 20:11:08.040000+00:00</t>
  </si>
  <si>
    <t>2013-08-12 20:54:24.233000+00:00</t>
  </si>
  <si>
    <t>ruby-on-rails|forms|routes|hyperlink</t>
  </si>
  <si>
    <t>Working with files using Java</t>
  </si>
  <si>
    <t>&lt;p&gt;I have a query in regards to what is the best way of handling huge files in Java? 
Shall we use the no-sql database like Cassandra or try to use our existing Oracle database (to dump the content of the file).&lt;/p&gt;
&lt;p&gt;My file can contain at most 1 or 2 fields. But mostly what I shall be able to do with the file content is just search an Id and return boolean.
File can contain records in tens of millions or as low as thousands.
Also this file can get refreshed on daily basis. Whenever refreshed I need to clear all previous values.&lt;/p&gt;
&lt;p&gt;Any suggestions would be helpful!!&lt;/p&gt;
&lt;p&gt;Regards,
Vicky&lt;/p&gt;</t>
  </si>
  <si>
    <t>2018-08-16 06:35:48.483000+00:00</t>
  </si>
  <si>
    <t>2018-08-16 09:53:33.810000+00:00</t>
  </si>
  <si>
    <t>java|nosql</t>
  </si>
  <si>
    <t>What happens to application installed in playstore if i deploy module to app engine?</t>
  </si>
  <si>
    <t>&lt;p&gt;I want to know what happens to users already installed applications, if i made any change in backend application and deploy module to app engine???&lt;/p&gt;
&lt;p&gt;i.e i installed an application in play store yesterday with google storage backend in java. Now i wanted to add new feature to my existing app. but i am afraid if i did something wrong in backend application and deploy it to app engine, whether it will effect my installed application and users????&lt;/p&gt;</t>
  </si>
  <si>
    <t>2016-05-05 05:47:57.627000+00:00</t>
  </si>
  <si>
    <t>2016-05-05 06:19:35.857000+00:00</t>
  </si>
  <si>
    <t>android|google-cloud-storage|backend</t>
  </si>
  <si>
    <t>Javascript: How to execute command that will affect browser even after refresh?</t>
  </si>
  <si>
    <t>&lt;p&gt;Let's say I want to stop all videos from playing in the browser so while on the youtube.com page I run &lt;code&gt;HTMLVideoElement.prototype.play = function() {}&lt;/code&gt;. I click around and since it doesn't do a full page refresh the JS persists.&lt;/p&gt;
&lt;p&gt;However, if I press refresh, then my JS is reset and &lt;code&gt;HTMLVideoElement.prototype.play&lt;/code&gt; once again points to native code. Is there a way to persist that command even on page refreshes?&lt;/p&gt;</t>
  </si>
  <si>
    <t>2016-07-31 15:36:44.223000+00:00</t>
  </si>
  <si>
    <t>2016-07-31 15:56:48.577000+00:00</t>
  </si>
  <si>
    <t>How does mysql replication work?</t>
  </si>
  <si>
    <t>&lt;p&gt;From what I've been able to find in the web, mysql stores statements that alter data in the bin log, which is then read by the slave. What remains unclear is what happens to those statements next? Are they replayed as if they happenned on the slave server?&lt;/p&gt;
&lt;p&gt;For example, say there is a query with current time in the conditional, like "UPDATE something SET updatedat = NOW()", and due to the replication delay, the query ends at the slave a couple of seconds later. Will the values in the table be different?&lt;/p&gt;
&lt;p&gt;Or if there is master-master replication, at time 1000 the following query happens on server 1:&lt;/p&gt;
&lt;pre&gt;&lt;code&gt;UPDATE t SET data = 'old', updatedat = 1000 WHERE updatedat &amp;lt; 1000
&lt;/code&gt;&lt;/pre&gt;
&lt;p&gt;At time 1001 on server 2 the following query happens:&lt;/p&gt;
&lt;pre&gt;&lt;code&gt;UPDATE t SET data = 'new', updatedat = 1001 WHERE updatedat &amp;lt; 1001
&lt;/code&gt;&lt;/pre&gt;
&lt;p&gt;Then server 2 fetches the replication log from server 1, the value on the server 2 will be "old"? If so, is there a way to avoid it?&lt;/p&gt;</t>
  </si>
  <si>
    <t>2012-05-03 10:53:48.727000+00:00</t>
  </si>
  <si>
    <t>2012-07-12 07:36:44.470000+00:00</t>
  </si>
  <si>
    <t>2012-05-03 11:05:50.687000+00:00</t>
  </si>
  <si>
    <t>mysql|replication</t>
  </si>
  <si>
    <t>jQuery doesn't display Hebrew</t>
  </si>
  <si>
    <t>&lt;p&gt;I am using jQuery to validate a form.
I have at my html's head: &lt;code&gt;&amp;lt;meta http-equiv="Content-Type" content="text/html; charset=utf-8" /&amp;gt;&lt;/code&gt;&lt;/p&gt;
&lt;p&gt;I have utf-8 on my scripts:&lt;/p&gt;
&lt;pre&gt;&lt;code&gt;&amp;lt;script type="text/javascript" src="http://code.jquery.com/jquery-latest.js" charset="utf-8"&amp;gt;&amp;lt;/script&amp;gt;
&amp;lt;script type="text/javascript" src="validate.js" charset="utf-8"&amp;gt;&amp;lt;/script&amp;gt;
&lt;/code&gt;&lt;/pre&gt;
&lt;p&gt;My html page shows Hebrew just fine as long as it's not though the jQuery code.
Any Hebrew character printed trough the jQuery (through the script in validate.js) prints out as: ������������&lt;/p&gt;
&lt;p&gt;Any help would be appreciated.&lt;/p&gt;</t>
  </si>
  <si>
    <t>2012-05-24 22:38:16.323000+00:00</t>
  </si>
  <si>
    <t>2017-04-07 23:30:39.100000+00:00</t>
  </si>
  <si>
    <t>2012-05-24 22:39:47.310000+00:00</t>
  </si>
  <si>
    <t>jquery|utf-8|hebrew</t>
  </si>
  <si>
    <t>View disappearing inside ScrollView when 'fillViewport' is not set to true</t>
  </si>
  <si>
    <t>&lt;p&gt;I have recently implemented the &lt;code&gt;WheelIndicatorView&lt;/code&gt; from the repository below:&lt;/p&gt;
&lt;p&gt;&lt;a href="https://github.com/dlazaro66/WheelIndicatorView" rel="nofollow"&gt;https://github.com/dlazaro66/WheelIndicatorView&lt;/a&gt;&lt;/p&gt;
&lt;p&gt;Here is the XML code below for my layout that utilises the new &lt;code&gt;View&lt;/code&gt;:&lt;/p&gt;
&lt;pre&gt;&lt;code&gt;&amp;lt;?xml version="1.0" encoding="utf-8"?&amp;gt;
&amp;lt;ScrollView xmlns:android="http://schemas.android.com/apk/res/android"
    xmlns:app="http://schemas.android.com/apk/res-auto"
    android:layout_width="match_parent"
    android:layout_height="match_parent"
    android:paddingLeft="@dimen/activity_horizontal_margin"
    android:paddingRight="@dimen/activity_horizontal_margin"
    android:paddingTop="@dimen/activity_vertical_margin"
    android:paddingBottom="@dimen/activity_vertical_margin"
    android:fillViewport="true"&amp;gt;
    &amp;lt;RelativeLayout
        android:layout_width="match_parent"
        android:layout_height="wrap_content"&amp;gt;
        &amp;lt;TextView
            android:layout_width="wrap_content"
            android:layout_height="wrap_content"
            android:layout_centerHorizontal="true"
            android:text="@string/heading"
            android:id="@+id/heading"
            style="@style/Heading" /&amp;gt;
        &amp;lt;Spinner
            android:layout_width="match_parent"
            android:layout_height="wrap_content"
            android:layout_below="@+id/heading"
            android:id="@+id/spinner"
            android:entries="@array/spinner_values" /&amp;gt;
        &amp;lt;RelativeLayout
            android:layout_width="match_parent"
            android:layout_height="wrap_content"
            android:layout_centerInParent="true"
            android:layout_below="@+id/spinner"&amp;gt;
            &amp;lt;com.dlazaro66.wheelindicatorview.WheelIndicatorView
                android:layout_width="match_parent"
                android:layout_height="match_parent"
                android:id="@+id/wheel_indicator_view"
                android:layout_centerInParent="true"
                app:itemsLineWidth="13dp" /&amp;gt;
            &amp;lt;LinearLayout
                android:layout_width="wrap_content"
                android:layout_height="wrap_content"
                android:layout_centerInParent="true"
                android:orientation="vertical"&amp;gt;
                &amp;lt;TextView
                    android:layout_width="wrap_content"
                    android:layout_height="wrap_content"
                    android:layout_gravity="center_horizontal"
                    android:text="@string/total"
                    android:id="@+id/total"
                    style="@style/Heading" /&amp;gt;
            &amp;lt;/LinearLayout&amp;gt;
        &amp;lt;/RelativeLayout&amp;gt;
        &amp;lt;android.support.design.widget.FloatingActionButton
            android:id="@+id/fab"
            android:layout_width="wrap_content"
            android:layout_height="wrap_content"
            android:layout_alignParentEnd="true"
            android:layout_alignParentRight="true"
            android:layout_alignParentBottom="true"
            android:src="@android:drawable/ic_menu_more"
            android:tint="@color/White"
            app:backgroundTint="@color/DarkViolet"
            app:fabSize="normal"
            app:elevation="6dp"
            app:pressedTranslationZ="12dp" /&amp;gt;
    &amp;lt;/RelativeLayout&amp;gt;
&amp;lt;/ScrollView&amp;gt;
&lt;/code&gt;&lt;/pre&gt;
&lt;p&gt;Unfortunately I am currently fighting between two issues. The first issue is that if I remove the &lt;code&gt;android:fillViewport="true"&lt;/code&gt; from the &lt;code&gt;ScrollView&lt;/code&gt;, then the &lt;code&gt;WheelIndicatorView&lt;/code&gt; completely disappears. However if I do add that variable to the &lt;code&gt;ScrollView&lt;/code&gt; then although the &lt;code&gt;WheelIndicatorView&lt;/code&gt; displays on the screen, the 'scrollable' view is no longer actually scrollable. Where am I going wrong and how can I resolve this layout issue permanently?&lt;/p&gt;
&lt;p&gt;Edit - Here is the simplest layout I can propose to detail this issue (multiple &lt;code&gt;WheelIndicatorView&lt;/code&gt;s above one another in a &lt;code&gt;ScrollView&lt;/code&gt;:&lt;/p&gt;
&lt;pre&gt;&lt;code&gt;&amp;lt;?xml version="1.0" encoding="utf-8"?&amp;gt;
&amp;lt;ScrollView xmlns:android="http://schemas.android.com/apk/res/android"
    xmlns:app="http://schemas.android.com/apk/res-auto"
    android:layout_width="match_parent"
    android:layout_height="match_parent"
    android:paddingLeft="@dimen/activity_horizontal_margin"
    android:paddingRight="@dimen/activity_horizontal_margin"
    android:paddingTop="@dimen/activity_vertical_margin"
    android:paddingBottom="@dimen/activity_vertical_margin"
    android:fillViewport="true"&amp;gt;
    &amp;lt;LinearLayout
        android:layout_width="wrap_content"
        android:layout_height="wrap_content"
        android:orientation="vertical"&amp;gt;
        &amp;lt;com.dlazaro66.wheelindicatorview.WheelIndicatorView
            android:layout_width="match_parent"
            android:layout_height="wrap_content"
            android:id="@+id/wheel_indicator_view"
            app:itemsLineWidth="13dp" /&amp;gt;
        &amp;lt;com.dlazaro66.wheelindicatorview.WheelIndicatorView
            android:layout_width="match_parent"
            android:layout_height="wrap_content"
            android:id="@+id/wheel_indicator_view2"
            app:itemsLineWidth="13dp" /&amp;gt;
    &amp;lt;/LinearLayout&amp;gt;
&amp;lt;/ScrollView&amp;gt;
&lt;/code&gt;&lt;/pre&gt;</t>
  </si>
  <si>
    <t>2016-01-26 11:57:10.123000+00:00</t>
  </si>
  <si>
    <t>2016-01-26 13:25:06.083000+00:00</t>
  </si>
  <si>
    <t>android|android-layout|android-view|android-scrollview</t>
  </si>
  <si>
    <t>How many times we can extend the trial version of VS 2010?</t>
  </si>
  <si>
    <t>&lt;p&gt;I have the trial version of Visual Studio 2010. 60 days ago, I extended the trial version, but now the period is over. I again attempted to extend it, but it is not accepting the key I got from Microsoft. Are we only able to extend the trial one time? Please help me... I dont have VS now.&lt;/p&gt;</t>
  </si>
  <si>
    <t>2011-02-17 05:21:10.257000+00:00</t>
  </si>
  <si>
    <t>2016-09-28 07:15:02.510000+00:00</t>
  </si>
  <si>
    <t>2011-02-17 05:25:34.117000+00:00</t>
  </si>
  <si>
    <t>visual-studio|visual-studio-2010</t>
  </si>
  <si>
    <t>jquery get textarea -&gt; append to search string</t>
  </si>
  <si>
    <t>&lt;p&gt;Im trying to make a search function that gets the value from the text area onclick and then further appends it to as a new image&lt;/p&gt;
&lt;pre&gt;&lt;code&gt;$(document).ready(function() { 
    $(".btn").click(function() {
        $.ajax({
        type: "GET",
        dataType: "jsonp",
        cache: false,
        url: "https://api.instagram.com/v1/tags/[!!!]beach/media/recent?client_id=xxx&amp;amp;access_token=yyy",
        success: function(data) {
            for (var i = 0; i &amp;lt; 10; i++) {
                $("#w").append("&amp;lt;a class='photos' target='_blank' href='" + data.data[i].link + "'&amp;gt;&amp;lt;img src='" + data.data[i].images.low_resolution.url +"'&amp;gt;&amp;lt;/img&amp;gt;&amp;lt;/a&amp;gt;");
            } 
        }
    });
});
&lt;/code&gt;&lt;/pre&gt;
&lt;p&gt;I would like to get textarea word and append it to the URL section replacing the [!!!] ../tags/[!!!]beach/&lt;/p&gt;
&lt;p&gt;any ideas? or is there a more simple way?&lt;/p&gt;</t>
  </si>
  <si>
    <t>2013-08-01 23:13:56.320000+00:00</t>
  </si>
  <si>
    <t>2013-08-01 23:38:28.187000+00:00</t>
  </si>
  <si>
    <t>2013-08-01 23:31:49.317000+00:00</t>
  </si>
  <si>
    <t>jquery|search|tags|instagram</t>
  </si>
  <si>
    <t>Jersey and Java 8 (Lambda expression)</t>
  </si>
  <si>
    <t>&lt;p&gt;I use Jersey version 1.18.1 (com.sun.jersey), Spring and Java 8. If I put a Java 8 Lambda expression in a REST service, it crashes. If I remove the lambda expression, it works.&lt;/p&gt;
&lt;pre&gt;&lt;code&gt;@Service
@Path("/hello")
public class Hello {
    @GET
    public String hello() {
        new ArrayList&amp;lt;String&amp;gt;().stream().filter((str) -&amp;gt; str.length() &amp;gt; 0);
        return "hello";
    }
}
&lt;/code&gt;&lt;/pre&gt;
&lt;p&gt;I use &lt;strong&gt;com.sun.jersey&lt;/strong&gt; (1.18.1 version).&lt;/p&gt;
&lt;p&gt;Full stacktrace:&lt;/p&gt;
&lt;pre&gt;&lt;code&gt;SEVERE: Allocate exception for servlet jersey-serlvet java.lang.ArrayIndexOutOfBoundsException: 52264
    at jersey.repackaged.org.objectweb.asm.ClassReader.readClass(ClassReader.java:1976)
    at jersey.repackaged.org.objectweb.asm.ClassReader.accept(ClassReader.java:464)
    at jersey.repackaged.org.objectweb.asm.ClassReader.accept(ClassReader.java:420)
    at com.sun.jersey.spi.scanning.AnnotationScannerListener.onProcess(AnnotationScannerListener.java:138)
    at com.sun.jersey.core.spi.scanning.uri.FileSchemeScanner$1.f(FileSchemeScanner.java:86)
    at com.sun.jersey.core.util.Closing.f(Closing.java:71)
&lt;/code&gt;&lt;/pre&gt;
&lt;p&gt;Please tell me how to fix it.&lt;/p&gt;</t>
  </si>
  <si>
    <t>2014-06-15 18:31:43.577000+00:00</t>
  </si>
  <si>
    <t>2016-08-12 20:54:33.953000+00:00</t>
  </si>
  <si>
    <t>2016-08-11 21:40:48.320000+00:00</t>
  </si>
  <si>
    <t>java|rest|lambda|jersey|java-8</t>
  </si>
  <si>
    <t>Is the permanent generation always collected serially on the HotSpot VM?</t>
  </si>
  <si>
    <t>&lt;p&gt;From reading &lt;a href="https://blogs.oracle.com/jonthecollector/entry/presenting_the_permanent_generation"&gt;a rather mature Oracle blog entry&lt;/a&gt;, I learned that&lt;/p&gt;
&lt;blockquote&gt;
  &lt;p&gt;(...) the permanent generation is currently collected serially.&lt;/p&gt;
&lt;/blockquote&gt;
&lt;p&gt;However, this blog entry is from quite some years ago and I was wondering how the recent advancements in garbage collection algorithms might have changed the accuracy of this statement. I am especially wondering about the new G1 garbage collector which is &lt;a href="http://www.oracle.com/webfolder/technetwork/tutorials/obe/java/G1GettingStarted/index.html?cid=6628&amp;amp;ssid=3552947159226"&gt;desribed by Oracle&lt;/a&gt; with:&lt;/p&gt;
&lt;blockquote&gt;
  &lt;p&gt;The older garbage collectors (serial, parallel, CMS) all structure the
  heap into three sections: young generation, old generation, and
  permanent generation of a fixed memory size. (...)
  When performing garbage collections, G1 operates in a manner similar
  to the CMS collector.&lt;/p&gt;
&lt;/blockquote&gt;
&lt;p&gt;but never mentions the permanent generation in the entire tutorial again.&lt;/p&gt;
&lt;p&gt;From reading about CMS - which according to the above statement works similar to G1 - I did not find any explicit information on the permanent generation either but learned from this &lt;a href="http://apmblog.compuware.com/2011/05/11/how-garbage-collection-differs-in-the-three-big-jvms/"&gt;other blog entry&lt;/a&gt; that&lt;/p&gt;
&lt;blockquote&gt;
  &lt;p&gt;(...) the Concurrent Mark and Sweep does not compact at all. Once objects
  cannot be allocated anymore a serial major GC is triggered.&lt;/p&gt;
&lt;/blockquote&gt;
&lt;p&gt;So I am wondering if modern garbage collectors, such as CMS or G1, just completely ignore the permanent generation and leave it to &lt;em&gt;full GC&lt;/em&gt; invocations which run the old serial GC to clean out the permanent generation (while this serial GC also collects the young and mature generations serially which I would not understand to be desirable when G1 was used instead of CMS). I am mainly interested in finding out if it is more expensive in terms of STW and collection time to perform garbage collection on the permanent generation than it is to collection the tenured generation.&lt;/p&gt;
&lt;p&gt;&lt;em&gt;Bonus question&lt;/em&gt;: The Oracle tutorial mentions that the permanent generation is part of the heap. I always thought that the permanant generation was explicitly allocated outside of the heap. Did this change in recent HotSpot implementations?&lt;/p&gt;
&lt;p&gt;Thank you for your help!&lt;/p&gt;</t>
  </si>
  <si>
    <t>2013-12-08 12:22:04.917000+00:00</t>
  </si>
  <si>
    <t>2013-12-12 09:51:13.063000+00:00</t>
  </si>
  <si>
    <t>java|garbage-collection|jvm-hotspot</t>
  </si>
  <si>
    <t>What is wrong with this MySQL query (formatting left join)?</t>
  </si>
  <si>
    <t>&lt;p&gt;I have a query as follows:&lt;/p&gt;
&lt;pre&gt;&lt;code&gt;SELECT 
staff_names.staff_ID AS sid
staff_names.name AS name,
staff_names.rec_type AS rec_type,
prod_staff.specialized AS specialized,
compspec.name AS compspec_name
FROM staff_names JOIN prod_staff USING (staff_ID)
LEFT JOIN (prod_staff_compspec JOIN company_list USING (comp_ID)) compspec
USING (prod_ID, staff_ID, role_ID)
WHERE prod_staff.role_ID = 2
AND prod_staff.prod_ID = 27
AND prod_staff.asst = 'n'
AND episode IS NOT NULL
ORDER BY name
&lt;/code&gt;&lt;/pre&gt;
&lt;p&gt;Running this as-is says there's an error near the 'compspec' alias. Removing that and changing 'compspec' to 'company_list' in the SELECT clause returns no rows, even though it should return 1 with the given values. The left join seems to be the problem, but I don't how it should be formatted.&lt;/p&gt;
&lt;p&gt;The prod_staff table has prod_ID, staff_ID and role_ID fields. prod_staff_compspec has these and a comp_ID field. prod_staff may or may not have a matching prod_staff_compspec row, but prod_staff_compspec always has a matching company_list row.&lt;/p&gt;
&lt;p&gt;What I want to do is retrieve a list of all staff names associated with a given role_ID and prod_ID in the prod_staff table, as well as a company name from the company_list table, if a link to such exists in the prod_staff_compspec table (only a small minority have one).&lt;/p&gt;</t>
  </si>
  <si>
    <t>2014-06-28 23:28:03.947000+00:00</t>
  </si>
  <si>
    <t>2014-06-28 23:40:50.520000+00:00</t>
  </si>
  <si>
    <t>Codename one Android Sidemenu</t>
  </si>
  <si>
    <t>&lt;p&gt;I'm trying to implement an Android style side menu and I'm having an issue implementing the rounded icon on top and labels below it before the sideCommands are added.&lt;/p&gt;
&lt;p&gt;How do I implement this please?&lt;/p&gt;</t>
  </si>
  <si>
    <t>2015-12-07 10:32:15.877000+00:00</t>
  </si>
  <si>
    <t>2015-12-09 08:32:35.643000+00:00</t>
  </si>
  <si>
    <t>2015-12-07 11:22:35.883000+00:00</t>
  </si>
  <si>
    <t>Symfony2 send email from service</t>
  </si>
  <si>
    <t>&lt;p&gt;I created the next class:&lt;/p&gt;
&lt;pre&gt;
//src/AppBundle/Services/RegisterMail.php
namespace AppBundle\Services;
class RegisterMail{
    protected $mailer;
    public function __construct($mailer)
    {
        $this-&gt;mailer = $mailer;
    }
    public function sendPassword(){
         $message = \Swift_Message::newInstance()
            -&gt;setSubject('Otro correo')
            -&gt;setFrom('fromEmail@fromEmail.com')
            -&gt;setTo('toEmail@toEmail.com')
            -&gt;setBody('hola desde el servicio')
        ;
        $envia = $this-&gt;mailer-&gt;send($message);
    }
}
&lt;/pre&gt;
&lt;p&gt;And I declare it as a service in my services.yml&lt;/p&gt;
&lt;pre&gt;
services:
    registermail:
        class: AppBundle\Services\RegisterMail
        arguments: [@mailer]
&lt;/pre&gt;
&lt;p&gt;In my controller call the service:&lt;/p&gt;
&lt;pre&gt;&lt;code&gt;//src/AppBundle/Controller/DefaultController
namespace AppBundle\Controller;
use Symfony\Bundle\FrameworkBundle\Controller\Controller;
use Sensio\Bundle\FrameworkExtraBundle\Configuration\Route;
class DefaultController extends Controller
{
    /**
    * @Route("/")
    */
    public function indexAction()
    {
        //Env��o el email con el password
        $mailer = $this-&amp;gt;get('registermail');
        $mailer-&amp;gt;sendPassword();
        return $this-&amp;gt;render(':Default:index.html.twig');
    }
}
&lt;/code&gt;&lt;/pre&gt;
&lt;p&gt;The email are sent, but the page still loading 30 seconds, and I have an alert from developer toolbar: "An error occurred while loading the web debug toolbar (404: not found). Do you want to open the profiler?
If Accept the message symfony profiler don't show any error.
If Cancel the message developer toolbar don't appears.&lt;/p&gt;
&lt;p&gt;What am I doing wrong?&lt;/p&gt;
&lt;p&gt;Thank you!&lt;/p&gt;</t>
  </si>
  <si>
    <t>2017-03-14 16:43:44.137000+00:00</t>
  </si>
  <si>
    <t>2017-03-27 10:30:45.487000+00:00</t>
  </si>
  <si>
    <t>2017-03-14 17:00:49.253000+00:00</t>
  </si>
  <si>
    <t>symfony|email|service|send</t>
  </si>
  <si>
    <t>Ocaml parse read stdin filedescriptor</t>
  </si>
  <si>
    <t>&lt;p&gt;I'm trying to parse a read from the stdin filescriptor with the following code:&lt;/p&gt;
&lt;pre&gt;&lt;code&gt;let run () =
  let b = Bytes.create 1024 in
  let stdin_fd = Lwt_unix.stdin in
  let stdout_fd = Lwt_unix.stdout in
  (Lwt_unix.read stdin_fd b 0 1024) &amp;gt;&amp;gt;=
     (fun _  -&amp;gt;
        print_endline "done";
        print_endline b;
        print_endline "ok?";
        Lwt.return ())
&lt;/code&gt;&lt;/pre&gt;
&lt;p&gt;When I type some text in a terminal and hit enter, it prints the text I entered. The problem is I want to get more information about the keys I entered. Let's say I did: &lt;code&gt;ctrl + v&lt;/code&gt; or something, how do I get that information out of &lt;code&gt;Lwt_unix.read&lt;/code&gt; ? Currently I only get the characters I typed in, how do I know if for example the &lt;code&gt;ctrl&lt;/code&gt;-key ( or shift or esc) was pressed?&lt;/p&gt;</t>
  </si>
  <si>
    <t>2017-01-07 08:22:20.117000+00:00</t>
  </si>
  <si>
    <t>2017-01-09 11:22:03.750000+00:00</t>
  </si>
  <si>
    <t>unix|ocaml|stdin|file-descriptor</t>
  </si>
  <si>
    <t>What is the best way to do dynamic url changes using redux state in react?</t>
  </si>
  <si>
    <t>&lt;p&gt;For example if I would like the url to automatically change to /jeans/black whenever state.filters == {type: jeans, color: black}&lt;/p&gt;
&lt;p&gt;The only way I know how to do it would be to do window.location = someNewLocation every time a click happens, and make up a url based on state.&lt;/p&gt;
&lt;p&gt;But I feel like there must be some in built way to do this? it's my first react redux project so I don't really know the best practices.&lt;/p&gt;
&lt;p&gt;I've tried with routers but it only works when you go to that url directly. It doesn't update the url when state changes happen.&lt;/p&gt;
&lt;p&gt;Would a subscribe on the filter state and window.location be the solution? I thought that with connect from react-redux subscribes were no longer necessary. &lt;/p&gt;</t>
  </si>
  <si>
    <t>2018-01-14 10:49:08.853000+00:00</t>
  </si>
  <si>
    <t>2018-01-14 15:11:11.203000+00:00</t>
  </si>
  <si>
    <t>reactjs|redux|react-redux</t>
  </si>
  <si>
    <t>C# how to print asp:buttons</t>
  </si>
  <si>
    <t>&lt;p&gt;I'm currently working on a small program that gets data from mongoDB and matches it with other data. My program is currently printing out the data, but it needs to add a &lt;code&gt;&amp;lt;asp:button /&amp;gt;&lt;/code&gt;with an unique ID to it so I can save the data for each product. &lt;/p&gt;
&lt;p&gt;Here is my code: &lt;/p&gt;
&lt;pre&gt;&lt;code&gt;public void showCoolers_Click(object sender, EventArgs e)
{
    var items = "";
    var connectionString = "mongodb://localhost:27017/";
    var mongoClient = new MongoClient(connectionString);
    MongoServer server = mongoClient.GetServer(); 
    MongoDatabase database = server.GetDatabase("mydb");
    MongoCollection&amp;lt;cpuCoolers&amp;gt; collection = database.GetCollection&amp;lt;cpuCoolers&amp;gt;("cpucoolers");
    foreach (cpuCoolers parts in collection.FindAll())
    {
        String _id = parts._id.ToString();
        items = items + "&amp;lt;tr&amp;gt;&amp;lt;td&amp;gt;" + parts.Aanbieder + "&amp;lt;/td&amp;gt;&amp;lt;td&amp;gt; " + parts.Productnaam + "&amp;lt;/td&amp;gt;&amp;lt;td&amp;gt;" +  parts.Socket + "&amp;lt;/td&amp;gt;&amp;lt;td&amp;gt; " + parts.Geluidsterkte + "&amp;lt;/td&amp;gt;&amp;lt;td&amp;gt; " + parts.Prijs +"&amp;lt;/td&amp;gt;&amp;lt;td&amp;gt;&amp;lt;asp:Button ID='x' runat='server' Text='Motherboard' CssClass='btn btn-block btn-primary'/&amp;gt;&amp;lt;/td&amp;gt;&amp;lt;/tr&amp;gt;";
    }
    lblProducts.Text = "&amp;lt;table&amp;gt;&amp;lt;thead&amp;gt;&amp;lt;tr&amp;gt;&amp;lt;th&amp;gt;Provider&amp;lt;/th&amp;gt;&amp;lt;th&amp;gt;Productname&amp;lt;/th&amp;gt;&amp;lt;th&amp;gt;Socket&amp;lt;/th&amp;gt;&amp;lt;th&amp;gt;Sound production&amp;lt;/th&amp;gt;&amp;lt;th&amp;gt;Price&amp;lt;/th&amp;gt;&amp;lt;th&amp;gt;Add to MyPc!&amp;lt;/th&amp;gt;&amp;lt;/thead&amp;gt;" + items + "&amp;lt;/table&amp;gt;";
}
&lt;/code&gt;&lt;/pre&gt;
&lt;p&gt;I print my data via changing the content of&lt;code&gt;lblProduct.Text&lt;/code&gt; in my aspx file. If I add a asp:button to this it doesn't show up, however a regular Html button does, why is that and is there a way to print out a asp:button's?&lt;/p&gt;</t>
  </si>
  <si>
    <t>2015-01-01 19:02:49.720000+00:00</t>
  </si>
  <si>
    <t>2015-01-01 22:06:19.740000+00:00</t>
  </si>
  <si>
    <t>Reading value from console, interactively</t>
  </si>
  <si>
    <t>&lt;p&gt;I thought to make an simple server http server with some console extension. I found the snippet to read from command line data.&lt;/p&gt;
&lt;pre&gt;&lt;code&gt;  var i = rl.createInterface(process.stdin, process.stdout, null);
  i.question('Write your name: ', function(answer) {
    console.log('Nice to meet you&amp;gt; ' + answer);
    i.close();
    process.stdin.destroy();
  });
&lt;/code&gt;&lt;/pre&gt;
&lt;p&gt;well to ask the questions repeatedly, i cant simply use the &lt;code&gt;while(done) { }&lt;/code&gt; loop? Also well if the server receives output at the question time, it ruins the line. &lt;/p&gt;</t>
  </si>
  <si>
    <t>2011-11-14 21:42:03.460000+00:00</t>
  </si>
  <si>
    <t>2018-11-07 00:41:45.720000+00:00</t>
  </si>
  <si>
    <t>2017-12-20 18:54:02.497000+00:00</t>
  </si>
  <si>
    <t>node.js|console</t>
  </si>
  <si>
    <t>ComboBox ControlTemplate Drop Down Button</t>
  </si>
  <si>
    <t>&lt;p&gt;I was wondering if anyone had an example of how to style/template a combobox to only show a button at its default initial state. Kind of like the DropDownButton gallery for the ribbon bar. I would just like the user to be able to click a button and have the combobox items listed. When the selection is made it does not save the selected item in the text field because there is no text field only a button. Thanks :)&lt;/p&gt;</t>
  </si>
  <si>
    <t>2011-04-18 12:55:12.510000+00:00</t>
  </si>
  <si>
    <t>2012-01-19 22:21:57.083000+00:00</t>
  </si>
  <si>
    <t>wpf|combobox|styles|controltemplate</t>
  </si>
  <si>
    <t>Values from 2 tables in SQLite</t>
  </si>
  <si>
    <t>&lt;p&gt;I need to get values from one table and the count of the rows matching each of the values. More clearly,&lt;/p&gt;
&lt;ul&gt;
&lt;li&gt;There is table A with columns &lt;code&gt;ID&lt;/code&gt; and &lt;code&gt;TEXT&lt;/code&gt;&lt;/li&gt;
&lt;li&gt;There is another table B with columns &lt;code&gt;ID&lt;/code&gt;, &lt;code&gt;TEXT&lt;/code&gt;, &lt;code&gt;A_ID&lt;/code&gt; and &lt;code&gt;FRESH&lt;/code&gt;&lt;/li&gt;
&lt;/ul&gt;
&lt;p&gt;Some example data for table &lt;code&gt;A&lt;/code&gt;:&lt;/p&gt;
&lt;pre&gt;&lt;code&gt;+---+-------------+
|ID |    TEXT     |
+---+-------------+
| 1 | "Fruit"     |
| 2 | "Vegetable" |
+---+-------------+
&lt;/code&gt;&lt;/pre&gt;
&lt;p&gt;And some data for table &lt;code&gt;B&lt;/code&gt;:&lt;/p&gt;
&lt;pre&gt;&lt;code&gt;+---+----------+----+-------+
|ID |   TEXT   |A_ID| FRESH |
+---+----------+----+-------+
| 1 | "Banana" | 1  |  Yes  |
| 2 | "Carrot" | 2  |  Yes  |
| 3 | "Apple"  | 1  |  No   |
+---+----------+----+-------+
&lt;/code&gt;&lt;/pre&gt;
&lt;p&gt;As can be seen, &lt;code&gt;A_ID&lt;/code&gt; contains a key for a row in table &lt;code&gt;A&lt;/code&gt; that matches the specific &lt;code&gt;TEXT&lt;/code&gt; value in each row of &lt;code&gt;B&lt;/code&gt;.&lt;/p&gt;
&lt;p&gt;So what I need is, I need to get the data like this:&lt;/p&gt;
&lt;pre&gt;&lt;code&gt;1 | Fruit | 1
2 | Vegetable | 1
&lt;/code&gt;&lt;/pre&gt;
&lt;p&gt;So in the above results, the first column is the &lt;code&gt;ID&lt;/code&gt; of table &lt;code&gt;A&lt;/code&gt;, and the second column is the &lt;code&gt;TEXT&lt;/code&gt; of table &lt;code&gt;A&lt;/code&gt; and the final (3rd) column is the &lt;strong&gt;count of rows in table&lt;/strong&gt; &lt;code&gt;B&lt;/code&gt; &lt;strong&gt;in which the column&lt;/strong&gt; &lt;code&gt;FRESH&lt;/code&gt; &lt;strong&gt;has the value of "Yes"&lt;/strong&gt;.&lt;/p&gt;
&lt;p&gt;I have been able to get the values similar to this, but with the total number of rows as the 3rd column, and not only the "Fresh" rows.&lt;/p&gt;
&lt;p&gt;I tried this:&lt;/p&gt;
&lt;pre&gt;&lt;code&gt; SELECT A.ID, A.TEXT, count(B.FRESH) FROM A JOIN B ON A.ID = B.A_ID;
&lt;/code&gt;&lt;/pre&gt;
&lt;p&gt;and this:&lt;/p&gt;
&lt;pre&gt;&lt;code&gt;SELECT A.ID, A.TEXT, B.FRESH FROM A JOIN B ON A.ID = B.A_ID;
&lt;/code&gt;&lt;/pre&gt;
&lt;p&gt;But they don't get the expected result.&lt;/p&gt;
&lt;p&gt;As I'm a kinda newbie to SQL, I'm stuck on this. So please help? I'm using SQLite3&lt;/p&gt;</t>
  </si>
  <si>
    <t>2012-12-25 17:33:33.293000+00:00</t>
  </si>
  <si>
    <t>2012-12-25 18:13:37.527000+00:00</t>
  </si>
  <si>
    <t>sql|sqlite3</t>
  </si>
  <si>
    <t>Symfony 1.3: Any opinion about this code? Could be shorter or better?</t>
  </si>
  <si>
    <t>&lt;p&gt;I need your opinion about this code below.&lt;/p&gt;
&lt;p&gt;I have a list of messages: each message has a link that change the state
of the message (read - non read).&lt;/p&gt;
&lt;p&gt;In the partial "_message" i have this:&lt;/p&gt;
&lt;pre&gt;&lt;code&gt;&amp;lt;div class="switching_link" id="switching_link_&amp;lt;?php echo $message ?&amp;gt;"&amp;gt;
         echo include_partial('link_switch_state', array('message' =&amp;gt;
$message))
&amp;lt;/div&amp;gt;
&lt;/code&gt;&lt;/pre&gt;
&lt;p&gt;In the partial "_link_switch_state" i have this:&lt;/p&gt;
&lt;pre&gt;&lt;code&gt;if((int)$message-&amp;gt;getState() == 1) {
            $string_state_message="non read";
} else {
            $string_state_message="read";
}
echo link_to_remote('Mark as '.$string_state_message, array(
                    'url' =&amp;gt; 'message/switchState?id='.$message-&amp;gt;getId(),
                     'update' =&amp;gt; 'switching_link_'.$message,
                     "complete" =&amp;gt; "switchClassMessage('$message');",
));
&lt;/code&gt;&lt;/pre&gt;
&lt;p&gt;And in message/actions/actions.class.php i have this:&lt;/p&gt;
&lt;pre&gt;&lt;code&gt;public function executeSwitchState(sfWebRequest $request) {
         // searching the message we want to change its state.
         $this-&amp;gt;messages =
Doctrine::getTable('Message')-&amp;gt;findById($request-&amp;gt;getParameter('id'));
         // changing the state of the message.
         if($this-&amp;gt;messages[0]-&amp;gt;getState() == 1) {
             $this-&amp;gt;messages[0]-&amp;gt;setState(0);
         }
         else {
             $this-&amp;gt;messages[0]-&amp;gt;setState(1);
         }
         $this-&amp;gt;messages[0]-&amp;gt;save();
         // rendering the partial that shows the link ("Mark as read/non
read").
         return $this-&amp;gt;renderPartial('mensaje/link_switch_state', array(
'message' =&amp;gt; $this-&amp;gt;messages[0]));
     }
&lt;/code&gt;&lt;/pre&gt;</t>
  </si>
  <si>
    <t>2010-05-07 13:12:10.870000+00:00</t>
  </si>
  <si>
    <t>2017-07-22 17:17:39.857000+00:00</t>
  </si>
  <si>
    <t>symfony1</t>
  </si>
  <si>
    <t>Showing a confirmation box in Mvc with entity freamwork</t>
  </si>
  <si>
    <t>&lt;p&gt;I am new to Mvc with entity framework.I have a task to keep an confirmation box in C# code part ..that if i enter the existing data then it will show that confirmation box that data is already exist ..but click on yes  'll continue.but i didn't understand how to wqrite..please help.&lt;/p&gt;</t>
  </si>
  <si>
    <t>2014-03-25 12:52:54.737000+00:00</t>
  </si>
  <si>
    <t>2014-03-25 13:08:16.610000+00:00</t>
  </si>
  <si>
    <t>unable to select a table within div using html agility pack</t>
  </si>
  <si>
    <t>&lt;p&gt;&lt;a href="https://i.stack.imgur.com/FDQlL.png" rel="nofollow noreferrer"&gt;image of div tree&lt;/a&gt;
I am trying to scrape data from a table in a web page using htmlagilitypack.
Below is the html portion&lt;/p&gt;
&lt;p&gt;&lt;div class="snippet" data-lang="js" data-hide="false" data-console="true" data-babel="false"&gt;_x000D_
&lt;div class="snippet-code"&gt;_x000D_
&lt;pre class="snippet-code-html lang-html prettyprint-override"&gt;&lt;code&gt;&amp;lt;div id="table-matches" style="display: block;"&amp;gt;&amp;lt;table class=" table-main"&amp;gt;&amp;lt;colgroup&amp;gt;&amp;lt;col width="50"&amp;gt;&amp;lt;col width="*"&amp;gt;&amp;lt;col width="50"&amp;gt;&amp;lt;col width="50"&amp;gt;&amp;lt;col width="50"&amp;gt;&amp;lt;col width="50"&amp;gt;&amp;lt;col width="50"&amp;gt;&amp;lt;/colgroup&amp;gt;&amp;lt;tbody&amp;gt;&amp;lt;tr class="dark center" xtid="28575"&amp;gt;&amp;lt;th class="first2 tl" colspan="3"&amp;gt;&amp;lt;a class="bfl" href="/hockey/usa/"&amp;gt;&amp;lt;span class="ficon f-200"&amp;gt;&amp;amp;nbsp;&amp;lt;/span&amp;gt;USA&amp;lt;/a&amp;gt;&amp;lt;span class="bflp"&amp;gt;��&amp;lt;/span&amp;gt;&amp;lt;a href="/hockey/usa/echl/"&amp;gt;ECHL&amp;lt;/a&amp;gt;&amp;lt;/th&amp;gt;&amp;lt;th&amp;gt;1&amp;lt;/th&amp;gt;&amp;lt;th&amp;gt;X&amp;lt;/th&amp;gt;&amp;lt;th&amp;gt;2&amp;lt;/th&amp;gt;&amp;lt;th xparam="Number of available bookmakers odds~2"&amp;gt;B's&amp;lt;/th&amp;gt;&amp;lt;/tr&amp;gt;&amp;lt;tr class="odd deactivate" xeid="pn36Jn1f"&amp;gt;&amp;lt;td class="table-time datet t1496703900-1-1-0-0 "&amp;gt;04:35&amp;lt;/td&amp;gt;&amp;lt;td class="name table-participant"&amp;gt;&amp;lt;a href="/hockey/usa/echl/south-carolina-stingrays-colorado-eagles-pn36Jn1f/"&amp;gt;South Carolina Stingrays - &amp;lt;span class="bold"&amp;gt;Colorado Eagles&amp;lt;/span&amp;gt;&amp;lt;/a&amp;gt;&amp;lt;span class="ico-event-info" onmouseover="toolTip('Colorado Eagles wins series 4-0. 4th leg.', this, event, '4');allowHideTootip(false);delayHideTip(200);return false;" onmouseout="allowHideTootip(true);delayHideTip(200);"&amp;gt;&amp;amp;nbsp;&amp;lt;/span&amp;gt;&amp;lt;/td&amp;gt;&amp;lt;td class="center bold table-odds table-score"&amp;gt;1:2&amp;lt;/td&amp;gt;&amp;lt;td class="odds-nowrp" xodd="1.91" xoid="E-2nrdfxv464x0x6av8v"&amp;gt;&amp;lt;a href="" onclick="globals.ch.togle(this , 'E-2nrdfxv464x0x6av8v');return false;" xparam="odds_text"&amp;gt;1.91&amp;lt;/a&amp;gt;&amp;lt;/td&amp;gt;&amp;lt;td class="odds-nowrp" xodd="4.74" xoid="E-2nrdfxv498x0x0"&amp;gt;&amp;lt;a href="" onclick="globals.ch.togle(this , 'E-2nrdfxv498x0x0');return false;" xparam="odds_text"&amp;gt;4.74&amp;lt;/a&amp;gt;&amp;lt;/td&amp;gt;&amp;lt;td class="odds-nowrp result-ok" xodd="2.79" xoid="E-2nrdfxv464x0x6av90"&amp;gt;&amp;lt;a href="" onclick="globals.ch.togle(this , 'E-2nrdfxv464x0x6av90');return false;" xparam="odds_text"&amp;gt;2.79&amp;lt;/a&amp;gt;&amp;lt;/td&amp;gt;&amp;lt;td class="center info-value"&amp;gt;1&amp;lt;/td&amp;gt;&amp;lt;/tr&amp;gt;&amp;lt;tr class="dark center" xtid="28308"&amp;gt;&amp;lt;th class="first2 tl" colspan="3"&amp;gt;&amp;lt;a class="bfl" href="/hockey/usa/"&amp;gt;&amp;lt;span class="ficon f-200"&amp;gt;&amp;amp;nbsp;&amp;lt;/span&amp;gt;USA&amp;lt;/a&amp;gt;&amp;lt;span class="bflp"&amp;gt;��&amp;lt;/span&amp;gt;&amp;lt;a href="/hockey/usa/nhl/"&amp;gt;NHL&amp;lt;/a&amp;gt;&amp;lt;/th&amp;gt;&amp;lt;th&amp;gt;1&amp;lt;/th&amp;gt;&amp;lt;th&amp;gt;X&amp;lt;/th&amp;gt;&amp;lt;th&amp;gt;2&amp;lt;/th&amp;gt;&amp;lt;th xparam="Number of available bookmakers odds~2"&amp;gt;B's&amp;lt;/th&amp;gt;&amp;lt;/tr&amp;gt;&amp;lt;tr class="odd deactivate" xeid="EyxiHGE4"&amp;gt;&amp;lt;td class="table-time datet t1496707200-1-1-0-0 "&amp;gt;05:30&amp;lt;/td&amp;gt;&amp;lt;td class="name table-participant"&amp;gt;&amp;lt;a href="/hockey/usa/nhl/nashville-predators-pittsburgh-penguins-EyxiHGE4/"&amp;gt;&amp;lt;span class="bold"&amp;gt;Nashville Predators&amp;lt;/span&amp;gt; - Pittsburgh Penguins&amp;lt;/a&amp;gt;&amp;lt;span class="ico-event-info" onmouseover="toolTip('Series tied 2-2. 4th leg.', this, event, '4');allowHideTootip(false);delayHideTip(200);return false;" onmouseout="allowHideTootip(true);delayHideTip(200);"&amp;gt;&amp;amp;nbsp;&amp;lt;/span&amp;gt;&amp;lt;/td&amp;gt;&amp;lt;td class="center bold table-odds table-score"&amp;gt;4:1&amp;lt;/td&amp;gt;&amp;lt;td class="odds-nowrp result-ok" xodd="2.15" xoid="E-2ns9hxv464x0x6b2jp"&amp;gt;&amp;lt;a href="" onclick="globals.ch.togle(this , 'E-2ns9hxv464x0x6b2jp');return false;" xparam="odds_text"&amp;gt;2.15&amp;lt;/a&amp;gt;&amp;lt;/td&amp;gt;&amp;lt;td class="odds-nowrp" xodd="3.86" xoid="E-2ns9hxv498x0x0"&amp;gt;&amp;lt;a href="" onclick="globals.ch.togle(this , 'E-2ns9hxv498x0x0');return false;" xparam="odds_text"&amp;gt;3.86&amp;lt;/a&amp;gt;&amp;lt;/td&amp;gt;&amp;lt;td class="odds-nowrp" xodd="2.91" xoid="E-2ns9hxv464x0x6b2jq"&amp;gt;&amp;lt;a href="" onclick="globals.ch.togle(this , 'E-2ns9hxv464x0x6b2jq');return false;" xparam="odds_text"&amp;gt;2.91&amp;lt;/a&amp;gt;&amp;lt;/td&amp;gt;&amp;lt;td class="center info-value"&amp;gt;55&amp;lt;/td&amp;gt;&amp;lt;/tr&amp;gt;&amp;lt;/tbody&amp;gt;&amp;lt;/table&amp;gt;&amp;lt;/div&amp;gt;&lt;/code&gt;&lt;/pre&gt;_x000D_
&lt;/div&gt;_x000D_
&lt;/div&gt;_x000D_
&lt;/p&gt;
&lt;p&gt;I have been trying combination of properties to access the data within table but all i get is the initial node containing div.
Here is the code used by me&lt;/p&gt;
&lt;pre&gt;&lt;code&gt;  var html = @urlOddsportal;
        HtmlWeb web = new HtmlWeb();
        var htmlDoc = web.Load(html);
        //var html = new HtmlAgilityPack.HtmlDocument();
        //html.LoadHtml(new WebClient().DownloadString(urlOddsportal)); // load a string
        var root = htmlDoc.DocumentNode;
       var node = root.SelectSingleNode("//div[@id='table-matches']");  //this returns non null 
        // all of the below functions return null value
       var rows = node.SelectNodes(".//tr[@class='odd deactivate']");
       var table = root.SelectSingleNode("//table[@class=' table-main']");
       var tablerows = node.SelectNodes(".//table/tbody/tr[1]");//   [@class='odd deactivate']");
       var tabletag = htmlDoc.DocumentNode.SelectNodes("//table[@class='table-main']");
&lt;/code&gt;&lt;/pre&gt;
&lt;p&gt;Can someone tell me where i am going wrong.
Thanks&lt;/p&gt;</t>
  </si>
  <si>
    <t>2017-06-15 10:39:19.460000+00:00</t>
  </si>
  <si>
    <t>2017-06-16 03:09:59.157000+00:00</t>
  </si>
  <si>
    <t>html|c#-4.0|html-agility-pack</t>
  </si>
  <si>
    <t>How to build a submenu with CSS?</t>
  </si>
  <si>
    <t>&lt;pre&gt;&lt;code&gt;&amp;lt;div class="header"&amp;gt;
    &amp;lt;div id="navigation"&amp;gt;
        &amp;lt;div class="center"&amp;gt;
            &amp;lt;div class="logo"&amp;gt;&amp;lt;/div&amp;gt;
            &amp;lt;ul class="right"&amp;gt;
                &amp;lt;li&amp;gt;&amp;lt;/li&amp;gt;
                &amp;lt;li&amp;gt;&amp;lt;/li&amp;gt;
                &amp;lt;li&amp;gt;&amp;lt;/li&amp;gt;
                &amp;lt;li&amp;gt;&amp;lt;/li&amp;gt;
                &amp;lt;li&amp;gt;&amp;lt;/li&amp;gt;
                &amp;lt;li&amp;gt;&amp;lt;/li&amp;gt;
            &amp;lt;/ul&amp;gt;
        &amp;lt;/div&amp;gt;
    &amp;lt;/div&amp;gt;
&amp;lt;/div&amp;gt;
&lt;/code&gt;&lt;/pre&gt;
&lt;p&gt;------------------------C S S--------------------------------&lt;/p&gt;
&lt;pre&gt;&lt;code&gt;#navigation {
        position:fixed;
        display:block;
        top: 0;
        width: 100%;
        height:35px;
        padding-top: 15px;
        -webkit-box-shadow: 0px 0px 8px 0px #000000;
        background-color: rgba(1,1,1,0.8);
        color:rgba(1,1,1,0.8);
        border-bottom:1px solid black;
}
.center {width: 1000px; margin: 0 auto;}
div.logo {display:inline-block;
                 }
ul, li {
        padding:0;
        margin:0;
}
#navigation ul {
        list-style: none;
        float:right;
}
#navigation ul li {
        display:inline;
}
#navigation a {
    text-decoration:none;
        font-size:14px;
        padding: 0 15px;
        color:white;
}
#navigation a:hover {
        color: grey;
}
#content {
        width: 800px;
        margin: 0 auto;
        margin-top: 80px;
}
&lt;/code&gt;&lt;/pre&gt;</t>
  </si>
  <si>
    <t>2014-08-31 12:22:06.363000+00:00</t>
  </si>
  <si>
    <t>2014-08-31 13:02:03.810000+00:00</t>
  </si>
  <si>
    <t>2014-08-31 12:30:10.323000+00:00</t>
  </si>
  <si>
    <t>PHP Curl - Catch custom protocol error</t>
  </si>
  <si>
    <t>&lt;p&gt;I have coded a little scraper in PHP which does some request on a password protected website. Normally this website is just requested by an app of the service. 
Now if the session expires the website redirects the user to a page with a custom protocol (xyz://) because this tells the app that the session has to be refreshed and when this happens curl raises an error that the protocol is not supported (because it is a custom protocol). I want to somehow catch this error and refresh the session by myself automatically. How do I do this in PHP?&lt;/p&gt;</t>
  </si>
  <si>
    <t>2017-06-10 18:28:12.167000+00:00</t>
  </si>
  <si>
    <t>2017-06-10 20:14:00.207000+00:00</t>
  </si>
  <si>
    <t>php|curl</t>
  </si>
  <si>
    <t>Linq distinct count</t>
  </si>
  <si>
    <t>&lt;p&gt;I have some data returned as the follow:  &lt;/p&gt;
&lt;pre&gt;&lt;code&gt;Model { Guid Id }
&lt;/code&gt;&lt;/pre&gt;
&lt;p&gt;and I have an int of the total items, &lt;code&gt;int totalCount&lt;/code&gt;.&lt;/p&gt;
&lt;p&gt;I am trying to get the distinct count from the data that were returned as Category 1,
and have the total item minus the count from Category 1 to be Category 2. &lt;/p&gt;
&lt;p&gt;I have the following linq to get the distinct count for Category 1, but how do I add the count for Category 2 into the IEnumerable?&lt;/p&gt;
&lt;pre&gt;&lt;code&gt;var result = data.
    GroupBy(x =&amp;gt; x.Id).
    Select(x =&amp;gt; new { Category = "1", Value = x.Select(v =&amp;gt; v.Id).Distinct().Count() }).
    GroupBy(x =&amp;gt; x.Category).
    Select(x =&amp;gt; new Item { Category = x.Key, Value = x.Sum(y =&amp;gt; y.Value) });
&lt;/code&gt;&lt;/pre&gt;
&lt;p&gt;and the Item Class have 2 members: string for Category and decimal for Value.&lt;/p&gt;
&lt;p&gt;Thanks!&lt;/p&gt;
&lt;hr&gt;
&lt;p&gt;Edit:
So I have the follow data &lt;code&gt;IEnumerable&amp;lt;Model&amp;gt; data&lt;/code&gt;, and it contains the following data:  &lt;/p&gt;
&lt;pre&gt;&lt;code&gt;{ Id: 1 }
{ Id: 2 }
{ Id: 2 }
{ Id: 1 }
{ Id: 3 }
{ Id: 4 }
&lt;/code&gt;&lt;/pre&gt;
&lt;p&gt;and totalCount = 10.&lt;/p&gt;
&lt;p&gt;I would like to get the distinct count of Id from data, which is 4 in this case, as category 1, and totalCount - distinct item to be category 2. So for the result I will have a &lt;code&gt;IEnumerable&lt;/code&gt; of &lt;code&gt;Item&lt;/code&gt; to have the following:&lt;/p&gt;
&lt;pre&gt;&lt;code&gt;{ Category: "1", Value: 4 }, { Category: "2", Value: 6 }
&lt;/code&gt;&lt;/pre&gt;
&lt;p&gt;For now my linq statement only return &lt;code&gt;{ Category: "1", Value: 4 }&lt;/code&gt;, and I have no idea what to do next.&lt;/p&gt;</t>
  </si>
  <si>
    <t>2012-08-27 22:46:44.803000+00:00</t>
  </si>
  <si>
    <t>2014-11-09 13:12:33.697000+00:00</t>
  </si>
  <si>
    <t>2012-08-27 23:33:12.583000+00:00</t>
  </si>
  <si>
    <t>c#|linq</t>
  </si>
  <si>
    <t>oAuth multiple return url</t>
  </si>
  <si>
    <t>&lt;p&gt;I am doing oAuth logins on my site. When I am doing facebook, I found I can dynamically give a return urls. but when I am doing google, I found the return url I pass to google must match the settings I did on google.&lt;/p&gt;
&lt;p&gt;Why it is different in both oauth providers, how about other oath providers? &lt;/p&gt;
&lt;p&gt;What is the best way to implement dynamic return url?&lt;/p&gt;
&lt;p&gt;Thanks,
Ron&lt;/p&gt;</t>
  </si>
  <si>
    <t>2014-07-10 12:12:31.063000+00:00</t>
  </si>
  <si>
    <t>2014-07-10 17:08:12.523000+00:00</t>
  </si>
  <si>
    <t>facebook|oauth</t>
  </si>
  <si>
    <t>Persistent CSRF Token Rejection in Rails App</t>
  </si>
  <si>
    <t>&lt;p&gt;I'm using Devise for authentication in a Rails 4.2 app. Most of the users are not having any issues logging in and getting their work done, but there is one user in particular that appears to consistently have a bad CSRF token and can't log in. &lt;/p&gt;
&lt;p&gt;Of course, the following is what's logged: &lt;/p&gt;
&lt;pre&gt;&lt;code&gt;W, [2015-02-17T20:58:19.261194 #1936]  WARN -- : Can't verify CSRF token authenticity
I, [2015-02-17T20:58:19.263556 #1936]  INFO -- : Completed 422 Unprocessable Entity in 5ms
F, [2015-02-17T20:58:19.276795 #1936] FATAL -- :
ActionController::InvalidAuthenticityToken (ActionController::InvalidAuthenticityToken):
&amp;lt;stack trace&amp;gt;
&lt;/code&gt;&lt;/pre&gt;
&lt;p&gt;Perusing the logs shows me that the user's CSRF token changes as you'd expect, but it is consistently (100% of the time) rejected by the server.&lt;/p&gt;
&lt;p&gt;Originally, I thought this was an issue with that user's browser. I started logging the user agent when logins are attempted and asked that user to try with several browsers; she has, and all are able to reproduce the same issue.
I reset her password and was able to log into the account using new credentials. She still cannot log in. &lt;/p&gt;
&lt;p&gt;She has dumped her cache and cleared cookies several times. Likewise, a runthrough with anti-malware software returns no results (this is probably the most suspect). &lt;/p&gt;
&lt;p&gt;What am I missing? Is there something I need to do on the server side in order to fix this issue, or is it likely an issue with her computer itself?&lt;/p&gt;</t>
  </si>
  <si>
    <t>2015-02-18 01:23:22.020000+00:00</t>
  </si>
  <si>
    <t>2015-02-18 17:45:26.583000+00:00</t>
  </si>
  <si>
    <t>ruby-on-rails|devise|csrf</t>
  </si>
  <si>
    <t>Generating DKIM signatures VIA Python for Custom MTA</t>
  </si>
  <si>
    <t>&lt;p&gt;Ok, so I am not completely lost with DKIM. I know the general rules of encoding and setting DNS records with your public key, etc. What I am having issues with is incorporating the "on the fly" signing of outbound emails and injecting into my header because my MTA it is custom, written in python from the ground up, not out of the box. Wondering if anyone had a small python example of sending even 1 email with DKIM, and going through all the motions. Like generating the 256 bit crypto body using your private key that matches the sister (public) key in your dns settings. &lt;/p&gt;</t>
  </si>
  <si>
    <t>2016-03-16 22:04:30.720000+00:00</t>
  </si>
  <si>
    <t>2018-01-16 00:11:16.227000+00:00</t>
  </si>
  <si>
    <t>python|email|base64|sha256|dkim</t>
  </si>
  <si>
    <t>Can I identify an input field from inside chrome or any other apps?</t>
  </si>
  <si>
    <t>&lt;p&gt;I am trying to create an app which automatically inputs a previously saved password to an input field, by reading your fingerprint. For example, say I am accessing my e-mail account on the Chrome browser, and after typing my e-mail, I focus the input field for the password. I then place my finger on the sensor, and the app I want to build, which will be running as a service, identifies my fingerprint, checks that I'm using Chrome and that its current URL is the login page for my e-mail, and that the input field is the password field, and then it places my password for this account at the input field. This data is supposed to be learned by the app by logging in manually a first time. Is it possible to achieve such results? Can I read the input fields IDs inside a browser, from my app?&lt;/p&gt;</t>
  </si>
  <si>
    <t>2018-04-20 11:53:30.203000+00:00</t>
  </si>
  <si>
    <t>java|android|mobile</t>
  </si>
  <si>
    <t>Can't get object through publish__month</t>
  </si>
  <si>
    <t>&lt;p&gt;I write a blog according by the book Django by Example.&lt;/p&gt;
&lt;pre&gt;&lt;code&gt;# blog/models.py
from django.contrib.auth.models import User
from django.db import models
from django.utils import timezone
# Create your models here.
class Post(models.Model):
    title = models.CharField(max_length=200)
    slug = models.SlugField(max_length=200, unique_for_date='publish')
    author = models.ForeignKey(
        User, related_name='blog_posts', on_delete=models.CASCADE)
    body = models.TextField()
    publish = models.DateTimeField(default=timezone.localtime)
    class Meta:
        ordering = ('-publish', )
    def __str__(self):
        return self.title
&lt;/code&gt;&lt;/pre&gt;
&lt;p&gt;url config:&lt;/p&gt;
&lt;pre&gt;&lt;code&gt;# blog/urls.py
from django.urls import path
from . import views
urlpatterns = [
    path('&amp;lt;int:year&amp;gt;/&amp;lt;int:month&amp;gt;/&amp;lt;int:day&amp;gt;/&amp;lt;str:slug&amp;gt;', views.post_detail, name='post_detail'),
]
&lt;/code&gt;&lt;/pre&gt;
&lt;p&gt;When I get a post in &lt;code&gt;blog/views.py&lt;/code&gt;:&lt;/p&gt;
&lt;pre&gt;&lt;code&gt;def post_detail(request, year, month, day, slug):
    post = get_object_or_404(
        Post,
        slug=slug,
        publish__year=year,
        publish__month=month,
        publish__day=day
        )
    return render(request, 'blog/post_detail.html', {'post': post})
&lt;/code&gt;&lt;/pre&gt;
&lt;p&gt;It returns 404. &lt;/p&gt;
&lt;pre&gt;&lt;code&gt;Page not found (404)
Request Method: GET
Request URL:    http://localhost/blog/2017/12/9/its-code-now
Raised by:  blog.views.post_detail
No Post matches the given query.
&lt;/code&gt;&lt;/pre&gt;
&lt;p&gt;If I modify &lt;code&gt;blog/views.py&lt;/code&gt;, just filter year, it returns fine:&lt;/p&gt;
&lt;pre&gt;&lt;code&gt;def post_detail(request, year, month, day, slug):
        post = get_object_or_404(
            Post,
            slug=slug,
            publish__year=year,
            )
        return render(request, 'blog/post_detail.html', {'post': post})
&lt;/code&gt;&lt;/pre&gt;
&lt;p&gt;It seems the problem is &lt;code&gt;publish__month&lt;/code&gt;. But Django support this method. 
I can't figure out how to fix it.&lt;/p&gt;</t>
  </si>
  <si>
    <t>2017-12-09 09:47:25.327000+00:00</t>
  </si>
  <si>
    <t>2017-12-09 10:29:48.293000+00:00</t>
  </si>
  <si>
    <t>question about windows controls changed event</t>
  </si>
  <si>
    <t>&lt;p&gt;I have several controls on my form and on changed event the logic entity properties are changed. Is it possible not to implement changed event for every control,but do it in one place and update my logic entity when user is making changes on the form?&lt;/p&gt;</t>
  </si>
  <si>
    <t>2010-03-25 13:36:49.100000+00:00</t>
  </si>
  <si>
    <t>2010-03-25 14:11:44.493000+00:00</t>
  </si>
  <si>
    <t>winforms</t>
  </si>
  <si>
    <t>html JavaScript is not showing image as new page loads</t>
  </si>
  <si>
    <t>&lt;p&gt;I have a html page that shows a animated processing image while I wait for it to redirect to new page. &lt;/p&gt;
&lt;p&gt;For some reason when the page starts the redirect the animation stops. &lt;/p&gt;
&lt;p&gt;The purpose of this is to make a request to a PHP script and once the PHP script has completed it's processes the HTML and the page will redirect. &lt;/p&gt;
&lt;p&gt;Can you provide help to allow the processing animated image to continue to show it's animation while I am waiting for the redirect to complete.&lt;/p&gt;
&lt;pre&gt;&lt;code&gt;&amp;lt;!DOCTYPE html&amp;gt;
&amp;lt;html&amp;gt;
&amp;lt;head&amp;gt;
&amp;lt;style&amp;gt;
html { 
  background: url(processing.gif) no-repeat center center fixed; 
  -webkit-background-size: cover;
  -moz-background-size: cover;
  -o-background-size: cover;
  background-size: cover;
  background-position: center;
}
&amp;lt;/style&amp;gt;
&amp;lt;body&amp;gt;
&amp;lt;script&amp;gt;
         setTimeout(function(){
            window.location.href = 'processing.php';
         }, 1000);
      &amp;lt;/script&amp;gt;
&amp;lt;div class="bg"&amp;gt;&amp;lt;/div&amp;gt;
&amp;lt;/body&amp;gt;
&amp;lt;/html&amp;gt;
&lt;/code&gt;&lt;/pre&gt;</t>
  </si>
  <si>
    <t>2018-09-24 13:29:20.810000+00:00</t>
  </si>
  <si>
    <t>2018-09-26 05:47:30.803000+00:00</t>
  </si>
  <si>
    <t>2018-09-24 14:58:01.563000+00:00</t>
  </si>
  <si>
    <t>javascript|php|html|css|image</t>
  </si>
  <si>
    <t>tensorboard: cannot open subgraph</t>
  </si>
  <si>
    <t>&lt;p&gt;Recently I wrote a my custom operator (and its gradient) in python following this post&lt;/p&gt;
&lt;p&gt;&lt;a href="https://stackoverflow.com/questions/40735766/tensorflow-custom-operation-used-in-two-networks-simultaneously-produces-nan"&gt;Tensorflow: Custom operation used in two networks simultaneously produces nan&lt;/a&gt;&lt;/p&gt;
&lt;p&gt;Tensorflow runs with no error and the prediction gives expected accuracy. However, when I want to visualize this graph with tensorboard. I find that I cannot open the subgraph to see its structures. But it's gradient subgraph can be opened and seen. Does anyone has some idea about this problem?&lt;/p&gt;
&lt;p&gt;Fig.1: subgraph fc1 cannot be opened but gradient/fc1 can be opened.&lt;/p&gt;
&lt;p&gt;&lt;img src="https://i.stack.imgur.com/YoV8E.png" alt="Fig.1: subgraph fc1 cannot be opened but gradient/fc1 can be opened"&gt;&lt;/p&gt;</t>
  </si>
  <si>
    <t>2017-10-12 01:25:38.843000+00:00</t>
  </si>
  <si>
    <t>2017-10-19 22:51:44.623000+00:00</t>
  </si>
  <si>
    <t>2017-10-18 12:24:58.303000+00:00</t>
  </si>
  <si>
    <t>tensorflow|tensorboard</t>
  </si>
  <si>
    <t>Options for high performance SQLite</t>
  </si>
  <si>
    <t>&lt;p&gt;I'm developing an embedded system, which needs to store and retrieve data very frequently. I am expecting perhaps 100s of writes per second and 10s of reads. The data will arrive in bursts rather than continuous.&lt;/p&gt;
&lt;p&gt;I would like to use SQLite to store all this data, but since it is a flash file-system, the writes (INSERTS &amp;amp; UPDATES) are much too slow. I tried setting synchronous=off and this does certainly improve the performance, but I am nervous about corrupting the database.&lt;/p&gt;
&lt;p&gt;In my application, power failures would be a rare, but real possibility. I can live with losing some recent data, but absolutely cannot risk losing all the data due to a database corruption.&lt;/p&gt;
&lt;p&gt;I also thought about using an in-memory SQLite database as the primary database and periodically sync it to the file-system as discussed in &lt;a href="https://stackoverflow.com/questions/3094689/synchronizing-sqlite-database-from-memory-to-file"&gt;Synchronizing sqlite database from memory to file&lt;/a&gt;&lt;/p&gt;
&lt;p&gt;Are there any other options I should consider?&lt;/p&gt;</t>
  </si>
  <si>
    <t>2011-09-28 12:25:50.563000+00:00</t>
  </si>
  <si>
    <t>2014-10-11 00:46:32.980000+00:00</t>
  </si>
  <si>
    <t>2017-05-23 10:27:31.970000+00:00</t>
  </si>
  <si>
    <t>performance|sqlite|embedded</t>
  </si>
  <si>
    <t>Compare dates throws Type mismatch for Mac but not for Windows</t>
  </si>
  <si>
    <t>&lt;p&gt;I'm trying to compare a date with the current date like this:  &lt;/p&gt;
  &lt;pre class="lang-vb prettyprint-override"&gt;&lt;code&gt;If CDate("11/04/2014") &amp;lt;= Date Then
&lt;/code&gt;&lt;/pre&gt;
&lt;p&gt;The script works fine for Windows and the output is correct, but on a Macintosh it shows:&lt;/p&gt;
&lt;p&gt;&lt;img src="https://i.stack.imgur.com/1CjmG.png" alt="Run-time error &amp;lt;code&amp;gt;13&amp;lt;/code&amp;gt;"&gt;  &lt;/p&gt;
&lt;p&gt;How do I solve this?&lt;/p&gt;
&lt;p&gt;&lt;strong&gt;EDITED&lt;/strong&gt;&lt;/p&gt;
&lt;pre&gt;&lt;code&gt;If DateValue("11/04/2014") &amp;lt;= Date Then
&lt;/code&gt;&lt;/pre&gt;
&lt;p&gt;Throw me this error.
&lt;img src="https://i.stack.imgur.com/kAuUT.png" alt="enter image description here"&gt;&lt;/p&gt;</t>
  </si>
  <si>
    <t>2014-10-29 01:54:11.557000+00:00</t>
  </si>
  <si>
    <t>2014-10-29 05:13:51.643000+00:00</t>
  </si>
  <si>
    <t>excel|macos|date|excel-vba-mac</t>
  </si>
  <si>
    <t>How to draw a line between two divs?</t>
  </si>
  <si>
    <t>&lt;p&gt;I'm currently trying to draw a diagonal line between the bottom right corner of one div to the top right corner of another. If possible, I would like to do it without jQuery. Is this possible?&lt;/p&gt;</t>
  </si>
  <si>
    <t>2011-12-29 19:17:17.387000+00:00</t>
  </si>
  <si>
    <t>2015-06-12 14:29:07.710000+00:00</t>
  </si>
  <si>
    <t>2011-12-29 19:38:34.560000+00:00</t>
  </si>
  <si>
    <t>user721010</t>
  </si>
  <si>
    <t>mySQL connection with javascript</t>
  </si>
  <si>
    <t>&lt;p&gt;Good day! Here's the situation.
We are trying to connect our mySQL database using javascript. We already have the java codes to access the database, but the thing is, they are java files and I cannot find ways how to transform them to javascripts. How can these different classes (e.g. DatabaseClass.java, DBConnectionFactory.java, DBConnectionFactoryImpl.java) work together in an HTML file? Can someone provide a link which could help us with this?&lt;/p&gt;
&lt;p&gt;P.S. We're just beginners. I hope you guys can understand what we are trying to do. Cheers!&lt;/p&gt;</t>
  </si>
  <si>
    <t>2013-11-04 13:20:53.437000+00:00</t>
  </si>
  <si>
    <t>2017-10-05 05:13:37.137000+00:00</t>
  </si>
  <si>
    <t>java|javascript|mysql</t>
  </si>
  <si>
    <t>Refactoring ViewModel mapping - dealing with multiple service calls</t>
  </si>
  <si>
    <t>&lt;p&gt;I need to refactor and tidy the following controller below, it's my first MVC application. I've successfully used AutoMapper as I began refactor controllers but I am not sure how to approach a scenario where the &lt;strong&gt;data&lt;/strong&gt; for the ViewModel comes from &lt;strong&gt;multiple service calls&lt;/strong&gt;. And that scenario seems to often present itself in slightly heavier view models where I have all kind of information to present.&lt;/p&gt;
&lt;p&gt;Calling multiple mapping calls on top of the same view model seemed counter-intuitive and it feels like I am missing some good practice or common approach to the situation. Or maybe I am wrong and it's commonly used approach.&lt;/p&gt;
&lt;p&gt;&lt;strong&gt;0)&lt;/strong&gt; Thought of generally using AutoMapper somehow but as I said I cannot find a proper way to implement it, I'd like to keep the controller relatively thin but I also don't want to have too much unneeded/overkill abstraction. I know how to map the TaskEvent properties for example, even though I haven't. &lt;/p&gt;
&lt;p&gt;&lt;strong&gt;1)&lt;/strong&gt; Thought of having some build method on the view model and to pass needed data.&lt;/p&gt;
&lt;p&gt;&lt;strong&gt;2)&lt;/strong&gt; Thought of having a model between my database entities and the view model but I am not sure how to execute that either, I think I seen somewhere by examples that people return "Models" from service calls that contain complex data and then map those Models to the ViewModel with Automapper, instead of mapping service calls and domain entities directly into the ViewModel like others are doing.&lt;/p&gt;
&lt;p&gt;&lt;strong&gt;3)&lt;/strong&gt; Saw people use a &lt;strong&gt;&lt;em&gt;facade&lt;/em&gt;&lt;/strong&gt; of sorts in one example and thought of that too.&lt;/p&gt;
&lt;p&gt;It's just my first project under MVC and I would like to &lt;strong&gt;&lt;em&gt;learn a robust general approach that is considered well written and good practice&lt;/em&gt;&lt;/strong&gt; so I can use it to fully refactor this and continue to improve from there.&lt;/p&gt;
&lt;pre&gt;&lt;code&gt;        BKQEventCustomData BKQEventData = BKQHelper.ParseBase64EventData(Server.UrlDecode(Request.Url.Query));
        var cutomData = JsonConvert.DeserializeObject&amp;lt;NopOrderData&amp;gt;(BKQEventData.custom.data.ToString());
        var model = new TaskEventViewModel();
        if (BKQEventData != null)
        {
            AuthenticateRequest(BKQEventData.xcm.clid, BKQEventData.xcm.opid);
            model.PlacesList = new SelectList(_placesService.GetPlacesByClientId(BKQProfile.ClientId).Where(p =&amp;gt; p.Active), "PlaceId", "Name");
            model.ServicesList = new SelectList(_serviceService.GetServicesByClientId(BKQProfile.ClientId).Where(s =&amp;gt; s.Active), "ServiceId", "Name");
            model.ContractorsList = new SelectList(_contractorService.GetContractorsByClientId(BKQProfile.ClientId), "ContractorId", "BKQFullName");
            model.StatusList = new SelectList(_statusService.GetStatusByClientId(BKQProfile.ClientId), "StatusId", "Name");
            model.TaskEvent = new TaskEvent();
            model.TaskEvent.Title = string.Empty;
            model.TaskEvent.BKQCustomData = BKQEventData.custom.data.ToString();
            model.TaskEvent.BKQCustomDataType = BKQEventData.custom.type.ToString();
            model.TaskEvent.BKQClientId = BKQEventData.xcm.clid;
            model.TaskEvent.BKQOperatorId = BKQEventData.xcm.opid;
            model.TaskEvent.BKQInfProductId = BKQEventData.xcm.iprodid;
            model.TaskEvent.BKQEventHistoryId = BKQEventData.xcm.evnhid;
            model.TaskEvent.BKQEventTypeId = BKQEventData.xcm.evntype;
            model.TaskEvent.BKQEventCaseId = BKQEventData.xcm.caseid;
            model.TaskEvent.BKQQuota = BKQEventData.xcm.quotaid;
            model.TaskEvent.BKQLangId = BKQEventData.xcm.langid;
            model.TaskEvent.BKQContactId = BKQEventData.xcm.contid;
            model.TaskEvent.CreatedBy = BKQEventData.xcm.opid;
            model.TaskEvent.ModifiedBy = BKQEventData.xcm.opid;
            model.BKQContact = BKQFramework.Contact.GetById(BKQEventData.xcm.contid);
        }
        else
        {
            return RedirectToActionPermanent("Login", "Login");
        }
&lt;/code&gt;&lt;/pre&gt;</t>
  </si>
  <si>
    <t>2017-05-15 17:07:53.277000+00:00</t>
  </si>
  <si>
    <t>2017-05-17 05:19:16.643000+00:00</t>
  </si>
  <si>
    <t>c#|asp.net|asp.net-mvc|mvvm|automapper</t>
  </si>
  <si>
    <t>Single page - navigation animated scroll and highlighted nav bar links conflict</t>
  </si>
  <si>
    <t>&lt;p&gt;I have a single-page app. There's a script that will scroll down to the appropriate section when a navigation link is clicked. This is working fine.&lt;/p&gt;
&lt;pre&gt;&lt;code&gt;$('nav a').click(function(){
    $('html, body').animate({
        scrollTop: $( $.attr(this, 'href') ).offset().top
    }, 700);
    return true;
});
&lt;/code&gt;&lt;/pre&gt;
&lt;p&gt;I also have a script set up so that when you scroll up/down the page, the appropriate section's corresponding navigation link will be highlighted. This also works fine. &lt;/p&gt;
&lt;pre&gt;&lt;code&gt;$(document).scroll(function(){
        positionNav('portfolio', 'nav-portfolio');
        positionNav('about', 'nav-about');
        positionNav('contact', 'nav-contact');
    });
    function positionNav(section, sectionNavID) {
        // Get bottom position of section
        var bottom = $('#' + section).position().top + $('#' + section).outerHeight(true);
        var top = $(document).scrollTop()+230;
        if(top &amp;gt;= $('#' + section).position().top &amp;amp;&amp;amp; top &amp;lt;= bottom){
            $('#' + sectionNavID).addClass('active');
        } else {
            $('#' + sectionNavID).removeClass('active');
        }
    }
&lt;/code&gt;&lt;/pre&gt;
&lt;p&gt;My only issue is that when I click on a navigation link--lets say I click on the last link that brings you to the bottom of the page. During the brief animated scroll to the bottom of the page, the sections along the way get highlighted one by one, as you pass over them, because of the second script. &lt;/p&gt;
&lt;p&gt;I'd like to make it where if a nav item link is clicked, that item gets hightlighted and somehow the scrolling-highlight is disabled (but still works if you start scrolling). &lt;/p&gt;</t>
  </si>
  <si>
    <t>2015-11-14 21:31:04.467000+00:00</t>
  </si>
  <si>
    <t>2015-11-14 21:47:45.747000+00:00</t>
  </si>
  <si>
    <t>jquery|css</t>
  </si>
  <si>
    <t>I want to insert the model[i].marker.addListener function outside the loop</t>
  </si>
  <si>
    <t>&lt;pre&gt;&lt;code&gt;function pushMarkers() {
    locInfo = new google.maps.InfoWindow();
    for (var i = 0; i &amp;lt; model.length; i++) {
        var loc = model[i].places;
        var title = model[i].title;
        model[i].marker = new google.maps.Marker({
            position: loc,
            title: title,
            animation: google.maps.Animation.DROP,
            map: map,
            id: i
        });
        console.log(model[i].title);
        model[i].marker.addListener('click', function() {
            console.log('InfoWindow Loop entered');
            toggleBounce(this);
            populateInfoWindow(this, locInfo);
        });
        wikiLink(model[i].marker);
    }
}
&lt;/code&gt;&lt;/pre&gt;
&lt;p&gt;Its not advisable to make functions within a loop so i want to make the function outside the loop.&lt;/p&gt;</t>
  </si>
  <si>
    <t>2017-06-10 16:25:02.273000+00:00</t>
  </si>
  <si>
    <t>2017-06-10 16:36:17.933000+00:00</t>
  </si>
  <si>
    <t>scikit Mixtypes of Y error</t>
  </si>
  <si>
    <t>&lt;p&gt;Hi I'm a scikit newbie here. I'm trying to train the computer that given an array of float decide between the 3 classes. I was classifying the classes as 0, 0.5, and 1. I also tried 0, 1.0, and 2.0 . I still get the following error:&lt;/p&gt;
&lt;pre&gt;&lt;code&gt;File "/Library/Python/2.7/site-packages/sklearn/utils/multiclass.py", line 85, in     unique_labels
raise ValueError("Mix type of y not allowed, got types %s" % ys_types)
ValueError: Mix type of y not allowed, got types set(['continuous', 'multiclass'])
&lt;/code&gt;&lt;/pre&gt;
&lt;p&gt;I have no idea what that error means&lt;/p&gt;</t>
  </si>
  <si>
    <t>2013-09-30 21:13:58.450000+00:00</t>
  </si>
  <si>
    <t>2013-09-30 21:18:03.583000+00:00</t>
  </si>
  <si>
    <t>python|scikit-learn</t>
  </si>
  <si>
    <t>rich dataTable can not use iterate variable for a nested loop</t>
  </si>
  <si>
    <t>&lt;p&gt;I'm building a rich datatable with a dynamic amount of columns. It seems to me, that it is not a big thing, but I'm trying to get an answer since hours.
The issue is when I want to use the iteration variable from the datatable for a nested loop. In the nested loop I try to create for every row the same dynamic amount of columns.
Probably it becomes more clear when I show some code:&lt;/p&gt;
&lt;pre&gt;&lt;code&gt;&amp;lt;rich:dataTable styleClass="waiDataTable" width="700"
rowClasses="odd,even" value="#{reportingModel.reportingDoiPoolRows}"
var="reportingDoiPoolRow"
rendered="#{not empty reportingModel.reportingDoiPoolRows}"&amp;gt;
&amp;lt;!-- Start header of the data-table --&amp;gt;
&amp;lt;f:facet name="header"&amp;gt;
    &amp;lt;rich:columnGroup&amp;gt;
        &amp;lt;rich:column rowspan="2"&amp;gt;
            &amp;lt;h:outputText value="Pool" /&amp;gt;
        &amp;lt;/rich:column&amp;gt;
        &amp;lt;c:forEach items="#{reportingModel.headerList}" var="item"&amp;gt;
            &amp;lt;rich:column colspan="2"&amp;gt;
                &amp;lt;h:outputText value="#{item}" /&amp;gt;
            &amp;lt;/rich:column&amp;gt;
        &amp;lt;/c:forEach&amp;gt;
        &amp;lt;rich:column breakRowBefore="true"&amp;gt;
            &amp;lt;h:outputText value="New" /&amp;gt;
        &amp;lt;/rich:column&amp;gt;
        &amp;lt;rich:column&amp;gt;
            &amp;lt;h:outputText value="Tot" /&amp;gt;
        &amp;lt;/rich:column&amp;gt;
        &amp;lt;c:forEach begin="1" end="#{reportingModel.headerList.size()-1}"&amp;gt;
            &amp;lt;rich:column&amp;gt;
                &amp;lt;h:outputText value="New" /&amp;gt;
            &amp;lt;/rich:column&amp;gt;
            &amp;lt;rich:column&amp;gt;
                &amp;lt;h:outputText value="Tot" /&amp;gt;
            &amp;lt;/rich:column&amp;gt;
        &amp;lt;/c:forEach&amp;gt;
    &amp;lt;/rich:columnGroup&amp;gt;
&amp;lt;/f:facet&amp;gt;
&amp;lt;!-- End header of the data-table --&amp;gt;
&amp;lt;!-- Start values of the data-table --&amp;gt;
&amp;lt;rich:column&amp;gt;
    &amp;lt;h:outputText value="#{reportingDoiPoolRow.doiPool.name}"&amp;gt;&amp;lt;/h:outputText&amp;gt;
&amp;lt;/rich:column&amp;gt;
&amp;lt;ui:repeat value="#{reportingDoiPoolRow.amountOfDois}" var="amount"&amp;gt;
    &amp;lt;rich:column style="text-align:right;"&amp;gt;
        &amp;lt;h:outputText value="#{amount}"/&amp;gt;
    &amp;lt;/rich:column&amp;gt;
&amp;lt;/ui:repeat&amp;gt;
&amp;lt;!-- Start values of the data-table --&amp;gt;
&amp;lt;f:facet name="footer"&amp;gt;
    &amp;lt;rich:columnGroup&amp;gt;
        &amp;lt;rich:column style="text-align:left;"&amp;gt;Totals&amp;lt;/rich:column&amp;gt;
        &amp;lt;rich:column style="text-align:right;"&amp;gt;
            &amp;lt;h:outputText value="12"&amp;gt;&amp;lt;/h:outputText&amp;gt;
        &amp;lt;/rich:column&amp;gt;
        &amp;lt;rich:column style="text-align:right;"&amp;gt;
            &amp;lt;h:outputText value="12"&amp;gt;&amp;lt;/h:outputText&amp;gt;
        &amp;lt;/rich:column&amp;gt;
    &amp;lt;/rich:columnGroup&amp;gt;
&amp;lt;/f:facet&amp;gt;
&lt;/code&gt;&lt;/pre&gt;
&lt;p&gt;&lt;/p&gt;
&lt;p&gt;The issue is in the following block:&lt;/p&gt;
&lt;pre&gt;&lt;code&gt;&amp;lt;rich:column&amp;gt;
    &amp;lt;h:outputText value="#{reportingDoiPoolRow.doiPool.name}"&amp;gt;&amp;lt;/h:outputText&amp;gt;
&amp;lt;/rich:column&amp;gt;
&amp;lt;ui:repeat value="#{reportingDoiPoolRow.amountOfDois}" var="amount"&amp;gt;
    &amp;lt;rich:column style="text-align:right;"&amp;gt;
        &amp;lt;h:outputText value="#{amount}"/&amp;gt;
    &amp;lt;/rich:column&amp;gt;
&amp;lt;/ui:repeat&amp;gt;
&lt;/code&gt;&lt;/pre&gt;
&lt;p&gt;The name (&lt;code&gt;reportingDoiPoolRow.doiPool.name&lt;/code&gt;) is rendered well but every column inside the &lt;code&gt;ui:repeat&lt;/code&gt; is not rendered.
It seems that I can't use the reportingDoiPoolRow variable for another iteration.
The Collections which I use for the table are both from the type &lt;code&gt;ArrayList&lt;/code&gt; (long).
Thank you very much for your help.&lt;/p&gt;</t>
  </si>
  <si>
    <t>2013-05-06 08:25:25.777000+00:00</t>
  </si>
  <si>
    <t>2013-05-07 05:10:40.200000+00:00</t>
  </si>
  <si>
    <t>java|jsf|arraylist|richfaces|richdatatable</t>
  </si>
  <si>
    <t>How to simulate mouse clicks in QML?</t>
  </si>
  <si>
    <t>&lt;p&gt;I'm trying to send a &lt;code&gt;QMouseEvent&lt;/code&gt; to the QML objects being currently displayed.
The &lt;code&gt;QApplication::sendEvent()&lt;/code&gt; always returns &lt;code&gt;false&lt;/code&gt; meaning that my event did not get handled; but I don't see why.&lt;br&gt;
Maybe I'm sending the event to the wrong object? Where should I send it to? 
I also played around with &lt;code&gt;QGraphicsSceneMouseEvent&lt;/code&gt; instead of &lt;code&gt;QMouseEvent&lt;/code&gt; but had no luck either.&lt;/p&gt;
&lt;p&gt;I tried stepping through the event code with the debugger but it is too complex for me to see why it's not working.&lt;/p&gt;
&lt;h3&gt;Background&lt;/h3&gt;
&lt;p&gt;I'm working on a piece of software that will be controlled via a simple touch screen. I get the touch events via ethernet and I want to synthesize mouse click events from them.
This way the software will be controlled on the target device in the same way as on a developer PC.&lt;/p&gt;
&lt;h3&gt;Update&lt;/h3&gt;
&lt;ol&gt;
&lt;li&gt;As noted by fejd, the click code was executed before &lt;code&gt;QApplication::Exec()&lt;/code&gt;, so I moved it into a timer handler that will be triggered while &lt;code&gt;exec()&lt;/code&gt; is running.&lt;/li&gt;
&lt;li&gt;Added Windows-specific code that works as expected.&lt;/li&gt;
&lt;li&gt;Added some more attempts in Qt none of which works no matter whether &lt;code&gt;sendEvent()&lt;/code&gt; returns &lt;code&gt;true&lt;/code&gt; or &lt;code&gt;false&lt;/code&gt;.&lt;/li&gt;
&lt;/ol&gt;
&lt;p&gt;So far I have this:&lt;/p&gt;
&lt;h3&gt;main.cpp&lt;/h3&gt;
&lt;pre&gt;&lt;code&gt;#include &amp;lt;QtGui/QApplication&amp;gt;
#include "qmlapplicationviewer.h"
#include "clicksimulator.h"
#include &amp;lt;QTimer&amp;gt;
int main(int argc, char *argv[])
{
    QApplication app(argc, argv);
    QmlApplicationViewer viewer;
    viewer.setOrientation(QmlApplicationViewer::ScreenOrientationAuto);
    viewer.setMainQmlFile(QLatin1String("qml/qmlClickSimulator/main.qml"));
    viewer.showMaximized();
    ClickSimulator sim(&amp;amp;viewer);
    QTimer timer;
    sim.connect(&amp;amp;timer, SIGNAL(timeout()), SLOT(click()));
    timer.start(100);
    return app.exec();
}
&lt;/code&gt;&lt;/pre&gt;
&lt;h3&gt;clicksimulator.h&lt;/h3&gt;
&lt;pre&gt;&lt;code&gt;#ifndef CLICKSIMULATOR_H
#define CLICKSIMULATOR_H
#include &amp;lt;QObject&amp;gt;
class QmlApplicationViewer;
class ClickSimulator : public QObject
{
    Q_OBJECT
    QmlApplicationViewer* m_viewer;
public:
    explicit ClickSimulator(QmlApplicationViewer* viewer, QObject *parent = 0);
public slots:
    void click();    
};
#endif // CLICKSIMULATOR_H
&lt;/code&gt;&lt;/pre&gt;
&lt;h3&gt;clicksimulator.cpp&lt;/h3&gt;
&lt;pre&gt;&lt;code&gt;#include "clicksimulator.h"
#include "qmlapplicationviewer.h"
#include &amp;lt;QMouseEvent&amp;gt;
#include &amp;lt;QDebug&amp;gt;
#include &amp;lt;QGraphicsSceneMouseEvent&amp;gt;
#include &amp;lt;QApplication&amp;gt;
#include &amp;lt;QGraphicsScene&amp;gt;
#include &amp;lt;QTest&amp;gt;
#define _WIN32_WINNT 0x0501
#define WINVER 0x0501
#include "Windows.h"
ClickSimulator::ClickSimulator(QmlApplicationViewer* viewer, QObject *parent) :
QObject(parent)
, m_viewer(viewer)
{
}
void ClickSimulator::click()
{
    if (NULL != m_viewer)
    {
        const int x = qrand() % 500 + 100, y = qrand() % 500 + 100;
        {
           QMouseEvent pressEvent(QEvent::MouseButtonPress, QPoint(x, y), Qt::LeftButton, Qt::LeftButton, Qt::NoModifier);
//            QMouseEvent pressEvent(
//                QEvent::MouseButtonPress, 
//                QPoint(x, y),
//                Qt::LeftButton, Qt::LeftButton, Qt::NoModifier);
           const bool isSent = QApplication::sendEvent(m_viewer-&amp;gt;scene(), &amp;amp;pressEvent);
           qDebug() &amp;lt;&amp;lt; "'Press' at (" &amp;lt;&amp;lt; x &amp;lt;&amp;lt; "," &amp;lt;&amp;lt; y &amp;lt;&amp;lt; ") successful? " &amp;lt;&amp;lt; isSent;
        }
        {
            QGraphicsSceneMouseEvent pressEvent(QEvent::GraphicsSceneMousePress);
            pressEvent.setScenePos(QPointF(x, y));
            pressEvent.setButton(Qt::LeftButton);
            pressEvent.setButtons(Qt::LeftButton);
            QGraphicsItem* item = m_viewer-&amp;gt;itemAt(x, y);
            const bool isSent = m_viewer-&amp;gt;scene()-&amp;gt;sendEvent(item, &amp;amp;pressEvent);
            //const bool isSent = QApplication::sendEvent(m_viewer-&amp;gt;scene(), &amp;amp;pressEvent);
            qDebug() &amp;lt;&amp;lt; "'Press' at (" &amp;lt;&amp;lt; x &amp;lt;&amp;lt; "," &amp;lt;&amp;lt; y &amp;lt;&amp;lt; ") successful? " &amp;lt;&amp;lt; isSent;
        }
        // This platform specific code works...
        {
            const double fScreenWidth = ::GetSystemMetrics( SM_CXSCREEN )-1; 
            const double fScreenHeight = ::GetSystemMetrics( SM_CYSCREEN )-1; 
            const double fx = x*(65535.0f/fScreenWidth);
            const double fy = y*(65535.0f/fScreenHeight);
            INPUT inp[3];
            inp[0].type = INPUT_MOUSE;
            MOUSEINPUT &amp;amp; mi = inp[0].mi;
            mi.dx = fx;
            mi.dy = fy;
            mi.mouseData = 0;
            mi.dwFlags = MOUSEEVENTF_MOVE | MOUSEEVENTF_ABSOLUTE;
            mi.time = 0;
            mi.dwExtraInfo = 0;
            inp[1] = inp[0];
            inp[1].mi.dwFlags = MOUSEEVENTF_LEFTDOWN;
            inp[2] = inp[0];
            inp[2].mi.dwFlags = MOUSEEVENTF_LEFTUP;
            SendInput(3, inp, sizeof(INPUT));
        }
    }
}
&lt;/code&gt;&lt;/pre&gt;
&lt;h3&gt;main.qml&lt;/h3&gt;
&lt;pre&gt;&lt;code&gt;import QtQuick 1.0
Rectangle {
    width: 360
    height: 360
    Text {
        id: text1
        text: qsTr("This text is placed at the click coordinates")
    }
    MouseArea {
        id: mousearea1
        anchors.fill: parent
        onClicked: {
        console.log("click at " + mouse.x + ", " + mouse.y);
            text1.pos.x = mouse.x;
            text1.pos.y = mouse.y;
        }
    }
}
&lt;/code&gt;&lt;/pre&gt;
&lt;h3&gt;output&lt;/h3&gt;
&lt;pre&gt;&lt;code&gt;'Press' at ( 147 , 244 ) successful?  false 
'Press' at ( 147 , 244 ) successful?  true 
&lt;/code&gt;&lt;/pre&gt;</t>
  </si>
  <si>
    <t>2011-09-22 15:51:00.113000+00:00</t>
  </si>
  <si>
    <t>2014-10-09 13:34:48.110000+00:00</t>
  </si>
  <si>
    <t>2011-10-04 13:08:59.270000+00:00</t>
  </si>
  <si>
    <t>qt|events|onclick|mouse|qml</t>
  </si>
  <si>
    <t>Python import failing due to 32bit</t>
  </si>
  <si>
    <t>&lt;p&gt;I have installed the 64bit Python environment (verified from console that it is 64 bit):&lt;/p&gt;
&lt;pre&gt;&lt;code&gt;Python 2.7.12 (v2.7.12:d33e0cf91556, Jun 27 2016, 15:24:40) [MSC v.1500 64 bit (AMD64)] on win32
&lt;/code&gt;&lt;/pre&gt;
&lt;p&gt;The error I am getting is when calling the line &lt;/p&gt;
&lt;pre&gt;&lt;code&gt;import matplotlib.pyplot as plt
&lt;/code&gt;&lt;/pre&gt;
&lt;p&gt;and the error is&lt;/p&gt;
&lt;pre&gt;&lt;code&gt;ImportError: DLL load failed: %1 is no valid Win32-application.
&lt;/code&gt;&lt;/pre&gt;
&lt;p&gt;Now the matploblib I installed was from a file named &lt;code&gt;matplotlib-1.5.2-cp27-cp27m-win_amd64.whl&lt;/code&gt; and should be the 64bit version of the library. How can I narrow down what's going on here? &lt;/p&gt;
&lt;p&gt;I downloaded the whl itself from &lt;code&gt;http://www.lfd.uci.edu/~gohlke/pythonlibs/&lt;/code&gt;&lt;/p&gt;
&lt;p&gt;Edit: The whole error message&lt;/p&gt;
&lt;pre&gt;&lt;code&gt;    import matplotlib.pyplot as plt
  File "C:\Python27\lib\site-packages\matplotlib\pyplot.py", line 114, in &amp;lt;module&amp;gt;
    _backend_mod, new_figure_manager, draw_if_interactive, _show = pylab_setup()
  File "C:\Python27\lib\site-packages\matplotlib\backends\__init__.py", line 32, in pylab_setup
    globals(),locals(),[backend_name],0)
  File "C:\Python27\lib\site-packages\matplotlib\backends\backend_tkagg.py", line 6, in &amp;lt;module&amp;gt;
    from matplotlib.externals.six.moves import tkinter as Tk
  File "C:\Python27\lib\site-packages\matplotlib\externals\six.py", line 199, in load_module
    mod = mod._resolve()
  File "C:\Python27\lib\site-packages\matplotlib\externals\six.py", line 113, in
 _resolve
    return _import_module(self.mod)
  File "C:\Python27\lib\site-packages\matplotlib\externals\six.py", line 80, in
_import_module
    __import__(name)
  File "C:\Python27\lib\lib-tk\Tkinter.py", line 38, in &amp;lt;module&amp;gt;
    import FixTk
  File "C:\Python27\lib\lib-tk\FixTk.py", line 68, in &amp;lt;module&amp;gt;
    import _tkinter
ImportError: DLL load failed: %1 ist keine zul��ssige Win32-Anwendung.
&lt;/code&gt;&lt;/pre&gt;</t>
  </si>
  <si>
    <t>2016-09-08 12:21:56.793000+00:00</t>
  </si>
  <si>
    <t>2016-09-08 12:35:51.110000+00:00</t>
  </si>
  <si>
    <t>python|python-2.7</t>
  </si>
  <si>
    <t>Basic Show/Hide Div with Open/Close Arrow Attached</t>
  </si>
  <si>
    <t>&lt;p&gt;Trying to open/close a div with the direction arrow changing on open and close but staying attached to the div as it closes and opens.  &lt;/p&gt;
&lt;p&gt;&lt;a href="http://jsfiddle.net/siiimple/GqJj8/8/" rel="nofollow"&gt;http://jsfiddle.net/siiimple/GqJj8/8/&lt;/a&gt;&lt;/p&gt;
&lt;p&gt;Ideally I would like it to slide to the left as it closes (fast), then open to the right.  The close "-" would change to "+" when it closed.  &lt;/p&gt;
&lt;p&gt;Thanks for any help :)&lt;/p&gt;</t>
  </si>
  <si>
    <t>2012-09-05 19:05:16.857000+00:00</t>
  </si>
  <si>
    <t>2016-01-09 21:15:14.960000+00:00</t>
  </si>
  <si>
    <t>2012-09-05 19:22:40.320000+00:00</t>
  </si>
  <si>
    <t>jquery|hide|show</t>
  </si>
  <si>
    <t>Time effciency for test case in euler #1</t>
  </si>
  <si>
    <t>&lt;p&gt;Often times when solving questions on hackerrank codechef my code times out for certain test cases. I know it's because my code isn't efficient enough and I need to reduce the time complexity of the code. &lt;/p&gt;
&lt;p&gt;In this particular problem &lt;a href="https://www.hackerrank.com/contests/projecteuler/challenges/euler001/submissions/code/3629090" rel="nofollow"&gt;Project Euler Multiples of 3 and 5&lt;/a&gt; I don't seem to understand how the test cases timed out. If I'm not wrong code runs in O(n^2), that too considering the loop for taking the test cases. How can I make my code efficient?&lt;/p&gt;
&lt;p&gt;The description of the question is in the link. &lt;/p&gt;
&lt;pre&gt;&lt;code&gt;#include &amp;lt;cmath&amp;gt;
#include &amp;lt;cstdio&amp;gt;
#include &amp;lt;vector&amp;gt;
#include &amp;lt;iostream&amp;gt;
#include &amp;lt;algorithm&amp;gt;
using namespace std;
int main() {
    /* Enter your code here. Read input from STDIN. Print output to STDOUT */  
    int t, n; 
    int n1,n2; 
    int mul3, mul5, sum=0,sum3=0,sum5=0;
    cin&amp;gt;&amp;gt; t;
    while(t--){
        cin&amp;gt;&amp;gt;n; 
        sum=0;
        sum5=0;
        sum3=0; 
        if(n%3==0)
                n1=n/3-1; 
        else
               n1=n/3; 
        if(n%5==0)
                n2=n/5-1; 
        else
            n2=n/5; 
        for(int i=0;i&amp;lt;=n1;i++){
            if(i&amp;lt;=n2){
                mul5= i*5; 
                sum5+=mul5;
            }
            mul3=i*3;
            if((mul3%5)!=0) 
            sum3+=mul3; 
            sum = sum3+sum5; 
        }
        cout &amp;lt;&amp;lt; sum &amp;lt;&amp;lt; endl; 
    }
    system("PAUSE"); 
    return 0;
}
&lt;/code&gt;&lt;/pre&gt;</t>
  </si>
  <si>
    <t>2015-08-21 10:56:39.253000+00:00</t>
  </si>
  <si>
    <t>2015-08-21 18:29:41.310000+00:00</t>
  </si>
  <si>
    <t>c++|performance|time-complexity</t>
  </si>
  <si>
    <t>Change Text View on button click in ViewPager</t>
  </si>
  <si>
    <t>&lt;p&gt;I have used a viewpager in my app in which i have a number of pagers. In this pages i have a TextView and a Button and i want to be able to change the textview in the one pager when the button in that pager is clicked.&lt;/p&gt;
&lt;p&gt;I have the code below, but the text doesn't change when i click on the button.&lt;/p&gt;
&lt;pre&gt;&lt;code&gt;@Override
public Object instantiateItem(ViewGroup collection, int position) {
    View view = null;
    LayoutInflater h = (LayoutInflater) mContext.getSystemService(Context.LAYOUT_INFLATER_SERVICE);
    view = h.inflate(R.layout.content, null);
    tvName = (TextView) view.findViewById(R.id.tvName);
    btnView = (Button) view.findViewById(R.id.viewBTN);
    tvName.setText("Original Text")
    btnView.setOnClickListener(new View.OnClickListener() {
        @Override
        public void onClick(View view) {
            tvName.setText("new Test")
        }
    });
    collection.addView(view);
    return view;
}
&lt;/code&gt;&lt;/pre&gt;</t>
  </si>
  <si>
    <t>2017-03-30 10:28:14.297000+00:00</t>
  </si>
  <si>
    <t>2018-05-18 10:50:20.690000+00:00</t>
  </si>
  <si>
    <t>android|android-viewpager|viewpage</t>
  </si>
  <si>
    <t>How add a thickness to a surfacic Mesh?</t>
  </si>
  <si>
    <t>&lt;p&gt;I'm seeking for a method to add a thickness to a surfacic mesh which is in 3D.
The aim is to start with vertex and edges I already have and add vertex and edges in order to obtain a volumic mesh in 3D with tetrahedra.
Maybe this is possible with some Poisson disk or Best candidate algorithm, to find the new vertice?&lt;/p&gt;
&lt;p&gt;Do anyone know a method or a software (open source if possible) to do that?&lt;/p&gt;
&lt;p&gt;ymmx &lt;/p&gt;</t>
  </si>
  <si>
    <t>2015-11-27 09:13:47.603000+00:00</t>
  </si>
  <si>
    <t>2015-11-27 10:38:32.493000+00:00</t>
  </si>
  <si>
    <t>3d|volume|mesh</t>
  </si>
  <si>
    <t>Best way to have global css in Vuejs</t>
  </si>
  <si>
    <t>&lt;p&gt;What is the best way to have a global css file in Vuejs for all components? (Default css like bg color, button styling, etc)&lt;/p&gt;
&lt;ul&gt;
&lt;li&gt;import a css file in the index.html&lt;/li&gt;
&lt;li&gt;do @import in main component&lt;/li&gt;
&lt;li&gt;put all the css in the main component (but that would be a huge file)&lt;/li&gt;
&lt;/ul&gt;</t>
  </si>
  <si>
    <t>2016-09-11 16:10:47.533000+00:00</t>
  </si>
  <si>
    <t>2016-09-11 18:39:30.793000+00:00</t>
  </si>
  <si>
    <t>css|import|vue.js</t>
  </si>
  <si>
    <t>Why does spark-submit take longer than running the same job using spark-shell?</t>
  </si>
  <si>
    <t>&lt;p&gt;I am running the same job first using spark-shell and then spark-submit. But, spark-submit takes much longer. I am running this on a 16 node cluster (&gt;180 Vcores) in client mode.&lt;/p&gt;
&lt;p&gt;spark-submit conf:&lt;/p&gt;
&lt;pre&gt;&lt;code&gt;spark-submit --class tool \
    --master yarn \
    --deploy-mode client \
    --conf "spark.serializer=org.apache.spark.serializer.KryoSerializer" \
    --conf "spark.kryo.classesToRegister=com.fastdtw.timeseries.TimeSeriesBase" \
    --executor-memory 14g \
    --driver-memory 16g \
    --conf "spark.driver.maxResultSize=16g" \
    --conf "spark.kryoserializer.buffer.max=512" \
    --num-executors 30 \
    --conf "spark.executor.cores=6" \
    /home/target/scala-2.10/tool_2.10-0.1-SNAPSHOT.jar
&lt;/code&gt;&lt;/pre&gt;
&lt;p&gt;spark-shell conf:&lt;/p&gt;
&lt;pre&gt;&lt;code&gt;spark-shell \
  --master yarn 
  --deploy-mode client \
  --conf "spark.serializer=org.apache.spark.serializer.KryoSerializer" \
  --conf "spark.kryo.classesToRegister=com.fastdtw.timeseries.TimeSeriesBase" \
  --executor-memory 12g \
  --driver-memory 16g \
  --conf "spark.driver.maxResultSize=16g" \
  --conf "spark.kryoserializer.buffer.max=512" \
  --conf "spark.executor.cores=6" \
  --conf "spark.executor.instances=30" 
&lt;/code&gt;&lt;/pre&gt;
&lt;p&gt;Why is there a difference at runtime?&lt;/p&gt;</t>
  </si>
  <si>
    <t>2016-10-13 06:32:59.967000+00:00</t>
  </si>
  <si>
    <t>2016-10-14 07:36:59.700000+00:00</t>
  </si>
  <si>
    <t>scala|apache-spark</t>
  </si>
  <si>
    <t>Detecting whether a page is https or not in a Chrome Extension?</t>
  </si>
  <si>
    <t>&lt;p&gt;I'm trying to come-up with a way that, when the pop-up button of a Chrome Extension is clicked, the extension checks whether the current tab is https.&lt;/p&gt;
&lt;p&gt;If it is, display an alert and then break or don't run the next function.
If it isn't, then do nothing (as in, don't display the alert and run the extension normally)&lt;/p&gt;
&lt;p&gt;I tried &lt;/p&gt;
&lt;pre&gt;&lt;code&gt;if (window.location.protocol === 'https:') {
 alert("NO");
&lt;/code&gt;&lt;/pre&gt;
&lt;p&gt;In the popup.js but it doesn't seem to be working. Variations either just display the popup somehwere in the corner and the extension keeps working, or nothing happens.&lt;/p&gt;
&lt;p&gt;Is there an inherent way of doing this with the Chrome API?&lt;/p&gt;</t>
  </si>
  <si>
    <t>2013-08-18 20:24:22.493000+00:00</t>
  </si>
  <si>
    <t>2013-08-18 20:53:07.190000+00:00</t>
  </si>
  <si>
    <t>Is it possible to get the compiler to exit early, failing the build, if a compile time warning is raised?</t>
  </si>
  <si>
    <t>&lt;p&gt;I find the compile time warnings very useful, but I can occasionally miss them, especially if it's on a pull request where the tests are running on a CI server.&lt;/p&gt;
&lt;p&gt;Ideally I would specify something in the project mix file that would make the compiler more strict.&lt;/p&gt;
&lt;p&gt;I want to this to be in effect for all mix tasks, and I do not want to have to pass the flag to the command, as this is easy to forget.&lt;/p&gt;
&lt;p&gt;For example with a project with a compiler warning, this command should fail&lt;/p&gt;
&lt;pre&gt;&lt;code&gt;mix clean &amp;amp;&amp;amp; mix compile
&lt;/code&gt;&lt;/pre&gt;
&lt;p&gt;As should this one&lt;/p&gt;
&lt;pre&gt;&lt;code&gt;mix clean &amp;amp;&amp;amp; mix test
&lt;/code&gt;&lt;/pre&gt;</t>
  </si>
  <si>
    <t>2015-08-13 07:56:17.100000+00:00</t>
  </si>
  <si>
    <t>2016-05-13 21:57:50.743000+00:00</t>
  </si>
  <si>
    <t>2015-08-13 14:44:52.623000+00:00</t>
  </si>
  <si>
    <t>elixir|mix</t>
  </si>
  <si>
    <t>How to update the browser cache in the $http success function in angular?</t>
  </si>
  <si>
    <t>&lt;p&gt;I am new to angular and I implemented a table using angular that can provides different views to the user based on the view selected from a drop down. Whenever user changes the selected view, an $http call will fetch the data for that specific view (using the view id) and updates the table (set the view to the new one with a different id in the scope object). everything works fine. The only issue is when the user leaves the page and then hits the back button to see the table again, the table doesn't show the last viewed one in table and the reason is browser fetches the data for the cached view id (old id) which is the one when the page was loaded not the one that asynchronously was fetched during the $http call. So I think I need to somehow update the browser cache in the $http success function (whenever the new view is returned) so the browser knows the last viewed one. I would appreciate for any guide on this issue. 
the http call is like this:&lt;/p&gt;
&lt;pre&gt;&lt;code&gt;$scope.fetchView = function(){
        //this is the view Id that is selected by user
        // this view will be deleted in the backend and a new one will be created (with a new Id)
        var viewId = $scope.view.id;
        $http({
            method: 'GET',
            url: contextPath + '/views/' + viewId
        }).success(function (data) {
            //set the view object to the new one with a new Id but the browser cache still holds the old id
            $scope.view = data.view;
        }).error(function () {
            $log.info('An error occurred during ...');
        });
    };
&lt;/code&gt;&lt;/pre&gt;</t>
  </si>
  <si>
    <t>2017-06-15 18:50:44.323000+00:00</t>
  </si>
  <si>
    <t>2017-06-16 17:52:20.723000+00:00</t>
  </si>
  <si>
    <t>Including the Nemerle compiler in code repository</t>
  </si>
  <si>
    <t>&lt;p&gt;I'm trying to include the Nemerle compiler into my source code repository so that it can be built without Nemerle being installed in the build server. Currently my source code directory looks like this:&lt;/p&gt;
&lt;pre&gt;&lt;code&gt;- [MySolutionFolder]
--- [.build]
------ [Nemerle]
--------- [net-4.0]
------------ ncc.exe
------------ ncc32.dll
------------ Nemerle.dll
------------ Nemerle.MSBuild.targets
------------ { all other Nemerle requirements }
--- [MyNemerleProjectFolder]
------ MyNemerleProject.nproj
------ { various .n files }
--- MySolution.sln
--- build.bat
&lt;/code&gt;&lt;/pre&gt;
&lt;p&gt;The build.bat file is a simple script which calls MSBuild on the .sln file.&lt;/p&gt;
&lt;p&gt;In my .nproj file, I changed the line&lt;/p&gt;
&lt;p&gt;&lt;code&gt;&amp;lt;Nemerle Condition=" '$(Nemerle)' == '' "&amp;gt;$(NemerleBinPathRoot)\$(NemerleVersion)&amp;lt;/Nemerle&amp;gt;&lt;/code&gt;&lt;/p&gt;
&lt;p&gt;to:&lt;/p&gt;
&lt;p&gt;&lt;code&gt;&amp;lt;Nemerle Condition=" '$(Nemerle)' == '' "&amp;gt;$(SolutionDir).build\Nemerle\$(NemerleVersion)&amp;lt;/Nemerle&amp;gt;&lt;/code&gt;&lt;/p&gt;
&lt;p&gt;After this change, I can successfully build from the command line script, however I cannot open the solution in Visual Studio. When opening the solution, VS complains that it cannot find &lt;code&gt;MySolutionFolder\MyNemerleProjectFolder\.build\Nemerle\net-4.0\Nemerle.MSBuild.targets&lt;/code&gt;&lt;/p&gt;
&lt;p&gt;Why is visual studio looking for a .build directory under the &lt;em&gt;project folder&lt;/em&gt; rather than the &lt;em&gt;solution folder&lt;/em&gt;? Is there a workaround for this?&lt;/p&gt;
&lt;p&gt;If I change it to:&lt;/p&gt;
&lt;p&gt;&lt;code&gt;&amp;lt;Nemerle Condition=" '$(Nemerle)' == '' &amp;gt;$(ProjectDir)..\.build\Nemerle\$(NemerleVersion)&amp;lt;/Nemerle&amp;gt;&lt;/code&gt;&lt;/p&gt;
&lt;p&gt;Then the solution will open in visual studio, but the build fails - also the command line build fails..&lt;/p&gt;</t>
  </si>
  <si>
    <t>2012-10-31 11:36:46.003000+00:00</t>
  </si>
  <si>
    <t>2012-11-01 20:36:03.863000+00:00</t>
  </si>
  <si>
    <t>msbuild|nemerle</t>
  </si>
  <si>
    <t>SMTP Error &lt;&lt;: 503 AUTH command used when not advertised</t>
  </si>
  <si>
    <t>&lt;p&gt;I am facing this error in Webmail Lite.&lt;/p&gt;
&lt;p&gt;I have Exim installed. Here is a snippet of the auth block:
    PLAIN:&lt;/p&gt;
&lt;pre&gt;&lt;code&gt;  driver                     = plaintext
  server_set_id              = $auth2
  server_prompts             = :
  .ifndef AUTH_SERVER_ALLOW_NOTLS_PASSWORDS
  server_advertise_condition = ${if eq{$tls_cipher}{}{}{*}}
  .endif 
  server_condition           = ���${if crypteq{$auth3}{${extract{1}{:}{${lookup{$auth2}lsearch{/etc/$domain/passwd}{$value}{*:*}}}}}{1}{0}}���
&lt;/code&gt;&lt;/pre&gt;
&lt;p&gt;I have the passwd stored in the following format:
username:{MD5}asddfasdlasdkandlanskfdaf&lt;/p&gt;
&lt;p&gt;How do I get AUTH enabled and working ?
Thanks in advance.&lt;/p&gt;</t>
  </si>
  <si>
    <t>2013-01-21 09:34:54.843000+00:00</t>
  </si>
  <si>
    <t>2015-05-26 09:36:39.870000+00:00</t>
  </si>
  <si>
    <t>email|authentication|exim|exim4</t>
  </si>
  <si>
    <t>Bash scripting FS use</t>
  </si>
  <si>
    <t>&lt;p&gt;I have a command which finds and prints the filenames, but I am having a problem understanding the part "FS=/ &amp;lt;(find)" . The full command is:&lt;/p&gt;
&lt;pre&gt;&lt;code&gt;awk 'NR==FNR{a[$2];next}$NF in a' FS=, data.txt FS=/ &amp;lt;(find)
&lt;/code&gt;&lt;/pre&gt;
&lt;p&gt;And the output is:&lt;/p&gt;
&lt;pre&gt;&lt;code&gt;  user&amp;gt;./test.sh data.txt
./test1/file1 ./test2/file2 ./test3/file3
./test1/file1 ./test2/file2 ./test3/file3
./test1/file1 ./test2/file2 ./test3/file3
&lt;/code&gt;&lt;/pre&gt;
&lt;p&gt;Why does it output every file 3 times? I want only one time, because there is only file1 file2 file3. And the content of data.txt is:&lt;/p&gt;
&lt;pre&gt;&lt;code&gt;user&amp;gt;cat data.txt
dir1,file2,2018/07/04,2009/10/12 10:45,john
dir3,file1,2018/07/04,2005/08/07 13:57,john
dir3,file3,2018/07/04,2006/10/14 09:56,john
&lt;/code&gt;&lt;/pre&gt;</t>
  </si>
  <si>
    <t>2018-11-13 17:45:37.733000+00:00</t>
  </si>
  <si>
    <t>2018-11-15 17:02:45+00:00</t>
  </si>
  <si>
    <t>2018-11-13 20:32:50.963000+00:00</t>
  </si>
  <si>
    <t>linux|shell|unix|awk</t>
  </si>
  <si>
    <t>Global Variable Pointer to array in Sourceboost C</t>
  </si>
  <si>
    <t>&lt;p&gt;I declared these global variables:&lt;/p&gt;
&lt;pre&gt;&lt;code&gt;volatile unsigned char BUFFER[7]={0,0,0,0,0,0,0};//to get all data
volatile unsigned char *PTR=&amp;amp;BUFFER[0];//points to start address
&lt;/code&gt;&lt;/pre&gt;
&lt;p&gt;Inside the Microchip PIC interrupt function, the pointer reads the UART register and deference it to BUFFER[] array according to my code: &lt;/p&gt;
&lt;pre&gt;&lt;code&gt;*PTR=rcreg;
PTR++;
&lt;/code&gt;&lt;/pre&gt;
&lt;p&gt;I then check the data in function main():&lt;/p&gt;
&lt;pre&gt;&lt;code&gt;for(i=0;i&amp;lt;3;i++){
    if(BUFFER[i]==DATA[i]){
        k++;
        if(k==2){LED_On();}
    }
}
&lt;/code&gt;&lt;/pre&gt;
&lt;p&gt;and set ptr to point at the start address of BUFFER[]&lt;/p&gt;
&lt;pre&gt;&lt;code&gt;ptr=BUFFER;
&lt;/code&gt;&lt;/pre&gt;
&lt;p&gt;Question: Is this the best way and correct way to read data in the register? How can I use pointer in interrupt function?&lt;/p&gt;
&lt;p&gt;Thank you for your kind attention and help in advance!&lt;/p&gt;</t>
  </si>
  <si>
    <t>2011-10-07 12:57:35.360000+00:00</t>
  </si>
  <si>
    <t>2011-10-07 13:10:59.310000+00:00</t>
  </si>
  <si>
    <t>2011-10-07 13:00:12.873000+00:00</t>
  </si>
  <si>
    <t>pointers|embedded</t>
  </si>
  <si>
    <t>C# - How to change PNG quality or color depth</t>
  </si>
  <si>
    <t>&lt;p&gt;I am supposed to write a program that gets some PNG images from the user, does some simple edits like rotation and saves them inside a JAR file so that it can use the images as resources. The problem is when I open, say an 80kb image and then save it with C#, I get an image with the same quality but for 130kb space. And because it has to go inside a J2ME jar file I really need lower sizes, at least the original size. I tried the code below but later found out that it only works for Jpeg images.&lt;/p&gt;
&lt;pre&gt;&lt;code&gt;ImageCodecInfo[] codecs = ImageCodecInfo.GetImageEncoders();
                int j = 0;
                for (j = 0; j &amp;lt; codecs.Length; j++)
                {
                    if (codecs[j].MimeType == "image/png") break;
                }
                EncoderParameter ratio = new EncoderParameter(System.Drawing.Imaging.Encoder.Quality, 10L);
                EncoderParameters CodecParams = new EncoderParameters(1);
                CodecParams.Param[0] = ratio;
                Image im;
                im = pictureBox1.Image;
                im.Save(address , codecs[j], CodecParams);
&lt;/code&gt;&lt;/pre&gt;
&lt;p&gt;This is where the image is loaded to a picture box:&lt;/p&gt;
&lt;pre&gt;&lt;code&gt;private void pictureBox1_DoubleClick(object sender, EventArgs e)
        {
            if (openFileDialog1.ShowDialog() == DialogResult.OK)
            {
                string address = openFileDialog1.FileName;
                address.Replace("\\", "\\\\");
                Image im = Image.FromFile(address);
                pictureBox1.Image = im;
            }
        }
&lt;/code&gt;&lt;/pre&gt;
&lt;p&gt;And this is where it's being saved back with no edits:&lt;/p&gt;
&lt;pre&gt;&lt;code&gt;private void generateToolStripMenuItem_Click(object sender, EventArgs e)
        {
            if (folderBrowserDialog1.ShowDialog() == DialogResult.OK)
            {
                ImageCodecInfo[] codecs = ImageCodecInfo.GetImageEncoders();
                int j = 0;
                for (j = 0; j &amp;lt; codecs.Length; j++)
                {
                    if (codecs[j].MimeType == "image/png") break;
                }
                EncoderParameter ratio = new EncoderParameter(System.Drawing.Imaging.Encoder.Quality, 10L);
                EncoderParameters CodecParams = new EncoderParameters(1);
                CodecParams.Param[0] = ratio;
                string address = folderBrowserDialog1.SelectedPath;
                address = address + "\\";
                address.Replace("\\", "\\\\");
                Image im;
                im = pictureBox1.Image;               
                im.Save(address + imageFileNames[1], codecs[j], CodecParams);
&lt;/code&gt;&lt;/pre&gt;
&lt;p&gt;Note: imageFileNames[] is just a string array that has some of the the file names to which the images must be saved with.&lt;/p&gt;
&lt;p&gt;Any ideas will be appreciated and thanks in advance.&lt;/p&gt;</t>
  </si>
  <si>
    <t>2010-03-10 17:49:50.543000+00:00</t>
  </si>
  <si>
    <t>2011-12-20 17:34:08.133000+00:00</t>
  </si>
  <si>
    <t>2010-03-10 18:38:21.490000+00:00</t>
  </si>
  <si>
    <t>c#|image|png|image-manipulation|save</t>
  </si>
  <si>
    <t>redux call api with while loop</t>
  </si>
  <si>
    <t>&lt;p&gt;I am calling dispatch like this:&lt;/p&gt;
&lt;pre&gt;&lt;code&gt;dispatch(check_data())
&lt;/code&gt;&lt;/pre&gt;
&lt;p&gt;and my functions like:&lt;/p&gt;
&lt;pre&gt;&lt;code&gt;export function get_data(){
  return (dispatch, getState) =&amp;gt; {
    return dispatch(myApi({url: `myurl`, method: "GET"}
      )).then(response =&amp;gt; {
        return response.json()
    }).then(response =&amp;gt; {
      return response
    })
  }
}
export function check_data(){
  return dispatch =&amp;gt; {
    var status = null;
    var api_response;
    while(status != 7102){
      console.log("checking api response")
      setTimeout(function(){
        console.log("dispatching now ")
        dispatch(get_data()).then(response =&amp;gt; {
          console.log(response)
          status = response.status
          console.log("printing status")
          console.log(status)
          api_response = response
        })
      }, 7000) 
    }
    console.log("printing api response")
    console.log(api_response)
    dispatch(reset_data())
    return api_response
  }
}
&lt;/code&gt;&lt;/pre&gt;
&lt;p&gt;when I do this.. it enters into infinite loop..&lt;/p&gt;
&lt;p&gt;I just want to check if the &lt;code&gt;status&lt;/code&gt; is not equal to &lt;code&gt;7102&lt;/code&gt; it should again check the data. If found it should return the response&lt;/p&gt;
&lt;p&gt;What is wrong in here ??&lt;/p&gt;</t>
  </si>
  <si>
    <t>2016-03-01 10:37:18.327000+00:00</t>
  </si>
  <si>
    <t>javascript|reactjs|redux</t>
  </si>
  <si>
    <t>What does @property in a header file mean in Obj C?</t>
  </si>
  <si>
    <t>&lt;p&gt;I'm trying to learn objective C and I'm looking through some simple code to figure it out.  Here's an example of a header file:&lt;/p&gt;
&lt;pre&gt;&lt;code&gt;#import &amp;lt;Foundation/Foundation.h&amp;gt;
@class XYPoint;
@interface Rectangle: NSObject
{
int width;
int height;
XYPoint *origin;
}
@property int width, height;
-(XYPoint *) origin;
-(void) setOrigin: (XYPoint *) pt;
-(void) setWidth: (int) w andHeight: (int) h;
-(int) area;
-(int) perimeter;
@end
&lt;/code&gt;&lt;/pre&gt;
&lt;p&gt;Can anyone explain the meaning of the line "@property int width, height;"?  Thanks!&lt;/p&gt;</t>
  </si>
  <si>
    <t>2014-11-17 03:26:03.983000+00:00</t>
  </si>
  <si>
    <t>2014-11-17 03:50:32.787000+00:00</t>
  </si>
  <si>
    <t>objective-c</t>
  </si>
  <si>
    <t>Regarding force download of a pdf file on clicking submit button after data is stored in database</t>
  </si>
  <si>
    <t>&lt;p&gt;I have used the following code to store the data in wordpress database when submit button is clicked , And right now the code works by submitting the data to the wordpress database . &lt;/p&gt;
&lt;pre&gt;&lt;code&gt;   if ($_POST['subscribe_btn']) 
    {
    require("connect.php");
    $user = $_POST['user'];
    $email = $_POST['email'];
    if($user) 
    { 
    if(preg_match("/^[_a-z0-9-]+(\.[_a-z0-9-]+)*@[a-z0-9-]+(\.[a-z0-9-]+)*(\.[a-z]{2,3})$/i", $email)){
    $query=mysql_query("SELECT * FROM wp_newslettter WHERE email='$email'") or exit(mysql_error());
    $numrows= mysql_num_rows($query);
   if($numrows == 0 )
    {
    mysql_query("INSERT INTO wp_newslettter (`name`,`email`) VALUES ('$user','$email')")or exit(mysql_error());
    }
    else 
    $errmsg = "email address already exists";
    }
    else
    $errmsg = "Please enter a valid email address";
   } 
    else 
   $errmsg = "Please enter your username";
} 
&lt;/code&gt;&lt;/pre&gt;
&lt;p&gt;what i am now trying to do is once the data has been saved to the database i would like to force download a pdf which is stored in my theme , i am really new to wordpress and am not able to access the file path , i have done the following code but no file downloads , pls any help regarding this will be grateful and my form action is as follows &lt;code&gt;action='$_SERVER[REQUEST_URI]'&lt;/code&gt;&lt;/p&gt;
&lt;p&gt;/&lt;strong&gt;**Code For downloading pdf after data submission *&lt;/strong&gt;/ &lt;/p&gt;
&lt;pre&gt;&lt;code&gt;$a =  bloginfo('template_url');
$file= $a . "/pdf/default.pdf";
$path_parts = pathinfo($file);
$ext = strtolower($path_parts["extension"]); 
switch ($ext) {
  case "pdf": $ctype="application/pdf"; break;
  case "exe": $ctype="application/octet-stream"; break;
  case "zip": $ctype="application/zip"; break;
  case "doc": 
  case "docx":  $ctype="application/msword"; break;
  case "xls": $ctype="application/vnd.ms-excel"; break;
  case "ppt": $ctype="application/vnd.ms-powerpoint"; break;
  case "gif": $ctype="image/gif"; break;
  case "png": $ctype="image/png"; break;
  case "jpeg":
  case "jpg": $ctype="image/jpg"; break;
  default: $ctype="application/force-download";
} 
header('Content-Description: File Transfer');
header('Content-Type: application/force-download');
header("Content-type:  $ctype"); 
header('Content-Disposition: attachment; filename='.basename($file));
header('Content-Transfer-Encoding: binary');
header('Expires: 0');
header('Cache-Control: must-revalidate , post-check=0, pre-check=0');
header('Pragma: public');
header('Content-Length: ' . filesize($file));
ob_clean();
flush();
readfile($file);
exit;
&lt;/code&gt;&lt;/pre&gt;
&lt;p&gt;I am unable to read the file by doing the following code &lt;/p&gt;</t>
  </si>
  <si>
    <t>2013-02-23 05:44:00.553000+00:00</t>
  </si>
  <si>
    <t>2013-08-21 12:49:35.447000+00:00</t>
  </si>
  <si>
    <t>2013-02-23 06:00:41.063000+00:00</t>
  </si>
  <si>
    <t>php|wordpress</t>
  </si>
  <si>
    <t>How to remove last element for a Singly Linked list in O(1)?</t>
  </si>
  <si>
    <t>&lt;p&gt;Assume that I have a singly linked list with sentinel. To remove the last element in O(1) time, I need to maintain handle to last 2 elements. But maintaining handle to last two elements complicates the add operation.&lt;/p&gt;
&lt;p&gt;Is there a way to remove the last element of a singly linked list with sentinel in O(1) without maintaining handle to last 2 elements? I would much appreciate any sample code in java.&lt;/p&gt;
&lt;p&gt;Thanks.&lt;/p&gt;</t>
  </si>
  <si>
    <t>2012-07-08 01:19:59.847000+00:00</t>
  </si>
  <si>
    <t>2012-07-08 01:38:19.613000+00:00</t>
  </si>
  <si>
    <t>java|linked-list</t>
  </si>
  <si>
    <t>handling google sign in to go back to initial storyboard iOS</t>
  </si>
  <si>
    <t>&lt;p&gt;i was trying to handle the sign in buttons for google sign in (sign in/ cancel)&lt;/p&gt;
&lt;p&gt;After the sign in opens, and I hit cancel, it doesn't go back to the initial storyboard like i want it to. It stays in the storyboard that is segued after you click "Sign in with google" even if you click cancel.&lt;/p&gt;
&lt;pre&gt;&lt;code&gt;@IBAction func OnClickGoogleBtn(_ sender: UIButton) {
    var cancel =
    if GIDSignInButton(cancel).isSelected == true {
    }else{
        GIDSignIn.sharedInstance().signIn()
        GIDSignIn.sharedInstance().signInSilently()
    }
}
&lt;/code&gt;&lt;/pre&gt;
&lt;p&gt;Here I was trying to handle cancel, though I didn't know how to find the attributes of the buttons in the project.&lt;/p&gt;
&lt;p&gt;Any help would be nice.&lt;/p&gt;</t>
  </si>
  <si>
    <t>2018-09-23 22:53:25.673000+00:00</t>
  </si>
  <si>
    <t>2018-09-23 23:02:55.827000+00:00</t>
  </si>
  <si>
    <t>swift|google-signin|googlesigninapi</t>
  </si>
  <si>
    <t>How do I take multiple inputs in different lines in Python so that inputs can be accessed later?</t>
  </si>
  <si>
    <t>&lt;p&gt;&lt;a href="http://i.stack.imgur.com/1xDpf.jpg" rel="nofollow"&gt;I want to take input in similar pattern&lt;/a&gt;
I want user to give inputs in multiple lines and value of multiple lines is provided.(5 in given pic)&lt;/p&gt;</t>
  </si>
  <si>
    <t>2016-10-09 07:56:19.307000+00:00</t>
  </si>
  <si>
    <t>2016-10-09 08:07:37.363000+00:00</t>
  </si>
  <si>
    <t>Dynamic update of CKEditor skin</t>
  </si>
  <si>
    <t>&lt;p&gt;Is there a way to dynamically change the skin of the editor (CKEditor 4.1 (revision 80c139aa))?&lt;/p&gt;
&lt;p&gt;The only way I could do that is from the config.js (which means that my skins are working ok)&lt;/p&gt;
&lt;p&gt;The editor is loaded when a jDialog is opened. On open of the dialog i want to run a command that will change the skin according to user preferences. &lt;/p&gt;
&lt;p&gt;I tried with no luck:&lt;/p&gt;
&lt;pre&gt;&lt;code&gt;CKEDITOR.config.skin = '/moono-dark';
&lt;/code&gt;&lt;/pre&gt;
&lt;p&gt;Also this:&lt;/p&gt;
&lt;pre&gt;&lt;code&gt;CKEDITOR.editorConfig = function( config ) {
  config.skin = '/karma';
};
&lt;/code&gt;&lt;/pre&gt;
&lt;p&gt;Also this:&lt;/p&gt;
&lt;pre&gt;&lt;code&gt;CKEDITOR.replace( 'problem', {
  customConfig: '../ckeditor/skins/config_flat.js'; //this path is ok
});
&lt;/code&gt;&lt;/pre&gt;
&lt;p&gt;Also tried to load the config file with ajax (after deleting the defaulkt config.js file):&lt;/p&gt;
&lt;pre&gt;&lt;code&gt;$.getScript( "../ckeditor/skins/config_icy_orange.js", function( data, textStatus, jqxhr ) {
      CKEDITOR.replace( 'problem' );
});
&lt;/code&gt;&lt;/pre&gt;
&lt;p&gt;It always loads the default config.js file...&lt;/p&gt;
&lt;p&gt;How can i do this?&lt;/p&gt;</t>
  </si>
  <si>
    <t>2015-11-19 09:35:04.137000+00:00</t>
  </si>
  <si>
    <t>2015-11-29 22:25:55.357000+00:00</t>
  </si>
  <si>
    <t>2015-11-19 13:53:11.480000+00:00</t>
  </si>
  <si>
    <t>ckeditor|ckeditor4.x</t>
  </si>
  <si>
    <t>Open Firefox with a temporary add-on on startup</t>
  </si>
  <si>
    <t>&lt;p&gt;Is there a way in which I can open Firefox and force it to load a temporary add-on (webextension) on startup? Normally I have to manually go to &lt;code&gt;about:debugging&lt;/code&gt; and select the extension on my hard drive. I'm looking for a flag I can pass when I load Firefox so that this is done automatically.&lt;/p&gt;
&lt;p&gt;If this is not possible, is there a recommended extension I can install to simulate that a user opens this URL and adds this extension? &lt;/p&gt;</t>
  </si>
  <si>
    <t>2017-01-26 05:38:55.693000+00:00</t>
  </si>
  <si>
    <t>2017-01-26 07:10:42.150000+00:00</t>
  </si>
  <si>
    <t>firefox|firefox-webextensions</t>
  </si>
  <si>
    <t>How to implement a "check for updates" routine for iPhone app that will download a replacement SQLite DB?</t>
  </si>
  <si>
    <t>&lt;p&gt;My app has a SQLite database that users can read only. I, the developer, would like to add entries to the database from time to time and make the enlarged database available as a file on a Web server. I'd like the users to be able to "check for updates".&lt;/p&gt;
&lt;p&gt;My question is, once a user checks and finds that an updated DB file exists, how can/should the file be downloaded to the iPhone and written over the previous version of the DB?&lt;/p&gt;
&lt;p&gt;Does the iPhone even allow files to be downloaded and saved?&lt;/p&gt;</t>
  </si>
  <si>
    <t>2010-03-22 15:53:21.107000+00:00</t>
  </si>
  <si>
    <t>2010-07-21 09:58:02.523000+00:00</t>
  </si>
  <si>
    <t>iphone|sqlite|download|database</t>
  </si>
  <si>
    <t>Remove an empty line at the end of a file (bash)</t>
  </si>
  <si>
    <t>&lt;p&gt;How do I remove empty lines the end of the file? I've tried multiple combinations of &lt;code&gt;sed&lt;/code&gt; and this is my current attempt. Would it be possible to remove the empty line at the end without using &lt;code&gt;awk&lt;/code&gt;?&lt;/p&gt;
&lt;pre&gt;&lt;code&gt;printf "" &amp;gt; "temp.txt" #erases any current values in temp.txt
for num in "${myarr[@]}" #the value from the array was taken from a file with an empty line at the end as well
do
    echo $num &amp;gt;&amp;gt; "temp.txt" #writes new values in new line
done
sed '/^$/d' "temp.txt"
&lt;/code&gt;&lt;/pre&gt;
&lt;p&gt;The way it's different from the suggested duplicate is that I'm using &lt;/p&gt;
&lt;pre&gt;&lt;code&gt;for var in "${@:3}"
do
    filename=${var}".txt"
    cut -d ',' -f "$var" mycsv.csv &amp;gt; "$filename"
done 
&lt;/code&gt;&lt;/pre&gt;
&lt;p&gt;to write to the file, so I can't control what gets written into the file as easily as in a while-loop&lt;/p&gt;</t>
  </si>
  <si>
    <t>2017-03-17 15:32:37.163000+00:00</t>
  </si>
  <si>
    <t>2017-03-17 18:44:11.890000+00:00</t>
  </si>
  <si>
    <t>2017-03-17 15:43:52.837000+00:00</t>
  </si>
  <si>
    <t>bash|file|sed|terminal|line</t>
  </si>
  <si>
    <t>How to create an array of Random numbers?</t>
  </si>
  <si>
    <t>&lt;p&gt;I tried to create an array of Random Numbers between 1 to 10 but I am getting a compilation Error. Can anyone tell me what's going wrong in my code?&lt;/p&gt;
&lt;pre&gt;&lt;code&gt;import java.util.*;
public class Random {
    public static void main(String args[]){
        int arr[] = new int[1000];
        int num;
        Random rand = new Random();
        for (int i = 0; i &amp;lt;=arr.length; i++){
            num = 1+ rand.nextInt(10);
            arr[i] = num;
            System.out.println("Random No. Index: "+i+"\t Value : "+arr[i]);
        }
    }
}
&lt;/code&gt;&lt;/pre&gt;</t>
  </si>
  <si>
    <t>2015-01-03 20:02:54.903000+00:00</t>
  </si>
  <si>
    <t>2015-01-04 10:43:59.133000+00:00</t>
  </si>
  <si>
    <t>2015-01-03 20:03:51.407000+00:00</t>
  </si>
  <si>
    <t>Android: Check alpha state in if</t>
  </si>
  <si>
    <t>&lt;p&gt;So i have a &lt;code&gt;OnClickListner&lt;/code&gt;, in here i would like to check the alpha state of a vector img. &lt;/p&gt;
&lt;pre&gt;&lt;code&gt;p1.setOnClickListener(new View.OnClickListener() {
    @Override
    public void onClick(View v) {
        if (/*aplpa*/ == 1) {           //&amp;lt;----- alpha here
            if (array[0] == 'o') {
                p1.setBackgroundResource(R.drawable.ic_red);
                array[0] = 'x';
            } else {
                p1.setBackgroundResource(R.drawable.ic_green);
                array[0] = 'o';
            }
            array[1] = 1;
            p1.setAlpha(1);
        }
    }
});
&lt;/code&gt;&lt;/pre&gt;</t>
  </si>
  <si>
    <t>2017-03-05 21:12:52.377000+00:00</t>
  </si>
  <si>
    <t>2017-03-05 21:28:30.187000+00:00</t>
  </si>
  <si>
    <t>How to design my database?</t>
  </si>
  <si>
    <t>&lt;p&gt;I want to create a database for soccer scores.&lt;/p&gt;
&lt;p&gt;Obviously, we have:&lt;/p&gt;
&lt;ul&gt;
&lt;li&gt;&lt;strong&gt;Countries&lt;/strong&gt; (Netherlands, Germany, (But also Europe))&lt;/li&gt;
&lt;li&gt;&lt;strong&gt;Competitions&lt;/strong&gt; (Eredivisie, Bundesliga, UEFA Europa League)&lt;/li&gt;
&lt;li&gt;&lt;strong&gt;Teams&lt;/strong&gt; (FC Twente, Bayern Munchen, Atletico Madrid)&lt;/li&gt;
&lt;li&gt;&lt;strong&gt;Players&lt;/strong&gt; (Luuk de Jong, Manuel Neuer, Tiago Mendes)&lt;/li&gt;
&lt;li&gt;&lt;strong&gt;Matches&lt;/strong&gt; (FC Twente - PSV, Bayern - Leverkusen, etc)&lt;/li&gt;
&lt;li&gt;&lt;strong&gt;Events&lt;/strong&gt; (Goal scored in 40th minute by Luuk de Jong)  &lt;/li&gt;
&lt;/ul&gt;
&lt;p&gt;I'm using Dezign in which I have created the scheme below:&lt;/p&gt;
&lt;p&gt;&lt;img src="https://i.stack.imgur.com/bEvbi.png" alt="enter image description here"&gt;&lt;/p&gt;
&lt;p&gt;Obviously, a Competition is bound to a Country, a Player to a Team, etc.&lt;/p&gt;
&lt;p&gt;But then some problems occur. An Event belongs to a Match and a Player. So the Event could get a &lt;code&gt;match_id&lt;/code&gt; and a &lt;code&gt;player_id&lt;/code&gt;. But then any player of any team could 'score' in a match in which he doesn't belong (A player of team C could score in a match between team A and team B). How can I restrict this for example?&lt;/p&gt;
&lt;p&gt;Also, a Team could compete in its 'normal' competition, but also in the Champions League. Thus, a simple competition_id in the Team entity would not suffice.&lt;/p&gt;
&lt;p&gt;And do you suggest any other thoughts?&lt;/p&gt;
&lt;p&gt;&lt;strong&gt;&lt;em&gt;Edit in response to Philipp&lt;/em&gt;&lt;/strong&gt;
&lt;img src="https://i.stack.imgur.com/YFEKp.png" alt="enter image description here"&gt;&lt;/p&gt;</t>
  </si>
  <si>
    <t>2012-03-09 14:33:10.020000+00:00</t>
  </si>
  <si>
    <t>2012-03-09 21:20:00.797000+00:00</t>
  </si>
  <si>
    <t>database</t>
  </si>
  <si>
    <t>What is difference between Titan and Neo4j graph database?</t>
  </si>
  <si>
    <t>&lt;p&gt;I had worked on relational database; but now want to learn about graph database. I came to know that these two are graph database. What is difference between these two databases. What should we prefer among them?&lt;/p&gt;</t>
  </si>
  <si>
    <t>2017-07-27 10:06:11.757000+00:00</t>
  </si>
  <si>
    <t>2018-07-29 18:16:35.847000+00:00</t>
  </si>
  <si>
    <t>database|neo4j|graph-databases|titan|non-relational-database</t>
  </si>
  <si>
    <t>How to check values of the .all() with flask-SqlAlchemy?</t>
  </si>
  <si>
    <t>&lt;p&gt;I'd like to check the values of all with &lt;code&gt;pdb&lt;/code&gt; but the &lt;code&gt;p&lt;/code&gt; did not output the values of all. But this code successfly can pass and &lt;code&gt;return 'success'&lt;/code&gt;.���Also, the database has the correct values&lt;/p&gt;
&lt;p&gt;flask code&lt;/p&gt;
&lt;pre&gt;&lt;code&gt;    import pdb;pdb.set_trace()
    all = db.session.query(UserToken).filter(UserToken._token == _token).all()
    if not all:
         return 'error'
    return 'success'
&lt;/code&gt;&lt;/pre&gt;
&lt;p&gt;debbuger result&lt;/p&gt;
&lt;pre&gt;&lt;code&gt;(Pdb) p all
(Pdb) p db.session.query(UserToken).filter(UserToken._token == _token).all()
(Pdb) 
&lt;/code&gt;&lt;/pre&gt;</t>
  </si>
  <si>
    <t>2018-09-04 08:27:44.730000+00:00</t>
  </si>
  <si>
    <t>2018-09-04 08:34:22.417000+00:00</t>
  </si>
  <si>
    <t>python-3.x|debugging|flask|flask-sqlalchemy|pdb</t>
  </si>
  <si>
    <t>JPA EntityManager values are not persisted in database when tested using Junit</t>
  </si>
  <si>
    <t>&lt;p&gt;I am using Hibernate 4 with Spring 3 and when I try to do Junit test, values are not persisted in database &lt;/p&gt;
&lt;p&gt;In my DAO implementation class&lt;/p&gt;
&lt;pre&gt;&lt;code&gt;@Transactional
@Repository
public class ProjectDAOImpl extends GenericDAOImpl&amp;lt;Project&amp;gt;
        implements ProjectDAO {
public void create(Project project) {
        entityManager.persist(project);
        System.out.println("val  2  -- "+project.getProjectNo());
    }
@PersistenceContext
    public void setEntityManager(EntityManager entityManager) {
        this.entityManager = entityManager;
    }
&lt;/code&gt;&lt;/pre&gt;
&lt;p&gt;and in Junit test I have&lt;/p&gt;
&lt;pre&gt;&lt;code&gt;@TransactionConfiguration
@ContextConfiguration({"classpath:applicationContext.xml"})
@Transactional
@RunWith(SpringJUnit4ClassRunner.class) 
public class ProjectTest {
@Resource
ProjectService projectService;   
@Test
    public void createProject(){
        Project project = new Project();
        project.setProjectName("999---");
        projectService.create(project);
    }
&lt;/code&gt;&lt;/pre&gt;
&lt;p&gt;I am able to see the value for this statement in console though, however record is not saved in database. &lt;/p&gt;
&lt;pre&gt;&lt;code&gt;System.out.println("val  2  -- "+project.getProjectNo());
&lt;/code&gt;&lt;/pre&gt;
&lt;p&gt;How can I resolve this issue?&lt;/p&gt;</t>
  </si>
  <si>
    <t>2013-07-22 08:49:12.867000+00:00</t>
  </si>
  <si>
    <t>2016-05-27 09:34:30.340000+00:00</t>
  </si>
  <si>
    <t>2013-07-22 09:47:58.943000+00:00</t>
  </si>
  <si>
    <t>spring|hibernate|jpa|junit|jpa-2.0</t>
  </si>
  <si>
    <t>CSS horizontal nav bar displaying diagonally in IE 5.5 - 7</t>
  </si>
  <si>
    <t>&lt;p&gt;The nav bar displays the correct way (horisontally) in IE 8 and above and every other browser. However only IE 5.5, 6 and 7 it displays diagonally. Can any body help?&lt;/p&gt;
&lt;pre&gt;&lt;code&gt;.top-nav ul {
margin: 0;
list-style: none;
line-height: normal;
}
.top-nav li {
margin-left: 220px;
}
.top-nav a {
display: block;
float: left;
height: 38px;
margin-right: 1px;
padding: 4px 30px 0 30px;
text-decoration: none;
font-size: 34px;
font-weight: bold;
font-family: 'Exo', sans-serif;
color: #FFF;
}
.top-nav a:hover {
background:  #272727;
color: #18942f;
}
.top-nav .current_page_item a {
background:  #252525;
color: #FFF;
}
&lt;/code&gt;&lt;/pre&gt;
&lt;p&gt;HTML&lt;/p&gt;
&lt;pre&gt;&lt;code&gt;&amp;lt;div class="top-nav"&amp;gt; 
  &amp;lt;ul&amp;gt; 
    &amp;lt;li&amp;gt;&amp;lt;a href="index.html" class="links"&amp;gt;Home&amp;lt;/a&amp;gt;&amp;lt;/li&amp;gt; 
    &amp;lt;li&amp;gt;&amp;lt;a href="aboutme.html" class="links"&amp;gt;About Me&amp;lt;/a&amp;gt;&amp;lt;/li&amp;gt; 
    &amp;lt;li&amp;gt;&amp;lt;a href="skills.html" class="links"&amp;gt;Skills&amp;lt;/a&amp;gt;&amp;lt;/li&amp;gt; 
    &amp;lt;li class="current_page_item"&amp;gt; &amp;lt;a href="#"&amp;gt;Contact&amp;lt;/a&amp;gt;&amp;lt;/li&amp;gt; 
    &amp;lt;/ul&amp;gt; 
&amp;lt;/div&amp;gt;
&lt;/code&gt;&lt;/pre&gt;
&lt;p&gt;&lt;img src="https://i.stack.imgur.com/f8VQP.png" alt="here&amp;#39;s a screenshot"&gt;&lt;/p&gt;</t>
  </si>
  <si>
    <t>2012-11-06 19:58:58.700000+00:00</t>
  </si>
  <si>
    <t>2013-09-06 18:22:50.263000+00:00</t>
  </si>
  <si>
    <t>2012-11-06 20:08:59.887000+00:00</t>
  </si>
  <si>
    <t>html|css|internet-explorer</t>
  </si>
  <si>
    <t>Reg: Add SUM of two values vs. Add values and SUM it gives different output</t>
  </si>
  <si>
    <t>&lt;p&gt;This might be a silly question.  I have a staff &lt;code&gt;table&lt;/code&gt; which stores staff Information. I need to get the salary for each staff. So I tried below queries&lt;/p&gt;
&lt;pre&gt;&lt;code&gt;SELECT staffid, SUM(ISNULL(amount,0) +ISNULL(bonus,0)) as amount
from payments
group by staffid
&lt;/code&gt;&lt;/pre&gt;
&lt;p&gt;But I got wrong output. Then I tried as below,&lt;/p&gt;
&lt;pre&gt;&lt;code&gt;SELECT staffid, SUM(ISNULL(amount,0)) + SUM(ISNULL(bonus,0))
from payments
group by staffid
&lt;/code&gt;&lt;/pre&gt;
&lt;p&gt;This time I got the correct &lt;code&gt;output&lt;/code&gt;. But I wonder why the difference occurs. Does above two &lt;code&gt;sum&lt;/code&gt; operations are different? someone please give some idea about this.&lt;/p&gt;</t>
  </si>
  <si>
    <t>2016-03-02 11:15:44.073000+00:00</t>
  </si>
  <si>
    <t>2016-03-02 11:20:38.557000+00:00</t>
  </si>
  <si>
    <t>sql|sql-server|tsql</t>
  </si>
  <si>
    <t>ScriptApp.getService().getUrl() returns an invalid URL which does not open</t>
  </si>
  <si>
    <t>&lt;p&gt;I was trying to publish GAS as web app from script itself. I tried following code.&lt;/p&gt;
&lt;pre&gt;&lt;code&gt;function publish(){
  var service = ScriptApp.getService();
  if(!service.isEnabled()){
     service.enable(service.Restriction.ALL);
  }
  var url = service.getUrl();
  Logger.log(url);
}
&lt;/code&gt;&lt;/pre&gt;
&lt;p&gt;Surprisingly this returns an URL which is fake. If I go to that URL nothing opens. But if I manually go to the script-editor and save a new version and publish the app from the modal popup,
then again running above code returns the correct URL. What may be the cause ? Is not it a potential BUG in app script ?���&lt;/p&gt;</t>
  </si>
  <si>
    <t>2014-04-14 15:39:20.717000+00:00</t>
  </si>
  <si>
    <t>2014-04-14 19:55:13.373000+00:00</t>
  </si>
  <si>
    <t>google-apps-script</t>
  </si>
  <si>
    <t>Removing Unused Factors from a Facet in ggplot2</t>
  </si>
  <si>
    <t>&lt;p&gt;I am trying to figure out a neat way to remove unused factors from a facet in ggplot2. Here is a minimal example&lt;/p&gt;
&lt;pre&gt;&lt;code&gt;# DUMMY DATA
mydf = data.frame(
  x = rpois(6, 25),
  y = LETTERS[1:6],
  cat = c(rep('AA', 3), rep('BB', 3)))
# PLOT IT!
p0 = ggplot(mydf, aes(x = x, y = y)) +
  geom_point() +
  facet_wrap(~ cat, ncol = 1)
&lt;/code&gt;&lt;/pre&gt;
&lt;p&gt;From the plot below, you can see that factors D, E and F are plotted in facet AA despite the fact that there is no corresponding data. What I want is for a way to eliminate {D, E, F} from facet AA and similarly {A, B, C} from facet BB. &lt;/p&gt;
&lt;p&gt;Is there a neat way to do this, or even a hack would be acceptable.&lt;/p&gt;
&lt;p&gt;&lt;img src="https://i.stack.imgur.com/ifhE9.png" alt="enter image description here"&gt;&lt;/p&gt;</t>
  </si>
  <si>
    <t>2011-08-11 19:38:30.473000+00:00</t>
  </si>
  <si>
    <t>2011-08-11 21:42:57.967000+00:00</t>
  </si>
  <si>
    <t>r|ggplot2</t>
  </si>
  <si>
    <t>The specified class for router or targets 'sap.f.routing.Router' is undefined</t>
  </si>
  <si>
    <t>&lt;p&gt;I am trying to use &lt;a href="https://experience.sap.com/fiori-design-web/flexible-column-layout/" rel="nofollow noreferrer"&gt;https://experience.sap.com/fiori-design-web/flexible-column-layout/&lt;/a&gt; and got the following the error message:
&lt;a href="https://i.stack.imgur.com/KESPD.png" rel="nofollow noreferrer"&gt;&lt;img src="https://i.stack.imgur.com/KESPD.png" alt="enter image description here"&gt;&lt;/a&gt;&lt;/p&gt;
&lt;p&gt;The router configuration on the manifest file:&lt;/p&gt;
&lt;pre class="lang-json prettyprint-override"&gt;&lt;code&gt;{
  "_version":"1.9.0",
  "sap.app":{
    "id":"ch.mindustrie.ZMM_CLASSIFICATION",
    "type":"application",
    "i18n":"i18n/i18n.properties",
    "applicationVersion":{
      "version":"0.1.0"
    },
    "title":"{{appTitle}}",
    "description":"{{appDescription}}",
    "sourceTemplate":{
      "id":"servicecatalog.connectivityComponentForManifest",
      "version":"0.0.0"
    },
    "dataSources":{
      "ZMM_CLASSIFICATION_SRV":{
        "uri":"/sap/opu/odata/sap/ZMM_CLASSIFICATION_SRV/",
        "type":"OData",
        "settings":{
          "odataVersion":"2.0",
          "localUri":"localService/ZMM_CLASSIFICATION_SRV/metadata.xml"
        }
      }
    }
  },
  "sap.ui":{
    "technology":"UI5",
    "icons":{
      "icon":"",
      "favIcon":"",
      "phone":"",
      "phone@2":"",
      "tablet":"",
      "tablet@2":""
    },
    "deviceTypes":{
      "desktop":true,
      "tablet":true,
      "phone":true
    },
    "supportedThemes":[
      "sap_hcb",
      "sap_belize"
    ]
  },
  "sap.ui5":{
    "handleValidation":true,
    "rootView":{
      "viewName":"ch.mindustrie.ZMM_CLASSIFICATION.view.App",
      "type":"XML",
      "async":true,
      "id":"app"
    },
    "dependencies":{
      "minUI5Version":"1.56.0",
      "libs":{
        "sap.ui.layout":{
        },
        "sap.ui.core":{
        },
        "sap.m":{
        }
      }
    },
    "contentDensities":{
      "compact":true,
      "cozy":true
    },
    "models":{
      "i18n":{
        "type":"sap.ui.model.resource.ResourceModel",
        "settings":{
          "bundleName":"ch.mindustrie.ZMM_CLASSIFICATION.i18n.i18n"
        }
      },
      "Classification":{
        "uri":"/sap/opu/odata/sap/ZMM_CLASSIFICATION_SRV/",
        "type":"sap.ui.model.odata.v2.ODataModel",
        "settings":{
          "defaultOperationMode":"Server",
          "defaultBindingMode":"OneWay",
          "defaultCountMode":"Request"
        },
        "dataSource":"ZMM_CLASSIFICATION_SRV",
        "preload":true
      }
    },
    "resources":{
      "css":[
        {
          "uri":"css/style.css"
        }
      ]
    },
    "routing":{
      "config":{
        "routerClass":"sap.f.routing.Router",
        "viewType":"XML",
        "viewPath":"ch.mindustrie.ZMM_CLASSIFICATION.view",
        "controlId":"idClassLayout",
        "bypassed":{
          "target":[
            "master"
          ]
        },
        "async":true
      },
      "routes":[
        {
          "pattern":"",
          "name":"search",
          "target":[
            "characteristic",
            "search"
          ],
          "layout":"TwoColumnsBeginExpanded"
        },
        {
          "pattern":"search/{classnum}/{classtype}",
          "name":"characteristic",
          "target":[
            "search",
            "characteristic"
          ],
          "layout":"TwoColumnsMidExpanded"
        }
      ],
      "targets":{
        "search":{
          "viewName":"Search",
          "viewLevel":1,
          "viewId":"search",
          "controlAggregation":"beginColumnPages"
        },
        "characteristic":{
          "viewName":"Characteristic",
          "viewLevel":2,
          "viewId":"characteristic",
          "controlAggregation":"endColumnPages"
        }
      }
    }
  },
  "sap.platform.abap":{
    "uri":"/sap/bc/ui5_ui5/sap/zmm_classifi/webapp",
    "_version":"1.1.0"
  }
}
&lt;/code&gt;&lt;/pre&gt;
&lt;p&gt;What does it not recognize &lt;code&gt;sap.f.routing.Router&lt;/code&gt;? What am I doing wrong?&lt;/p&gt;</t>
  </si>
  <si>
    <t>2018-11-04 18:03:51.120000+00:00</t>
  </si>
  <si>
    <t>2018-11-07 09:52:11.753000+00:00</t>
  </si>
  <si>
    <t>2018-11-05 17:03:55.193000+00:00</t>
  </si>
  <si>
    <t>sapui5</t>
  </si>
  <si>
    <t>Inconsistent page thme with Jquery mobile nested list</t>
  </si>
  <si>
    <t>&lt;p&gt;In jquery mobile I have a nested list. 
When the nested list apears the page is not the same as the previous page.
The page showing the list  "1.html" is:
data-theme="a", with a nice header and footer.
The nested list looks like data-theme="d", no footer and has a back button - i would prefer a custom button?
Is there anyway to fixed this so the nested list page is consistent with its fathers' page?
Thanks :-)&lt;/p&gt;</t>
  </si>
  <si>
    <t>2012-05-21 22:38:40.087000+00:00</t>
  </si>
  <si>
    <t>2012-05-22 15:15:00.550000+00:00</t>
  </si>
  <si>
    <t>2012-05-21 22:41:02.273000+00:00</t>
  </si>
  <si>
    <t>jquery-mobile|nested-lists</t>
  </si>
  <si>
    <t>java.nio.channels.ClosedByInterruptException in Spark</t>
  </si>
  <si>
    <t>&lt;p&gt;I have a dockerized Spark instance and use SJS to submit spark jobs from my Spring boot application. 
Everything worked fine so far but now I get the following exception when submitting a job as per the sjs log.&lt;/p&gt;
&lt;pre&gt;&lt;code&gt;Uncaught exception while reverting partial writes to file /tmp/spark-f6f7e14c-0d89-40b0-b2d8-262278b619db/blockmgr-1eaf0f4d-8451-4eda-a2e3-ca3acafab871/09/temp_shuffle_c8e20306-d111-49b2-b025-d47ba7cac723
java.nio.channels.ClosedByInterruptException
    at java.nio.channels.spi.AbstractInterruptibleChannel.end(AbstractInterruptibleChannel.java:202)
    at sun.nio.ch.FileChannelImpl.truncate(FileChannelImpl.java:371)
    at org.apache.spark.storage.DiskBlockObjectWriter.revertPartialWritesAndClose(BlockObjectWriter.scala:191)
    at org.apache.spark.util.collection.ExternalSorter$$anonfun$stop$2.apply(ExternalSorter.scala:807)
    at org.apache.spark.util.collection.ExternalSorter$$anonfun$stop$2.apply(ExternalSorter.scala:806)
    at scala.collection.IndexedSeqOptimized$class.foreach(IndexedSeqOptimized.scala:33)
    at scala.collection.mutable.ArrayOps$ofRef.foreach(ArrayOps.scala:108)
    at org.apache.spark.util.collection.ExternalSorter.stop(ExternalSorter.scala:806)
    at org.apache.spark.shuffle.sort.SortShuffleWriter.stop(SortShuffleWriter.scala:94)
    at org.apache.spark.scheduler.ShuffleMapTask.runTask(ShuffleMapTask.scala:76)
    at org.apache.spark.scheduler.ShuffleMapTask.runTask(ShuffleMapTask.scala:41)
    at org.apache.spark.scheduler.Task.run(Task.scala:70)
    at org.apache.spark.executor.Executor$TaskRunner.run(Executor.scala:213)
    at java.util.concurrent.ThreadPoolExecutor.runWorker(ThreadPoolExecutor.java:1142)
    at java.util.concurrent.ThreadPoolExecutor$Worker.run(ThreadPoolExecutor.java:617)
    at java.lang.Thread.run(Thread.java:745)
&lt;/code&gt;&lt;/pre&gt;
&lt;p&gt;I'm running Docker for mac 1.13 beta and I have enough space on the disk.
Thanks for any information related to this.&lt;/p&gt;</t>
  </si>
  <si>
    <t>2017-01-26 04:46:53.470000+00:00</t>
  </si>
  <si>
    <t>java|apache-spark|spark-jobserver</t>
  </si>
  <si>
    <t>android: Changing values of constants/variables depending on the application using the activity</t>
  </si>
  <si>
    <t>&lt;p&gt;I am working on an AlertDialog Fragment which is supposed to pop up under certain circumstances, for example usage days of the app. I defined a constant for the current App and simply check if requirements are met before the onCreate is called like this:&lt;/p&gt;
&lt;pre&gt;&lt;code&gt;if(statistics.getDays()&amp;gt;REQUIREMENT_VARIABLE)
{
 onCreateTest=true;
}
&lt;/code&gt;&lt;/pre&gt;
&lt;p&gt;Now I was planning to use this Activity with other applications/build variants (and change the values of the check variables for each individual app) however I was not sure how to go about checking which application is using it. Is a config xml where I define the packages in strings a good way to approach this? Thanks in advance.&lt;/p&gt;</t>
  </si>
  <si>
    <t>2017-03-17 09:50:03.370000+00:00</t>
  </si>
  <si>
    <t>2017-03-17 10:19:55.767000+00:00</t>
  </si>
  <si>
    <t>How to set up a Node.js project with node-java as Java API bridge and node-java-maven to manage the Java dependencies</t>
  </si>
  <si>
    <t>&lt;p&gt;I'm trying to initialize a Java instance for a &lt;code&gt;Node.js&lt;/code&gt; project. I want to use this project to manage the dependencies:&lt;/p&gt;
&lt;p&gt;&lt;a href="https://github.com/joeferner/node-java-maven" rel="nofollow noreferrer"&gt;https://github.com/joeferner/node-java-maven&lt;/a&gt;&lt;/p&gt;
&lt;p&gt;and this project as the Java API bridge:&lt;/p&gt;
&lt;p&gt;&lt;a href="https://github.com/joeferner/node-java" rel="nofollow noreferrer"&gt;https://github.com/joeferner/node-java&lt;/a&gt;&lt;/p&gt;
&lt;p&gt;I am using ES6 and I created a class with a static method to initialize and return a Java instance. I don't understand the usage example on the &lt;code&gt;node-java-maven&lt;/code&gt; project page. I have taken their code and copied it into my static initialization method, but the &lt;code&gt;mvn&lt;/code&gt; function doesn't appear to execute. I'm really new to Javascript and Node.js, so I don't know how to invoke the code that actually adds all the dependencies from the maven results to the classpath. All the jar files in the 'resources' folder are added. I just can't figure out how to use &lt;code&gt;node-java-maven&lt;/code&gt; to add the dependencies I specified in my &lt;code&gt;package.json&lt;/code&gt; file.&lt;/p&gt;
&lt;p&gt;My environment:&lt;/p&gt;
&lt;pre&gt;&lt;code&gt;Mac OSX, El Capitan
ES6 Javascript
Java version:
    java version "1.8.0_131"
    Java(TM) SE Runtime Environment (build 1.8.0_131-b11)
    Java HotSpot(TM) 64-Bit Server VM (build 25.131-b11, mixed mode)
&lt;/code&gt;&lt;/pre&gt;
&lt;p&gt;My class is here:&lt;/p&gt;
&lt;pre&gt;&lt;code&gt;export class JavaInit {
    static getJavaInstance() {
        let fs = require("fs");
        let java = require("java");
        let mvn = require('node-java-maven');
        let baseDir = "./resources";
        let dependencies = fs.readdirSync(baseDir);
        dependencies.forEach(function(dependency){
            java.classpath.push(baseDir + "/" + dependency);
        });
        java.classpath.push("./target/classes");
        java.classpath.push("./target/test-classes");
        //Nothing happens here. I set a breakpoint, and nothing inside the brackets executes.
        mvn((err, mvnResults) =&amp;gt; {
            if (err) {
                return console.error('could not resolve maven dependencies', err);
            }
            //This line is never printed to the console when I call the 
            //getJavaInstance() method
            console.log("DID THIS EXECUTE");
            mvnResults.classpath.forEach(function(c) {
                //There are no lines output to the console indicating that
                //dependencies were added to the classpath
                console.log('adding ' + c + ' to classpath');
                java.classpath.push(c);
            });
            let Version = java.import('org.apache.lucene.util.Version');
        });
        return java;
    }
}
&lt;/code&gt;&lt;/pre&gt;
&lt;p&gt;Here is a copy of the test method I wrote and executed:&lt;/p&gt;
&lt;pre&gt;&lt;code&gt;import {JavaInit} from "../JavaInit"
describe("Test", () =&amp;gt; {
    it("Load Java",()=&amp;gt;{
        JavaInit.getJavaInstance();
    });
});
&lt;/code&gt;&lt;/pre&gt;
&lt;p&gt;When I run this test method, the output is this:&lt;/p&gt;
&lt;pre&gt;&lt;code&gt;[13:48:05] I/launcher - Running 1 instances of WebDriver
[13:48:05] I/local - Starting selenium standalone server...
[13:48:06] I/local - Selenium standalone server started at http://192.168.2.7:63176/wd/hub
Started
2 specs, 0 failures
Finished in 0.274 seconds
resolving parent: org.apache.lucene:lucene-parent:4.9.0
resolving parent: org.apache.lucene:lucene-solr-grandparent:4.9.0
resolving parent: org.apache:apache:13
[13:48:08] I/local - Shutting down selenium standalone server.
[13:48:08] I/launcher - 0 instance(s) of WebDriver still running
[13:48:08] I/launcher - chrome #01 passed
Process finished with exit code 0
&lt;/code&gt;&lt;/pre&gt;
&lt;p&gt;Here is a copy of my package.json file:&lt;/p&gt;
&lt;pre&gt;&lt;code&gt;{
  "name": "testsuite",
  "version": "1.0.0",
  "description": "testsuite",
  "scripts": {
    "test": "node_modules/protractor/bin/protractor conf.js",
    "start_selenium": "node_modules/protractor/node_modules/webdriver-manager/bin/webdriver-manager start",
    "update_selenium": "node_modules/protractor/node_modules/webdriver-manager/bin/webdriver-manager update"
  },
  "dependencies": {
    "babel-cli": "^6.24.1",
    "babel-preset-es2015": "^6.24.1",
    "babel-register": "^6.24.1",
    "install": "^0.10.1",
    "jasmine": "^2.6.0",
    "jasmine-reporters": "^2.2.1",
    "java": "^0.8.0",
    "node-java-maven": "0.0.12",
    "npm": "^5.0.4",
    "protractor": "^5.1.2"
  },
  "keywords": [
    "es6"
  ],
  "babel": {
    "presets": [
      "es2015"
    ]
  },
  "java": {
    "exclusions": [
      {
        "groupId": "xml-apis",
        "artifactId": "xml-apis"
      }
    ],
    "dependencies": [
      {
        "groupId": "org.apache.lucene",
        "artifactId": "lucene-core",
        "version": "4.9.0"
      },
      {
        "groupId": "com.google.code.findbugs",
        "artifactId": "jsr305",
        "version": "3.0.2"
      },
      {
        "groupId": "com.google.code.findbugs",
        "artifactId": "findbugs",
        "version": "3.0.1"
      },
      {
        "groupId": "com.google.code.findbugs",
        "artifactId": "annotations",
        "version": "3.0.1"
      },
      {
        "groupId": "org.slf4j",
        "artifactId": "slf4j-ext",
        "version": "1.7.12"
      },
      {
        "groupId": "org.slf4j",
        "artifactId": "slf4j-api",
        "version": "1.7.12"
      },
      {
        "groupId": "ch.qos.logback",
        "artifactId": "logback-core",
        "version": "1.1.3"
      },
      {
        "groupId": "ch.qos.logback",
        "artifactId": "logback-classic",
        "version": "1.1.3"
      },
      {
        "groupId": "org.testng",
        "artifactId": "testng",
        "version": "6.9.9"
      },
      {
        "groupId": "org.projectlombok",
        "artifactId": "lombok",
        "version": "1.16.6"
      },
      {
        "groupId": "org.apache.commons",
        "artifactId": "commons-lang3",
        "version": "3.4"
      },
      {
        "groupId": "org.apache.commons",
        "artifactId": "commons-collections4",
        "version": "4.0"
      },
      {
        "groupId": "com.fasterxml.jackson.core",
        "artifactId": "jackson-core",
        "version": "2.9.0.pr2"
      },
      {
        "groupId": "com.fasterxml.jackson.core",
        "artifactId": "jackson-databind",
        "version": "2.9.0.pr2"
      },
      {
        "groupId": "com.fasterxml.jackson.core",
        "artifactId": "jackson-annotations",
        "version": "2.9.0.pr2"
      },
      {
        "groupId": "com.fasterxml.jackson.datatype",
        "artifactId": "jackson-datatype-jdk8",
        "version": "2.9.0.pr2"
      },
      {
        "groupId": "com.fasterxml.jackson.datatype",
        "artifactId": "jackson-datatype-joda",
        "version": "2.9.0.pr2"
      },
      {
        "groupId": "org.eclipse.persistence",
        "artifactId": "org.eclipse.persistence.moxy",
        "version": "2.6.3"
      },
      {
        "groupId": "javax.xml.bind",
        "artifactId": "jaxb-api",
        "version": "2.2.12"
      },
      {
        "groupId": "org.codehaus.groovy",
        "artifactId": "groovy-all",
        "version": "2.4.7"
      },
      {
        "groupId": "joda-time",
        "artifactId": "joda-time",
        "version": "2.9.4"
      }
    ]
  }
}
&lt;/code&gt;&lt;/pre&gt;
&lt;p&gt;When I run this script before attempting to execute the test class, this is the output:&lt;/p&gt;
&lt;pre&gt;&lt;code&gt;sephilli$ ./node_modules/.bin/node-java-maven 
resolving: org.apache.lucene:lucene-core:4.9.0
resolving parent: org.apache.lucene:lucene-parent:4.9.0
resolving parent: org.apache.lucene:lucene-solr-grandparent:4.9.0
resolving parent: org.apache:apache:13
resolving: org.apache.lucene:lucene-parent:4.9.0
resolving parent: org.apache.lucene:lucene-solr-grandparent:4.9.0
resolving parent: org.apache:apache:13
resolving: org.apache.lucene:lucene-solr-grandparent:4.9.0
resolving parent: org.apache:apache:13
resolving: org.apache:apache:13
resolving: com.google.code.findbugs:jsr305:3.0.2
resolving parent: org.sonatype.oss:oss-parent:7
resolving: org.sonatype.oss:oss-parent:7
resolving: com.google.code.findbugs:findbugs:3.0.1
resolving parent: org.sonatype.oss:oss-parent:7
resolving: com.google.code.findbugs:annotations:3.0.1
resolving parent: org.sonatype.oss:oss-parent:7
resolving: org.slf4j:slf4j-ext:1.7.12
resolving parent: org.slf4j:slf4j-parent:1.7.12
resolving: org.slf4j:slf4j-parent:1.7.12
resolving: org.slf4j:slf4j-api:1.7.12
resolving parent: org.slf4j:slf4j-parent:1.7.12
resolving: ch.qos.logback:logback-core:1.1.3
resolving parent: ch.qos.logback:logback-parent:1.1.3
resolving: ch.qos.logback:logback-parent:1.1.3
resolving: ch.qos.logback:logback-classic:1.1.3
resolving parent: ch.qos.logback:logback-parent:1.1.3
resolving: org.testng:testng:6.9.9
resolving: org.projectlombok:lombok:1.16.6
resolving: org.apache.commons:commons-lang3:3.4
resolving parent: org.apache.commons:commons-parent:37
resolving parent: org.apache:apache:16
resolving: org.apache.commons:commons-parent:37
resolving parent: org.apache:apache:16
resolving: org.apache:apache:16
resolving: org.apache.commons:commons-collections4:4.0
resolving parent: org.apache.commons:commons-parent:32
resolving parent: org.apache:apache:13
resolving: org.apache.commons:commons-parent:32
resolving parent: org.apache:apache:13
resolving: com.fasterxml.jackson.core:jackson-core:2.9.0.pr2
resolving parent: com.fasterxml.jackson:jackson-parent:2.9.pr1b
resolving parent: com.fasterxml:oss-parent:28
resolving: com.fasterxml.jackson:jackson-parent:2.9.pr1b
resolving parent: com.fasterxml:oss-parent:28
resolving: com.fasterxml:oss-parent:28
resolving: com.fasterxml.jackson.core:jackson-databind:2.9.0.pr2
resolving parent: com.fasterxml.jackson:jackson-bom:2.9.0.pr2
resolving parent: com.fasterxml.jackson:jackson-parent:2.9.pr1b
resolving parent: com.fasterxml:oss-parent:28
resolving: com.fasterxml.jackson:jackson-bom:2.9.0.pr2
resolving parent: com.fasterxml.jackson:jackson-parent:2.9.pr1b
resolving parent: com.fasterxml:oss-parent:28
resolving: com.fasterxml.jackson.core:jackson-annotations:2.9.0.pr2
resolving parent: com.fasterxml.jackson:jackson-parent:2.9.pr1b
resolving parent: com.fasterxml:oss-parent:28
resolving: com.fasterxml.jackson.datatype:jackson-datatype-jdk8:2.9.0.pr2
resolving parent: com.fasterxml.jackson.module:jackson-modules-java8:2.9.0.pr2
resolving parent: com.fasterxml.jackson:jackson-bom:2.9.0.pr2
resolving parent: com.fasterxml.jackson:jackson-parent:2.9.pr1b
resolving parent: com.fasterxml:oss-parent:28
resolving: com.fasterxml.jackson.module:jackson-modules-java8:2.9.0.pr2
resolving parent: com.fasterxml.jackson:jackson-bom:2.9.0.pr2
resolving parent: com.fasterxml.jackson:jackson-parent:2.9.pr1b
resolving parent: com.fasterxml:oss-parent:28
resolving: com.fasterxml.jackson.datatype:jackson-datatype-joda:2.9.0.pr2
resolving parent: com.fasterxml.jackson:jackson-bom:2.9.0.pr2
resolving parent: com.fasterxml.jackson:jackson-parent:2.9.pr1b
resolving parent: com.fasterxml:oss-parent:28
resolving: org.eclipse.persistence:org.eclipse.persistence.moxy:2.6.3
resolving: javax.xml.bind:jaxb-api:2.2.12
resolving parent: net.java:jvnet-parent:4
resolving: net.java:jvnet-parent:4
resolving: org.codehaus.groovy:groovy-all:2.4.7
resolving: joda-time:joda-time:2.9.4
resolving: net.jcip:jcip-annotations:1.0
resolving: com.google.code.findbugs:jsr305:2.0.1
resolving: com.google.code.findbugs:bcel-findbugs:6.0
resolving: com.google.code.findbugs:jFormatString:2.0.1
resolving: dom4j:dom4j:1.6.1
resolving: org.apache.ant:ant:1.7.1
resolving parent: org.apache.ant:ant-parent:1.7.1
resolving: org.apache.ant:ant-parent:1.7.1
resolving: org.ow2.asm:asm-debug-all:5.0.2
resolving parent: org.ow2.asm:asm-parent:5.0.2
resolving parent: org.ow2:ow2:1.3
resolving: org.ow2.asm:asm-parent:5.0.2
resolving parent: org.ow2:ow2:1.3
resolving: org.ow2:ow2:1.3
resolving: org.ow2.asm:asm-commons:5.0.2
resolving parent: org.ow2.asm:asm-parent:5.0.2
resolving parent: org.ow2:ow2:1.3
resolving: commons-lang:commons-lang:2.6
resolving parent: org.apache.commons:commons-parent:17
resolving parent: org.apache:apache:7
resolving: org.apache.commons:commons-parent:17
resolving parent: org.apache:apache:7
resolving: org.apache:apache:7
resolving: com.apple:AppleJavaExtensions:1.4
resolving: jaxen:jaxen:1.1.6
resolving parent: org.sonatype.oss:oss-parent:7
resolving: com.google.code.findbugs:jsr305:3.0.1
resolving parent: org.sonatype.oss:oss-parent:7
resolving: ch.qos.cal10n:cal10n-api:0.8.1
resolving parent: ch.qos.cal10n:cal10n-parent:0.8.1
resolving: ch.qos.cal10n:cal10n-parent:0.8.1
resolving: org.slf4j:slf4j-api:1.7.7
resolving parent: org.slf4j:slf4j-parent:1.7.7
resolving: org.slf4j:slf4j-parent:1.7.7
resolving: junit:junit:4.10
resolving: com.beust:jcommander:1.48
resolving parent: org.sonatype.oss:oss-parent:3
resolving: org.sonatype.oss:oss-parent:3
resolving: org.apache.ant:ant:1.7.0
resolving parent: org.apache.ant:ant-parent:1.7.0
resolving: org.apache.ant:ant-parent:1.7.0
resolving: com.google.inject:guice:4.0
resolving parent: com.google.inject:guice-parent:4.0
resolving parent: com.google:google:5
resolving: com.google.inject:guice-parent:4.0
resolving parent: com.google:google:5
resolving: com.google:google:5
resolving: org.yaml:snakeyaml:1.15
resolving: org.beanshell:bsh:2.0b4
resolving parent: org.beanshell:beanshell:2.0b4
resolving: org.beanshell:beanshell:2.0b4
resolving: joda-time:joda-time:2.7
resolving: org.eclipse.persistence:org.eclipse.persistence.core:2.6.3
resolving: javax.validation:validation-api:1.1.0.Final
resolving: org.glassfish:javax.json:1.0.4
resolving parent: org.glassfish:json:1.0.4
resolving parent: net.java:jvnet-parent:3
resolving: org.glassfish:json:1.0.4
resolving parent: net.java:jvnet-parent:3
resolving: net.java:jvnet-parent:3
resolving: xml-apis:xml-apis:1.0.b2
resolving: org.apache.ant:ant-launcher:1.7.1
resolving parent: org.apache.ant:ant-parent:1.7.1
resolving: org.ow2.asm:asm-tree:5.0.2
resolving parent: org.ow2.asm:asm-parent:5.0.2
resolving parent: org.ow2:ow2:1.3
resolving: xml-apis:xml-apis:1.3.02
resolving: xerces:xercesImpl:2.6.2
resolving: org.hamcrest:hamcrest-core:1.1
resolving parent: org.hamcrest:hamcrest-parent:1.1
resolving: org.hamcrest:hamcrest-parent:1.1
resolving: org.apache.ant:ant-launcher:1.7.0
resolving parent: org.apache.ant:ant-parent:1.7.0
resolving: javax.inject:javax.inject:1
resolving: aopalliance:aopalliance:1.0
resolving: com.google.guava:guava:16.0.1
resolving parent: com.google.guava:guava-parent:16.0.1
resolving parent: org.sonatype.oss:oss-parent:7
resolving: com.google.guava:guava-parent:16.0.1
resolving parent: org.sonatype.oss:oss-parent:7
resolving: org.eclipse.persistence:org.eclipse.persistence.asm:2.6.3
resolving: org.ow2.asm:asm:5.0.2
resolving parent: org.ow2.asm:asm-parent:5.0.2
resolving parent: org.ow2:ow2:1.3
resolving: jmock:jmock:1.1.0
resolving: junit:junit:4.0
resolving: org.easymock:easymock:2.2
resolving: junit:junit:3.8.1
COMPLETE
[ '/Users/sephilli/.m2/repository/org/apache/lucene/lucene-core/4.9.0/lucene-core-4.9.0.jar',
  '/Users/sephilli/.m2/repository/com/google/code/findbugs/jsr305/3.0.2/jsr305-3.0.2.jar',
  '/Users/sephilli/.m2/repository/com/google/code/findbugs/findbugs/3.0.1/findbugs-3.0.1.jar',
  '/Users/sephilli/.m2/repository/com/google/code/findbugs/annotations/3.0.1/annotations-3.0.1.jar',
  '/Users/sephilli/.m2/repository/org/slf4j/slf4j-ext/1.7.12/slf4j-ext-1.7.12.jar',
  '/Users/sephilli/.m2/repository/org/slf4j/slf4j-api/1.7.12/slf4j-api-1.7.12.jar',
  '/Users/sephilli/.m2/repository/ch/qos/logback/logback-core/1.1.3/logback-core-1.1.3.jar',
  '/Users/sephilli/.m2/repository/ch/qos/logback/logback-classic/1.1.3/logback-classic-1.1.3.jar',
  '/Users/sephilli/.m2/repository/org/testng/testng/6.9.9/testng-6.9.9.jar',
  '/Users/sephilli/.m2/repository/org/projectlombok/lombok/1.16.6/lombok-1.16.6.jar',
  '/Users/sephilli/.m2/repository/org/apache/commons/commons-lang3/3.4/commons-lang3-3.4.jar',
  '/Users/sephilli/.m2/repository/org/apache/commons/commons-collections4/4.0/commons-collections4-4.0.jar',
  '/Users/sephilli/.m2/repository/com/fasterxml/jackson/core/jackson-core/2.9.0.pr2/jackson-core-2.9.0.pr2.jar',
  '/Users/sephilli/.m2/repository/com/fasterxml/jackson/core/jackson-databind/2.9.0.pr2/jackson-databind-2.9.0.pr2.jar',
  '/Users/sephilli/.m2/repository/com/fasterxml/jackson/core/jackson-annotations/2.9.0.pr2/jackson-annotations-2.9.0.pr2.jar',
  '/Users/sephilli/.m2/repository/com/fasterxml/jackson/datatype/jackson-datatype-jdk8/2.9.0.pr2/jackson-datatype-jdk8-2.9.0.pr2.jar',
  '/Users/sephilli/.m2/repository/com/fasterxml/jackson/datatype/jackson-datatype-joda/2.9.0.pr2/jackson-datatype-joda-2.9.0.pr2.jar',
  '/Users/sephilli/.m2/repository/org/eclipse/persistence/org.eclipse.persistence.moxy/2.6.3/org.eclipse.persistence.moxy-2.6.3.jar',
  '/Users/sephilli/.m2/repository/javax/xml/bind/jaxb-api/2.2.12/jaxb-api-2.2.12.jar',
  '/Users/sephilli/.m2/repository/org/codehaus/groovy/groovy-all/2.4.7/groovy-all-2.4.7.jar',
  '/Users/sephilli/.m2/repository/joda-time/joda-time/2.9.4/joda-time-2.9.4.jar',
  '/Users/sephilli/.m2/repository/net/jcip/jcip-annotations/1.0/jcip-annotations-1.0.jar',
  '/Users/sephilli/.m2/repository/com/google/code/findbugs/jsr305/2.0.1/jsr305-2.0.1.jar',
  '/Users/sephilli/.m2/repository/com/google/code/findbugs/bcel-findbugs/6.0/bcel-findbugs-6.0.jar',
  '/Users/sephilli/.m2/repository/com/google/code/findbugs/jFormatString/2.0.1/jFormatString-2.0.1.jar',
  '/Users/sephilli/.m2/repository/dom4j/dom4j/1.6.1/dom4j-1.6.1.jar',
  '/Users/sephilli/.m2/repository/org/apache/ant/ant/1.7.1/ant-1.7.1.jar',
  '/Users/sephilli/.m2/repository/org/ow2/asm/asm-debug-all/5.0.2/asm-debug-all-5.0.2.jar',
  '/Users/sephilli/.m2/repository/org/ow2/asm/asm-commons/5.0.2/asm-commons-5.0.2.jar',
  '/Users/sephilli/.m2/repository/commons-lang/commons-lang/2.6/commons-lang-2.6.jar',
  '/Users/sephilli/.m2/repository/com/apple/AppleJavaExtensions/1.4/AppleJavaExtensions-1.4.jar',
  '/Users/sephilli/.m2/repository/jaxen/jaxen/1.1.6/jaxen-1.1.6.jar',
  '/Users/sephilli/.m2/repository/com/google/code/findbugs/jsr305/3.0.1/jsr305-3.0.1.jar',
  '/Users/sephilli/.m2/repository/ch/qos/cal10n/cal10n-api/0.8.1/cal10n-api-0.8.1.jar',
  '/Users/sephilli/.m2/repository/org/slf4j/slf4j-api/1.7.7/slf4j-api-1.7.7.jar',
  '/Users/sephilli/.m2/repository/junit/junit/4.10/junit-4.10.jar',
  '/Users/sephilli/.m2/repository/com/beust/jcommander/1.48/jcommander-1.48.jar',
  '/Users/sephilli/.m2/repository/org/apache/ant/ant/1.7.0/ant-1.7.0.jar',
  '/Users/sephilli/.m2/repository/com/google/inject/guice/4.0/guice-4.0.jar',
  '/Users/sephilli/.m2/repository/org/yaml/snakeyaml/1.15/snakeyaml-1.15.jar',
  '/Users/sephilli/.m2/repository/org/beanshell/bsh/2.0b4/bsh-2.0b4.jar',
  '/Users/sephilli/.m2/repository/joda-time/joda-time/2.7/joda-time-2.7.jar',
  '/Users/sephilli/.m2/repository/org/eclipse/persistence/org.eclipse.persistence.core/2.6.3/org.eclipse.persistence.core-2.6.3.jar',
  '/Users/sephilli/.m2/repository/javax/validation/validation-api/1.1.0.Final/validation-api-1.1.0.Final.jar',
  '/Users/sephilli/.m2/repository/org/glassfish/javax.json/1.0.4/javax.json-1.0.4.jar',
  '/Users/sephilli/.m2/repository/xml-apis/xml-apis/1.0.b2/xml-apis-1.0.b2.jar',
  '/Users/sephilli/.m2/repository/org/apache/ant/ant-launcher/1.7.1/ant-launcher-1.7.1.jar',
  '/Users/sephilli/.m2/repository/org/ow2/asm/asm-tree/5.0.2/asm-tree-5.0.2.jar',
  '/Users/sephilli/.m2/repository/xml-apis/xml-apis/1.3.02/xml-apis-1.3.02.jar',
  '/Users/sephilli/.m2/repository/xerces/xercesImpl/2.6.2/xercesImpl-2.6.2.jar',
  '/Users/sephilli/.m2/repository/org/hamcrest/hamcrest-core/1.1/hamcrest-core-1.1.jar',
  '/Users/sephilli/.m2/repository/org/apache/ant/ant-launcher/1.7.0/ant-launcher-1.7.0.jar',
  '/Users/sephilli/.m2/repository/javax/inject/javax.inject/1/javax.inject-1.jar',
  '/Users/sephilli/.m2/repository/aopalliance/aopalliance/1.0/aopalliance-1.0.jar',
  '/Users/sephilli/.m2/repository/com/google/guava/guava/16.0.1/guava-16.0.1.jar',
  '/Users/sephilli/.m2/repository/org/eclipse/persistence/org.eclipse.persistence.asm/2.6.3/org.eclipse.persistence.asm-2.6.3.jar',
  '/Users/sephilli/.m2/repository/org/ow2/asm/asm/5.0.2/asm-5.0.2.jar',
  '/Users/sephilli/.m2/repository/jmock/jmock/1.1.0/jmock-1.1.0.jar',
  '/Users/sephilli/.m2/repository/junit/junit/4.0/junit-4.0.jar',
  '/Users/sephilli/.m2/repository/org/easymock/easymock/2.2/easymock-2.2.jar',
  '/Users/sephilli/.m2/repository/junit/junit/3.8.1/junit-3.8.1.jar' ]
&lt;/code&gt;&lt;/pre&gt;</t>
  </si>
  <si>
    <t>2017-06-29 00:37:00.193000+00:00</t>
  </si>
  <si>
    <t>2017-06-29 17:56:42.143000+00:00</t>
  </si>
  <si>
    <t>javascript|node.js|node-java</t>
  </si>
  <si>
    <t>Using string variable as a json object name</t>
  </si>
  <si>
    <t>&lt;p&gt;I have a dynamic string variable created by UI (&lt;code&gt;valkey&lt;/code&gt; in below code) and I want to use that variable as a JSON key to get a value from TestObj which is a JSON object. But an attempt with the following code has returned an error.&lt;/p&gt;
&lt;pre&gt;&lt;code&gt; var valkey=$('#cityfrm').val()+"_TO_"+$('#cityto').val();
 if($('#cityfrm').val()!="NIL" || $('#cityto').val()!="NIL")   
   {
    $.each(TestObj.valkey, function() { 
        var durn=this.duration;
        var prc=this.price;
        var curlegs=this.legs;
        // updating ui
     });
   }
&lt;/code&gt;&lt;/pre&gt;
&lt;p&gt;I appreciate any help. &lt;/p&gt;</t>
  </si>
  <si>
    <t>2013-03-14 06:00:27.273000+00:00</t>
  </si>
  <si>
    <t>2013-03-14 06:10:13.107000+00:00</t>
  </si>
  <si>
    <t>2013-03-14 06:08:49.730000+00:00</t>
  </si>
  <si>
    <t>javascript|jquery|json</t>
  </si>
  <si>
    <t>systemctl enable is not working, producing Invalid argument</t>
  </si>
  <si>
    <t>&lt;p&gt;While running systemctl enable  i am getting :&lt;code&gt;Operation failed: Invalid argument&lt;/code&gt;&lt;/p&gt;
&lt;pre&gt;&lt;code&gt;root@1cdef67221f3:/etc/rabbitmq# systemctl enable rabbitmq-server
Operation failed: Invalid argument
&lt;/code&gt;&lt;/pre&gt;
&lt;p&gt;Here is the systemctl details:&lt;/p&gt;
&lt;pre&gt;&lt;code&gt;    root@1cdef67221f3:/etc/rabbitmq# systemctl --version
    systemd 204
    +PAM +LIBWRAP +AUDIT +SELINUX +IMA -SYSVINIT +LIBCRYPTSETUP +GCRYPT +ACL +XZ
    root@1cdef67221f3:/etc/rabbitmq# systemctl list-unit-files | grep enabled
    syslog.service                enabled
    remote-fs.target              enabled
&lt;/code&gt;&lt;/pre&gt;
&lt;p&gt;Here is rabbitmq details:&lt;/p&gt;
&lt;pre&gt;&lt;code&gt;        root@1cdef67221f3:/etc/rabbitmq# rabbitmq-server
                  RabbitMQ 3.2.4. Copyright (C) 2007-2013 GoPivotal, Inc.
      ##  ##      Licensed under the MPL.  See http://www.rabbitmq.com/
      ##  ##
      ##########  Logs: /var/log/rabbitmq/rabbit.log
      ######  ##        /var/log/rabbitmq/rabbit-sasl.log
      ##########
                  Starting broker... completed with 0 plugins.
&lt;/code&gt;&lt;/pre&gt;</t>
  </si>
  <si>
    <t>2018-05-22 11:10:53.520000+00:00</t>
  </si>
  <si>
    <t>2018-05-22 11:14:55.777000+00:00</t>
  </si>
  <si>
    <t>rabbitmq|systemctl</t>
  </si>
  <si>
    <t>Error creating AKS cluster</t>
  </si>
  <si>
    <t>&lt;p&gt;I get the following error (after about 70 minutes):&lt;/p&gt;
&lt;p&gt;Deployment failed. Correlation ID: c08a06db-70ea-4ab8-b123-b5b9b736d27f. Internal server error&lt;/p&gt;
&lt;p&gt;West Europe was the location of the service.&lt;/p&gt;</t>
  </si>
  <si>
    <t>2018-03-27 20:17:06.677000+00:00</t>
  </si>
  <si>
    <t>2018-03-27 22:32:34.770000+00:00</t>
  </si>
  <si>
    <t>azure-container-service</t>
  </si>
  <si>
    <t>How to sort dataframe by column header which is a mix of text and numbers</t>
  </si>
  <si>
    <t>&lt;p&gt;I have a data frame which looks like the following &lt;/p&gt;
&lt;pre&gt;&lt;code&gt;   GR1-text GR11-text GR12-text GR2-text
A    1          1       0          0
B    1          0       1          1
&lt;/code&gt;&lt;/pre&gt;
&lt;p&gt;I want to sort the dataframe to look like:&lt;/p&gt;
&lt;pre&gt;&lt;code&gt;   GR1-text  GR2-text  GR11-text  GR12-test
A   1         0         1           0
B   1         1         0           1
&lt;/code&gt;&lt;/pre&gt;
&lt;p&gt;I have tried the &lt;a href="https://stackoverflow.com/questions/7334644/sort-columns-of-a-dataframe-by-column-name"&gt;following&lt;/a&gt; which has not worked&lt;/p&gt;
&lt;pre&gt;&lt;code&gt;test &amp;lt;- df[ , order(names(df))]
&lt;/code&gt;&lt;/pre&gt;
&lt;p&gt;Ive also spotted this &lt;a href="https://stats.stackexchange.com/questions/13117/how-to-sort-a-character-vector-numerically-based-on-a-trailing-digit-in-r?rq=1"&gt;custom function&lt;/a&gt; but I cannot seen to get it to work.&lt;/p&gt;</t>
  </si>
  <si>
    <t>2017-07-14 08:18:41.997000+00:00</t>
  </si>
  <si>
    <t>2017-07-14 08:47:51.117000+00:00</t>
  </si>
  <si>
    <t>2017-07-14 08:22:18.837000+00:00</t>
  </si>
  <si>
    <t>r|sorting</t>
  </si>
  <si>
    <t>UITableView set in Storyboard not showing iOS7</t>
  </si>
  <si>
    <t>&lt;p&gt;I have a UIViewController in which I have added a UITableView (all in my storyboard file). I have set the table view to grouped and static cells. In the tableview I have added a few images, UIButtons, etc. When I run the app, the table view does not appear. The tableView is set to its normal class (the UITableView class, and not a custom class). I don't need any of the codes, all I want is the layout of the storyboard to be shown. The tableview is used only as a graphical element (a picture of it would be the same) and not through its features.&lt;/p&gt;</t>
  </si>
  <si>
    <t>2014-01-01 18:18:04.127000+00:00</t>
  </si>
  <si>
    <t>2014-01-01 19:17:25.220000+00:00</t>
  </si>
  <si>
    <t>ios</t>
  </si>
  <si>
    <t>Need to optimize this matlab code..vectorization will help or not?</t>
  </si>
  <si>
    <t>&lt;blockquote&gt;
  &lt;p&gt;&lt;strong&gt;Possible Duplicate:&lt;/strong&gt;&lt;br&gt;
  &lt;a href="https://stackoverflow.com/questions/12895609/optimization-a-recurring-matlab-code"&gt;Optimization a recurring matlab code&lt;/a&gt;  &lt;/p&gt;
&lt;/blockquote&gt;
&lt;p&gt;Is vectorization a good option in optimizing this piece of code? What criteria decides, whether we vectorize a code or not? What else can be done?&lt;/p&gt;
&lt;pre&gt;&lt;code&gt;function [oddNodes] = pointInPolygon (point,thePolygon)
% determine if a point is in the polygon (faster than matlab "inpolygon"
% command
 polyPoints=size(thePolygon,1);     %number of polygon points
 oddNodes = false;
j=polyPoints;
x=point(1); y=point(2);
for i=1:polyPoints
if (thePolygon(i,2)&amp;lt;y &amp;amp;&amp;amp; thePolygon(j,2)&amp;gt;=y ||  thePolygon(j,2)&amp;lt;y &amp;amp;&amp;amp; thePolygon(i,2)&amp;gt;=y)
    if (thePolygon(i,1)+(y-thePolygon(i,2))/(thePolygon(j,2)-thePolygon(i,2))*(thePolygon(j,1)-thePolygon(i,1))&amp;lt;x)
        oddNodes=~oddNodes;
    end
end
j=i; 
end
&lt;/code&gt;&lt;/pre&gt;</t>
  </si>
  <si>
    <t>2012-10-18 15:00:15.800000+00:00</t>
  </si>
  <si>
    <t>2012-10-18 15:42:23.150000+00:00</t>
  </si>
  <si>
    <t>2017-05-23 12:27:56.583000+00:00</t>
  </si>
  <si>
    <t>performance|matlab|optimization|for-loop|vectorization</t>
  </si>
  <si>
    <t>thread.dispatchuncaughtexception(throwable) when passing varargs as arguments</t>
  </si>
  <si>
    <t>&lt;p&gt;I need to write a constructor that accepts varargs of type ColoredSquare and assigns them to a list and a set. The constructor is:&lt;/p&gt;
&lt;pre&gt;&lt;code&gt;public ListVsSetDemo(ColoredSquare...elements) {
    for(ColoredSquare el : elements) {
        list.add(el);
        set.add(el);
    }
}
&lt;/code&gt;&lt;/pre&gt;
&lt;p&gt;In my main method I call the constructor:&lt;/p&gt;
&lt;pre&gt;&lt;code&gt; ListVsSetDemo demo = new ListVsSetDemo( new ColoredSquare(14, Color.BLUE), 
      new ColoredSquare(18, Color.RED), new ColoredSquare(12, Color.YELLOW), 
      new ColoredSquare(18, Color.RED), new ColoredSquare(16, Color.GREEN));
&lt;/code&gt;&lt;/pre&gt;
&lt;p&gt;During debug it accepts that varargs and lists them as an array called elements. When I continue the debug I get an error on line list.add(el). The error is thread.dispatchUncaughtException(throwable)line: not available, which I have never seen before.&lt;/p&gt;
&lt;p&gt;This is my first question on stackoverflow. Did I provide enough information for the question or miss this being answered elsewhere? &lt;/p&gt;
&lt;p&gt;Thanks in advance!&lt;/p&gt;</t>
  </si>
  <si>
    <t>2017-07-11 18:49:51.440000+00:00</t>
  </si>
  <si>
    <t>2017-12-09 23:23:40.380000+00:00</t>
  </si>
  <si>
    <t>java|eclipse|variadic-functions</t>
  </si>
  <si>
    <t>SWIG C# Exception with Vector of Objects</t>
  </si>
  <si>
    <t>&lt;p&gt;I have a custom exception in C++ that takes a &lt;strong&gt;std::vector&lt;/strong&gt; of &lt;strong&gt;MyCustomClass&lt;/strong&gt; objects as a parameter.&lt;/p&gt;
&lt;p&gt;I am using swig to translate my C++ project to C#. To handle exceptions across C++ and C#, there is some filler code that is required to be written:&lt;/p&gt;
&lt;pre&gt;&lt;code&gt;%insert(runtime) %{
  // Code to handle throwing of C# CustomApplicationException from C/C++ code.
  // The equivalent delegate to the callback, CSharpExceptionCallback_t, is CustomExceptionDelegate
  // and the equivalent customExceptionCallback instance is customDelegate
  typedef void (SWIGSTDCALL* CSharpExceptionCallback_t)(const char *);
  CSharpExceptionCallback_t customExceptionCallback = NULL;
  extern "C" SWIGEXPORT
  void SWIGSTDCALL CustomExceptionRegisterCallback(CSharpExceptionCallback_t customCallback) {
    customExceptionCallback = customCallback;
  }
  // Note that SWIG detects any method calls named starting with
  // SWIG_CSharpSetPendingException for warning 845
  static void SWIG_CSharpSetPendingExceptionCustom(const char *msg) {
    customExceptionCallback(msg);
  }
%}
%pragma(csharp) imclasscode=%{
  class CustomExceptionHelper {
    // C# delegate for the C/C++ customExceptionCallback
    public delegate void CustomExceptionDelegate(string message);
    static CustomExceptionDelegate customDelegate =
                                   new CustomExceptionDelegate(SetPendingCustomException);
    [global::System.Runtime.InteropServices.DllImport("$dllimport", EntryPoint="CustomExceptionRegisterCallback")]
    public static extern
           void CustomExceptionRegisterCallback(CustomExceptionDelegate customCallback);
    static void SetPendingCustomException(string message) {
      SWIGPendingException.Set(new CustomApplicationException(message));
    }
    static CustomExceptionHelper() {
      CustomExceptionRegisterCallback(customDelegate);
    }
  }
  static CustomExceptionHelper exceptionHelper = new CustomExceptionHelper();
%}
&lt;/code&gt;&lt;/pre&gt;
&lt;p&gt;Along with the custom C# Exception:&lt;/p&gt;
&lt;pre&gt;&lt;code&gt;// Custom C# Exception
class CustomApplicationException : global::System.ApplicationException {
  public CustomApplicationException(string message) 
    : base(message) {
  }
}
&lt;/code&gt;&lt;/pre&gt;
&lt;p&gt;And the SWIG interface code:&lt;/p&gt;
&lt;pre&gt;&lt;code&gt;%typemap(throws, canthrow=1) std::out_of_range {
  SWIG_CSharpSetPendingExceptionCustom($1.what());
  return $null;
}
%inline %{
void oddsonly(int input) throw (std::out_of_range) {
  if (input%2 != 1)
    throw std::out_of_range("number is not odd");
}
%}
&lt;/code&gt;&lt;/pre&gt;
&lt;p&gt;(from &lt;a href="http://www.swig.org/Doc3.0/CSharp.html#CSharp_exceptions" rel="nofollow"&gt;http://www.swig.org/Doc3.0/CSharp.html#CSharp_exceptions&lt;/a&gt;)&lt;/p&gt;
&lt;p&gt;This works for basic exceptions (the example takes a string as a parameter), however now that I am attempting to pass a vector of objects, I'm hitting a wall. I've tried to use marshalling, but I'm not clear on how that works, or if that's even what I should be attempting in this situation.&lt;/p&gt;
&lt;p&gt;Has anyone done this, or something similar?&lt;/p&gt;</t>
  </si>
  <si>
    <t>2014-08-04 18:38:16.657000+00:00</t>
  </si>
  <si>
    <t>c#|c++|marshalling|swig</t>
  </si>
  <si>
    <t>Trying to run an R script in Python</t>
  </si>
  <si>
    <t>&lt;p&gt;I have an R script that outputs a CSV that I would like to run in Python. &lt;/p&gt;
&lt;p&gt;For example, lets say the R script simply creates a dataframe and outputs a CSV file to my desktop.&lt;/p&gt;
&lt;p&gt;&lt;strong&gt;sample.r&lt;/strong&gt;&lt;/p&gt;
&lt;pre&gt;&lt;code&gt;x &amp;lt;- c(1,2,4)
y &amp;lt;- c("A","B","C")
z &amp;lt;- data.frame(x,y)
write.csv(z,"c:/users/username/dekstop/z.csv)
&lt;/code&gt;&lt;/pre&gt;
&lt;p&gt;I'm wondering how I can call the R script in Python in order to create the output.&lt;/p&gt;
&lt;p&gt;I have tried utilizing the function below, however it did not create the CSV file.&lt;/p&gt;
&lt;pre&gt;&lt;code&gt;import subprocess
subprocess.call ("/usr/bin/Rscript --vanilla path/sample.r", shell=True)
&lt;/code&gt;&lt;/pre&gt;
&lt;p&gt;Any help is appreciated.&lt;/p&gt;</t>
  </si>
  <si>
    <t>2018-02-26 19:06:15.030000+00:00</t>
  </si>
  <si>
    <t>2018-02-26 20:19:27.497000+00:00</t>
  </si>
  <si>
    <t>2018-02-26 19:20:00.290000+00:00</t>
  </si>
  <si>
    <t>python|r|subprocess</t>
  </si>
  <si>
    <t>Using React Date Range picker to filter a React table</t>
  </si>
  <si>
    <t>&lt;p&gt;Am having a react table which gets populated from an API. I wanted to filter a column based on a Date range picker. Problem am having is that the code doesnt reach the FilterMethod. What could I be doing wrong?. Here is my code&lt;/p&gt;
&lt;pre&gt;&lt;code&gt;const columnsvisit = [{
  id: 'date',
  Header: 'Date',
  accessor: rowProps =&amp;gt; rowProps.date,
  Filter: ({ filter, onChange }) =&amp;gt;
       &amp;lt;div&amp;gt;
        &amp;lt;DateRangePicker  startDate={this.state.startDate}
                          endDate={this.state.endDate} ranges={this.state.ranges} 
                          onEvent={this.handleEvent} 
                          &amp;gt;
        &amp;lt;Button className="selected-date-range-btn" style={{width:'100%'}}&amp;gt;
            &amp;lt;span &amp;gt;
            &amp;lt;input type="text" name="labrl" value={label }
            onChange={event =&amp;gt; onChange(event.target.value)} readOnly 
            /&amp;gt;
            &amp;lt;/span&amp;gt;
            &amp;lt;span className="caret"&amp;gt;&amp;lt;/span&amp;gt;
        &amp;lt;/Button&amp;gt;
      &amp;lt;/DateRangePicker&amp;gt;
      &amp;lt;/div&amp;gt;,
 filterMethod: (filter, row) =&amp;gt; {
  console.log(filter.value)
},
&lt;/code&gt;&lt;/pre&gt;</t>
  </si>
  <si>
    <t>2017-11-10 09:07:26.640000+00:00</t>
  </si>
  <si>
    <t>2018-03-01 08:32:45.580000+00:00</t>
  </si>
  <si>
    <t>reactjs</t>
  </si>
  <si>
    <t>Android ScrollView VS ListView show many dynamic items</t>
  </si>
  <si>
    <t>&lt;p&gt;There is object array received from server
there are two ways to show items :&lt;/p&gt;
&lt;ul&gt;
&lt;li&gt;Adapt Objects To ListView&lt;/li&gt;
&lt;li&gt;Use Scroll View&lt;/li&gt;
&lt;/ul&gt;
&lt;p&gt;So If I use scroll View and add items programmatically, There are some Questions:&lt;/p&gt;
&lt;ol&gt;
&lt;li&gt;Does Adding Items Programmatically Cause Out Of Memory ?&lt;/li&gt;
&lt;li&gt;Does It Need To Remove Items from memory ? or it will remove automatic after onDestroy Called or Items moved out of screen?&lt;/li&gt;
&lt;/ol&gt;
&lt;p&gt;Regards&lt;/p&gt;</t>
  </si>
  <si>
    <t>2015-05-27 08:03:54.443000+00:00</t>
  </si>
  <si>
    <t>2015-05-27 09:36:56.607000+00:00</t>
  </si>
  <si>
    <t>2015-05-27 09:11:06.560000+00:00</t>
  </si>
  <si>
    <t>android|listview|out-of-memory|scrollview|heap-memory</t>
  </si>
  <si>
    <t>Java KeyEvent confusion</t>
  </si>
  <si>
    <t>&lt;p&gt;I have a program which is a mock inventory system with quite a few &lt;code&gt;JTextField&lt;/code&gt;'s and some regular expressions which some of those fields must comply with. Also, some fields cannot be null(obviously) or an empty String. In order to assist the user to input data, I've added some &lt;code&gt;ImageIcon&lt;/code&gt;'s to show if the input data is valid or invalid. (a green check or red x) and I &lt;code&gt;setVisibility()&lt;/code&gt; as the user types via KeyEvents. &lt;/p&gt;
&lt;p&gt;With that said, here is the confusion. I have a block which I'm pretty sure doesn't have a bug in it, but I've found that there's some odd things happening:&lt;/p&gt;
&lt;p&gt;I'm only calling my &lt;code&gt;updateIcons()&lt;/code&gt; method in response to &lt;code&gt;keyTyped()&lt;/code&gt; - my overrides for the others are empty. Now, when a key is typed, the text is printed on the screen before the key is released, so you would think that an input field that simply requires at least one character to NEVER fail the validity check because if &lt;code&gt;keyTyped()&lt;/code&gt; is the only entry point to my &lt;code&gt;updateIcons()&lt;/code&gt; method, there should always be at least one character by the time the key is released and thus registered as a "key typed". However, it seems to be firing an event before the key even gets registered to the System. Something which makes this even more odd is if I call my &lt;code&gt;updateIcons()&lt;/code&gt; method twice in a row from the overridden &lt;code&gt;keyTyped()&lt;/code&gt; method, the program STILL fails the check for empty string. BUT if I call it for &lt;code&gt;keyPressed()&lt;/code&gt;, &lt;code&gt;keyReleased()&lt;/code&gt;, and &lt;code&gt;keyTyped()&lt;/code&gt; all for the same event, presto; valid data. Could this possibly be caused by the instability/bugginess of AWT? &lt;/p&gt;
&lt;p&gt;Here is the updateIcons() method in case it is something I overlooked, but since I'm getting such odd results I don't think its a bug on my end.&lt;/p&gt;
&lt;pre&gt;&lt;code&gt;//called from keyTyped
//formInputIcons is a 2D array[8][2] where the first dimension represents
//the form input field, and the second dimension is the ImageIcons for that field
//public final Pattern upcRegex = Pattern.compile("^\\d{12}$");
//public final Pattern anyNumRegex = Pattern.compile("^\\d+$"); 
public void updateIcons(KeyEvent e){
    if(e.getSource() == formAddInputs[0]){
        formInputIcons[0][0].setVisible( ! (upcRegex.matcher(
                ((JTextField)e.getSource()).getText()).matches()));
        formInputIcons[0][1].setVisible(upcRegex.matcher(
                ((JTextField)e.getSource()).getText()).matches());
    }else if(e.getSource() == formAddInputs[1]){
        formInputIcons[1][0].setVisible(((JTextField)e.getSource()).getText().equals(""));
        formInputIcons[1][1].setVisible( ! ((JTextField)e.getSource()).getText().equals(""));
    }else if(e.getSource() == formAddInputs[3]){
        formInputIcons[3][0].setVisible(((JTextField)e.getSource()).getText().equals(""));
        formInputIcons[3][1].setVisible( ! ((JTextField)e.getSource()).getText().equals(""));
    }else if(e.getSource() == formAddInputs[4]){
        formInputIcons[4][0].setVisible(((JTextField)e.getSource()).getText().equals(""));
        formInputIcons[4][1].setVisible( ! ((JTextField)e.getSource()).getText().equals(""));
    }else if(e.getSource() == formAddInputs[6]){
        formInputIcons[6][0].setVisible( ! (anyNumRegex.matcher(
                ((JTextField)e.getSource()).getText()).matches()));
        formInputIcons[6][1].setVisible(anyNumRegex.matcher(
                ((JTextField)e.getSource()).getText()).matches());
    }else if(e.getSource() == formAddInputs[7]){
        formInputIcons[7][0].setVisible( ! (anyNumRegex.matcher(
                ((JTextField)e.getSource()).getText()).matches()));
        formInputIcons[7][1].setVisible(anyNumRegex.matcher(
                ((JTextField)e.getSource()).getText()).matches());
     }
}
&lt;/code&gt;&lt;/pre&gt;
&lt;p&gt;UPDATE: I'm an idiot - it works fine if I only call &lt;code&gt;updateIcons()&lt;/code&gt; once from &lt;code&gt;keyReleased()&lt;/code&gt; and leave &lt;code&gt;keyPressed()&lt;/code&gt; and &lt;code&gt;keyTyped()&lt;/code&gt; empty. I like to learn things though; could someone explain why &lt;code&gt;keyTyped()&lt;/code&gt; is buggy in this usage but &lt;code&gt;keyReleased()&lt;/code&gt; works fine or post a link please?  &lt;/p&gt;</t>
  </si>
  <si>
    <t>2014-04-10 18:46:16.153000+00:00</t>
  </si>
  <si>
    <t>2014-04-10 19:05:46.790000+00:00</t>
  </si>
  <si>
    <t>user3059511</t>
  </si>
  <si>
    <t>java|regex|awt|jtextfield|keyevent</t>
  </si>
  <si>
    <t>Collapse Empty Div in DFP ��� Problems</t>
  </si>
  <si>
    <t>&lt;p&gt;There's something I'm missing when it comes to collapsing empty divs in DFP. I've put both the code in the header and in the individual ad I'm looking to collapse (the poster ad at the top of the right sidebar), and have disabled serving of any ad when no premium ad runs (so technically nothing should serve). However, the div does not seem to collapse, and leaves an empty space. The site is gearhungry.com&lt;/p&gt;
&lt;p&gt;Thanks for any insight you can provide!&lt;/p&gt;</t>
  </si>
  <si>
    <t>2014-11-05 04:36:07.590000+00:00</t>
  </si>
  <si>
    <t>2015-10-23 09:52:34.817000+00:00</t>
  </si>
  <si>
    <t>2014-11-07 17:38:00.103000+00:00</t>
  </si>
  <si>
    <t>javascript|google-dfp</t>
  </si>
  <si>
    <t>Cannot implicitly convert type 'ArrayofString' to 'string[]' in Console Application</t>
  </si>
  <si>
    <t>&lt;p&gt;In WCF Project  i'm using the string[] function and calling that  string[] function  from console application by adding service reference. But shows error: &lt;/p&gt;
&lt;blockquote&gt;
  &lt;p&gt;Cannot implicitly convert type 'ArrayofString' to 'string[]' in Console Application. &lt;/p&gt;
&lt;/blockquote&gt;
&lt;p&gt;I can not solve this problem some times working fine if I recreate service reference it shows error as said above. Sample code is given below &lt;/p&gt;
&lt;pre&gt;&lt;code&gt;public string[] SET_PROV_FROM_INVOICE(int type, int cust_id, int PLAN_ID, 
                    string INVOICE_ID, string IN_PARAMETER, string IN_FLD_ACTION,
                    string GET_VALUE, ref string RTN_VALUE) // invoice_id = Customer invoice table id , Cust_ID = Customer ID, type = 4  for Prov TagK
{
   System.Collections.ArrayList PROV_result = new System.Collections.ArrayList();
   return PROV_result.ToArray(typeof(string)) as string[];
}
string[] ret_prov_tag = obj.SET_PROV_FROM_INVOICE(4, Convert.ToInt32(cust_id), 0, 
                                                  IN_FLD_INVOICE_ID, "", "Create", 
                                                  SET_VALUE, ref Prov_Rtn);
&lt;/code&gt;&lt;/pre&gt;</t>
  </si>
  <si>
    <t>2014-06-27 08:49:19.913000+00:00</t>
  </si>
  <si>
    <t>2018-05-28 08:04:58.843000+00:00</t>
  </si>
  <si>
    <t>2014-06-27 08:52:27.223000+00:00</t>
  </si>
  <si>
    <t>c#|wcf|console-application</t>
  </si>
  <si>
    <t>Terminal IDE system install error</t>
  </si>
  <si>
    <t>&lt;p&gt;I have lenovo k3 note running Android 6.0 my terminal runs fine but cannot install system v2.0 says something has exception error please help screenshot:&lt;a href="https://drive.google.com/file/d/0B-8VSwC2YDO-d0VCVmtyeVJHN28/view?usp=drivesdk" rel="nofollow"&gt;https://drive.google.com/file/d/0B-8VSwC2YDO-d0VCVmtyeVJHN28/view?usp=drivesdk&lt;/a&gt;&lt;/p&gt;</t>
  </si>
  <si>
    <t>2016-05-12 07:50:54.907000+00:00</t>
  </si>
  <si>
    <t>2016-09-08 20:04:08.467000+00:00</t>
  </si>
  <si>
    <t>terminal|android-emulator|ide|install|system</t>
  </si>
  <si>
    <t>How to show labels containing currency symbols in Blogger blog post?</t>
  </si>
  <si>
    <t>&lt;p&gt;How to show labels containing currency symbols (i:e products price such as 18$, 19��) in Blogger blog post?&lt;/p&gt;
&lt;pre&gt;&lt;code&gt;&amp;lt;div class='item_price'&amp;gt;
&amp;lt;b:loop values='data:post.labels' var='label'&amp;gt;
&amp;lt;b:if cond='data:label.name == "$"&amp;amp;&amp;amp;"��"'&amp;gt;
&amp;lt;span class='price'&amp;gt;&amp;lt;data:label.name/&amp;gt;&amp;lt;/span&amp;gt;
&amp;lt;/b:if&amp;gt;
&amp;lt;/b:loop&amp;gt;
&amp;lt;/div&amp;gt;
&lt;/code&gt;&lt;/pre&gt;</t>
  </si>
  <si>
    <t>2017-04-24 21:28:36.133000+00:00</t>
  </si>
  <si>
    <t>2017-04-24 23:04:40.857000+00:00</t>
  </si>
  <si>
    <t>xml|label|blogger</t>
  </si>
  <si>
    <t>Raspberry PI - RT2870 (kernel module mt7601Usta) WiFi SUB dongle - Act as WiFi access point</t>
  </si>
  <si>
    <t>&lt;p&gt;I have a problem with USB WiFi dongle &lt;strong&gt;RT2870&lt;/strong&gt; on Raspberry Pi. This is &lt;strong&gt;KOM0640&lt;/strong&gt; (Quer) model, successfully detected by Linux Kernel &lt;strong&gt;mt7601Usta.ko&lt;/strong&gt; module.
Specification of my Raspberry:&lt;/p&gt;
&lt;ul&gt;
&lt;li&gt;Latest Linux Raspbian distro with &lt;em&gt;kernel 3.12.35+&lt;/em&gt;&lt;/li&gt;
&lt;li&gt;WiFi dongle &lt;em&gt;148f:7601 Ralink Technology, Corp.&lt;/em&gt;&lt;/li&gt;
&lt;/ul&gt;
&lt;p&gt;WiFi dongle is successfuly detected and can be used as client (connect with available access points).&lt;/p&gt;
&lt;p&gt;&lt;strong&gt;My problem is to switch this USB WiFi dongle to AP&lt;/strong&gt; (access-point) mode and enable HotSpot mode on Raspberry Pi. Here is result of iwconfig -  I've tried to set access point mode by hand from command line: &lt;/p&gt;
&lt;pre&gt;&lt;code&gt;root@raspberrypi:~/# iwconfig wlan0 mode master
Error for wireless request "Set Mode" (8B06) :
SET failed on device wlan0 ; Invalid argument.
&lt;/code&gt;&lt;/pre&gt;
&lt;p&gt;I have read a lot of web pages with a lots of hints, but without success.&lt;/p&gt;
&lt;p&gt;If you have any positive results on this issue, please let me know.
Thanks in advance!&lt;/p&gt;</t>
  </si>
  <si>
    <t>2015-01-03 14:42:43.400000+00:00</t>
  </si>
  <si>
    <t>2017-06-11 17:55:42.203000+00:00</t>
  </si>
  <si>
    <t>2015-01-05 15:24:30.277000+00:00</t>
  </si>
  <si>
    <t>linux|wifi|raspberry-pi|wireless|raspbian</t>
  </si>
  <si>
    <t>ANDROID - service called by AlarmManager wont stop after destroy</t>
  </si>
  <si>
    <t>&lt;p&gt;i have a service getting started by Alarm Manager set to be repeated:&lt;/p&gt;
&lt;pre&gt;&lt;code&gt;AlarmManager alarm = (AlarmManager) getSystemService(Context.ALARM_SERVICE);
serviceSaveSample = new Intent(RunActivity.this,SaveSampleService.class);
alarmSaveSample = PendingIntent.getService(getApplicationContext(), 9988766, serviceSaveSample, PendingIntent.FLAG_CANCEL_CURRENT);
alarm.setRepeating(AlarmManager.RTC_WAKEUP, System.currentTimeMillis() + (secondsToSample*1000) , secondsToSample*1000, alarmSaveSample);
&lt;/code&gt;&lt;/pre&gt;
&lt;p&gt;my onDestory function:&lt;/p&gt;
&lt;pre&gt;&lt;code&gt;AlarmManager alarm = (AlarmManager) getSystemService(Context.ALARM_SERVICE);
if(alarmSaveSample!=null)
alarm.cancel(alarmSaveSample);
if(alarmSendSample!=null)
alarm.cancel(alarmSendSample);
// stop services
if(serviceSendSample!=null)
stopService(serviceSendSample);
if(serviceSaveSample!=null)
stopService(serviceSaveSample);
super.onDestroy();
&lt;/code&gt;&lt;/pre&gt;
&lt;p&gt;when i exit the app (by clearing it from memory in main screen) i get the error:&lt;/p&gt;
&lt;pre&gt;&lt;code&gt; 10-31 13:58:32.800: E/AndroidRuntime(24267):
 java.lang.RuntimeException: Unable to start service
 com.b2e.m2v.SaveSampleService@411b9ba8 with Intent { flg=0x4
 cmp=com.b2e.m2v/.SaveSampleService (has extras) }:
 java.lang.NullPointerException 10-31 13:58:32.800:
 E/AndroidRuntime(24267):   at
 android.app.ActivityThread.handleServiceArgs(ActivityThread.java:2801)
 10-31 13:58:32.800: E/AndroidRuntime(24267):   at
 android.app.ActivityThread.access$1900(ActivityThread.java:153) 10-31
 13:58:32.800: E/AndroidRuntime(24267):     at
 android.app.ActivityThread$H.handleMessage(ActivityThread.java:1344)
 10-31 13:58:32.800: E/AndroidRuntime(24267):   at
 android.os.Handler.dispatchMessage(Handler.java:99) 10-31
 13:58:32.800: E/AndroidRuntime(24267):     at
 android.os.Looper.loop(Looper.java:137) 10-31 13:58:32.800:
 E/AndroidRuntime(24267):   at
 android.app.ActivityThread.main(ActivityThread.java:5227) 10-31
 13:58:32.800: E/AndroidRuntime(24267):     at
 java.lang.reflect.Method.invokeNative(Native Method) 10-31
 13:58:32.800: E/AndroidRuntime(24267):     at
 java.lang.reflect.Method.invoke(Method.java:511) 10-31 13:58:32.800:
 E/AndroidRuntime(24267):   at
 com.android.internal.os.ZygoteInit$MethodAndArgsCaller.run(ZygoteInit.java:795)
 10-31 13:58:32.800: E/AndroidRuntime(24267):   at
 com.android.internal.os.ZygoteInit.main(ZygoteInit.java:562) 10-31
 13:58:32.800: E/AndroidRuntime(24267):     at
 dalvik.system.NativeStart.main(Native Method) 10-31 13:58:32.800:
 E/AndroidRuntime(24267): Caused by: java.lang.NullPointerException
 10-31 13:58:32.800: E/AndroidRuntime(24267):   at
 com.b2e.m2v.Controller.getLocation(Controller.java:75) 10-31
 13:58:32.800: E/AndroidRuntime(24267):     at
 com.b2e.m2v.SaveSampleService.onStartCommand(SaveSampleService.java:35)
 10-31 13:58:32.800: E/AndroidRuntime(24267):   at
 android.app.ActivityThread.handleServiceArgs(ActivityThread.java:2784)
 10-31 13:58:32.800: E/AndroidRuntime(24267):   ... 10 more
&lt;/code&gt;&lt;/pre&gt;
&lt;p&gt;any idea why ?&lt;/p&gt;
&lt;p&gt;maybe its important to say that this code run inside FragmentActivity&lt;/p&gt;</t>
  </si>
  <si>
    <t>2013-10-31 12:11:15.810000+00:00</t>
  </si>
  <si>
    <t>2015-02-26 17:13:10.600000+00:00</t>
  </si>
  <si>
    <t>2013-10-31 12:15:50.710000+00:00</t>
  </si>
  <si>
    <t>android|android-service|android-alarms</t>
  </si>
  <si>
    <t>How can I determine what line is causing a 404 error?</t>
  </si>
  <si>
    <t>&lt;p&gt;I have a terrible repeating error of 404 not found for a GET request.&lt;/p&gt;
&lt;p&gt;The call looks like this in the JavaScript console&lt;/p&gt;
&lt;pre&gt;&lt;code&gt;GET some_path/undefined 404 ( Not Found )
&lt;/code&gt;&lt;/pre&gt;
&lt;p&gt;and all it states to the right of that is:&lt;/p&gt;
&lt;pre&gt;&lt;code&gt;undefined:1
&lt;/code&gt;&lt;/pre&gt;
&lt;p&gt;It keeps repeating over and over, it does not stop.  How can I determine what line is trying to make this call?&lt;/p&gt;</t>
  </si>
  <si>
    <t>2015-12-07 20:08:35.173000+00:00</t>
  </si>
  <si>
    <t>2015-12-07 20:17:37.520000+00:00</t>
  </si>
  <si>
    <t>javascript|debugging|http-status-code-404</t>
  </si>
  <si>
    <t>Logcat output of my app vanished from logcat output</t>
  </si>
  <si>
    <t>&lt;p&gt;&lt;p&gt;i have a problem with logcat output of my app: 
&lt;br&gt;Normally logging to logcat works. But at some times my app's output seems to be entirely removed from the logcat output. Though i can prove that the app logged, there is not a single line in logcat.
&lt;p&gt;When does this happen:
&lt;br&gt;I shedule my app to wakeup at midnight by a BroadcastReceiver starting a Service. The app wakes up and creates a logfile, writes to that file and to logcat in parallel by calling a function which writes to both. The logfile contains 3 lines written. (and then the app somehow dies.) At least these 3 lines have been also logged to logcat.
&lt;br&gt;Next day i display all logcat messages, which encloses midnight. Not a single line logged for my app. 
&lt;p&gt;I think Android has purged my App from memory and at midnight it is loaded again (and crashes because it is not initialized properly). But why is there no logcat output? 
&lt;p&gt;thanks for your hint.&lt;/p&gt;</t>
  </si>
  <si>
    <t>2012-05-31 09:16:57.173000+00:00</t>
  </si>
  <si>
    <t>2012-05-31 09:49:00.753000+00:00</t>
  </si>
  <si>
    <t>android|logcat</t>
  </si>
  <si>
    <t>Facebook Integration in new Android facebook sdk 3.5</t>
  </si>
  <si>
    <t>&lt;p&gt;I am unable to authorize my android app with facebook as well done in previous sdk 3.0.1 that is deprecated.
While I click to login it navigates to existing facebook page in some device or in some device a permission popup opens and when I click ok it cancels the request.&lt;/p&gt;
&lt;p&gt;These all cases occurs if I have already installed face-book application in my device.&lt;/p&gt;</t>
  </si>
  <si>
    <t>2014-02-07 07:13:06.340000+00:00</t>
  </si>
  <si>
    <t>2014-02-07 07:16:34.243000+00:00</t>
  </si>
  <si>
    <t>java|android|facebook</t>
  </si>
  <si>
    <t>Jackson ReadValue doesn't convert to List&lt;&gt;</t>
  </si>
  <si>
    <t>&lt;p&gt;I have a problem. I work with custom annotation, which takes method params and converts them from json to pojo. Here is example:&lt;/p&gt;
&lt;pre&gt;&lt;code&gt;...
MethodParameter param 
// here a parameter from methods, marked with custom annotation
...
JSON_MAPPER.readValue(node, param.getParameterType());
java.util.LinkedHashMap cannot be cast to com.liferay.portal.kernel.util.KeyValuePair
&lt;/code&gt;&lt;/pre&gt;
&lt;p&gt;But when I try to convert List&amp;lt;&gt; it doesn't work. But the code below works fine&lt;/p&gt;
&lt;pre&gt;&lt;code&gt;JSON_MAPPER.readValue(node, new TypeReference&amp;lt;List&amp;lt;KeyValuePair&amp;gt;&amp;gt;(){});
&lt;/code&gt;&lt;/pre&gt;
&lt;p&gt;how I can figure out the type of income data? What should I do?&lt;/p&gt;</t>
  </si>
  <si>
    <t>2015-09-23 15:03:52.363000+00:00</t>
  </si>
  <si>
    <t>2015-09-23 15:27:49.030000+00:00</t>
  </si>
  <si>
    <t>java|reflection|jackson</t>
  </si>
  <si>
    <t>How do I specify a target architecture when building projects in Visual Studio code?</t>
  </si>
  <si>
    <t>&lt;p&gt;I am new to VS code/F# (preapologies if this is silly), and I am trying to build a F# console app (on both Windows workstation and on my Linux computer).&lt;/p&gt;
&lt;p&gt;I installed the Ionide extension together with FAKE.&lt;/p&gt;
&lt;p&gt;The code I am considering is the Iris example (see &lt;a href="https://stackoverflow.com/questions/50322653/how-to-translate-the-intro-ml-net-demo-to-f"&gt;How to translate the intro ML.Net demo to F#?&lt;/a&gt;), creating a New F# Project with Ionide and using Microsoft.ML.&lt;/p&gt;
&lt;p&gt;My &lt;code&gt;iris.fsproj&lt;/code&gt; is &lt;/p&gt;
&lt;pre&gt;&lt;code&gt;&amp;lt;?xml version="1.0" encoding="utf-8"?&amp;gt;
&amp;lt;Project Sdk="Microsoft.NET.Sdk"&amp;gt;
  &amp;lt;PropertyGroup&amp;gt;
    &amp;lt;OutputType&amp;gt;Exe&amp;lt;/OutputType&amp;gt;
    &amp;lt;TargetFramework&amp;gt;net461&amp;lt;/TargetFramework&amp;gt;
    &amp;lt;DebugType&amp;gt;portable&amp;lt;/DebugType&amp;gt;
    &amp;lt;AutoGenerateBindingRedirects&amp;gt;true&amp;lt;/AutoGenerateBindingRedirects&amp;gt;
  &amp;lt;/PropertyGroup&amp;gt;
  &amp;lt;ItemGroup&amp;gt;
    &amp;lt;Compile Include="iris.fs" /&amp;gt;
    &amp;lt;None Include="App.config" /&amp;gt;
  &amp;lt;/ItemGroup&amp;gt;
  &amp;lt;Import Project="..\.paket\Paket.Restore.targets" /&amp;gt;
&amp;lt;/Project&amp;gt;
&lt;/code&gt;&lt;/pre&gt;
&lt;p&gt;When running the script (which I do with the "play" button aka F#: run script provided with VS Code/Ionide) I get:&lt;/p&gt;
&lt;p&gt;&lt;code&gt;C:\Users\MyUser\.nuget\packages\microsoft.ml\0.2.0\build\Microsoft.ML.targets(16,5): error : Microsoft.ML currently supports 'x64' processor architectures. Please ensure your application is targeting 'x64'.&lt;/code&gt;&lt;/p&gt;
&lt;p&gt;together with&lt;/p&gt;
&lt;p&gt;&lt;code&gt;Running build failed.
Error:
System.Exception: dotnet build failed&lt;/code&gt;&lt;/p&gt;
&lt;p&gt;How do I target x64 with the project structure provided by Ionide?&lt;/p&gt;</t>
  </si>
  <si>
    <t>2018-06-21 08:26:51.723000+00:00</t>
  </si>
  <si>
    <t>2018-06-21 10:28:22.930000+00:00</t>
  </si>
  <si>
    <t>f#|visual-studio-code|f#-fake|ionide|ml.net</t>
  </si>
  <si>
    <t>Remove the heading checkbox from jqgrid</t>
  </si>
  <si>
    <t>&lt;p&gt;I have the below jqgrid image, from which I would like to remove the checkbox (pointed by arrow in the screenshot). I don't want check all or uncheck all feature, but sometimes I do need max 3 checked not more than that so I need &lt;code&gt;multiselect: true,&lt;/code&gt; any other way to remove the heading checkbox using jquery or anything else?&lt;/p&gt;
&lt;p&gt;&lt;img src="https://i.stack.imgur.com/8lIYo.png" alt="enter image description here"&gt;&lt;/p&gt;
&lt;p&gt;My code&lt;/p&gt;
&lt;pre&gt;&lt;code&gt;$('#configDiv').empty();
            $('&amp;lt;div width="100%"&amp;gt;')
            .attr('id','configDetailsGrid')
            .html('&amp;lt;table id="list1" width="100%"&amp;gt;&amp;lt;/table&amp;gt;'+
                    '&amp;lt;div id="gridpager"&amp;gt;&amp;lt;/div&amp;gt;'+
                '&amp;lt;/div&amp;gt;')       
            .appendTo('#configDiv');    
            var grid = jQuery("#list1");
            grid.jqGrid({
              datastr : xml,
              datatype: 'xmlstring',
              colNames:['cfgId','Name', 'Host', 'Description','Product', 'Type', 'Last Updated Time','Last Updated By','',''],
              colModel:[
                  {name:'cfgId',index:'cfgId', width:90, align:"left", hidden:true},
                  {name:'cfgName',index:'cfgName', width:90, align:"left", formatter: 'showlink', formatoptions:
                                                                            {
                                                                                baseLinkUrl:'javascript:',
                                                                                showAction: "goToViewAllPage('",
                                                                                addParam: "');"
                                                                            }},
                  {name:'hostname',index:'hostname', width:90, align:"left"},
                  {name:'cfgDesc',index:'cfgDesc', width:90, align:"left"},
                  {name:'productId',index:'productId', width:60, align:"left"},
                  {name:'cfgType',index:'cfgType', width:60, align:"left"},
                  {name:'updateDate',index:'updateDate',sorttype:'Date', width:120, align:"left"},
                  {name:'emailAddress',index:'emailAddress', width:120, align:"left"},
                  {name:'absolutePath',index:'absolutePath', width:90, align:"left", hidden:true},
                  {name:'fileName',index:'fileName', width:90, align:"left", hidden:true},
              ],
              pager : '#gridpager',
              rowNum:10,
              scrollOffset:0,
              height: 'auto',
              autowidth:true,
              viewrecords: true,
              gridview: true,
              multiselect: true,
              xmlReader: {
                  root : "list",
                  row: "Response",
                  userdata: "userdata",
                  repeatitems: false
              },
              onSelectRow: function(id,status){
                  var rowData = jQuery(this).getRowData(id); 
                  configid = rowData['cfgId'];
                  configname=rowData['cfgName'];
                  configdesc=rowData['cfgDesc'];
                  configenv=rowData['cfgType'];
                  absolutepath=rowData['absolutePath'];
                  /*filename=rowData['fileName'];
                  updatedate=rowData['updateDate'];
                  absolutepath=rowData['absolutePath'];*/
                  updateproductid=rowData['productId'];
                  $('#cfgid').removeAttr('disabled');
                  document.getElementById("cfgid").value=configid;
                  document.getElementById("cfgname").value=configname;
                  document.getElementById("cfgdesc").value=configdesc;
                  var element = document.getElementById('cfgenv');
                  if(configenv=="Production")
                      element.value = "Production";
                  else if(configenv=="Development")
                      element.value="Development";
                  else
                      element.value="Test/QA";
                  rowChecked=1;
                  currentrow=id;
                  }
            });
            grid.jqGrid('navGrid','#gridpager',{edit:false,add:false,del:false});
            jQuery("#m1").click( function() {
                var s;
                s = grid.jqGrid('getGridParam','selarrrow');
                alert(s);
            });
&lt;/code&gt;&lt;/pre&gt;
&lt;p&gt;I tried something like below, but did not work&lt;/p&gt;
&lt;pre&gt;&lt;code&gt;$("#list1").find('input[type=checkbox]').parents('tr:first').remove();
&lt;/code&gt;&lt;/pre&gt;</t>
  </si>
  <si>
    <t>2011-08-01 11:29:57.903000+00:00</t>
  </si>
  <si>
    <t>2011-08-01 11:37:43.003000+00:00</t>
  </si>
  <si>
    <t>2011-08-01 11:36:33.417000+00:00</t>
  </si>
  <si>
    <t>javascript|jquery|css|jqgrid</t>
  </si>
  <si>
    <t>running mongoexport from inside one container to another within a docker-compose stack</t>
  </si>
  <si>
    <t>&lt;p&gt;I'm building a CMS that needs to export mongodb data in json format and return it as a .zip file to an api request. &lt;/p&gt;
&lt;p&gt;I have a service called "web" and I'm needing to run &lt;/p&gt;
&lt;pre&gt;&lt;code&gt;const child = exec(`mongoexport --db meanbase --collection pages --out ${path.join(this.app.get('exportPath'), 'pages.json')} --jsonArray`)
&lt;/code&gt;&lt;/pre&gt;
&lt;p&gt;However it returns code 127 - command not found. This is because my mongoDB service is running inside another container.&lt;/p&gt;
&lt;pre&gt;&lt;code&gt;db:
  image: mongo
  expose:
    - "27017"
    - "37017"
  command: --smallfiles
web:
  build: .
  expose:
    - "80"
  env_file:
    - meanbase.env
  links:
      - db:db
nginx:
  build: nginx
  links:
    - web:web
  volumes_from:
    - web
  ports:
    - "80:80"
&lt;/code&gt;&lt;/pre&gt;
&lt;p&gt;How do I run mongoexport from my web container for the db container and get it's content delivered back to the the web container? Or is there a better way to be doing this?&lt;/p&gt;</t>
  </si>
  <si>
    <t>2016-09-13 21:55:03.297000+00:00</t>
  </si>
  <si>
    <t>2016-09-14 15:30:58.310000+00:00</t>
  </si>
  <si>
    <t>docker|docker-compose|mongoexport</t>
  </si>
  <si>
    <t>Docker: how to open ports to the host machine?</t>
  </si>
  <si>
    <t>&lt;p&gt;What could be the reason for Docker containers not being able to connect via ports to the host system?&lt;/p&gt;
&lt;p&gt;Specifically, I'm trying to connect to a MySQL server that is running on the Docker host machine (&lt;code&gt;172.17.0.1&lt;/code&gt; on the Docker bridge). However, for some reason port &lt;code&gt;3306&lt;/code&gt; is always closed.&lt;/p&gt;
&lt;p&gt;The steps to reproduce are pretty simple:&lt;/p&gt;
&lt;ol&gt;
&lt;li&gt;Configure MySQL (or any service) to listen on &lt;code&gt;0.0.0.0&lt;/code&gt; (&lt;code&gt;bind-address=0.0.0.0&lt;/code&gt; in &lt;code&gt;~/.my.cnf&lt;/code&gt;)&lt;/li&gt;
&lt;li&gt;&lt;p&gt;run&lt;/p&gt;
&lt;pre&gt;&lt;code&gt;$ docker run -it alpine sh
# apk add --update nmap
# nmap -p 3306 172.17.0.1
&lt;/code&gt;&lt;/pre&gt;&lt;/li&gt;
&lt;/ol&gt;
&lt;p&gt;That's it. No matter what I do it will always show &lt;/p&gt;
&lt;pre&gt;&lt;code&gt;PORT     STATE  SERVICE
3306/tcp closed mysql
&lt;/code&gt;&lt;/pre&gt;
&lt;p&gt;I've tried the same with an ubuntu image, a Windows host machine, and other ports as well.&lt;/p&gt;
&lt;p&gt;I'd like to avoid &lt;code&gt;--net=host&lt;/code&gt; if possible, simply to make proper use of containerization.&lt;/p&gt;</t>
  </si>
  <si>
    <t>2016-12-05 21:08:04.700000+00:00</t>
  </si>
  <si>
    <t>2016-12-08 07:16:03.477000+00:00</t>
  </si>
  <si>
    <t>docker</t>
  </si>
  <si>
    <t>query get records lesser than SQL</t>
  </si>
  <si>
    <t>&lt;p&gt;This query which get records of all clubs, i check record per records. The NULL columns doesn't play any role. Howerver i filled NULL's. This mean any NULL isn't existing.
This query get 202 recordcount using cfquery and on MSSQL 2014 get 204 records.&lt;/p&gt;
&lt;p&gt;Could you please tell what could happen that cfquery can't get some records. The exact query work on MSSQL 2014 perfectly.&lt;/p&gt;
&lt;pre&gt;&lt;code&gt;    SELECT tblDistrict.IDDist, 
           tblClubs.IDDiv,
           tblClubs.ClubArtStart, 
           tblClubs.IDClub, 
           tblClubs.ClubName, 
           tblDivisionen.DivBezeichnung, 
           tblDivisionen.Region, 
           tblClubs.OrgDatum, 
           tblClubs.ChartDatum, 
           tblClubs.ClubStatus, 
           tblClubs.ClubArt,   
           tblClubs.Clubort
    FROM  (tblDistrict 
                INNER JOIN tblDivisionen ON tblDistrict.IDDist = tblDivisionen.IDDist)
            INNER JOIN tblClubs ON tblDivisionen.IDDiv = tblClubs.IDDiv
            WHERE (((tblDistrict.IDDist)=1)) AND Clubstatus&amp;lt;&amp;gt;'E' AND Clubstatus&amp;lt;&amp;gt;'I'
&lt;/code&gt;&lt;/pre&gt;</t>
  </si>
  <si>
    <t>2017-10-10 14:30:27.007000+00:00</t>
  </si>
  <si>
    <t>2017-10-10 15:27:20.733000+00:00</t>
  </si>
  <si>
    <t>sql|sql-server|coldfusion|inner-join</t>
  </si>
  <si>
    <t>Customizing navigation behavior of UIPageViewController</t>
  </si>
  <si>
    <t>&lt;p&gt;I'd like to customize the navigation behavior of &lt;code&gt;UIPageViewController&lt;/code&gt;; specifically I'd like to navigate to different pages based on &lt;em&gt;where on the screen&lt;/em&gt; the user drags her/his finger. Any pointers on where to start?&lt;/p&gt;</t>
  </si>
  <si>
    <t>2013-03-08 19:16:50.150000+00:00</t>
  </si>
  <si>
    <t>2013-03-09 09:10:17.390000+00:00</t>
  </si>
  <si>
    <t>ios|uipageviewcontroller</t>
  </si>
  <si>
    <t>Separating OpenGL Calls from Updating on the iPhone</t>
  </si>
  <si>
    <t>&lt;p&gt;I'm a bit of a newb when it comes to threading, so any pointers in the right direction would be a great help. I've got a game with both a fairly heavy update function, and a fairly heavy draw function. I'd assume that the majority of the weight in the draw function is going to happen on the GPU. Because of this, I'd like to start calculating the update on the next frame while the drawing is happening. Right now, my game loop is quite simple:&lt;/p&gt;
&lt;pre&gt;&lt;code&gt;Game-&amp;gt;Update1();
Game-&amp;gt;Update2();
Game-&amp;gt;Draw();
&lt;/code&gt;&lt;/pre&gt;
&lt;p&gt;&lt;code&gt;Update1()&lt;/code&gt; updates variables that do not change game state, so it can run independently from Draw. That is to say, there should be no fights over data between the two. It is also the bulk of the CPU processing.&lt;/p&gt;
&lt;p&gt;&lt;code&gt;Update2()&lt;/code&gt; updates variables that Draw needs, and it is quite fast, so it seems right to have it running serially with &lt;code&gt;Draw()&lt;/code&gt;. Additionally, I believe that the &lt;code&gt;Draw()&lt;/code&gt; function is light on CPU and heavy on GPU.&lt;/p&gt;
&lt;p&gt;What I would like to happen is that while the GPU is busy processing all the Draw functionality, the next frame's Update1() can use the CPU to get the next frame's update ready. It doesn't seem like I'm automatically getting this functionality -- the Draw cycle seems to take a little while and block everything until it's done, which is less than ideal. &lt;/p&gt;
&lt;p&gt;What's the proper way to do this? Is this already happening, and I'm just not observing it properly?&lt;/p&gt;</t>
  </si>
  <si>
    <t>2010-08-03 00:53:27.887000+00:00</t>
  </si>
  <si>
    <t>2010-08-03 14:59:38.420000+00:00</t>
  </si>
  <si>
    <t>iphone|multithreading|opengl-es</t>
  </si>
  <si>
    <t>Using WP8 Emulator without Windows 8 Pro or Actual Device</t>
  </si>
  <si>
    <t>&lt;p&gt;Is there any way to do this by running a WP8 emulator in a virtual machine? I would really like to publish WP8 apps but I need to do some testing and don't want to pay to upgrade to the pro version of windows. Thanks for any help you can give.&lt;/p&gt;</t>
  </si>
  <si>
    <t>2014-08-20 15:26:16.847000+00:00</t>
  </si>
  <si>
    <t>2014-08-20 15:43:18.487000+00:00</t>
  </si>
  <si>
    <t>windows-phone-8|cocos2d-x|windows-phone-8-emulator</t>
  </si>
  <si>
    <t>Script Tags Loading Out of Order in Iframe</t>
  </si>
  <si>
    <t>&lt;p&gt;I am building a bare-bones jsfiddle/codepen clone. &lt;/p&gt;
&lt;p&gt;The user I able to type in HTML, CSS, and JS and the code is sent to an iframe an rendered there. In addition, the code editor will have Three.js loaded so the user can make use of it. So I load three.js into the iframe with a &lt;code&gt;script&lt;/code&gt; tag by default and then a second &lt;code&gt;script&lt;/code&gt; tag for whatever the user inputs.&lt;/p&gt;
&lt;p&gt;So the user should have access to &lt;code&gt;THREE&lt;/code&gt;. If the user opens the Viewer component (ie causes it to render by clicking on the UI tab that opens it) before attempting to input any JS, it works fine. 
But if the user tries to input JS say &lt;code&gt;console.log(THREE)&lt;/code&gt; before opening the viewer tab it does not.&lt;/p&gt;
&lt;p&gt;I have two questions: (1) obviously if I could force the &lt;code&gt;Viewer&lt;/code&gt; to initialize before it is shown for the first time this would solve the problem. Is there anyway to do something like that? (2) My understanding was that &lt;code&gt;script&lt;/code&gt; tags load synchronously. So because I append the three script and then the user script, shouldn't it load the three script completely and then when it gets to the user script &lt;code&gt;THREE&lt;/code&gt; is available to it? &lt;em&gt;(3)&lt;/em&gt; Can I pre-populate the &lt;code&gt;iframe&lt;/code&gt; DOM with a &lt;code&gt;script&lt;/code&gt; tag that's there from the start?&lt;/p&gt;
&lt;p&gt;I tried to log out the contents of my iframe &lt;code&gt;document.body&lt;/code&gt; to see what is going on and it seems that both the scripts are in the DOM before I make the first &lt;code&gt;appendChild&lt;/code&gt; call. Perhaps this is some weird async Chrome console behavior I'm not familiar with though.&lt;/p&gt;
&lt;p&gt;I am trying to understand what's happening here and work out how I can get these scripts to load/execute in order.&lt;/p&gt;
&lt;p&gt;Viewer.js (the majority of the relevant code in this file: &lt;/p&gt;
&lt;pre&gt;&lt;code&gt;class Viewer extends React.Component {
  componentDidMount() {
    this._updateIframe();
  }
  componentDidUpdate() {
    this._updateIframe();
  }
  _updateIframe() {
    const iframe = this.refs.iframe;
    const document = iframe.contentDocument;
    const head = document.getElementsByTagName('head')[0];
    document.body.innerHTML = this.props.html;
    const style = document.createElement('style');
    style.rel = 'stylesheet';
    style.type = 'text/css';
    style.innerHTML = this.props.css;
    head.appendChild(style);
    const three = document.createElement('script');
    three.type = 'text/javascript';
    three.src = 'https://cdnjs.cloudflare.com/ajax/libs/three.js/90/three.min.js';
    console.log('document.body before adding three', document.body);
    document.body.appendChild(three);
    console.log('document.body after adding three', document.body);
    const script = document.createElement('script');
    script.type = 'text/javascript';
    script.text = this.props.js;
    document.body.appendChild(script);
    console.log('document.body after adding script', document.body);
  }
  render() {
    return &amp;lt;iframe ref="iframe" /&amp;gt;
  }
}
const mapStateToProps = (state) =&amp;gt; ({ ...state.sourceCode }); 
const mapDispatchToProps = {};
export default connect(
  mapStateToProps, 
  mapDispatchToProps
) (Viewer);
&lt;/code&gt;&lt;/pre&gt;
&lt;p&gt;&lt;a href="https://i.stack.imgur.com/XoCYo.png" rel="nofollow noreferrer"&gt;&lt;img src="https://i.stack.imgur.com/XoCYo.png" alt="Console output"&gt;&lt;/a&gt;&lt;/p&gt;
&lt;p&gt;File.js:&lt;/p&gt;
&lt;pre&gt;&lt;code&gt;class File extends React.Component {
  onChange = (value) =&amp;gt; {
    this.props.updateSourceCode(value, this.props.fileType);
  }
  render() {
    return (
      &amp;lt;AceEditor
        mode={ this.props.fileType }
        theme="github"
        onChange={this.onChange}
        name="UNIQUE_ID_OF_DIV"
        editorProps={{ $blockScrolling: true }}
      /&amp;gt;
    );
  }
}
const mapStateToProps = () =&amp;gt; ({});
const mapDispatchToProps = {
  updateSourceCode
};
export default connect(
  mapStateToProps,
  mapDispatchToProps
)(File);
&lt;/code&gt;&lt;/pre&gt;
&lt;p&gt;App.js&lt;/p&gt;
&lt;pre&gt;&lt;code&gt;class App extends React.Component {
  render() {
    return (
      &amp;lt;div className='app'&amp;gt;
        &amp;lt;Tabs type="card"&amp;gt;
          &amp;lt;TabPane
            tab='HTML'
            key='1'
          &amp;gt;
            &amp;lt;File fileType='html' /&amp;gt;
          &amp;lt;/TabPane&amp;gt;
          &amp;lt;TabPane
            tab='CSS'
            key='2'
          &amp;gt;
            &amp;lt;File fileType='css' /&amp;gt;
          &amp;lt;/TabPane&amp;gt;
          &amp;lt;TabPane
            tab='JavaScript'
            key='3'
          &amp;gt;
            &amp;lt;File fileType='js' /&amp;gt;
          &amp;lt;/TabPane&amp;gt;
          &amp;lt;TabPane
            tab='Viewer'
            key='4'
          &amp;gt;
            &amp;lt;Viewer /&amp;gt;
          &amp;lt;/TabPane&amp;gt;
        &amp;lt;/Tabs&amp;gt;
      &amp;lt;/div&amp;gt;
    );
  }
}
export default App;
&lt;/code&gt;&lt;/pre&gt;</t>
  </si>
  <si>
    <t>2018-02-24 01:07:27.397000+00:00</t>
  </si>
  <si>
    <t>2018-02-24 01:23:19.870000+00:00</t>
  </si>
  <si>
    <t>javascript|html|html5|reactjs|iframe</t>
  </si>
  <si>
    <t>Segmentation fault after using mul second time</t>
  </si>
  <si>
    <t>&lt;p&gt;I'm total noob in Assembly and I try to create function and use it in C. This function gets 3 variables a,x,ywhich are structure which contains two 64-bit int. I want to return a+x*y. Unfortunetely this piece of code is NASM causes a segfault&lt;/p&gt;
&lt;pre&gt;&lt;code&gt;%define a1 [rdi]
%define a2 [rdi+8]
%define x1 [rsi]
%define x2 [rsi+8]
%define y1 [rdx]
%define y2 [rdx+8]
%define output1 rax
%define output2 rdx
%define res1 r8
%define res2 r9
global abc
abc:
mov output1, x1
mul qword y1
mov res1, output1
mov output1, x1
mul qword y2
mov res2, output1
mov output1, x2
mul qword y1
add res2, output1
mov output1, res1
mov output2, res2
ret
&lt;/code&gt;&lt;/pre&gt;
&lt;p&gt;Deleting line with second and third mul allows me to run my program without getting segfault.&lt;/p&gt;</t>
  </si>
  <si>
    <t>2017-03-02 15:41:51.040000+00:00</t>
  </si>
  <si>
    <t>2017-03-02 16:09:54.837000+00:00</t>
  </si>
  <si>
    <t>assembly|nasm</t>
  </si>
  <si>
    <t>Express4.10 bodyParser req.body undefined</t>
  </si>
  <si>
    <t>&lt;p&gt;I'm trying to build the login of a node application trying to access the route / login get: req.body undefined&lt;/p&gt;
&lt;p&gt;Error:&lt;/p&gt;
&lt;pre&gt;&lt;code&gt;TypeError: Cannot read property 'usuario' of undefined
   at login (/home/makros/workspace/ntalk/controllers/home.js:8:24)
   at Layer.handle [as handle_request] (/home/makros/workspace/ntalk/node_modules/express/lib/router/layer.js:82:5)
   at next (/home/makros/workspace/ntalk/node_modules/express/lib/router/route.js:100:13)
   at Route.dispatch (/home/makros/workspace/ntalk/node_modules/express/lib/router/route.js:81:3)
   at Layer.handle [as handle_request] (/home/makros/workspace/ntalk/node_modules/express/lib/router/layer.js:82:5)
   at /home/makros/workspace/ntalk/node_modules/express/lib/router/index.js:235:24
   at Function.proto.process_params (/home/makros/workspace/ntalk/node_modules/express/lib/router/index.js:313:12)
   at /home/makros/workspace/ntalk/node_modules/express/lib/router/index.js:229:12
   at Function.match_layer (/home/makros/workspace/ntalk/node_modules/express/lib/router/index.js:296:3)
   at next (/home/makros/workspace/ntalk/node_modules/express/lib/router/index.js:190:10)
&lt;/code&gt;&lt;/pre&gt;
&lt;p&gt;app.js&lt;/p&gt;
&lt;pre&gt;&lt;code&gt;var express = require('express'),
load = require('express-load'),
cookieParser = require('cookie-parser'),
session = require('express-session'),
bodyParser = require('body-parser'),
app = express();
load('models')
    .then('controllers')
    .then('routes')
    .into(app);
app.set('views', __dirname + '/views');
app.set('view engine', 'ejs');
app.use(cookieParser('secret'));
app.use(session({
    secret: 'secret', 
    resave: true, 
    saveUninitialized: true
}));
app.use(bodyParser.urlencoded({ extended: false }));
app.use(bodyParser.json());
app.use(express.static(__dirname + '/public'));
app.listen(3000,function(){
    console.log('Started!');
});
&lt;/code&gt;&lt;/pre&gt;
&lt;p&gt;package.json&lt;/p&gt;
&lt;pre&gt;&lt;code&gt;{
  "name": "ntalk",
  "version": "1.0.0",
  "private": true,
  "scripts": {
  "start": "node ./bin/www"
  },
  "dependencies": {
  "body-parser": "^1.9.0",
  "cookie-parser": "^1.3.3",
  "ejs": "~0.8.5",
  "express": "&amp;gt;= 0.0.0",
  "express-load": "^1.1.14",
  "express-session": "^1.8.2"
  }
}
&lt;/code&gt;&lt;/pre&gt;
&lt;p&gt;controllers/home.js&lt;/p&gt;
&lt;pre&gt;&lt;code&gt;module.exports = function(app) {
    return {
        index: function(req, res) {
            res.render('home/index');
        },
        login: function(req, res){
            console.log(req.params);
            var email = req.body.usuario.email,
                nome = req.body.usuario.nome;
            if(email &amp;amp;&amp;amp; nome) {
                var usuario = req.body.usuario;
                usuario['contatos'] = [];
                req.session.usuario = usuario;
                res.redirect('/contatos');
            } else {
                res.redirect('/');
            }
        },
        logout: function(req, res){
            req.session.destroy();
            res.redirect('/');
        }
    };
};
&lt;/code&gt;&lt;/pre&gt;
&lt;p&gt;routes/home.js&lt;/p&gt;
&lt;pre&gt;&lt;code&gt;module.exports = function(app) {
    var home = app.controllers.home;    
    app.get('/', home.index);
    app.get ('/entrar', home.login);
    app.get('/sair', home.logout);
};
&lt;/code&gt;&lt;/pre&gt;
&lt;p&gt;views/home/index.ejs&lt;/p&gt;
&lt;pre&gt;&lt;code&gt;&amp;lt;% include ../header %&amp;gt;
        &amp;lt;header&amp;gt;
            &amp;lt;h1&amp;gt;Ntalk&amp;lt;/h1&amp;gt;
            &amp;lt;h4&amp;gt;Bem-vindo!&amp;lt;/h4&amp;gt;
        &amp;lt;/header&amp;gt;
        &amp;lt;section&amp;gt;
            &amp;lt;form action="/entrar" method="post"&amp;gt;
                &amp;lt;input type="text" name="usuario[nome]" placeholder="Seu nome"&amp;gt;
                &amp;lt;br&amp;gt;
                &amp;lt;input type="text" name="usuario[email]" placeholder="Seu e-mail"&amp;gt;
                &amp;lt;br&amp;gt;
                &amp;lt;button type="submit"&amp;gt;Entrar&amp;lt;/button&amp;gt;
            &amp;lt;/form&amp;gt;
        &amp;lt;/section&amp;gt;
&amp;lt;% include ../footer %&amp;gt;
&lt;/code&gt;&lt;/pre&gt;
&lt;p&gt;Please help me!&lt;/p&gt;</t>
  </si>
  <si>
    <t>2014-12-05 16:15:51.173000+00:00</t>
  </si>
  <si>
    <t>2014-12-11 00:22:33.343000+00:00</t>
  </si>
  <si>
    <t>node.js|post|express-4|body-parser</t>
  </si>
  <si>
    <t>Facebook login error in android application</t>
  </si>
  <si>
    <t>&lt;p&gt;Edited&lt;/p&gt;
&lt;p&gt;I tried to add Facebook credentials to log my android application. i added fb login button to project.so it take my username correctly. but when other user login it did not take the new user name.&lt;/p&gt;
&lt;p&gt;I used &lt;a href="https://developers.facebook.com/docs/android/getting-started" rel="nofollow"&gt;This&lt;/a&gt; to developed my application. &lt;/p&gt;
&lt;p&gt;i want to use FB credentials as my application login details.&lt;/p&gt;
&lt;p&gt;This is code i used&lt;/p&gt;
&lt;pre&gt;&lt;code&gt;@Override
      public void onCreate(Bundle savedInstanceState) {
        super.onCreate(savedInstanceState);
        setContentView(R.layout.main);
        //authButton = (Button) findViewById(R.id.authButton);
        // start Facebook Login
        Session.openActiveSession(this, true, new Session.StatusCallback() {
          // callback when session changes state
        @Override
          public void call(Session session, SessionState state, Exception exception) {
            if (session.isOpened()) {
              // make request to the /me API
              Request.executeMeRequestAsync(session, new Request.GraphUserCallback() {
                // callback after Graph API response with user object
                @Override
                public void onCompleted(GraphUser user, Response response) {
                  if (user != null) {
                    TextView welcome = (TextView) findViewById(R.id.welcome);
                   // welcome.setText("Hello " + user.getName() + "!");
                    welcome.setText(user.getName() + ","
                            + user.getUsername() + ","
                            + user.getId() + "," + user.getLink()
                            + "," + user.getFirstName()+ user.asMap().get("email"));
                  }
                }
              });
            }
          }
        });
      }
      @Override
      public void onActivityResult(int requestCode, int resultCode, Intent data) {
          super.onActivityResult(requestCode, resultCode, data);
          Session.getActiveSession().onActivityResult(this, requestCode, resultCode, data);
      }
&lt;/code&gt;&lt;/pre&gt;
&lt;p&gt;Can anyone help me to fix this problem?&lt;/p&gt;</t>
  </si>
  <si>
    <t>2014-02-09 06:53:50.993000+00:00</t>
  </si>
  <si>
    <t>2014-02-11 07:53:36.710000+00:00</t>
  </si>
  <si>
    <t>android|facebook|facebook-graph-api</t>
  </si>
  <si>
    <t>How should celery pick tasks from database</t>
  </si>
  <si>
    <t>&lt;p&gt;I have python django web application.
When user submits the request then i have to insert 10 rows in database , basically which are tasks that has to completed.&lt;/p&gt;
&lt;p&gt;I can have function which gets those tasks and then celery can run those functions.&lt;/p&gt;
&lt;pre&gt;&lt;code&gt;@shared_task
def provision(tasks):
    for tasks in tasks:
       pass
&lt;/code&gt;&lt;/pre&gt;
&lt;p&gt;My problem is&lt;/p&gt;
&lt;ol&gt;
&lt;li&gt;Some tasks i want o happen in sequqnce after other&lt;/li&gt;
&lt;li&gt;some tasks i want to happen in parallel&lt;/li&gt;
&lt;li&gt;IN case some tasks failed then i should be able to restart them&lt;/li&gt;
&lt;/ol&gt;
&lt;p&gt;I am not sure how will celery help me on this&lt;/p&gt;</t>
  </si>
  <si>
    <t>2016-04-22 03:02:32.487000+00:00</t>
  </si>
  <si>
    <t>2018-05-21 10:27:04.767000+00:00</t>
  </si>
  <si>
    <t>python|django|celery</t>
  </si>
  <si>
    <t>How to set/update clicked item in React.js?</t>
  </si>
  <si>
    <t>&lt;p&gt;Could you please tell me how to how to set/update a clicked item in React.js?.
I want the value of the clicked element to change to "test". How can I setup such event handler to do this? &lt;/p&gt;
&lt;p&gt;Here is &lt;a href="http://codepen.io/naveennsit/pen/wGbQzV?editors=1010" rel="nofollow"&gt;my code&lt;/a&gt;&lt;/p&gt;
&lt;p&gt;On item click I am trying to update the item like that &lt;/p&gt;
&lt;pre&gt;&lt;code&gt;   btnClick(obj) {
        obj.hse = 'test';
        console.log(obj);
        // this.setState({
        //     data: [obj]
        // });
    }
&lt;/code&gt;&lt;/pre&gt;</t>
  </si>
  <si>
    <t>2016-05-18 07:00:01.550000+00:00</t>
  </si>
  <si>
    <t>2016-05-18 07:23:15.863000+00:00</t>
  </si>
  <si>
    <t>2016-05-18 07:22:29.190000+00:00</t>
  </si>
  <si>
    <t>javascript|reactjs|react-native</t>
  </si>
  <si>
    <t>Plotting graph with Matplotlib</t>
  </si>
  <si>
    <t>&lt;p&gt;I have a Dataframe(153 rows X 2 columns) -
with Column 1 - Complaint Type (String)
and Column 2 - Count (int)&lt;/p&gt;
&lt;p&gt;I need to plot this with y axis = count and x axis = complaint type(string)&lt;/p&gt;
&lt;p&gt;I saw an answer that i can use xticks to use string as my x axis labels -&lt;/p&gt;
&lt;pre&gt;&lt;code&gt;x = np.array([0,1,2,3])
y = np.array([20,21,22,23])
my_xticks = ['John','Arnold','Mavis','Matt']
plt.xticks(x, my_xticks)
plt.plot(x, y)
plt.show()
&lt;/code&gt;&lt;/pre&gt;
&lt;p&gt;But how can i plot when i don't even have integer/float values as my variables.
I get Value Error: Cannot convert string to float. &lt;/p&gt;</t>
  </si>
  <si>
    <t>2017-11-27 16:03:31.370000+00:00</t>
  </si>
  <si>
    <t>2017-11-27 16:12:54.673000+00:00</t>
  </si>
  <si>
    <t>python|pandas|matplotlib|seaborn</t>
  </si>
  <si>
    <t>Reading a .tif file in C#</t>
  </si>
  <si>
    <t>&lt;p&gt;I am reading a .tif file to retrieve the header data in C#. but when I try to read the data I am getting following error.&lt;/p&gt;
&lt;pre class="lang-cs prettyprint-override"&gt;&lt;code&gt;Stream imageStreamSource = new FileStream(filepath, FileMode.Open, FileAccess.Read, FileShare.Read);
TiffBitmapDecoder tiffdecoder = new TiffBitmapDecoder(imageStreamSource, BitmapCreateOptions.PreservePixelFormat, BitmapCacheOption.OnLoad);
BitmapSource firstframe = tiffdecoder.Frames[0];
&lt;/code&gt;&lt;/pre&gt;
&lt;p&gt;compiler parser first line siccessfully but if I look it into the object I saw this error : ReadTimeout = 'imageStreamSource.ReadTimeout' threw an exception of type 'System.InvalidOperationException' and WriteTimeout = 'imageStreamSource.WriteTimeout ' threw an exception of type 'System.InvalidOperationException'.&lt;/p&gt;
&lt;p&gt;and the TiffBitmapdecoder throwing the error: &lt;strong&gt;The codec cannot use the type of stream provided.&lt;/strong&gt; Am I using wrong class fro decoding ? any better way to do read the header information and then parse the image for some symbols on it are very appreciated. &lt;/p&gt;</t>
  </si>
  <si>
    <t>2016-09-24 18:59:59.110000+00:00</t>
  </si>
  <si>
    <t>2016-11-04 02:40:44.167000+00:00</t>
  </si>
  <si>
    <t>2016-10-03 19:11:07.900000+00:00</t>
  </si>
  <si>
    <t>c#|image-processing|bitmap|tiff</t>
  </si>
  <si>
    <t>How to import a external javascript module into postman?</t>
  </si>
  <si>
    <t>&lt;p&gt;How to import a external java-script module into postman?
Please show me in example.&lt;/p&gt;</t>
  </si>
  <si>
    <t>2018-05-19 22:01:43.050000+00:00</t>
  </si>
  <si>
    <t>2018-05-21 21:15:54.497000+00:00</t>
  </si>
  <si>
    <t>postman|postman-collection-runner</t>
  </si>
  <si>
    <t>moment.js convert eastern daylight time to utc?</t>
  </si>
  <si>
    <t>&lt;p&gt;I have the following function that adds 30 business days to a date. I'm passing in &lt;code&gt;UTC&lt;/code&gt; but the output gives me &lt;code&gt;eastern daylight time&lt;/code&gt; What can I do to get only UTC out of this function? I've tried &lt;code&gt;moment(tmpDate).utc()&lt;/code&gt; but nothing seems to work. Any help would be great, thanks!&lt;/p&gt;
&lt;pre&gt;&lt;code&gt;function addBusinessDays(date, daysToAdd) {
        var cnt = 0;
        var tmpDate = moment(date);
        while (cnt &amp;lt; daysToAdd) {
            tmpDate = tmpDate.add('days', 1);
            if (tmpDate.weekday() != moment().day("Sunday").weekday() &amp;amp;&amp;amp; tmpDate.weekday() != moment().day("Saturday").weekday()) {
                cnt = cnt + 1;
            }
        }
        return tmpDate._d;
    }
    var tmp = addBusinessDays("Tue Apr 04 2017 00:00:00 GMT+0000 (UTC)", 30);
&lt;/code&gt;&lt;/pre&gt;</t>
  </si>
  <si>
    <t>2017-04-13 19:49:42.600000+00:00</t>
  </si>
  <si>
    <t>2017-04-13 20:18:35.350000+00:00</t>
  </si>
  <si>
    <t>javascript|timezone|timestamp|momentjs</t>
  </si>
  <si>
    <t>Create a numerical probability generator - Euromillions Generator</t>
  </si>
  <si>
    <t>&lt;p&gt;I'm asking for help. I'm looking to create a numerical probabilities generator but let me explain exactly the kind of help I��m asking to.
I've already came up with a source code that will randomly generate numbers, but I want to make some numbers with more chance to be generated than others.&lt;/p&gt;
&lt;p&gt;So far I've got this, but this will only generate this numbers and here��s where my brain explodes. This code won��t distinguish the numbers, it doesn't generate a 12.. It generates either a 1 or 2.
I want to make it to "see" lets say.. a 1 a 2 and a 12&lt;/p&gt;
&lt;p&gt;Please, help me on this one.&lt;/p&gt;
&lt;pre&gt;&lt;code&gt;var
i: integer;
const
str = '0102030405060708091011121314151617181920212223242  526272829303132333435363738394041424344454647484950';
max = 5;
begin
Edit1.Text := '';
Randomize;
for i := 1 to max do
Edit1.Text := Edit1.Text + str[random(length(str))+1];
&lt;/code&gt;&lt;/pre&gt;
&lt;p&gt;Sincerly,
Hopsins&lt;/p&gt;</t>
  </si>
  <si>
    <t>2014-06-08 16:22:53.347000+00:00</t>
  </si>
  <si>
    <t>2014-06-09 16:57:32.640000+00:00</t>
  </si>
  <si>
    <t>2014-06-08 16:42:45.597000+00:00</t>
  </si>
  <si>
    <t>delphi-7</t>
  </si>
  <si>
    <t>Send message to specific user</t>
  </si>
  <si>
    <t>&lt;p&gt;I'm trying to send the user that connects a welcome message, but something like this won't work:&lt;/p&gt;
&lt;pre&gt;&lt;code&gt;    public void Connected(string name)
    {
        Clients.this.newMessage("Hello world!"); //Welcome message to current user
        Clients.All.userConnected(name); //Joined message to everyone
    }
&lt;/code&gt;&lt;/pre&gt;
&lt;p&gt;I know it's not a lot of information I give you, but I don't know what you need.
(My front end is with angularJs, that might be useful)&lt;/p&gt;</t>
  </si>
  <si>
    <t>2016-01-28 15:15:18.990000+00:00</t>
  </si>
  <si>
    <t>2016-01-28 17:59:51.460000+00:00</t>
  </si>
  <si>
    <t>c#|angularjs|signalr</t>
  </si>
  <si>
    <t>I always get the values of latitude=0 and longitude=0 in android when I try to get current user's location. How to fix it?</t>
  </si>
  <si>
    <t>&lt;p&gt;Class that implements LocationListener and get last know location using GPS in android API level 23. This class include the functions of getting the current user's latitude and longitude.&lt;/p&gt;
&lt;pre&gt;&lt;code&gt;public class Teacher_Location extends Service implements LocationListener {
private final Context mContext;
// flag for GPS status
boolean isGPSEnabled = false;
// flag for network status
boolean isNetworkEnabled = false;
// flag for GPS status
boolean canGetLocation = false;
Location location; // location
double latitude; // latitude
double longitude; // longitude
// The minimum distance to change Updates in meters
private static final long MIN_DISTANCE_CHANGE_FOR_UPDATES = 0; // 10 meters
// The minimum time between updates in milliseconds
private static final long MIN_TIME_BW_UPDATES =0; // 1 minute
// Declaring a Location Manager
protected LocationManager locationManager;
public Teacher_Location(Context context) {
    this.mContext = context;
    getLocation();
}
public Location getLocation() {
    try {
        locationManager = (LocationManager) mContext
                .getSystemService(LOCATION_SERVICE);
        // getting GPS status
        isGPSEnabled = locationManager
                .isProviderEnabled(LocationManager.GPS_PROVIDER);
        // getting network status
        if (!isGPSEnabled) {
            // no network provider is enabled
        } else {
            this.canGetLocation = true;
            // if GPS Enabled get lat/long using GPS Services
            if (isGPSEnabled) {
                if (location == null) {
                 if(locationManager.isProviderEnabled(LocationManager.GPS_PROVIDER)){
                        locationManager.requestLocationUpdates(
                                LocationManager.GPS_PROVIDER,
                                MIN_TIME_BW_UPDATES,
                                MIN_DISTANCE_CHANGE_FOR_UPDATES, this);
                    }
                    Log.d("GPS Enabled", "GPS Enabled");
                    if (locationManager != null) {
                        location = locationManager
                                .getLastKnownLocation(LocationManager.GPS_PROVIDER);
                        if (location != null) {
                            latitude = location.getLatitude();
                            longitude = location.getLongitude();
                        }
                    }
                }
            }
        }
    } catch (Exception e) {
        e.printStackTrace();
    }
    return location;
}
/**
 * Stop using GPS listener
 * Calling this function will stop using GPS in your app
 * */
public void stopUsingGPS(){
    if(locationManager != null){
        locationManager.removeUpdates(Teacher_Location.this);
    }
}
/**
 * Function to get latitude
 * */
public double getLatitude(){
    if(location != null){
        latitude = location.getLatitude();
    }
    // return latitude
    return latitude;
}
/**
 * Function to get longitude
 * */
public double getLongitude(){
    if(location != null){
        longitude = location.getLongitude();
    }
    // return longitude
    return longitude;
}
/**
 * Function to check GPS/wifi enabled
 * @return boolean
 * */
public boolean canGetLocation() {
    return this.canGetLocation;
}
/**
 * Function to show settings alert dialog
 * On pressing Settings button will lauch Settings Options
 * */
public void showSettingsAlert(){
    AlertDialog.Builder alertDialog = new AlertDialog.Builder(mContext);
    // Setting Dialog Title
    alertDialog.setTitle("GPS is settings");
    // Setting Dialog Message
    alertDialog.setMessage("GPS is not enabled. Do you want to go to settings menu?");
    // On pressing Settings button
    alertDialog.setPositiveButton("Settings", new DialogInterface.OnClickListener() {
        public void onClick(DialogInterface dialog,int which) {
            Intent intent = new Intent(Settings.ACTION_LOCATION_SOURCE_SETTINGS);
            mContext.startActivity(intent);
        }
    });
    // on pressing cancel button
    alertDialog.setNegativeButton("Cancel", new DialogInterface.OnClickListener() {
        public void onClick(DialogInterface dialog, int which) {
            dialog.cancel();
        }
    });
    // Showing Alert Message
    alertDialog.show();
}
@Override
public void onLocationChanged(Location loc) {
   this.location=loc;
}
@Override
public void onProviderDisabled(String provider) {
    showSettingsAlert();
}
@Override
public void onProviderEnabled(String provider) {
}
@Override
public void onStatusChanged(String provider, int status, Bundle extras) {
}
@Override
public IBinder onBind(Intent arg0) {
    return null;
}
&lt;/code&gt;&lt;/pre&gt;
&lt;p&gt;}  &lt;/p&gt;
&lt;p&gt;here is the code for for getting latitude and longitude from the class Teacher_Location that implements LocationListener.&lt;/p&gt;
&lt;pre&gt;&lt;code&gt;teacher_location=new Teacher_Location(this);
        if(teacher_location.canGetLocation())
        {
            double latitude = teacher_location.getLatitude();
            double longitude = teacher_location.getLongitude();
            // \n is for new line
            Toast.makeText(getApplicationContext(), "Your Location is - \nLat: " + latitude + "\nLong: " + longitude, Toast.LENGTH_LONG).show();
            teacher_location.stopUsingGPS();
        }
        else
        {
            teacher_location.showSettingsAlert();
        }
&lt;/code&gt;&lt;/pre&gt;
&lt;blockquote&gt;
  &lt;p&gt;In my case this is showing latitude=0 and longitude=0 also.teach me
  How to get current latitude and longitude in android studio.
  &lt;a href="http://i.stack.imgur.com/JeofI.png" rel="nofollow"&gt;click here to view screen shot of my activity&lt;/a&gt;&lt;/p&gt;
&lt;/blockquote&gt;</t>
  </si>
  <si>
    <t>2016-06-09 01:58:03.170000+00:00</t>
  </si>
  <si>
    <t>2016-06-09 04:50:27.690000+00:00</t>
  </si>
  <si>
    <t>android|google-maps|android-studio|gps</t>
  </si>
  <si>
    <t>python distance travelled lists</t>
  </si>
  <si>
    <t>&lt;p&gt;I am attempting to create a program where I can track the distance travelled by a character in a 1D running game. My code that displays the running world is below:&lt;/p&gt;
&lt;pre&gt;&lt;code&gt;def display (track):
    r = 0
    c = 0
    print("\nTRACK")
    for r in range (0, (4), 1):
        for c in range (0, (41), 1):
            sys.stdout.write(track[r][c])
        print()
    print()
def initialize ():
    r = 0
    c = 0
    track = []
    #Creates each row and column. A "for" loop initiates which creates and appends an empty list to the list "track". Then, taking the current row into consideration, the respective number of columns are created via the inner "for loop and a space is appended to the end of the current row. The loop re-initiates and the process is repeated for all 4 required rows. This results in 4 rows and 41 coloumns.
    for r in range (0, (4), 1):
    #appends an empty list to track
        track.append([])
        for c in range (0, (41), 1):
    #appends a space to the current row
            track[r].append(" ")
    # the actual rows and columns are created below.
    #               0   1   2   3   4   5   6   7   8   9   A   B   C   D   E   F   G   H   I   J   K   L   M   N   O   P   Q   R   S   T   U   V   W   X   Y
    track  [0] =   [" ","0"," ","1"," ","2"," ","3"," ","4"," ","5"," ","6"," ","7"," ","8"," ","9"," ","A"," ","B"," ","C"," ","D"," ","E"," ","F"," ","G"," ","H"," ","I"," ","J"," "," "," "," "," "," "," "," "," "," "," "," "," "," "," "," "," "," "," "," "," "," "," "," "," "," "," "," "," "," "," "," "," "," "," "," "," "," "," "]
    track  [1] =   [" ","-"," ","-"," ","-"," ","-"," ","-"," ","-"," ","-"," ","-"," ","-"," ","-"," ","-"," ","-"," ","-"," ","-"," ","-"," ","-"," ","-"," ","-"," ","-"," ","-"," "]
    track  [2] =   ["|","@","|"," ","|"," ","|"," ","|"," ","|"," ","|"," ","|"," ","|"," ","|"," ","|"," ","|"," ","|"," ","|"," ","|"," ","|"," ","|"," ","|"," ","|"," ","|"," ","|"]
    track  [3] =   [" ","-"," ","-"," ","-"," ","-"," ","-"," ","-"," ","-"," ","-"," ","-"," ","-"," ","-"," ","-"," ","-"," ","-"," ","-"," ","-"," ","-"," ","-"," ","-"," ","-"," "]
    return track 
&lt;/code&gt;&lt;/pre&gt;
&lt;p&gt;Now the running character is represented by the "@" sign in track[2][1]. A user will input a number and depending on the number the runner will move to the right that many places and the track will be displayed again and the user will be re-asked again, until the runner makes it to the end.&lt;/p&gt;
&lt;p&gt;My issue lies in creating a function that moves the runner forward into an empty space " ", while at the same time turning the old space the runner was in into an empty space " " and the new space into the runner "@". This is kind of the format of what I have tried:&lt;/p&gt;
&lt;pre&gt;&lt;code&gt;def displayDistance(distanceTravelled,track):
    location= track[2].index("@")
    currentDistance= track[2][location]
    nextDistance= track[2][location+distanceTravelled]
    currentDistance= " "
    nextDistance="@"
&lt;/code&gt;&lt;/pre&gt;
&lt;p&gt;I am fairly new with lists therefore I am having issues with this problem. Also on a last note, if the charachter "@" moves on to a "|" (border space) then he should automatically move to the next available blank space " ". As well, if the runner reaches the end, he shouldn't move any further regardless of if more input in entered. If anything isn't clear please let me know and I will fix it fast. Thanks for any and all help.&lt;/p&gt;</t>
  </si>
  <si>
    <t>2012-11-22 21:35:12.580000+00:00</t>
  </si>
  <si>
    <t>2012-11-22 21:50:59.140000+00:00</t>
  </si>
  <si>
    <t>python|list</t>
  </si>
  <si>
    <t>Error "Arithmetic operation resulted in an overflow."</t>
  </si>
  <si>
    <t>&lt;p&gt;I'm tasked to create a program that will run an extremely long query. That query executes well in Oracle but whenever I try to run it from VB.Net, it results to the error mentioned on the title. And also, I have noticed that when I copy my query to an SQLDataSource, it copied only certain parts and not the whole query. Is there any chance for this? Thank you!&lt;/p&gt;</t>
  </si>
  <si>
    <t>2012-11-09 05:18:32.357000+00:00</t>
  </si>
  <si>
    <t>2012-11-09 05:57:02.463000+00:00</t>
  </si>
  <si>
    <t>vb.net|oracle</t>
  </si>
  <si>
    <t>PHP script to check if user is in database then auth to LDAP</t>
  </si>
  <si>
    <t>&lt;p&gt;I'm trying check if a username is in one of my databases.&lt;/p&gt;
&lt;pre&gt;&lt;code&gt;$mysqli-&amp;gt;prepare("SELECT username FROM table WHERE username = ?") ...
&lt;/code&gt;&lt;/pre&gt;
&lt;p&gt;If the username is in my database I want to have them then try to auth to my LDAP server.&lt;/p&gt;
&lt;pre&gt;&lt;code&gt;if($stmt-&amp;gt;num_rows === 0){ ...
&lt;/code&gt;&lt;/pre&gt;
&lt;p&gt;The code below works without all of the mysqli to test if the username is in the DB. Right now if I try to log in I'm met with:&lt;/p&gt;
&lt;blockquote&gt;
  &lt;p&gt;Fatal error: Call to undefined method mysqli_stmt::get_result() in
  C:\xampp\htdocs\webapp\login.php on line 22&lt;/p&gt;
&lt;/blockquote&gt;
&lt;pre&gt;&lt;code&gt;&amp;lt;?php
    require_once('config.php'); //db connection
    //error_reporting(0); 
    if (isset($_POST['submitted'])) { 
        $username =$_POST['username'];
        $password=$_POST['password'];
        $ldap = ldap_connect("localserv1.local.com", 389) or exit ("Error connecting to LDAP server.");
        //Settings for AD
        ldap_set_option($ds, LDAP_OPT_PROTOCOL_VERSION, 3);
        ldap_set_option($ds, LDAP_OPT_REFERRALS, 0);
            //Prep statment to check if user is in tblAdmins
            if ($stmt = $mysqli-&amp;gt;prepare("SELECT username FROM table WHERE username = ?"))
            {
                  $stmt-&amp;gt;bind_param('s', $username);
                  $stmt-&amp;gt;execute();
                  $stmt-&amp;gt;store_result();
                  $result = $stmt-&amp;gt;get_result();
                  // Check if the username is in the db
                  if($stmt-&amp;gt;num_rows === 0){
                    //The user is not in the DB
                    echo('&amp;lt;p class="error"&amp;gt;You are not authorized to view this application.&amp;lt;/p&amp;gt;&amp;lt;div class="clear"&amp;gt;&amp;lt;/div&amp;gt;');
                  }elseif ($bind = ldap_bind($ldap, 'local\\'.$username, $password)) {          
                    //Log them in!
                    session_register("username");
                    session_register("password");
                    header("Location: https://" . $_SERVER['HTTP_HOST'] . substr($_SERVER['REQUEST_URI'], 0, -9) . "index.php" );
                    exit;       
                   }else {
                        // Invalid LDAP user/pass
                        echo('&amp;lt;p class="error"&amp;gt;Invalid username or password.&amp;lt;/p&amp;gt;&amp;lt;div class="clear"&amp;gt;&amp;lt;/div&amp;gt;');        
                    }
            }else {
                //Error
                printf("Prep statment failed: %s\n", $mysqli-&amp;gt;error);
            }
    }
    ?&amp;gt;
&lt;/code&gt;&lt;/pre&gt;</t>
  </si>
  <si>
    <t>2012-08-22 17:38:39.697000+00:00</t>
  </si>
  <si>
    <t>2012-08-23 03:21:53.953000+00:00</t>
  </si>
  <si>
    <t>2012-08-22 18:09:43.043000+00:00</t>
  </si>
  <si>
    <t>php|active-directory|ldap|mysqli|prepared-statement</t>
  </si>
  <si>
    <t>App crashes with OnClickListener in Fragment</t>
  </si>
  <si>
    <t>&lt;p&gt;I have an app with 3 tabs and one of them has a todo-function. Everything works fine when I want to add a new note. Now I wanted to implement a delete function for the notes and since I can't access the button from the .xml file I tried it with &lt;code&gt;public class Tab2 extends Fragment implements View.OnClickListener&lt;/code&gt; and &lt;code&gt;public void onClick(View v)&lt;/code&gt; but now my App crashes completly when I start it. What do I do wrong?
Here the Fragment:&lt;/p&gt;
&lt;pre&gt;&lt;code&gt;public class Tab2 extends Fragment implements View.OnClickListener {
ImageButton btn_ok;
EditText edit_task;
private TaskDbHelper mHelper;
public ListView mTaskListView;
private ArrayAdapter&amp;lt;String&amp;gt; mAdapter;
@Nullable
@Override
public View onCreateView(LayoutInflater inflater, @Nullable ViewGroup container, Bundle savedInstanceState) {
    View view = inflater.inflate(R.layout.tab2, container, false);
    setHasOptionsMenu(true);
    mHelper = new TaskDbHelper(getActivity());
    mTaskListView = view.findViewById(R.id.list_todo);
    updateUI();
    Button b = view.findViewById(R.id.btn_delete);
    b.setOnClickListener(this);
    return view;
}
public void updateUI() {
    ArrayList&amp;lt;String&amp;gt; taskList = new ArrayList&amp;lt;&amp;gt;();
    SQLiteDatabase db = mHelper.getReadableDatabase();
    Cursor cursor = db.query(TaskContract.TaskEntry.TABLE, new String[]{TaskContract.TaskEntry._ID, TaskContract.TaskEntry.COL_TASK_TITLE},
            null, null, null, null, null, null);
    while (cursor.moveToNext()) {
        int idx = cursor.getColumnIndex(TaskContract.TaskEntry.COL_TASK_TITLE);
        taskList.add(cursor.getString(idx));
    }
    if (mAdapter == null) {
        mAdapter = new ArrayAdapter&amp;lt;String&amp;gt;(getActivity(), R.layout.item_todo, R.id.task_title, taskList);
        mTaskListView.setAdapter(mAdapter);
    } else {
        mAdapter.clear();
        mAdapter.addAll(taskList);
        mAdapter.notifyDataSetChanged();
    }
    cursor.close();
    db.close();
}
public void onCreateOptionsMenu(Menu menu, MenuInflater inflater) {
    inflater.inflate(R.menu.main_menu, menu);
    super.onCreateOptionsMenu(menu, inflater);
}
@Override
public boolean onOptionsItemSelected(MenuItem item) {
    switch (item.getItemId()) {
        case R.id.action_add_task:
            final AlertDialog.Builder mBuilder = new AlertDialog.Builder(getActivity());
            View mView = getLayoutInflater().inflate(R.layout.dialog_add_task, null);
            btn_ok = mView.findViewById(R.id.btn_ok5);
            edit_task = mView.findViewById(R.id.edit_task);
            mBuilder.setView(mView);
            final AlertDialog dialog = mBuilder.create();
            dialog.show();
            btn_ok.setOnClickListener(new View.OnClickListener() {
                @Override
                public void onClick(View v) {
                    String task = String.valueOf(edit_task.getText());
                    SQLiteDatabase db = mHelper.getWritableDatabase();
                    ContentValues values = new ContentValues();
                    values.put(TaskContract.TaskEntry.COL_TASK_TITLE, task);
                    db.insertWithOnConflict(TaskContract.TaskEntry.TABLE, null, values, SQLiteDatabase.CONFLICT_REPLACE);
                    db.close();
                    updateUI();
                    dialog.cancel();
                }
            });
            return true;
        default:
            return super.onOptionsItemSelected(item);
    }
}
@Override
public void onClick(View v) {
    switch (v.getId()) {
        case R.id.btn_delete:
            View parent = (View) v.getParent();
            TextView taskTextView = parent.findViewById(R.id.task_title);
            String task = String.valueOf(taskTextView.getText());
            SQLiteDatabase db = mHelper.getWritableDatabase();
            db.delete(TaskContract.TaskEntry.TABLE, TaskContract.TaskEntry.COL_TASK_TITLE + " = ?", new String[]{task});
            db.close();
            updateUI();
            break;
    }
} }
&lt;/code&gt;&lt;/pre&gt;
&lt;p&gt;Logcat:&lt;/p&gt;
&lt;pre&gt;&lt;code&gt;    12-06 19:35:58.710 20306-20306/com.example.rike1.final_logbuch E/AndroidRuntime: FATAL EXCEPTION: main
                                                                                 Process: com.example.rike1.final_logbuch, PID: 20306
                                                                                 java.lang.NullPointerException: Attempt to invoke virtual method 'void android.widget.Button.setOnClickListener(android.view.View$OnClickListener)' on a null object reference
                                                                                     at com.example.rike1.final_logbuch.Tab2.onCreateView(Tab2.java:49)
                                                                                     at android.support.v4.app.Fragment.performCreateView(Fragment.java:2354)
                                                                                     at android.support.v4.app.FragmentManagerImpl.moveToState(FragmentManager.java:1419)
                                                                                     at android.support.v4.app.FragmentManagerImpl.moveFragmentToExpectedState(FragmentManager.java:1740)
                                                                                     at android.support.v4.app.FragmentManagerImpl.moveToState(FragmentManager.java:1809)
                                                                                     at android.support.v4.app.BackStackRecord.executeOps(BackStackRecord.java:799)
                                                                                     at android.support.v4.app.FragmentManagerImpl.executeOps(FragmentManager.java:2580)
                                                                                     at android.support.v4.app.FragmentManagerImpl.executeOpsTogether(FragmentManager.java:2367)
                                                                                     at android.support.v4.app.FragmentManagerImpl.removeRedundantOperationsAndExecute(FragmentManager.java:2322)
                                                                                     at android.support.v4.app.FragmentManagerImpl.execSingleAction(FragmentManager.java:2199)
                                                                                     at android.support.v4.app.BackStackRecord.commitNowAllowingStateLoss(BackStackRecord.java:651)
                                                                                     at android.support.v4.app.FragmentPagerAdapter.finishUpdate(FragmentPagerAdapter.java:145)
                                                                                     at android.support.v4.view.ViewPager.populate(ViewPager.java:1236)
                                                                                     at android.support.v4.view.ViewPager.populate(ViewPager.java:1084)
                                                                                     at android.support.v4.view.ViewPager.onMeasure(ViewPager.java:1614)
                                                                                     at android.view.View.measure(View.java:19917)
                                                                                     at android.view.ViewGroup.measureChildWithMargins(ViewGroup.java:6139)
                                                                                     at android.support.design.widget.CoordinatorLayout.onMeasureChild(CoordinatorLayout.java:714)
                                                                                     at android.support.design.widget.HeaderScrollingViewBehavior.onMeasureChild(HeaderScrollingViewBehavior.java:91)
                                                                                     at android.support.design.widget.AppBarLayout$ScrollingViewBehavior.onMeasureChild(AppBarLayout.java:1361)
                                                                                     at android.support.design.widget.CoordinatorLayout.onMeasure(CoordinatorLayout.java:784)
                                                                                     at android.view.View.measure(View.java:19917)
                                                                                     at android.view.ViewGroup.measureChildWithMargins(ViewGroup.java:6139)
                                                                                     at android.widget.FrameLayout.onMeasure(FrameLayout.java:185)
                                                                                     at android.support.v7.widget.ContentFrameLayout.onMeasure(ContentFrameLayout.java:139)
                                                                                     at android.view.View.measure(View.java:19917)
                                                                                     at android.view.ViewGroup.measureChildWithMargins(ViewGroup.java:6139)
                                                                                     at android.widget.LinearLayout.measureChildBeforeLayout(LinearLayout.java:1485)
                                                                                     at android.widget.LinearLayout.measureVertical(LinearLayout.java:775)
                                                                                     at android.widget.LinearLayout.onMeasure(LinearLayout.java:657)
                                                                                     at android.view.View.measure(View.java:19917)
                                                                                     at android.view.ViewGroup.measureChildWithMargins(ViewGroup.java:6139)
                                                                                     at android.widget.FrameLayout.onMeasure(FrameLayout.java:185)
                                                                                     at android.view.View.measure(View.java:19917)
                                                                                     at android.view.ViewGroup.measureChildWithMargins(ViewGroup.java:6139)
                                                                                     at android.widget.LinearLayout.measureChildBeforeLayout(LinearLayout.java:1485)
                                                                                     at android.widget.LinearLayout.measureVertical(LinearLayout.java:775)
                                                                                     at android.widget.LinearLayout.onMeasure(LinearLayout.java:657)
                                                                                     at android.view.View.measure(View.java:19917)
                                                                                     at android.view.ViewGroup.measureChildWithMargins(ViewGroup.java:6139)
                                                                                     at android.widget.FrameLayout.onMeasure(FrameLayout.java:185)
                                                                                     at com.android.internal.policy.DecorView.onMeasure(DecorView.java:729)
                                                                                     at android.view.View.measure(View.java:19917)
                                                                                     at android.view.ViewRootImpl.performMeasure(ViewRootImpl.java:2436)
                                                                                     at android.view.ViewRootImpl.measureHierarchy(ViewRootImpl.java:1482)
                                                                                     at android.view.ViewRootImpl.performTraversals(ViewRootImpl.java:1741)
                                                                                     at android.view.ViewRootImpl.doTraversal(ViewRootImpl.java:1366)
                                                                                     at android.view.ViewRootImpl$TraversalRunnable.run(ViewRootImpl.java:6768)
                                                                                     at android.view.Choreographer$CallbackRecord.run(Choreographer.java:926)
                                                                                     at android.view.Choreographer.doCallbacks(Choreographer.java:735)
12-06 19:35:58.710 20306-20306/com.example.rike1.final_logbuch E/AndroidRuntime:     at android.view.Choreographer.doFrame(Choreographer.java:667)
                                                                                     at android.view.Choreographer$FrameDisplayEventReceiver.run(Choreographer.java:912)
                                                                                     at android.os.Handler.handleCallback(Handler.java:761)
                                                                                     at android.os.Handler.dispatchMessage(Handler.java:98)
                                                                                     at android.os.Looper.loop(Looper.java:156)
                                                                                     at android.app.ActivityThread.main(ActivityThread.java:6523)
                                                                                     at java.lang.reflect.Method.invoke(Native Method)
                                                                                     at com.android.internal.os.ZygoteInit$MethodAndArgsCaller.run(ZygoteInit.java:942)
                                                                                     at com.android.internal.os.ZygoteInit.main(ZygoteInit.java:832)
&lt;/code&gt;&lt;/pre&gt;
&lt;p&gt;XML item_todo where the Button is I want to access:&lt;/p&gt;
&lt;pre&gt;&lt;code&gt;    &amp;lt;?xml version="1.0" encoding="utf-8"?&amp;gt;
&amp;lt;RelativeLayout
    xmlns:android="http://schemas.android.com/apk/res/android"
    android:layout_width="match_parent"
    android:layout_height="match_parent"
    android:layout_gravity="center_vertical"&amp;gt;
    &amp;lt;TextView
        android:id="@+id/task_title"
        android:layout_width="wrap_content"
        android:layout_height="wrap_content"
        android:layout_alignParentLeft="true"
        android:layout_alignParentStart="true"
        android:text="Hello"
        android:textSize="20sp" /&amp;gt;
    &amp;lt;Button
        android:id="@+id/btn_delete"
        android:layout_width="wrap_content"
        android:layout_height="wrap_content"
        android:layout_alignParentEnd="true"
        android:layout_alignParentRight="true"
        android:text="Done"
        android:backgroundTint="@color/colorAccent"/&amp;gt;
&amp;lt;/RelativeLayout&amp;gt;
&lt;/code&gt;&lt;/pre&gt;
&lt;p&gt;tab2 XML:&lt;/p&gt;
&lt;pre&gt;&lt;code&gt;    &amp;lt;?xml version="1.0" encoding="utf-8"?&amp;gt;
&amp;lt;RelativeLayout
    xmlns:android="http://schemas.android.com/apk/res/android"
    android:layout_width="match_parent"
    android:layout_height="match_parent"
    android:paddingBottom="@dimen/activity_vertical_margin"
    android:paddingLeft="@dimen/activity_horizontal_margin"
    android:paddingRight="@dimen/activity_horizontal_margin"
    android:paddingTop="@dimen/activity_vertical_margin"&amp;gt;
    &amp;lt;ListView
        android:id="@+id/list_todo"
        android:layout_width="wrap_content"
        android:layout_height="wrap_content"&amp;gt;
    &amp;lt;/ListView&amp;gt;
&amp;lt;/RelativeLayout&amp;gt;
&lt;/code&gt;&lt;/pre&gt;</t>
  </si>
  <si>
    <t>2017-12-06 19:28:19.213000+00:00</t>
  </si>
  <si>
    <t>2017-12-06 22:03:45.103000+00:00</t>
  </si>
  <si>
    <t>2017-12-06 21:44:59.260000+00:00</t>
  </si>
  <si>
    <t>android|android-fragments</t>
  </si>
  <si>
    <t>Cocoa Touch &amp; Sql Server</t>
  </si>
  <si>
    <t>&lt;p&gt;Is it possible to connect to Sql Server for the purpose of executing simple Sql commands within a native iPhone app?&lt;/p&gt;
&lt;p&gt;If so, how does one go about it? I'm stumped. More generally, I would at least like to see how this is done with GCC.&lt;/p&gt;
&lt;p&gt;Thanks in advance, Rich &lt;/p&gt;</t>
  </si>
  <si>
    <t>2010-03-09 23:59:07.447000+00:00</t>
  </si>
  <si>
    <t>2010-04-07 21:22:08.110000+00:00</t>
  </si>
  <si>
    <t>sql-server|objective-c|cocoa-touch|gcc</t>
  </si>
  <si>
    <t>Consuming WCF Service in MVVM architecture in Model class in Windows Phone</t>
  </si>
  <si>
    <t>&lt;p&gt;my requirement is to consume the data from WCF service,in a model class and send to view through View-model but it 's not working taking Null Values,Problem is &lt;/p&gt;
&lt;p&gt;while calling the method from wcf service &lt;strong&gt;methodnamecompleted&lt;/strong&gt; event is not firing.
and not taking the values.
Same code is working in Code behind with normal approach but with MVVM in Model class,showing mentioned issue.
If you have suggestions please help me out.&lt;/p&gt;
&lt;p&gt;Thank you.&lt;/p&gt;</t>
  </si>
  <si>
    <t>2015-10-27 10:26:41.397000+00:00</t>
  </si>
  <si>
    <t>2015-10-27 12:57:50.353000+00:00</t>
  </si>
  <si>
    <t>wcf|windows-phone-8|mvvm</t>
  </si>
  <si>
    <t>SQL Server and EF Migration from local to remote database</t>
  </si>
  <si>
    <t>&lt;p&gt;I'm working on an Entity Framework (EF) project that functions as a supplemental class library to another project within my Visual Studio 2013 solution.  I initially had a mock local database on my client dev system and build out the schema and other utilities from there.  The data adapter I'm using uses SQL Authentication.&lt;/p&gt;
&lt;p&gt;Once I had a validated stable build that satisfied my requirements, I incorporated the EF project into the solution.  Working off of the local database, everything worked fine.  I then re-aimed the EF database to a remote SQL server by:&lt;/p&gt;
&lt;ol&gt;
&lt;li&gt;Updating my Data adapter to the remote server&lt;/li&gt;
&lt;li&gt;Successfully testing my data adapter's connection&lt;/li&gt;
&lt;li&gt;updating the &lt;code&gt;App.Config&lt;/code&gt; files in the start-up project and the EF project with the correct connection string&lt;/li&gt;
&lt;li&gt;Ran the T-SQL script generated by EF on the remote server&lt;/li&gt;
&lt;li&gt;Validated that the T-SQL script worked by observing the database view and seeing my new tables present&lt;/li&gt;
&lt;/ol&gt;
&lt;p&gt;Once I finished, I re-ran the solution.  EF threw an exception on the first call from the Framework:&lt;/p&gt;
&lt;blockquote&gt;
  &lt;p&gt;An unhandled exception of type 'System.Data.Entity.Core.EntityException' occurred in EntityFramework.SqlServer.dll&lt;/p&gt;
  &lt;p&gt;Additional information: The underlying provider failed on Open.&lt;/p&gt;
&lt;/blockquote&gt;
&lt;p&gt;When I checked the inner-exception, I found this:&lt;/p&gt;
&lt;blockquote&gt;
  &lt;p&gt;Login failed. The login is from an untrusted domain and cannot be used with Windows authentication.&lt;/p&gt;
&lt;/blockquote&gt;
&lt;p&gt;This exception puzzles me because if you'll recall at the beginning of my post, I'm using SQL authentication.&lt;/p&gt;
&lt;p&gt;I'm currently not using anything ASP.NET related, my testbed is simply being executed from a console application which had no problems pre-migration.&lt;/p&gt;
&lt;p&gt;I want to say this is an administration/environment issue, not code because locally I have no issues and my T-SQL script seems to run fine on the remote server, and I have connectivity with it.  Unfortunately for me my SQL server skills are no where near my coding ability, I'm unable to "prove" it.  So I find myself at a loss.&lt;/p&gt;
&lt;p&gt;Any help would from the fine folks at stackoverflow would be appreciated!&lt;/p&gt;
&lt;p&gt;Appended:&lt;/p&gt;
&lt;p&gt;Per DrewJordan:&lt;/p&gt;
&lt;p&gt;Context Constructor -&lt;/p&gt;
&lt;pre&gt;&lt;code&gt;public DatabaseContext(): base("name=DatabaseContext") {}
&lt;/code&gt;&lt;/pre&gt;
&lt;p&gt;Connection String -&lt;/p&gt;
&lt;p&gt;connectionString="metadata=res://&lt;em&gt;/Database.csdl|res://&lt;/em&gt;/Database.ssdl|res://*/Database.msl;provider=System.Data.SqlClient;provider connection string=&amp;quot;data source=mycompany.com\SQLEXPRESS;initial catalog=sandbox2_db;integrated security=True;MultipleActiveResultSets=True;App=EntityFramework&amp;quot;" providerName="System.Data.EntityClient"&lt;/p&gt;</t>
  </si>
  <si>
    <t>2016-01-05 20:36:00.590000+00:00</t>
  </si>
  <si>
    <t>2016-01-08 18:06:12.073000+00:00</t>
  </si>
  <si>
    <t>2016-01-05 20:55:14.043000+00:00</t>
  </si>
  <si>
    <t>c#|sql-server|tsql|visual-studio-2012|entity-framework-6</t>
  </si>
  <si>
    <t>java cipher.dofinal return 0 size array</t>
  </si>
  <si>
    <t>&lt;p&gt;I have a problem with decrypt string.
cipher.doFinal must return byte array. Method is returning any bytes byt suze array is 0.&lt;/p&gt;
&lt;pre&gt;&lt;code&gt;byte[] byteDecod;
byte[] inBytes;
try {
    BASE64Decoder decoder = new BASE64Decoder();
    inBytes = decoder.decodeBuffer(encryptedValue);
    System.out.println("inBytes (decode from BASE64) : " + inBytes + " : size : " + inBytes.length);
} catch (Exception e1) {
    // TODO Auto-generated catch block
    decordedValue=null;
    inBytes=null;
    e1.printStackTrace();
} 
byte[] decValue;
byte[] decryptByte;
String returnString;
try {
    decValue = c.doFinal(inBytes);
    //decryptByte = decValue;
    System.out.println("---------------------------------");
    System.out.println(decValue + " : size : " + decValue.length);
    System.out.println("---------------------------------");
    System.out.println(decValue.toString() + " : convert to string : " + new String(decValue, Charset.forName("UTF-8")) + " |");
    System.out.println("---------------------------------");
    int i=0;
} catch (IllegalBlockSizeException e) {
    // TODO Auto-generated catch block
    System.out.println("decValue = c.doFinal(decordedValue)");
    decValue=null;
    returnString="";
    e.printStackTrace();
} catch (BadPaddingException e) {
    // TODO Auto-generated catch block
    System.out.println("decValue = c.doFinal(encryptedValue.getBytes");
    decValue=null;
    returnString="";
    e.printStackTrace();
}
&lt;/code&gt;&lt;/pre&gt;
&lt;p&gt;I have in console result as:&lt;/p&gt;
&lt;pre&gt;&lt;code&gt;inBytes (decode from BASE64) : [B@532760d8 : size : 16
--------------------------------- 
[B@57fa26b7 : size : 0
---------------------------------
[B@57fa26b7 : convert to string :  |
---------------------------------
&lt;/code&gt;&lt;/pre&gt;
&lt;p&gt;Why am i recive null size array from doFinal?&lt;/p&gt;
&lt;hr&gt;
&lt;p&gt;Full code of method&lt;/p&gt;
&lt;pre&gt;&lt;code&gt;public static String decrypt(String encryptedValue){ 
        System.out.println("DECRYPT");
        System.out.println("encryptedValue : " + encryptedValue + " : " + encryptedValue.length());
        Key key=null;;
        try {
            key = generateKey();
        } catch (Exception e) {
            // TODO Auto-generated catch block
            System.out.println("key = generateKey()");
            e.printStackTrace();
        } 
        Cipher c=null;;
        try {
            //c = Cipher.getInstance("AES/CBC/PKCS5Padding");
            c = Cipher.getInstance("AES");
        } catch (NoSuchAlgorithmException e) {
            // TODO Auto-generated catch block
            e.printStackTrace();
        } catch (NoSuchPaddingException e) {
            // TODO Auto-generated catch block
            e.printStackTrace();
        } 
        try {
            c.init(Cipher.DECRYPT_MODE,key);
        } catch (InvalidKeyException e) {
            // TODO Auto-generated catch block
            e.printStackTrace();
        } 
        String decordedValue;
        byte[] byteDecod;
        byte[] inBytes;
        try {
            BASE64Decoder decoder = new BASE64Decoder();
            inBytes = decoder.decodeBuffer(encryptedValue);
            System.out.println("inBytes (decode from BASE64) : " + inBytes + " : size : " + inBytes.length);
        } catch (Exception e1) {
            // TODO Auto-generated catch block
            decordedValue=null;
            inBytes=null;
            e1.printStackTrace();
        } 
        byte[] decValue;
        byte[] decryptByte;
        String returnString;
        try {
            decValue = c.doFinal(inBytes);
            System.out.println("---------------------------------");
            System.out.println(decValue + " : size : " + decValue.length);
            System.out.println("---------------------------------");
            System.out.println(decValue.toString() + " : convert to string : " + new String(decValue, Charset.forName("UTF-8")) + " |");
            System.out.println("---------------------------------");
            int i=0;
        } catch (IllegalBlockSizeException e) {
            // TODO Auto-generated catch block
            decValue=null;
            returnString="";
            e.printStackTrace();
        } catch (BadPaddingException e) {
            // TODO Auto-generated catch block
            decValue=null;
            returnString="";
            e.printStackTrace();
        }
         String decryptedValue = new String(decValue); 
         return decryptedValue; 
         }
&lt;/code&gt;&lt;/pre&gt;
&lt;hr&gt;
&lt;p&gt;Full code of class&lt;/p&gt;
&lt;pre&gt;&lt;code&gt;package test;
import java.io.IOException;
import java.io.UnsupportedEncodingException;
import java.nio.ByteBuffer;
import java.nio.charset.Charset;
import java.security.AlgorithmParameters;
import java.security.InvalidAlgorithmParameterException;
import java.security.InvalidKeyException;
import java.security.Key;
import java.security.NoSuchAlgorithmException;
import java.security.SecureRandom;
import java.security.spec.InvalidKeySpecException;
import java.security.spec.InvalidParameterSpecException;
import java.util.Base64;
import javax.crypto.BadPaddingException;
import javax.crypto.Cipher;
import javax.crypto.EncryptedPrivateKeyInfo;
import javax.crypto.IllegalBlockSizeException;
import javax.crypto.NoSuchPaddingException;
import javax.crypto.SecretKey;
import javax.crypto.SecretKeyFactory;
import javax.crypto.spec.IvParameterSpec;
import javax.crypto.spec.PBEKeySpec;
import javax.crypto.spec.SecretKeySpec;
import com.sun.org.apache.xml.internal.security.exceptions.Base64DecodingException;
import sun.misc.BASE64Decoder;
import sun.misc.BASE64Encoder;
public class ByteArrayClass {
    private static byte[] ivBytes;
    public static byte[] keyValue = new byte[32];
    public static String cryptText = ""; 
    public static String encryptText = ""; 
    public static void main(String[] args){
        //
        System.out.println("Start");
        String str = "MySuperSecretKey"; //AES allows 128, 192 or 256 bit key length. That is 16, 24 or 32 byte
        try {
            keyValue = str.getBytes("UTF-8");
        } catch (UnsupportedEncodingException e) {
            // TODO Auto-generated catch block
            e.printStackTrace();
        }
        String clearText = "123456789012345623";
        cryptText = encrypt(clearText);
        encryptText = decrypt(cryptText);
        System.out.println("Clear text: " + clearText);
        System.out.println("Crypted text: " + cryptText);
        System.out.println("Encrypted text: " + encryptText);
        System.out.println("Finish");
    }
     public static String encrypt(String plainText){   
            System.out.println("plainText :" + plainText + " : " + plainText.length());
            Key key=null;;
            try {
                key = generateKey();
            } catch (Exception e1) {
                // TODO Auto-generated catch block
                System.out.println("key = generateKey()");
                e1.printStackTrace();
            }
            Cipher cipher=null;
            try {
                cipher = Cipher.getInstance("AES");
            } catch (NoSuchAlgorithmException e) {
                // TODO Auto-generated catch block
                e.printStackTrace();
            } catch (NoSuchPaddingException e) {
                // TODO Auto-generated catch block
                e.printStackTrace();
            }
            try {
                cipher.init(Cipher.ENCRYPT_MODE, key);
            } catch (InvalidKeyException e) {
                // TODO Auto-generated catch block
                e.printStackTrace();
            }
            byte[] clearTextBytes = new byte[32];
            try {
                clearTextBytes = plainText.getBytes("UTF-8");
            } catch (UnsupportedEncodingException e1) {
                // TODO Auto-generated catch block
                e1.printStackTrace();
            }
            System.out.println("clearTextBytes : " + clearTextBytes + " : " + clearTextBytes.length);
            clearTextBytes = checkTextLenght(clearTextBytes);
            System.out.println("checkTextLenght.clearTextBytes : " + clearTextBytes.length);
            byte[] encryptedTextBytes;
            try {
                encryptedTextBytes = cipher.doFinal();
            } catch (IllegalBlockSizeException e) {
                // TODO Auto-generated catch block
                e.printStackTrace();
                encryptedTextBytes=null;
            } catch (BadPaddingException e) {
                // TODO Auto-generated catch block
                e.printStackTrace();
                encryptedTextBytes=null;
            }
            //@Override
            String encryptedValue = new BASE64Encoder().encode(encryptedTextBytes);
            System.out.println("encryptedValue : " + encryptedValue.toString() + " : " + encryptedValue.toString().length());
            System.out.println("encryptedTextBytes : " + encryptedTextBytes.toString() + " : " + encryptedTextBytes.length);
            return encryptedValue.toString();
        }
     public static String decrypt(String encryptedValue){ 
        System.out.println("DECRYPT");
        System.out.println("encryptedValue : " + encryptedValue + " : " + encryptedValue.length());
        Key key=null;;
        try {
            key = generateKey();
        } catch (Exception e) {
            // TODO Auto-generated catch block
            System.out.println("key = generateKey()");
            e.printStackTrace();
        } 
        Cipher c=null;;
        try {
            c = Cipher.getInstance("AES");
        } catch (NoSuchAlgorithmException e) {
            // TODO Auto-generated catch block
            e.printStackTrace();
        } catch (NoSuchPaddingException e) {
            // TODO Auto-generated catch block
            e.printStackTrace();
        } 
        try {
            //c.init(Cipher.DECRYPT_MODE, key,ivspec);
            c.init(Cipher.DECRYPT_MODE,key);
        } catch (InvalidKeyException e) {
            // TODO Auto-generated catch block
            System.out.println("c.init(Cipher.DECRYPT_MODE, key);");
            e.printStackTrace();
        } 
        String decordedValue;
        byte[] byteDecod;
        byte[] inBytes;
        try {
            BASE64Decoder decoder = new BASE64Decoder();
            inBytes = decoder.decodeBuffer(encryptedValue);
            System.out.println("inBytes (decode from BASE64) : " + inBytes + " : size : " + inBytes.length);
        } catch (Exception e1) {
            // TODO Auto-generated catch block
            decordedValue=null;
            inBytes=null;
            e1.printStackTrace();
        } 
        byte[] decValue;
        byte[] decryptByte;
        String returnString;
        try {
            decValue = c.doFinal(inBytes);
            System.out.println("---------------------------------");
            System.out.println(decValue + " : size : " + decValue.length);
            System.out.println("---------------------------------");
            System.out.println(decValue.toString() + " : convert to string : " + new String(decValue, Charset.forName("UTF-8")) + " |");
            System.out.println("---------------------------------");
            int i=0;
        } catch (IllegalBlockSizeException e) {
            // TODO Auto-generated catch block
            decValue=null;
            returnString="";
            e.printStackTrace();
        } catch (BadPaddingException e) {
            // TODO Auto-generated catch block
            decValue=null;
            returnString="";
            e.printStackTrace();
        }
         String decryptedValue = new String(decValue); 
         return decryptedValue; 
         }
     public static String generateSalt() {
            SecureRandom random = new SecureRandom();
            byte bytes[] = new byte[26];
            random.nextBytes(bytes);
            String s = new String(bytes);
            return s;
        }
     private static Key generateKey() throws Exception 
     {
             Key key = new SecretKeySpec(keyValue, "AES");
             return key;
     }
     private static byte[] checkTextLenght (byte[] clearTextBytes){
         //
         int size = (clearTextBytes.length / 16 ) + ( (clearTextBytes.length % 16 == 0) ? 0 : 1 ) ;
            int newLength = size * 16;
            int lengthOfPad = newLength - clearTextBytes.length;
            // set the pad character according to PKCS5Padding algorithm
            byte padByte = 0;
            switch (lengthOfPad) {
                case 16 : padByte = (byte) 0x10; break;
                case 15 : padByte = (byte) 0x0f; break;
                case 14 : padByte = (byte) 0x0e; break;
                case 13 : padByte = (byte) 0x0d; break;
                case 12 : padByte = (byte) 0x0c; break;
                case 11 : padByte = (byte) 0x0b; break;
                case 10 : padByte = (byte) 0x0a; break;
                case 9 : padByte = (byte) 0x09; break;
                case 8 : padByte = (byte) 0x08; break;
                case 7 : padByte = (byte) 0x07; break;
                case 6 : padByte = (byte) 0x06; break;
                case 5 : padByte = (byte) 0x05; break;
                case 4 : padByte = (byte) 0x04; break;         
                case 3 : padByte = (byte) 0x03; break;        
                case 2 : padByte = (byte) 0x02; break;      
                case 1 : padByte = (byte) 0x01; break;               
            }
            ByteBuffer byteBuffer = ByteBuffer.allocate(newLength);
            byteBuffer.put(clearTextBytes);
            byte[] paddedUp = new byte[size * 16];
            for (int j=0;j&amp;lt;clearTextBytes.length;j++) {
                paddedUp[j]=byteBuffer.get(j);
            }
            for (int k=clearTextBytes.length;k&amp;lt;paddedUp.length;k++) {
                paddedUp[k]=padByte;
            }        
            //return paddedUp;
         return paddedUp;
     }
}
&lt;/code&gt;&lt;/pre&gt;
&lt;p&gt;I recive in console such information:&lt;/p&gt;
&lt;pre&gt;&lt;code&gt;Start
plainText :123456789012345623 : 18
clearTextBytes : [B@77afea7d : 18
checkTextLenght.clearTextBytes : 32
encryptedValue : p2j6Z0YpKA4xwVy8nB9dqw== : 24
encryptedTextBytes : [B@161cd475 : 16
DECRYPT
encryptedValue : p2j6Z0YpKA4xwVy8nB9dqw== : 24
inBytes (decode from BASE64) : [B@532760d8 : size : 16
---------------------------------
[B@57fa26b7 : size : 0
---------------------------------
[B@57fa26b7 : convert to string :  |
---------------------------------
Clear text: 123456789012345623
Crypted text: p2j6Z0YpKA4xwVy8nB9dqw==
Encrypted text: 
Finish
&lt;/code&gt;&lt;/pre&gt;</t>
  </si>
  <si>
    <t>2014-10-16 09:38:41.330000+00:00</t>
  </si>
  <si>
    <t>2014-10-16 11:18:30.273000+00:00</t>
  </si>
  <si>
    <t>java|arrays|null|cryptography</t>
  </si>
  <si>
    <t>Spring Properties file not auto wiring, @Value values always NULL</t>
  </si>
  <si>
    <t>&lt;p&gt;I have a Spring web application (RestFul web service)
I have the following in my &lt;code&gt;applicationContext.xml&lt;/code&gt; to read properties file:&lt;/p&gt;
&lt;pre&gt;&lt;code&gt; &amp;lt;bean id="propertyConfigurer" class="org.springframework.beans.factory.config.PropertyPlaceholderConfigurer"&amp;gt;
    &amp;lt;property name="ignoreUnresolvablePlaceholders" value="true" /&amp;gt;
    &amp;lt;property name="ignoreResourceNotFound" value="true" /&amp;gt;
    &amp;lt;property name="properties" ref="appProperties" /&amp;gt;
&amp;lt;/bean&amp;gt;
&amp;lt;bean id="appProperties" class="org.springframework.beans.factory.config.PropertiesFactoryBean"&amp;gt;
    &amp;lt;property name="ignoreResourceNotFound" value="true" /&amp;gt;
    &amp;lt;property name="locations"&amp;gt;
        &amp;lt;list&amp;gt;
            &amp;lt;value&amp;gt;classpath:common.properties&amp;lt;/value&amp;gt;
            &amp;lt;value&amp;gt;classpath:local.properties&amp;lt;/value&amp;gt;
            &amp;lt;value&amp;gt;classpath:${XPLAT_ENV}.properties&amp;lt;/value&amp;gt;
        &amp;lt;/list&amp;gt;
    &amp;lt;/property&amp;gt;
&amp;lt;/bean&amp;gt;
&lt;/code&gt;&lt;/pre&gt;
&lt;p&gt;And my Rest API is like this :&lt;/p&gt;
&lt;pre&gt;&lt;code&gt;@Path("/login")
@Component
public class CLSAmple {
    @Autowired
    @Qualifier("appProperties")
    protected Properties appProperties;
    @Value("${ui.server.endpoint}")
    private String uiservername;
    @GET
    @Produces(MediaType.TEXT_PLAIN)
    public String getLoginInformation() {
        if(appProperties != null){
            System.out.println("AppProperties is NOT null");
            String uiServer = appProperties.getProperty("ui.server.endpoint");
            return uiServer;
        }
        System.out.println("AppProperties is NULL");
        System.out.println("@Value  is " + uiservername);
        return "Hello Java!!";
    }
}
&lt;/code&gt;&lt;/pre&gt;
&lt;p&gt;But my &lt;code&gt;@Autowired&lt;/code&gt; &lt;code&gt;appProperties&lt;/code&gt; and &lt;code&gt;@Value&lt;/code&gt; to get a particular property is always &lt;code&gt;NULL&lt;/code&gt;. I have looked into similar posts about injecting values from properties file and tried all possible things suggested but it is still &lt;code&gt;NULL&lt;/code&gt;.
Also tried Annotation only approach using
&lt;code&gt;@PropertySource("classpath:common.properties")&lt;/code&gt;
but same results.&lt;/p&gt;
&lt;p&gt;Thanks&lt;/p&gt;
&lt;p&gt;Edited: Here is the applicationContext.xml&lt;/p&gt;
&lt;pre&gt;&lt;code&gt;&amp;lt;?xml version="1.0" encoding="UTF-8"?&amp;gt;
&amp;lt;beans xmlns="http://www.springframework.org/schema/beans" 
 xmlns:xsi="http://www.w3.org/2001/XMLSchema-instance"
   xmlns:metrics="http://www.ryantenney.com/schema/metrics" 
 xmlns:util="http://www.springframework.org/schema/util"
   xmlns:context="http://www.springframework.org/schema/context"
   xmlns:aop="http://www.springframework.org/schema/aop"
   xmlns:task="http://www.springframework.org/schema/task"
   xsi:schemaLocation="http://www.springframework.org/schema/beans
 http://www.springframework.org/schema/beans/spring-beans-3.0.xsd
http://www.springframework.org/schema/context
http://www.springframework.org/schema/context/spring-context-3.0.xsd
http://www.springframework.org/schema/util
 http://www.springframework.org/schema/util/spring-util-3.0.xsd
http://www.springframework.org/schema/aop 
http://www.springframework.org/schema/aop/spring-aop-3.0.xsd
http://www.springframework.org/schema/task 
http://www.springframework.org/schema/task/spring-task-3.0.xsd
http://www.ryantenney.com/schema/metrics
http://www.ryantenney.com/schema/metrics/metrics.xsd"&amp;gt;
&amp;lt;context:component-scan base-package="com.cl.connect" /&amp;gt;
&amp;lt;context:annotation-config/&amp;gt;
&amp;lt;bean id="propertyConfigurer" class="org.springframework.beans.factory.config.PropertyPlaceholderConfigurer"&amp;gt;
    &amp;lt;property name="ignoreUnresolvablePlaceholders" value="true" /&amp;gt;
    &amp;lt;property name="ignoreResourceNotFound" value="true" /&amp;gt;
    &amp;lt;property name="properties" ref="appProperties" /&amp;gt;
&amp;lt;/bean&amp;gt;
&amp;lt;bean id="appProperties" class="org.springframework.beans.factory.config.PropertiesFactoryBean"&amp;gt;
    &amp;lt;property name="ignoreResourceNotFound" value="true" /&amp;gt;
    &amp;lt;property name="locations"&amp;gt;
        &amp;lt;list&amp;gt;
            &amp;lt;value&amp;gt;classpath:common.properties&amp;lt;/value&amp;gt;
        &amp;lt;/list&amp;gt;
    &amp;lt;/property&amp;gt;
&amp;lt;/bean&amp;gt;
&amp;lt;/beans&amp;gt;
&lt;/code&gt;&lt;/pre&gt;</t>
  </si>
  <si>
    <t>2017-10-03 14:28:26.010000+00:00</t>
  </si>
  <si>
    <t>2017-10-03 18:00:58.927000+00:00</t>
  </si>
  <si>
    <t>2017-10-03 15:21:29.233000+00:00</t>
  </si>
  <si>
    <t>java|spring|rest|web-services</t>
  </si>
  <si>
    <t>Contradiction of cublasDgetrfBatched and cublasDtrsmBatched when to solve array of linear systems using cuBLAS</t>
  </si>
  <si>
    <t>&lt;p&gt;I have lots of dense linear systems which I want to solve in cuBLAS &lt;strong&gt;Batched&lt;/strong&gt; format. So my plan is &lt;/p&gt;
&lt;ol&gt;
&lt;li&gt;&lt;p&gt;use &lt;strong&gt;&lt;em&gt;cublasDgetrfBatched&lt;/em&gt;&lt;/strong&gt; for batched LU decomposition&lt;/p&gt;&lt;/li&gt;
&lt;li&gt;&lt;p&gt;Then use &lt;strong&gt;&lt;em&gt;cublasDtrsmBatched&lt;/em&gt;&lt;/strong&gt;  for batched lower triangular and batched upper triangular part one by one.&lt;/p&gt;&lt;/li&gt;
&lt;/ol&gt;
&lt;p&gt;The code is given as&lt;/p&gt;
&lt;pre&gt;&lt;code&gt; #include&amp;lt;stdio.h&amp;gt;
 #include&amp;lt;stdlib.h&amp;gt;
 #include&amp;lt;cuda_runtime.h&amp;gt; 
 #include&amp;lt;device_launch_parameters.h&amp;gt;
 #include&amp;lt;cublas_v2.h&amp;gt;
 const int N = 32;
 const int Nmatrices = N;
 __global__ void initiate(double *d_A, double *d_B)
    {
     int i = threadIdx.x;       int j = blockIdx.x;
     int id = j*N*N + i*N;      int idb = j*N + i;  
     for(int k = 0; k&amp;lt; N ; k++)
         {
        d_A[id + k] = 0.0;
        if(k == i-2)    d_A[id + k] = 1.0; 
        if(k == i-1)    d_A[id + k] = 2.0; 
        if(k == i)      d_A[id + k] = 8.0;
        if(k == i+1)    d_A[id + k] = 2.0;
        if(k == i+2)    d_A[id + k] = 1.0;  
        } 
     d_B[idb] = 8.0;   
    }
int main()
 {
    cublasHandle_t handle;      cublasSafeCall(cublasCreate(&amp;amp;handle));
// Allocate device space for the input matrices
  double *d_A_sys; cudaMalloc((void**)&amp;amp;d_A_sys, N*N*Nmatrices*sizeof(double));
  double *d_B_sys; cudaMalloc((void**)&amp;amp;d_B_sys, N*Nmatrices  *sizeof(double));
// Allocate host space for the solution
  double *h_B_sys = (double *)malloc(N*Nmatrices*sizeof(double));
// kernel for initiat d_A_sys and d_B_sys
  initiate&amp;lt;&amp;lt;&amp;lt;Nmatrices, N&amp;gt;&amp;gt;&amp;gt;(d_A_sys, d_B_sys);
//Creating the array of pointers needed as input/output to the batched getrf
  double **h_A_pointers = (double **)malloc(Nmatrices*sizeof(double *));
  for (int i = 0; i &amp;lt; Nmatrices; i++) h_A_pointers[i] = d_A_sys + i*N*N;
  double **h_b_pointers = (double **)malloc(Nmatrices*sizeof(double *));
  for (int i = 0; i &amp;lt; Nmatrices; i++) h_B_pointers[i] = d_B_sys + i*N;
  double **d_A_pointers;
  cudaMalloc((void**)&amp;amp;d_A_pointers, Nmatrices*sizeof(double *));
  cudaMemcpy(d_A_pointers, h_A_pointers, Nmatrices*sizeof(double *), cudaMemcpyHostToDevice);
  double **d_b_pointers;
  cudaMalloc((void**)&amp;amp;d_b_pointers, Nmatrices*sizeof(double *));
  cudaMemcpy(d_b_pointers, h_b_pointers, Nmatrices*sizeof(double *), cudaMemcpyHostToDevice);
  int *d_InfoArrays; cudaMalloc((void**)&amp;amp;d_InfoArrays,  Nmatrices*sizeof(int));
  int *h_InfoArrays = (int *)malloc(Nmatrices*sizeof(int));
//Batched LU decomposition
   cublasDgetrfBatched(handle, N, d_A_pointers, N, NULL, d_InfoArrays, Nmatrices));
  //Batched Lower triangular part
  cublasDtrsmBatched(handle, 
                   CUBLAS_SIDE_LEFT, 
                   CUBLAS_FILL_MODE_LOWER,
                   CUBLAS_OP_N,
                   CUBLAS_DIAG_UNIT,
                   N,
                   N,
                   &amp;amp;alpha,
                   d_A_pointers,
                   N,
                   d_b_pointers,
                   N,
                   Nmatrices);
  //Batched Upper triangular part
  cublasDtrsmBatched(handle,
                   CUBLAS_SIDE_LEFT,
                   CUBLAS_FILL_MODE_UPPER,
                   CUBLAS_OP_N,
                   CUBLAS_DIAG_NON_UNIT,
                   N,
                   N,
                   &amp;amp;alpha,
                   d_A_pointers,
                   N,
                   d_b_pointers,
                   N,
                   Nmatrices);
  cudaMemcpy(h_B_sys, d_B_sys, N*Nmatrices*sizeof(double), cudaMemcpyDeviceToHost);
  printf("Print out the solutions \n");
  cublasDestroy(handle);
  gpuErrchk(cudaDeviceReset());
  return 0;
 }
&lt;/code&gt;&lt;/pre&gt;
&lt;p&gt;&lt;a href="http://docs.nvidia.com/cuda/cublas/index.html#cublas-lt-t-gt-getrfbatched" rel="nofollow noreferrer"&gt;cublasDgetrfBatched&lt;/a&gt; and &lt;a href="http://docs.nvidia.com/cuda/cublas/index.html#cublas-lt-t-gt-trsmbatch" rel="nofollow noreferrer"&gt;cublasDtrsmBatched&lt;/a&gt; demand &lt;em&gt;d_A_pointers&lt;/em&gt; should be in &lt;strong&gt;double&lt;/strong&gt; type but when I execute, the later one giving me compiling error like this &lt;a href="https://i.stack.imgur.com/Y3hHO.png" rel="nofollow noreferrer"&gt;see the pic&lt;/a&gt;:&lt;/p&gt;
&lt;p&gt;How to overcome the problem, any help?&lt;/p&gt;</t>
  </si>
  <si>
    <t>2017-10-24 19:13:16.180000+00:00</t>
  </si>
  <si>
    <t>2017-10-26 13:24:35.213000+00:00</t>
  </si>
  <si>
    <t>2017-10-25 15:57:00.040000+00:00</t>
  </si>
  <si>
    <t>cuda|gpgpu|gpu-programming|cublas</t>
  </si>
  <si>
    <t>Display facebook user images in PhoneGap (Android)</t>
  </si>
  <si>
    <t>&lt;p&gt;I have a very simple use case. I have an xhr object  of ids of facebook users. 
Now I just want to display the images of the users in the following way.&lt;/p&gt;
&lt;pre&gt;&lt;code&gt;    xhr.objects.forEach(function (user) {
 $('#userimage').append( '&amp;lt; img src="https://graph.facebook.com/"+user.user_id+"/picture/?type=small"/&amp;gt;');
                                                    });
&lt;/code&gt;&lt;/pre&gt;
&lt;p&gt;For some reason this is not working. The images are not being displayed. I have added "https://graph.facebook.com" to allow access. Also images from the local web server are being displayed properly. &lt;/p&gt;</t>
  </si>
  <si>
    <t>2012-12-04 09:38:24.037000+00:00</t>
  </si>
  <si>
    <t>2015-03-19 11:01:58.900000+00:00</t>
  </si>
  <si>
    <t>2012-12-04 10:18:50.350000+00:00</t>
  </si>
  <si>
    <t>javascript|android|facebook|facebook-graph-api|cordova</t>
  </si>
  <si>
    <t>How to download file after some task</t>
  </si>
  <si>
    <t>&lt;p&gt;Hi I am trying to download file through unusual process.&lt;/p&gt;
&lt;p&gt;The situation is as follows:&lt;/p&gt;
&lt;ol&gt;
&lt;li&gt;&lt;p&gt;a user trigger download button.&lt;/p&gt;&lt;/li&gt;
&lt;li&gt;&lt;p&gt;the user select download directory.&lt;/p&gt;&lt;/li&gt;
&lt;li&gt;&lt;p&gt;web browser aggregate whole information of the user from third-party server&lt;/p&gt;&lt;/li&gt;
&lt;li&gt;&lt;p&gt;when the aggregating is completed the user will download the information automatically.&lt;/p&gt;&lt;/li&gt;
&lt;/ol&gt;
&lt;p&gt;The problem is that download destination is determined before starting of download.&lt;/p&gt;
&lt;p&gt;Is there any method to treat this issue?&lt;/p&gt;
&lt;p&gt;Thank you in advance.&lt;/p&gt;</t>
  </si>
  <si>
    <t>2016-08-11 06:46:21.710000+00:00</t>
  </si>
  <si>
    <t>2016-08-18 04:49:44.643000+00:00</t>
  </si>
  <si>
    <t>javascript|jquery|html|web-services</t>
  </si>
  <si>
    <t>python Selenium send_keys to a Jupyter notebook</t>
  </si>
  <si>
    <t>&lt;p&gt;I am attempting to automate input to a Jupyter notebook with selenium in python.  &lt;/p&gt;
&lt;p&gt;I am attempting to use the send_keys() method with various elements within the DOM and all that I have tried so far have the following issue:&lt;/p&gt;
&lt;pre&gt;&lt;code&gt;selenium.common.exceptions.ElementNotInteractableException: Message: Element &amp;lt;span&amp;gt; is not reachable by keyboard
&lt;/code&gt;&lt;/pre&gt;
&lt;p&gt;So far I have attempted locators that return the following elemets:&lt;/p&gt;
&lt;ul&gt;
&lt;li&gt;('tag name', 'textarea') [However, this is hidden and therefore not interactable]&lt;/li&gt;
&lt;li&gt;('tag name', 'pre') under the ('class', 'CodeMirror-code') element&lt;/li&gt;
&lt;li&gt;('tag name', 'span') under the ('class', 'CodeMirror-code') element&lt;/li&gt;
&lt;li&gt;('tag name', 'span') under the span above&lt;/li&gt;
&lt;/ul&gt;
&lt;p&gt;There is no apparent &lt;code&gt;input&lt;/code&gt; in the DOM that can be seen.  Has anyone attempted to automate a Jupyter notebook?&lt;/p&gt;
&lt;p&gt;It appears that when manually typing into the textarea on the screen the DOM is dynamically changing the &lt;code&gt;span&lt;/code&gt; elements below...&lt;/p&gt;
&lt;p&gt;Here is the relevant part of the DOM I am working with and a screenshot of the textarea &lt;a href="https://i.stack.imgur.com/PMr21.png" rel="nofollow noreferrer"&gt;&lt;img src="https://i.stack.imgur.com/PMr21.png" alt="input"&gt;&lt;/a&gt;&lt;/p&gt;
&lt;pre&gt;&lt;code&gt;&amp;lt;div class="cell code_cell rendered selected" tabindex="2"&amp;gt;
   &amp;lt;div class="input"&amp;gt;
      &amp;lt;div class="run_this_cell" title="Run this cell"&amp;gt;&amp;lt;i class="fa-step-forward fa"&amp;gt;&amp;lt;/i&amp;gt;&amp;lt;/div&amp;gt;
      &amp;lt;div class="prompt input_prompt"&amp;gt;&amp;lt;bdi&amp;gt;In&amp;lt;/bdi&amp;gt;&amp;amp;nbsp;[&amp;amp;nbsp;]:&amp;lt;/div&amp;gt;
      &amp;lt;div class="inner_cell"&amp;gt;
         &amp;lt;div class="ctb_hideshow"&amp;gt;
            &amp;lt;div class="celltoolbar"&amp;gt;&amp;lt;/div&amp;gt;
         &amp;lt;/div&amp;gt;
         &amp;lt;div class="input_area"&amp;gt;
            &amp;lt;div class="CodeMirror cm-s-ipython"&amp;gt;
               &amp;lt;div style="overflow: hidden; position: relative; width: 3px; height: 0px; top: 5.59375px; left: 5.59375px;"&amp;gt;&amp;lt;textarea autocorrect="off" autocapitalize="off" spellcheck="false" tabindex="0" style="position: absolute; bottom: -1em; padding: 0px; width: 1000px; height: 1em; outline: none;"&amp;gt;&amp;lt;/textarea&amp;gt;&amp;lt;/div&amp;gt;
               &amp;lt;div class="CodeMirror-vscrollbar" cm-not-content="true"&amp;gt;
                  &amp;lt;div style="min-width: 1px; height: 0px;"&amp;gt;&amp;lt;/div&amp;gt;
               &amp;lt;/div&amp;gt;
               &amp;lt;div class="CodeMirror-hscrollbar" cm-not-content="true"&amp;gt;
                  &amp;lt;div style="height: 100%; min-height: 1px; width: 0px;"&amp;gt;&amp;lt;/div&amp;gt;
               &amp;lt;/div&amp;gt;
               &amp;lt;div class="CodeMirror-scrollbar-filler" cm-not-content="true"&amp;gt;&amp;lt;/div&amp;gt;
               &amp;lt;div class="CodeMirror-gutter-filler" cm-not-content="true"&amp;gt;&amp;lt;/div&amp;gt;
               &amp;lt;div class="CodeMirror-scroll" tabindex="-1"&amp;gt;
                  &amp;lt;div class="CodeMirror-sizer" style="margin-left: 0px; min-width: 8.59375px; margin-bottom: -15px; border-right-width: 15px; min-height: 28px; padding-right: 0px; padding-bottom: 0px;"&amp;gt;
                     &amp;lt;div style="position: relative; top: 0px;"&amp;gt;
                        &amp;lt;div class="CodeMirror-lines" role="presentation"&amp;gt;
                           &amp;lt;div role="presentation" style="position: relative; outline: none;"&amp;gt;
                              &amp;lt;div class="CodeMirror-measure"&amp;gt;&amp;lt;/div&amp;gt;
                              &amp;lt;div class="CodeMirror-measure"&amp;gt;&amp;lt;/div&amp;gt;
                              &amp;lt;div style="position: relative; z-index: 1;"&amp;gt;&amp;lt;/div&amp;gt;
                              &amp;lt;div class="CodeMirror-cursors" style="visibility: hidden;"&amp;gt;
                                 &amp;lt;div class="CodeMirror-cursor" style="left: 5.59375px; top: 0px; height: 17px;"&amp;gt;&amp;amp;nbsp;&amp;lt;/div&amp;gt;
                              &amp;lt;/div&amp;gt;
                              &amp;lt;div class="CodeMirror-code" role="presentation"&amp;gt;
                                 &amp;lt;pre class=" CodeMirror-line " role="presentation"&amp;gt;&amp;lt;span role="presentation" style="padding-right: 0.1px;"&amp;gt;&amp;lt;span cm-text=""&amp;gt;���&amp;lt;/span&amp;gt;&amp;lt;/span&amp;gt;&amp;lt;/pre&amp;gt;
                              &amp;lt;/div&amp;gt;
                           &amp;lt;/div&amp;gt;
                        &amp;lt;/div&amp;gt;
                     &amp;lt;/div&amp;gt;
                  &amp;lt;/div&amp;gt;
                  &amp;lt;div style="position: absolute; height: 15px; width: 1px; border-bottom: 0px solid transparent; top: 28px;"&amp;gt;&amp;lt;/div&amp;gt;
                  &amp;lt;div class="CodeMirror-gutters" style="display: none; height: 43px;"&amp;gt;&amp;lt;/div&amp;gt;
               &amp;lt;/div&amp;gt;
            &amp;lt;/div&amp;gt;
         &amp;lt;/div&amp;gt;
      &amp;lt;/div&amp;gt;
   &amp;lt;/div&amp;gt;
   &amp;lt;div class="output_wrapper"&amp;gt;
      &amp;lt;div class="out_prompt_overlay prompt" title="click to expand output; double click to hide output"&amp;gt;&amp;lt;/div&amp;gt;
      &amp;lt;div class="output"&amp;gt;&amp;lt;/div&amp;gt;
      &amp;lt;div class="btn btn-default output_collapsed" title="click to expand output" style="display: none;"&amp;gt;. . .&amp;lt;/div&amp;gt;
   &amp;lt;/div&amp;gt;
&amp;lt;/div&amp;gt;
&lt;/code&gt;&lt;/pre&gt;
&lt;p&gt;&lt;strong&gt;NOTE&lt;/strong&gt;
I have been successful when changing the DOM with javascript execution by making the &lt;code&gt;textarea&lt;/code&gt; visible and then sending keys to it. (This was done by removing &lt;code&gt;hidden;&lt;/code&gt; from the &lt;code&gt;style&lt;/code&gt; attribute in the parent &lt;code&gt;div&lt;/code&gt; element that it inherited from. However, I am looking for a solution which does not require altering the DOM.&lt;/p&gt;</t>
  </si>
  <si>
    <t>2018-08-14 18:24:00.727000+00:00</t>
  </si>
  <si>
    <t>2018-08-15 08:01:37.323000+00:00</t>
  </si>
  <si>
    <t>2018-08-15 01:47:37.190000+00:00</t>
  </si>
  <si>
    <t>python|selenium|jupyter-notebook</t>
  </si>
  <si>
    <t>Create Swap Chain Failed 2.0</t>
  </si>
  <si>
    <t>&lt;p&gt;I had a problem with my D3D11CreateDeviceAndSwapChain(). I thought I got a solution in a prev thread, so I already marked it as solved. [&lt;a href="https://stackoverflow.com/questions/12618933/create-swap-chain-failed]"&gt;Create Swap Chain Failed&lt;/a&gt;&lt;/p&gt;
&lt;p&gt;Looks like I fooled myself when I accidentally returned the HRESULT as a bool...&lt;/p&gt;
&lt;p&gt;I been fighting this problem all day &amp;amp; still have not figured it out. Here are bunch of debug info about the inputs &amp;amp; outputs...&lt;/p&gt;
&lt;p&gt;&lt;strong&gt;1] Taking the advice to use UNKNOWN with a non-null vAdapter:&lt;/strong&gt;
&lt;a href="http://content.wuala.com/contents/RandomClown/Public/RandomCrap/Debug%201.png" rel="nofollow noreferrer"&gt;Debug Pic http://content.wuala.com/contents/RandomClown/Public/RandomCrap/Debug%201.png&lt;/a&gt;&lt;/p&gt;
&lt;p&gt;&lt;strong&gt;2] Following the DX sample by leaving it null &amp;amp; using type HARDWARE:&lt;/strong&gt;
&lt;a href="http://content.wuala.com/contents/RandomClown/Public/RandomCrap/Debug%202.png" rel="nofollow noreferrer"&gt;Debug Pic http://content.wuala.com/contents/RandomClown/Public/RandomCrap/Debug%202.png&lt;/a&gt;&lt;/p&gt;
&lt;p&gt;The pics might be enough for someone to spot out the problem, but in case it was something else, code:&lt;/p&gt;
&lt;pre&gt;&lt;code&gt;//      This is some relevant stuff [anything referenced] in the class.
Graphics(){
    selectedVAdapter=NULL;
    deviceInterface=NULL;
    deviceContext=NULL;
    swapChain=NULL;
}
bool initDevice(HWND &amp;amp;hWnd){
    HRESULT success=S_OK;
    D3D_FEATURE_LEVEL featureLevels[]={
        D3D_FEATURE_LEVEL_11_0,
        D3D_FEATURE_LEVEL_10_1,
        D3D_FEATURE_LEVEL_10_0,
        D3D_FEATURE_LEVEL_9_3,
    };
    uint featuresSize=ARRAYSIZE(featureLevels);
    D3D_DRIVER_TYPE driverTypes[]={
        D3D_DRIVER_TYPE_UNKNOWN, // Needed for manual vid adapter setting
        D3D_DRIVER_TYPE_HARDWARE,
        D3D_DRIVER_TYPE_WARP,
        D3D_DRIVER_TYPE_REFERENCE,
    };
    uint driversSize=ARRAYSIZE(driverTypes);
    refreshVideoAdapters();
    setVideoAdapter();
    //setSampleQuality();
    DXGI_SWAP_CHAIN_DESC sd;
    ZeroMemory(&amp;amp;sd, sizeof(sd));
    sd.BufferCount = settings.bufferCount;
    sd.BufferDesc.Width = settings.width;
    sd.BufferDesc.Height = settings.height;
    sd.BufferDesc.Format = settings.colorDepth;
    sd.BufferDesc.RefreshRate.Numerator = settings.rateNumerator;
    sd.BufferDesc.RefreshRate.Denominator = settings.rateDenominator;
    sd.BufferUsage = DXGI_USAGE_RENDER_TARGET_OUTPUT;
    sd.OutputWindow = hWnd;
    sd.SampleDesc.Count = settings.sampleCount;
    sd.SampleDesc.Quality = settings.sampleQuality;
    sd.Windowed = !settings.fullScreen;
    uint flag=0;
    #ifdef _DEBUG
        flag|=D3D11_CREATE_DEVICE_DEBUG;
    #endif
    for(uint i=0; i&amp;lt;driversSize; i++){ // SwapChain: http://msdn.microsoft.com/en-us/library/ff476083%28v=vs.85%29.aspx
        D3D_DRIVER_TYPE driver=driverTypes[i];
        success=D3D11CreateDeviceAndSwapChain(
            //NULL,
            selectedVAdapter, driver, NULL, flag,
            featureLevels, featuresSize, D3D11_SDK_VERSION, &amp;amp;sd,
            &amp;amp;swapChain, &amp;amp;deviceInterface, &amp;amp;selectedFeatureLevel, &amp;amp;deviceContext);
        if(SUCCEEDED(success)) break;
    }
    return SUCCEEDED(success);
}
//      Methods to manage video adapters
void refreshVideoAdapters(){
    IDXGIAdapter1* pAdapter;
    IDXGIFactory1* pFactory=NULL;
    uint lastID=0;
    if(selectedVAdapter){
        DXGI_ADAPTER_DESC1* desc=NULL;
        selectedVAdapter-&amp;gt;GetDesc1(desc);
        lastID=desc-&amp;gt;DeviceId;
        releaseVideoAdapters();
    }
    if(FAILED(CreateDXGIFactory1(__uuidof(IDXGIFactory1), (void**)&amp;amp;pFactory))) return;
    for(uint i=0; pFactory-&amp;gt;EnumAdapters1(i, &amp;amp;pAdapter)!=DXGI_ERROR_NOT_FOUND; i++){
        vAdapters.push_back(pAdapter);
        if(lastID){
            DXGI_ADAPTER_DESC1* desc=NULL;
            pAdapter-&amp;gt;GetDesc1(desc);
            if(lastID==desc-&amp;gt;DeviceId){
                selectedVAdapter=pAdapter;
                lastID=0;
            }
        }
    }
    if(pFactory) pFactory-&amp;gt;Release();
}
void releaseVideoAdapters(){
    for(uint i=0; i&amp;lt;vAdapters.size(); i++){
        vAdapters[i]-&amp;gt;Release();
        vAdapters[i]=NULL;
    }
    vAdapters.clear();
    selectedVAdapter=NULL;
}
IDXGIAdapter1* getVideoAdapter(){return selectedVAdapter;}
bool setVideoAdapter(uint num=0){
    if(num&amp;lt;vAdapters.size()){
        selectedVAdapter=vAdapters[num];
        return 1;
    }
    return 0;
}
// Member vars
private:
SettingsGraphicsDevice settings;
D3D_FEATURE_LEVEL selectedFeatureLevel;
vector&amp;lt;IDXGIAdapter1*&amp;gt; vAdapters;
IDXGIAdapter1* selectedVAdapter;
ID3D11Device* deviceInterface;
ID3D11DeviceContext* deviceContext;
IDXGISwapChain* swapChain;
&lt;/code&gt;&lt;/pre&gt;
&lt;p&gt;Settings struct from that code:&lt;/p&gt;
&lt;pre&gt;&lt;code&gt;struct SettingsGraphicsDevice{
    uint width, height;
    bool fullScreen, vsync;
    uint rateNumerator;
    uint rateDenominator;
    uint bufferCount;
    uint sampleCount, sampleQuality;
    DXGI_FORMAT colorDepth;
    float minDist, maxDist;
    SettingsGraphicsDevice(){
        width=height=0;
        fullScreen=0;
        vsync=0;
        rateNumerator=0;
        rateDenominator=1;
        bufferCount=1;
        sampleCount=1, sampleQuality=0;
        colorDepth=DXGI_FORMAT_R8G8B8A8_UINT;
        minDist=0.1f;
        maxDist=1000.0f;
    }
};
&lt;/code&gt;&lt;/pre&gt;
&lt;p&gt;Thanks for reading. Hope a solution is found this time.&lt;/p&gt;</t>
  </si>
  <si>
    <t>2012-09-28 06:32:28.563000+00:00</t>
  </si>
  <si>
    <t>2012-09-29 09:55:34.557000+00:00</t>
  </si>
  <si>
    <t>2017-05-23 12:01:34.363000+00:00</t>
  </si>
  <si>
    <t>c++|directx</t>
  </si>
  <si>
    <t>Basic Excel: How to show an interval in a cell rather than a single number</t>
  </si>
  <si>
    <t>&lt;p&gt;I want to make a column that lists a +or- 5%variance of a certain calculation.
For example, in column A and B there are a list of numbers and I want column C to show ColumA/ColumnB + or - 5%.&lt;/p&gt;
&lt;p&gt;So if &lt;code&gt;A1 = 10&lt;/code&gt; and &lt;code&gt;B1 = 12&lt;/code&gt; then I want &lt;code&gt;C1&lt;/code&gt; to show "&lt;code&gt;.792 to .875&lt;/code&gt;" or something like "&lt;code&gt;.792 - .875&lt;/code&gt;" or "&lt;code&gt;(.792,.875)&lt;/code&gt;".&lt;/p&gt;
&lt;p&gt;In order to make it easy to look at, maybe I want a certain format that would change the colors of the 95% # and the 105% number ...
What would one do in these kind of situation?&lt;/p&gt;</t>
  </si>
  <si>
    <t>2016-02-21 00:18:51.690000+00:00</t>
  </si>
  <si>
    <t>2016-02-29 18:41:04.873000+00:00</t>
  </si>
  <si>
    <t>excel|excel-formula</t>
  </si>
  <si>
    <t>Haskell -- what to use for a labelled set partition?</t>
  </si>
  <si>
    <t>&lt;p&gt;Beginner question -- what do you usually use as a multimap? I want a function that takes a labelling function and partitions elements by each label. For example,&lt;/p&gt;
&lt;pre&gt;&lt;code&gt;f x | x `mod` 2 == 0 = EVEN
    | otherwise = ODD
&lt;/code&gt;&lt;/pre&gt;
&lt;p&gt;the output of &lt;code&gt;partition f lst&lt;/code&gt; where &lt;code&gt;lst :: [Int]&lt;/code&gt; would be&lt;/p&gt;
&lt;pre&gt;&lt;code&gt;EVEN --&amp;gt; [list of even numbers]
ODD --&amp;gt; [sublist of odd numbers]
&lt;/code&gt;&lt;/pre&gt;
&lt;p&gt;Sorry for the bother, I could not find something similar on Hoogle. I think I can get there via &lt;code&gt;Data.List.Key&lt;/code&gt;'s &lt;code&gt;group&lt;/code&gt; function, &lt;code&gt;sort&lt;/code&gt;, and some mapping, but there must be a simpler way, no? This seems like a generally useful function.&lt;/p&gt;</t>
  </si>
  <si>
    <t>2011-07-25 00:40:17.307000+00:00</t>
  </si>
  <si>
    <t>2011-07-25 01:03:10.443000+00:00</t>
  </si>
  <si>
    <t>haskell|multimap</t>
  </si>
  <si>
    <t>How to open pdf file with other app in WP8.1 RT (c#,vb)</t>
  </si>
  <si>
    <t>&lt;p&gt;I cant found any answer about my question. I tried one of the solution of WP8
but that didn't worked . it closes my app automatically without opening anything like "Stop Working" &lt;/p&gt;</t>
  </si>
  <si>
    <t>2016-01-25 12:05:02.547000+00:00</t>
  </si>
  <si>
    <t>c#|vb.net</t>
  </si>
  <si>
    <t>How to retrieve a web page source code, either with web view or http?</t>
  </si>
  <si>
    <t>&lt;p&gt;I've been struging since yesterday on how to do a "simple" task, that is to retrieve a WebPage's html source-code...
From what I can see, with WebView its just not possible, so I should use http instead, but albeit all my efforts, no luck...&lt;/p&gt;
&lt;p&gt;Can anyone post a simple example?&lt;/p&gt;
&lt;p&gt;Thanks in advance&lt;/p&gt;</t>
  </si>
  <si>
    <t>2011-10-29 16:12:14.820000+00:00</t>
  </si>
  <si>
    <t>2011-10-30 05:39:55.513000+00:00</t>
  </si>
  <si>
    <t>2011-10-30 05:36:35.093000+00:00</t>
  </si>
  <si>
    <t>android|basic4android</t>
  </si>
  <si>
    <t>How to use images in GTK Stack Switcher using C</t>
  </si>
  <si>
    <t>&lt;p&gt;I'm making application in gtk using C. I have a GtkStack with GtkStackSwitcher and I don't know how to set images/icons to buttons in stack switcher. I had similar problem with application in gtkmm and C++ but I was able to find required function in the documentation. This time, after searching the documentation for GtkStack, GtkStackSwitcher and GtkContainer, I didn't find anything useful in GtkStack and GtkStackSwitcher. In GtkContainer there is function &lt;code&gt;gtk_container_child_set_property ()&lt;/code&gt;. It may be the function I'm looking for but I have no idea how to put an icon-name into GValue and if it's possible. 
To sum up - can I set icon to GtkStackSwitcher's button with mentioned functions or using any other method? &lt;/p&gt;
&lt;p&gt;Edit:
Maybe it's possible to achieve this with css? Setting background-image for GtkStack and GtkStackSwticher doesn't work but setting background_image for buttons works. Works very bad but works. The image doesn't fit the button and button doesn't resize to be the image size (If i set button new from pixbuf the button does resize). So is it possible with css or is it a dead end?&lt;/p&gt;</t>
  </si>
  <si>
    <t>2018-02-07 09:43:47.443000+00:00</t>
  </si>
  <si>
    <t>2018-02-08 11:10:43.227000+00:00</t>
  </si>
  <si>
    <t>2018-02-07 13:02:25.260000+00:00</t>
  </si>
  <si>
    <t>c|gtk|gtk3</t>
  </si>
  <si>
    <t>Lua C API - Getting metatable from a table on stack</t>
  </si>
  <si>
    <t>&lt;p&gt;Let's say we have a table that was passed to a function and it's now on top of the stack like so:&lt;/p&gt;
&lt;pre&gt;&lt;code&gt;// -1 = table
&lt;/code&gt;&lt;/pre&gt;
&lt;p&gt;Is it possible to get the metatable from that table on stack? I can simply get it with a known-name identifier like so:&lt;/p&gt;
&lt;pre&gt;&lt;code&gt;luaL_getmetatable(L, "Foo");
&lt;/code&gt;&lt;/pre&gt;
&lt;p&gt;But I want to re-use the function and get the metatable from the table that's in the stack.&lt;/p&gt;
&lt;p&gt;There is probably an easy way to do this, but I can't seem to find a function for this.&lt;/p&gt;</t>
  </si>
  <si>
    <t>2013-09-27 01:04:41.887000+00:00</t>
  </si>
  <si>
    <t>2013-09-27 04:16:35.850000+00:00</t>
  </si>
  <si>
    <t>c++|lua|metatable</t>
  </si>
  <si>
    <t>Why can't the canvas element bind event?</t>
  </si>
  <si>
    <t>&lt;p&gt;Here is the code:&lt;/p&gt;
&lt;pre&gt;&lt;code&gt;$('#insert_text').click(function(){
 var drawing_plate= $("#Drawing_Plate")[0];
 context = drawing_plate.getContext('2d');
 drawing_plate.bind('touchstart',insert_the_text);
});
&lt;/code&gt;&lt;/pre&gt;
&lt;p&gt;I select the canvas element, assigning it to drawing_plate. But the Chromium complains that &lt;/p&gt;
&lt;p&gt;&lt;code&gt;Uncaught TypeError: Object #&amp;lt;HTMLCanvasElement&amp;gt; has no method 'bind&lt;/code&gt;&lt;/p&gt;
&lt;p&gt;But the drawing_plate is indeed a jQuery object, why doesn't it owns the method:
&lt;code&gt;.bind()&lt;/code&gt;...?&lt;/p&gt;
&lt;p&gt;UPDATE: Please give explanations.&lt;/p&gt;</t>
  </si>
  <si>
    <t>2012-12-25 08:59:38.210000+00:00</t>
  </si>
  <si>
    <t>2012-12-25 09:17:36.400000+00:00</t>
  </si>
  <si>
    <t>2012-12-25 09:02:42.097000+00:00</t>
  </si>
  <si>
    <t>javascript|jquery|html5-canvas</t>
  </si>
  <si>
    <t>Send data to logstash through a TCP socket</t>
  </si>
  <si>
    <t>&lt;p&gt;I consider to use logstash.&lt;/p&gt;
&lt;p&gt;Assuming I have a Windows service that has to send data (strings) to logstash and then logstash should save it as an event.&lt;/p&gt;
&lt;p&gt;I'm wondering if my Windows service can send the data through TCP connection (a socket)? I'd prefer so since it provides more flexibility - this way logstash can be installed on a different host that could be Windows or Linux.&lt;/p&gt;
&lt;p&gt;Please advice. &lt;/p&gt;
&lt;p&gt;Thank you!&lt;/p&gt;</t>
  </si>
  <si>
    <t>2014-04-09 14:42:42.537000+00:00</t>
  </si>
  <si>
    <t>2014-04-10 01:07:26.320000+00:00</t>
  </si>
  <si>
    <t>user1762109</t>
  </si>
  <si>
    <t>logstash</t>
  </si>
  <si>
    <t>Set UITabBarItem badge value in appDelegate</t>
  </si>
  <si>
    <t>&lt;p&gt;I've done a bunch of searching on this question, and found numerous answers to accomplish this in Objective-C. However, I've yet to find an answer that is in Swift. &lt;/p&gt;
&lt;p&gt;I've tried translating the Objective-C, with the following code executed in &lt;code&gt;didFinishLaunchingWithOptions&lt;/code&gt;:&lt;/p&gt;
&lt;pre&gt;&lt;code&gt;if let rootViewController = self.window?.rootViewController {
    print("root")
    if let tabBarController = rootViewController.tabBarController {
        print("tab")
        let tabBarItem = tabBarController.tabBar.items![3]
        tabBarItem.badgeValue = "!"
    }
}
&lt;/code&gt;&lt;/pre&gt;
&lt;p&gt;The code never prints "tab", so I'm obviously not accessing it correctly. Help?&lt;/p&gt;</t>
  </si>
  <si>
    <t>2018-05-15 03:25:09.267000+00:00</t>
  </si>
  <si>
    <t>2018-05-15 03:42:34.527000+00:00</t>
  </si>
  <si>
    <t>2018-05-15 03:35:53.723000+00:00</t>
  </si>
  <si>
    <t>swift|appdelegate|uitabbaritem</t>
  </si>
  <si>
    <t>Multiple rows to single row multiple columns</t>
  </si>
  <si>
    <t>&lt;p&gt;This is what my data looks like:&lt;/p&gt;
&lt;pre&gt;&lt;code&gt;## ID ## ## Phase ## ## Phase Datet ## ## Phase Temp ## ## TempRecorded ##
23300200    Induction   2016-10-07        30               2016-10-07
23300200    Maintenance 2016-10-07        35               2016-10-07
23300200    Rewarming   2016-10-07        35.5             2016-10-07  
&lt;/code&gt;&lt;/pre&gt;
&lt;p&gt;I want to have it look like this:&lt;/p&gt;
&lt;pre&gt;&lt;code&gt;## ID ## ## Induction Phase ## ## Induction Phase Datet ## ## Induction Phase Temp ## ## Induction TempRecorded ## ## ID ## ## Maintenance Phase ## ## Maintenance Phase Datet ## ## Maintenance Phase Temp ## ## Maintenance TempRecorded ##
23300200    Induction                    2016-10-07                   30                     2016-10-07                          Maintenance                2016-10-07                  35                              2016-10-07 
&lt;/code&gt;&lt;/pre&gt;</t>
  </si>
  <si>
    <t>2016-10-21 16:47:20.073000+00:00</t>
  </si>
  <si>
    <t>2016-10-21 21:31:51.500000+00:00</t>
  </si>
  <si>
    <t>FileVersion is not getting populated correctly in uninstaller</t>
  </si>
  <si>
    <t>&lt;p&gt;I use two different compiler variable to generate fileVersion e.g.
&lt;strong&gt;${compiler:version1}.0.${compiler:version2}&lt;/strong&gt; 
where
version1 = 1.0 and version2=12000&lt;/p&gt;
&lt;p&gt;Installer generates fine with file version 1.0.0.12000&lt;/p&gt;
&lt;p&gt;But when I use the same value on uninstaller, It ignores it completely (I have &lt;em&gt;Customized Version info&lt;/em&gt; checked in both cases) and picks version from General Settings. Is this a known bug?&lt;/p&gt;</t>
  </si>
  <si>
    <t>2011-12-13 00:57:14.747000+00:00</t>
  </si>
  <si>
    <t>2011-12-13 12:02:50.733000+00:00</t>
  </si>
  <si>
    <t>2011-12-13 01:05:07.570000+00:00</t>
  </si>
  <si>
    <t>install4j</t>
  </si>
  <si>
    <t>Search function issue in linked list</t>
  </si>
  <si>
    <t>&lt;p&gt;I am having trouble with the search function implementation for my linked list class. It doesn't print what i want, infact it prints nothing at all even if the data is in the list. Where did i go wrong?&lt;/p&gt;
&lt;p&gt;My main:&lt;/p&gt;
&lt;pre&gt;&lt;code&gt;#include "DList.h"
int main(void) {
    DList&amp;lt;int&amp;gt; list;
    DList&amp;lt;int&amp;gt;::const_iterator it;
    cout &amp;lt;&amp;lt; list.size() &amp;lt;&amp;lt; endl;
  list.push_front(30);
    list.push_front(10);
    list.push_back(100);
    list.push_front(22);
    list.print();
    it = list.begin();
    while (it != list.end()) {
            cout &amp;lt;&amp;lt; *it &amp;lt;&amp;lt; endl;
            it++;
    }
    DList&amp;lt;int&amp;gt;::iterator it2 = list.begin();
    while (it2 != list.end()) {
            *it2 = *it2 + 1;
            it2++;
    }
    it = list.begin();
    while (it != list.end()) { 
            cout &amp;lt;&amp;lt; *it &amp;lt;&amp;lt; endl;
            it++;
    }
    list.search(11);
    list.search(100);
    cout &amp;lt;&amp;lt; list.size() &amp;lt;&amp;lt; endl;
    return 0;
}
&lt;/code&gt;&lt;/pre&gt;
&lt;p&gt;Linked list class :&lt;/p&gt;
&lt;pre&gt;&lt;code&gt;    void erase(iterator it);
    void erase(iterator first, iterator last);
    iterator search(const T&amp;amp; data) {
            }
&lt;/code&gt;&lt;/pre&gt;
&lt;p&gt;current output:&lt;/p&gt;
&lt;pre&gt;&lt;code&gt;0
22
10
30
100
22
10
30
100
23
11
31
101
4
&lt;/code&gt;&lt;/pre&gt;</t>
  </si>
  <si>
    <t>2017-02-24 00:00:46.840000+00:00</t>
  </si>
  <si>
    <t>2017-02-24 00:45:28.963000+00:00</t>
  </si>
  <si>
    <t>c++|linked-list|iterator</t>
  </si>
  <si>
    <t>Why can't I use a variable as a ID selector?</t>
  </si>
  <si>
    <t>&lt;p&gt;Sorry for being a jQuery noob but I'm not understanding why I can't place a variable as a selector name? If I do an alert it works fine, but not when I try to modify the contents of an id:&lt;/p&gt;
&lt;pre&gt;&lt;code&gt;'success': function () {
        var varpk = $(this).editable().data('pk');
        //alert('#test' + varpk);
        var spanid = '#test' + varpk;
        //alert(spanid);
        $(spanid).html(varpk);
}
&lt;/code&gt;&lt;/pre&gt;</t>
  </si>
  <si>
    <t>2013-08-28 14:18:48.077000+00:00</t>
  </si>
  <si>
    <t>2013-08-28 15:26:06.983000+00:00</t>
  </si>
  <si>
    <t>How to write a response (type Response) in a Conn in GO?</t>
  </si>
  <si>
    <t>&lt;p&gt;I'm making a webserver in go and I need to give the response form the website to the client.
this in the part of my code where i receive the response:&lt;/p&gt;
&lt;pre&gt;&lt;code&gt;            client := http.Client{}
            resp, err := client.Do(request)
            defer resp.Body.Close()
            if err != nil {
                log.Fatalln(err.Error())
            }
&lt;/code&gt;&lt;/pre&gt;
&lt;p&gt;The Do(request) returns a Response type and I need to send this response to the client (conn). I saw a method in conn type the writes data in the connection but it only accept bytes and i couldn't convert the response in bytes. I need to send the body, status and headers,can the conn.Write([]bytes) do that? How can I send this response to my client?&lt;/p&gt;</t>
  </si>
  <si>
    <t>2017-01-10 18:16:17.553000+00:00</t>
  </si>
  <si>
    <t>2017-01-10 18:37:54.767000+00:00</t>
  </si>
  <si>
    <t>go|webserver|response</t>
  </si>
  <si>
    <t>Fullscreen no-scrollbars image carousel</t>
  </si>
  <si>
    <t>&lt;p&gt;I have a &lt;code&gt;Bootstrap 3.1.1&lt;/code&gt; page with a fixed navbar and a sticky footer.&lt;/p&gt;
&lt;p&gt;I need to show fullscreen (minus fixed navbar and sticky footer) images in a carousel. The cropping can be both from x and y, but the center of the image needs to be at the center of the viewport.&lt;/p&gt;
&lt;p&gt;This is where I'm at now:
&lt;a href="http://www.bootply.com/PJRITKbTx1" rel="nofollow"&gt;Bootply&lt;/a&gt;&lt;/p&gt;
&lt;p&gt;Problem is I can't make the carousel appear. &lt;code&gt;heght: 100%&lt;/code&gt; doesn't seem to work.&lt;/p&gt;
&lt;p&gt;A &lt;code&gt;CSS&lt;/code&gt; only solution is preferred, but I don't mind a little &lt;code&gt;javascript&lt;/code&gt; though.&lt;/p&gt;</t>
  </si>
  <si>
    <t>2015-01-23 16:09:34.063000+00:00</t>
  </si>
  <si>
    <t>2015-01-23 21:46:10.267000+00:00</t>
  </si>
  <si>
    <t>html|css|twitter-bootstrap|twitter-bootstrap-3|carousel</t>
  </si>
  <si>
    <t>Visual Studio files included in git commits even when excluded using .gitignore</t>
  </si>
  <si>
    <t>&lt;p&gt;I have a large VS solution, under Git source control using Atlassian BitBucket. &lt;/p&gt;
&lt;p&gt;The .gitignore file contains lines to exclude build results (int the /obj and /bin) directories, but these keep showing up in my changes.&lt;/p&gt;
&lt;p&gt;The .gitignore file contains the following lines, could anyone tell me what I'm doing wrong?&lt;/p&gt;
&lt;pre&gt;&lt;code&gt;# Build results
[Dd]ebug/
[Dd]ebugPublic/
[Rr]elease/
[Rr]eleases/
x64/
x86/
build/
bld/
[Bb]in/
[Oo]bj/
&lt;/code&gt;&lt;/pre&gt;</t>
  </si>
  <si>
    <t>2016-02-18 09:12:05.607000+00:00</t>
  </si>
  <si>
    <t>2016-02-18 22:26:46.437000+00:00</t>
  </si>
  <si>
    <t>git|visual-studio|visual-studio-2015|bitbucket|gitignore</t>
  </si>
  <si>
    <t>How can I consume soap webservice of complex type in php</t>
  </si>
  <si>
    <t>&lt;p&gt;I am trying to consume web service of complex type with authentication in php.can any one show me the example php code. I have read the complete php.net docs but not able to find any thing useful.&lt;/p&gt;</t>
  </si>
  <si>
    <t>2012-10-16 10:33:25.947000+00:00</t>
  </si>
  <si>
    <t>2012-10-23 05:31:40.720000+00:00</t>
  </si>
  <si>
    <t>2012-10-16 10:34:25.930000+00:00</t>
  </si>
  <si>
    <t>php|soap|wsdl</t>
  </si>
  <si>
    <t>Sorting ListActivity through a CheckBox</t>
  </si>
  <si>
    <t>&lt;p&gt;I have 2 options of sorting on my &lt;code&gt;ListActivity&lt;/code&gt; through a &lt;code&gt;CheckBox&lt;/code&gt;.
The default sorting is when the &lt;code&gt;CheckBox&lt;/code&gt; is unchecked, by sorting the nearby places on the List based on its distance with the user and the other one when the &lt;code&gt;CheckBox&lt;/code&gt; is checked, the entry on the List will be sorted alphabetically from A-Z. &lt;/p&gt;
&lt;p&gt;So by default, when the user opens the app, the checkbox is unchecked and the ListView should be sorted based on 'Nearby'.&lt;/p&gt;
&lt;p&gt;Both methods I have work perfectly based on the click on the checkbox when I don't call any of the sort method inside the &lt;code&gt;ListViewAdapter&lt;/code&gt;. That means, at first the entries on the List aren't sorted but when the &lt;code&gt;CheckBox&lt;/code&gt; is checked it will sort the list alphabetically, when the it's unchecked it will be sorted based on 'Nearby'.&lt;/p&gt;
&lt;p&gt;But when I call the &lt;code&gt;sortNearby()&lt;/code&gt; method inside the &lt;code&gt;ListViewAdapter&lt;/code&gt;, the alphabet sort method doesn't work at all. The ListView stays sorted based on 'Nearby'.&lt;/p&gt;
&lt;p&gt;What do I need to do to enable the alphabet sorting method update on the ListView when I click the CheckBox?&lt;/p&gt;
&lt;p&gt;Here's how I call the sort method based on a click on the CheckBox and the method themselves:&lt;/p&gt;
&lt;pre&gt;&lt;code&gt;@Override
    public void onClick(View view) {
        // TODO Auto-generated method stub
        if (view == findViewById(R.id.cb_tab_sort)) {
             if (view.isSelected()){
                    view.setSelected(false);
                    sortNearby();
                    videoLocationAdapter.notifyDataSetChanged();
             } else {
                    view.setSelected(true);
                    sortAZ();
                    videoLocationAdapter.notifyDataSetChanged();
                }        
       }
    }
    public void sortAZ(){
        Arrays.sort(videoLocations, new Comparator&amp;lt;VideoLocation&amp;gt;() {
            @Override
            public int compare(VideoLocation lhs, VideoLocation rhs) {
                return lhs.name.compareTo(rhs.name);
            }
        });
    }
    public void sortNearby(){
        Arrays.sort(videoLocations, new Comparator&amp;lt;VideoLocation&amp;gt;() {
            @Override
            public int compare(VideoLocation lhs, VideoLocation rhs) {
                double lat = location.getLatitude();
                double lng = location.getLongitude();
                double lat1 = lhs.latitude;
                double lng1 = lhs.longitude;
                double lat2 = rhs.latitude;
                double lng2 = rhs.longitude;
                double lhsDistance = countDistance(lat,lng,lat1,lng1);
                double rhsDistance = countDistance(lat,lng,lat2,lng2);
                if (lhsDistance &amp;lt; rhsDistance) 
                    return -1;
                else if (lhsDistance &amp;gt; rhsDistance) 
                    return 1;
                else return 0;
            }
        });
    }
&lt;/code&gt;&lt;/pre&gt;
&lt;p&gt;and here's how I call the sorting method inside the ListViewAdapter&lt;/p&gt;
&lt;pre&gt;&lt;code&gt;@Override
    public View getView(final int position, View convertView, ViewGroup parent) {
        if(convertView == null){
            convertView = LocationsListActivity.this.getLayoutInflater().inflate(R.layout.listitems, null, true);
        }
        final VideoLocation vidLocation = videoLocations[position];
        //Image
        ImageView v = (ImageView)convertView.findViewById(R.id.image);
        String url = vidLocation.documentary_thumbnail_url;
        v.setTag(url);
        loader.DisplayImage(url, LocationsListActivity.this, v);
        //Title
        TextView titleView = (TextView)convertView.findViewById(R.id.txt_title);
        String title = vidLocation.name;
        titleView.setText(title.toUpperCase());
        Typeface fontRegular = Typeface.createFromAsset(getAssets(), "miso-regular.ttf");
        titleView.setTypeface(fontRegular);
        //Description
        TextView descView = (TextView)convertView.findViewById(R.id.txt_list_desc);
        String desc = vidLocation.text;
        descView.setText(desc);
        Typeface fontLight = Typeface.createFromAsset(getAssets(), "miso-light.ttf");
        descView.setTypeface(fontLight);
        //More
        TextView more = (TextView)convertView.findViewById(R.id.txt_more);
        more.setText(getString(R.string.de_list_more));
        more.setTypeface(fontLight);
        //Distance
        final TextView distanceView = (TextView)convertView.findViewById(R.id.txt_distance);
        distanceView.setTypeface(fontRegular);
        locationManager = (LocationManager) getSystemService(LOCATION_SERVICE);
        if (locationManager == null) {
            Toast.makeText(LocationsListActivity.this,
                    "Location Manager Not Available", Toast.LENGTH_SHORT)
                    .show();
        }
        location = locationManager
                .getLastKnownLocation(LocationManager.GPS_PROVIDER);
        if (location == null)
            location = locationManager
                    .getLastKnownLocation(LocationManager.NETWORK_PROVIDER);
        if (location != null) {
            double lat = location.getLatitude();
            double lng = location.getLongitude(); 
            double lat2 = roundDown(vidLocation.latitude);
            double lng2 = roundDown(vidLocation.longitude);
            if (countDistance(lat,lng,lat2,lng2)&amp;gt;= 500){
                double kilometer = countDistance(lat,lng,lat2,lng2) /1000;
                int decimalPlaces = 1;
                BigDecimal decimal = new BigDecimal(kilometer);
                decimal = decimal.setScale(decimalPlaces, BigDecimal.ROUND_HALF_UP);
                double new_km= decimal.doubleValue();
                distanceView.setText(new_km+" km");
            }
            else
            {
                int decimalPlaces = 1;
                BigDecimal decimal = new BigDecimal(countDistance(lat,lng,lat2,lng2));
                decimal = decimal.setScale(decimalPlaces, BigDecimal.ROUND_HALF_UP);
                double meter= decimal.doubleValue();
                distanceView.setText(meter +" m");
            }
        }
        locationListener = new LocationListener() {
            @Override
            public void onStatusChanged(String arg0, int arg1, Bundle arg2) {
            }
            @Override
            public void onProviderEnabled(String arg0) {
            }
            @Override
            public void onProviderDisabled(String arg0) {
            }
            @Override
            public void onLocationChanged(Location l) {
                location = l;
                locationManager.removeUpdates(this);
                if (l.getLatitude() == 0 || l.getLongitude() == 0) {
                } else {
                    double lat = l.getLatitude();
                    double lng = l.getLongitude(); 
                    double lat2 = roundDown(vidLocation.latitude);
                    double lng2 = roundDown(vidLocation.longitude);
                    if (countDistance(lat,lng,lat2,lng2)&amp;gt;= 500){
                        double kilometer = countDistance(lat,lng,lat2,lng2) /1000;
                        int decimalPlaces = 1;
                        BigDecimal decimal = new BigDecimal(kilometer);
                        decimal = decimal.setScale(decimalPlaces, BigDecimal.ROUND_HALF_UP);
                        double new_km= decimal.doubleValue();
                        distanceView.setText(new_km+" km");
                    }
                    else
                    {
                        int decimalPlaces = 1;
                        BigDecimal decimal = new BigDecimal(countDistance(lat,lng,lat2,lng2));
                        decimal = decimal.setScale(decimalPlaces, BigDecimal.ROUND_HALF_UP);
                        double meter= decimal.doubleValue();
                        distanceView.setText(meter +" m");
                    }
                }
            }
        };
        if (locationManager.isProviderEnabled(LocationManager.GPS_PROVIDER))
            locationManager.requestLocationUpdates(
                    LocationManager.GPS_PROVIDER, 1000, 10f, locationListener);
        locationManager.requestLocationUpdates(
                LocationManager.NETWORK_PROVIDER, 1000, 10f, locationListener);
        locationtimer = new CountDownTimer(30000, 5000) {
            @Override
            public void onTick(long millisUntilFinished) {
                if (location != null)
                    locationtimer.cancel();
            }
            @Override
            public void onFinish() {
                if (location == null) {
                }
            }
        };
        locationtimer.start();
                sortNearby();
        return convertView;
    }
&lt;/code&gt;&lt;/pre&gt;</t>
  </si>
  <si>
    <t>2012-05-02 12:45:26.787000+00:00</t>
  </si>
  <si>
    <t>2012-05-02 14:36:37.860000+00:00</t>
  </si>
  <si>
    <t>Intensive programming reduces communication skills?</t>
  </si>
  <si>
    <t>&lt;p&gt;This is one of those meta-programming questions that may or may not belong on SO, but here goes...&lt;/p&gt;
&lt;p&gt;Have any other programmers out there noticed that their ability to communicate with people (technical or otherwise) almost disappears during and after a period of intense programming?&lt;/p&gt;
&lt;p&gt;I normally think of myself as a relatively good communicator. However, last night after staying late to work on some relatively challenging programming tasks, I found even ordering a takeaway meal was very difficult: my words got tied up before they left my mouth. This is not the first time this has happened ... &lt;/p&gt;
&lt;p&gt;Has anyone else experienced this phenomenon? Is there a name for it?&lt;/p&gt;</t>
  </si>
  <si>
    <t>2008-10-23 22:20:24.700000+00:00</t>
  </si>
  <si>
    <t>2008-12-26 15:01:37.687000+00:00</t>
  </si>
  <si>
    <t>aaaidan</t>
  </si>
  <si>
    <t>communication</t>
  </si>
  <si>
    <t>User Name is invalid. unable to read the username from database(ASP.net)</t>
  </si>
  <si>
    <t>&lt;p&gt;i was trying to create a login page that connected to my database. but it showed user is invalid. May i know what is the problem? thanks!
here is the full code:&lt;/p&gt;
&lt;pre&gt;&lt;code&gt;using System;
using System.Collections.Generic;
using System.Linq;
using System.Web;
using System.Web.UI;
using System.Web.UI.WebControls;
using System.Data;
using System.Data.SqlClient;
using System.Configuration;
public partial class Login : System.Web.UI.Page
{
    protected void Page_Load(object sender, EventArgs e)
    {
    }
    protected void Button1_Click(object sender, EventArgs e)
    {
        SqlConnection conn = new SqlConnection(ConfigurationManager.ConnectionStrings["RegistrationConnectionString"].ToString());
        conn.Open();
        string checkuser = " select count(*) from [Table] where UserName = ' " + TextBoxUserName.Text + "' and Password='"+ TextBoxPassword.Text + "' ";
        SqlCommand com = new SqlCommand(checkuser, conn);
        int temp = Convert.ToInt32(com.ExecuteScalar().ToString());
        if (temp == 1)
        {
            Session["user"] = TextBoxUserName.Text;
            Response.Write("Login success");
        }
        else
        {
            Response.Write("Login fail");
        }
    } 
&lt;/code&gt;&lt;/pre&gt;</t>
  </si>
  <si>
    <t>2017-11-07 14:24:40.703000+00:00</t>
  </si>
  <si>
    <t>2017-11-07 14:37:21.223000+00:00</t>
  </si>
  <si>
    <t>cpprestsdk handler class crashes when using STL container as member</t>
  </si>
  <si>
    <t>&lt;p&gt;I wrote a simple code using cpprestsdk. I use a map (&lt;code&gt;records&lt;/code&gt;) as a member of CommandHandler class, and manipulate it in a public method (&lt;code&gt;has_record()&lt;/code&gt;).&lt;/p&gt;
&lt;p&gt;it works before &lt;code&gt;handler.open().wait()&lt;/code&gt; runs, but when I call it in a request, it crashes!&lt;/p&gt;
&lt;p&gt;Here is my code:&lt;/p&gt;
&lt;pre&gt;&lt;code&gt;#define BOOST_DATE_TIME_NO_LIB
#include &amp;lt;string&amp;gt;
#include &amp;lt;vector&amp;gt;
#include &amp;lt;cpprest/uri.h&amp;gt;
#include &amp;lt;cpprest/http_listener.h&amp;gt;
#include &amp;lt;cpprest/asyncrt_utils.h&amp;gt;
using namespace std;
using namespace web;
using namespace http;
using namespace utility;
using namespace http::experimental::listener;
class CommandHandler
{
public:
    CommandHandler(utility::string_t url);
    pplx::task&amp;lt;void&amp;gt; open() { return m_listener.open(); }
    pplx::task&amp;lt;void&amp;gt; close() { return m_listener.close(); }
    bool has_record();
private:
    std::map&amp;lt; std::string, unsigned int &amp;gt; records;
    void handle_get_or_post(http_request message);
    http_listener m_listener;
};
bool CommandHandler::has_record()
{
    return records.size() &amp;gt; 0 &amp;amp;&amp;amp; records.find("1") != records.end();
}
CommandHandler::CommandHandler(utility::string_t url) : m_listener(url)
{
    m_listener.support(methods::GET, std::bind(&amp;amp;CommandHandler::handle_get_or_post, this, std::placeholders::_1));
    m_listener.support(methods::POST, std::bind(&amp;amp;CommandHandler::handle_get_or_post, this, std::placeholders::_1));
}
void CommandHandler::handle_get_or_post(http_request request)
{
    if(this-&amp;gt;has_record())
        request.reply(status_codes::OK, 1);
    else
        request.reply(status_codes::OK, 0);
};
int main(int argc, char** argv)
{
    try
    {
        utility::string_t address = U("http://127.0.0.1:9595");
        uri_builder uri(address);
        auto addr = uri.to_uri().to_string();
        CommandHandler handler(addr);
        if(handler.has_record())
            std::cout&amp;lt;&amp;lt;"work!";
        handler.open().wait();
        ucout &amp;lt;&amp;lt; utility::string_t(U("Listening for requests at: ")) &amp;lt;&amp;lt; addr &amp;lt;&amp;lt; std::endl;
        ucout &amp;lt;&amp;lt; U("Press ENTER key to quit...") &amp;lt;&amp;lt; std::endl;
        std::string line;
        std::getline(std::cin, line);
        handler.close().wait();
    }
    catch (std::exception&amp;amp; ex)
    {
        ucout &amp;lt;&amp;lt; U("Exception: ") &amp;lt;&amp;lt; ex.what() &amp;lt;&amp;lt; std::endl;
        ucout &amp;lt;&amp;lt; U("Press ENTER key to quit...") &amp;lt;&amp;lt; std::endl;
        std::string line;
        std::getline(std::cin, line);
    }
    return 0;
}
&lt;/code&gt;&lt;/pre&gt;</t>
  </si>
  <si>
    <t>2017-01-19 20:35:52.413000+00:00</t>
  </si>
  <si>
    <t>2017-01-19 21:56:29.703000+00:00</t>
  </si>
  <si>
    <t>c++|cpprest-sdk</t>
  </si>
  <si>
    <t>Adding Scale bar to ImageJ / FIJI manually from metadeta</t>
  </si>
  <si>
    <t>&lt;p&gt;How can I add a scale bar to Tif images? the metadeta I have is in the form of tif.anx, tif.eax and XML file.  I don't understand how to add it to my image so that I can get a scale Bar.&lt;/p&gt;
&lt;p&gt;The XML file is in the following link &lt;a href="https://www.dropbox.com/s/wcnjzgb01mlrrxj/image46.tif.cal.xml" rel="nofollow"&gt;https://www.dropbox.com/s/wcnjzgb01mlrrxj/image46.tif.cal.xml&lt;/a&gt; &lt;/p&gt;
&lt;p&gt;ANX file: &lt;a href="https://www.dropbox.com/s/wal7e1a7mxqwwde/image46.tif.anx" rel="nofollow"&gt;https://www.dropbox.com/s/wal7e1a7mxqwwde/image46.tif.anx&lt;/a&gt;&lt;/p&gt;</t>
  </si>
  <si>
    <t>2014-04-30 16:46:07.110000+00:00</t>
  </si>
  <si>
    <t>2014-05-01 11:16:07.497000+00:00</t>
  </si>
  <si>
    <t>2014-04-30 17:20:26.343000+00:00</t>
  </si>
  <si>
    <t>imagej</t>
  </si>
  <si>
    <t>Returning an $http call followed by a .then does not seem to return correctly</t>
  </si>
  <si>
    <t>&lt;p&gt;I have this code that calls a function and within that I return a function that calls $http.  When the code runs I cannot understand why I see&lt;/p&gt;
&lt;p&gt;An alert saying "notok" followed by an alert saying "topicsRetrieve2 okay".&lt;/p&gt;
&lt;p&gt;Should topicsRetrieve2 not be returning a failed promise if the $http fails?&lt;/p&gt;
&lt;pre&gt;&lt;code&gt;topicsRetrieve = (): any =&amp;gt; {
    this.topicsRetrieve2().then(() =&amp;gt; {
        alert("topicsRetrieve2 okay");
    }, () =&amp;gt; {
        alert("topicsRetrieve2 failed");
    })
}
topicsRetrieve2 = (): ng.IPromise&amp;lt;any&amp;gt; =&amp;gt; {
    return this.$http({
        method: "GET",
        url: "badurlxxxxxxxx"
    })
        .then(() =&amp;gt; {
            alert("ok");
        }, () =&amp;gt; {
            alert("notok");
        })
&lt;/code&gt;&lt;/pre&gt;
&lt;p&gt;AngularJS v1.4.1&lt;/p&gt;
&lt;p&gt;Update: new potential solution:&lt;/p&gt;
&lt;pre&gt;&lt;code&gt;topicsRetrieve2 = (): ng.IPromise&amp;lt;any&amp;gt; =&amp;gt; {
    var defer = this.$q.defer();
    this.$http({
        method: "GET",
        url: "badurlxxxxxxxx"
    })
        .then(() =&amp;gt; {
            alert("ok");
            defer.resolve();
        }, () =&amp;gt; {
            alert("notok");
            defer.reject()
        })
     return defer.promise;
}
&lt;/code&gt;&lt;/pre&gt;</t>
  </si>
  <si>
    <t>2015-09-23 17:20:10.423000+00:00</t>
  </si>
  <si>
    <t>2015-09-23 17:35:47.567000+00:00</t>
  </si>
  <si>
    <t>user1464139</t>
  </si>
  <si>
    <t>get the meta data from an advert iframe</t>
  </si>
  <si>
    <t>&lt;p&gt;I want to put advertising in my site in a similar way as Google Display. I'm using iframe to insert the ads but I'm having problems with the size of it.&lt;/p&gt;
&lt;p&gt;I don't know why the iframe are sized by default in 300 x 150 no matter the source size. &lt;/p&gt;
&lt;p&gt;The adverts have a meta line with the size of it. &lt;/p&gt;
&lt;pre&gt;&lt;code&gt;&amp;lt;meta name="ad.size" content="width=300,height=250"&amp;gt;
&lt;/code&gt;&lt;/pre&gt;
&lt;p&gt;I want to take this information and change the iframe size with javascript. I tryed:&lt;/p&gt;
&lt;pre&gt;&lt;code&gt;$('#myiframe').load(function() {
        var element = document.querySelector('meta[name="ad.size"]')['content������'];
});     
&lt;/code&gt;&lt;/pre&gt;
&lt;p&gt;and the result is empty.&lt;/p&gt;
&lt;p&gt;Please your help.&lt;/p&gt;
&lt;p&gt;B/R&lt;/p&gt;</t>
  </si>
  <si>
    <t>2017-04-15 00:59:01.203000+00:00</t>
  </si>
  <si>
    <t>2017-04-15 04:24:49.553000+00:00</t>
  </si>
  <si>
    <t>javascript|iframe|meta</t>
  </si>
  <si>
    <t>Hyperledger Fabric Invalid Channel create transaction : bad header</t>
  </si>
  <si>
    <t>&lt;p&gt;I'm following this guide &lt;a href="https://github.com/rohitadivi/Reconfigure-BYFN/blob/master/New-channel-Org3.md" rel="nofollow noreferrer"&gt;https://github.com/rohitadivi/Reconfigure-BYFN/blob/master/New-channel-Org3.md&lt;/a&gt; to add a third organization to the consortium of the system config of my &lt;code&gt;./byfn&lt;/code&gt; Hyperledger Fabric network. However, when I get to the "&lt;strong&gt;Sending config update to orderer&lt;/strong&gt;" step, I am getting the error &lt;code&gt;Error: Invalid channel create transaction : bad header&lt;/code&gt;&lt;/p&gt;
&lt;p&gt;Here is my &lt;code&gt;sys_config_update.json&lt;/code&gt;&lt;/p&gt;
&lt;p&gt;&lt;div class="snippet" data-lang="js" data-hide="false" data-console="true" data-babel="false"&gt;_x000D_
&lt;div class="snippet-code"&gt;_x000D_
&lt;pre class="snippet-code-html lang-html prettyprint-override"&gt;&lt;code&gt;{_x000D_
  "payload": {_x000D_
    "header": {_x000D_
      "channel_header": {_x000D_
        "channel_id": "mychannel",_x000D_
        "type": 2_x000D_
      }_x000D_
    },_x000D_
    "data": {_x000D_
      "config_update": {_x000D_
        "channel_id": "mychannel",_x000D_
        "read_set": {_x000D_
          "groups": {_x000D_
            "Application": {_x000D_
              "mod_policy": "",_x000D_
              "version": "1"_x000D_
            },_x000D_
            "Orderer": {_x000D_
              "mod_policy": "",_x000D_
              "version": "0"_x000D_
            }_x000D_
          },_x000D_
          "mod_policy": "",_x000D_
          "policies": {_x000D_
            "Admins": {_x000D_
              "mod_policy": "",_x000D_
              "version": "0"_x000D_
            },_x000D_
            "Readers": {_x000D_
              "mod_policy": "",_x000D_
              "version": "0"_x000D_
            },_x000D_
            "Writers": {_x000D_
              "mod_policy": "",_x000D_
              "version": "0"_x000D_
            }_x000D_
          },_x000D_
          "values": {_x000D_
            "BlockDataHashingStructure": {_x000D_
              "mod_policy": "",_x000D_
              "version": "0"_x000D_
            },_x000D_
            "Capabilities": {_x000D_
              "mod_policy": "",_x000D_
              "version": "0"_x000D_
            },_x000D_
            "Consortium": {_x000D_
              "mod_policy": "",_x000D_
              "version": "0"_x000D_
            },_x000D_
            "HashingAlgorithm": {_x000D_
              "mod_policy": "",_x000D_
              "version": "0"_x000D_
            },_x000D_
            "OrdererAddresses": {_x000D_
              "mod_policy": "",_x000D_
              "version": "0"_x000D_
            }_x000D_
          },_x000D_
          "version": "0"_x000D_
        },_x000D_
        "write_set": {_x000D_
          "groups": {_x000D_
            "Application": {_x000D_
              "mod_policy": "",_x000D_
              "version": "1"_x000D_
            },_x000D_
            "Consortiums": {_x000D_
              "groups": {_x000D_
                "SampleConsortium": {_x000D_
                  "groups": {_x000D_
                    "Org3MSP": {_x000D_
                      "mod_policy": "Admins",_x000D_
                      "policies": {_x000D_
                        "Admins": {_x000D_
                          "mod_policy": "Admins",_x000D_
                          "policy": {_x000D_
                            "type": 1,_x000D_
                            "value": {_x000D_
                              "identities": [_x000D_
                                {_x000D_
                                  "principal": {_x000D_
                                    "msp_identifier": "Org3MSP",_x000D_
                                    "role": "ADMIN"_x000D_
                                  },_x000D_
                                  "principal_classification": "ROLE"_x000D_
                                }_x000D_
                              ],_x000D_
                              "rule": {_x000D_
                                "n_out_of": {_x000D_
                                  "n": 1,_x000D_
                                  "rules": [_x000D_
                                    {_x000D_
                                      "signed_by": 0_x000D_
                                    }_x000D_
                                  ]_x000D_
                                }_x000D_
                              },_x000D_
                              "version": 0_x000D_
                            }_x000D_
                          },_x000D_
                          "version": "0"_x000D_
                        },_x000D_
                        "Readers": {_x000D_
                          "mod_policy": "Admins",_x000D_
                          "policy": {_x000D_
                            "type": 1,_x000D_
                            "value": {_x000D_
                              "identities": [_x000D_
                                {_x000D_
                                  "principal": {_x000D_
                                    "msp_identifier": "Org3MSP",_x000D_
                                    "role": "MEMBER"_x000D_
                                  },_x000D_
                                  "principal_classification": "ROLE"_x000D_
                                }_x000D_
                              ],_x000D_
                              "rule": {_x000D_
                                "n_out_of": {_x000D_
                                  "n": 1,_x000D_
                                  "rules": [_x000D_
                                    {_x000D_
                                      "signed_by": 0_x000D_
                                    }_x000D_
                                  ]_x000D_
                                }_x000D_
                              },_x000D_
                              "version": 0_x000D_
                            }_x000D_
                          },_x000D_
                          "version": "0"_x000D_
                        },_x000D_
                        "Writers": {_x000D_
                          "mod_policy": "Admins",_x000D_
                          "policy": {_x000D_
                            "type": 1,_x000D_
                            "value": {_x000D_
                              "identities": [_x000D_
                                {_x000D_
                                  "principal": {_x000D_
                                    "msp_identifier": "Org3MSP",_x000D_
                                    "role": "MEMBER"_x000D_
                                  },_x000D_
                                  "principal_classification": "ROLE"_x000D_
                                }_x000D_
                              ],_x000D_
                              "rule": {_x000D_
                                "n_out_of": {_x000D_
                                  "n": 1,_x000D_
                                  "rules": [_x000D_
                                    {_x000D_
                                      "signed_by": 0_x000D_
                                    }_x000D_
                                  ]_x000D_
                                }_x000D_
                              },_x000D_
                              "version": 0_x000D_
                            }_x000D_
                          },_x000D_
                          "version": "0"_x000D_
                        }_x000D_
                      },_x000D_
                      "values": {_x000D_
                        "MSP": {_x000D_
                          "mod_policy": "Admins",_x000D_
                          "value": {_x000D_
                            "config": {_x000D_
                              "admins": [_x000D_
                                "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"_x000D_
                              ],_x000D_
                              "crypto_config": {_x000D_
                                "identity_identifier_hash_function": "SHA256",_x000D_
                                "signature_hash_family": "SHA2"_x000D_
                              },_x000D_
                              "fabric_node_ous": {_x000D_
                                "client_ou_identifier": {_x000D_
                                  "certificate": "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",_x000D_
                                  "organizational_unit_identifier": "client"_x000D_
                                },_x000D_
                                "enable": true,_x000D_
                                "peer_ou_identifier": {_x000D_
                                  "certificate": "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",_x000D_
                                  "organizational_unit_identifier": "peer"_x000D_
                                }_x000D_
                              },_x000D_
                              "name": "Org3MSP",_x000D_
                              "root_certs": [_x000D_
                                "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"_x000D_
                              ],_x000D_
                              "tls_root_certs": [_x000D_
                                "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"_x000D_
                              ]_x000D_
                            },_x000D_
                            "type": 0_x000D_
                          },_x000D_
                          "version": "0"_x000D_
                        }_x000D_
                      },_x000D_
                      "version": "0"_x000D_
                    }_x000D_
                  },_x000D_
                  "mod_policy": "",_x000D_
                  "version": "0"_x000D_
                }_x000D_
              },_x000D_
              "mod_policy": "",_x000D_
              "version": "0"_x000D_
            },_x000D_
            "Orderer": {_x000D_
              "mod_policy": "",_x000D_
              "version": "0"_x000D_
            }_x000D_
          },_x000D_
          "mod_policy": "Admins",_x000D_
          "policies": {_x000D_
            "Admins": {_x000D_
              "mod_policy": "",_x000D_
              "version": "0"_x000D_
            },_x000D_
            "Readers": {_x000D_
              "mod_policy": "",_x000D_
              "version": "0"_x000D_
            },_x000D_
            "Writers": {_x000D_
              "mod_policy": "",_x000D_
              "version": "0"_x000D_
            }_x000D_
          },_x000D_
          "values": {_x000D_
            "BlockDataHashingStructure": {_x000D_
              "mod_policy": "",_x000D_
              "version": "0"_x000D_
            },_x000D_
            "Capabilities": {_x000D_
              "mod_policy": "",_x000D_
              "version": "0"_x000D_
            },_x000D_
            "Consortium": {_x000D_
              "mod_policy": "",_x000D_
              "version": "0"_x000D_
            },_x000D_
            "HashingAlgorithm": {_x000D_
              "mod_policy": "",_x000D_
              "version": "0"_x000D_
            },_x000D_
            "OrdererAddresses": {_x000D_
              "mod_policy": "",_x000D_
              "version": "0"_x000D_
            }_x000D_
          },_x000D_
          "version": "1"_x000D_
        }_x000D_
      }_x000D_
    }_x000D_
  }_x000D_
}&lt;/code&gt;&lt;/pre&gt;_x000D_
&lt;/div&gt;_x000D_
&lt;/div&gt;_x000D_
&lt;/p&gt;
&lt;p&gt;And the configuration update step I am using is this:&lt;/p&gt;
&lt;pre&gt;&lt;code&gt;/opt/gopath/src/github.com/hyperledger/fabric/peer# peer channel update -f sys_config_update_in_envelope.pb -c mychannel -o orderer.example.com:7050 --tls true --cafile $ORDERER_CA
&lt;/code&gt;&lt;/pre&gt;
&lt;p&gt;How do I resolve this?&lt;/p&gt;</t>
  </si>
  <si>
    <t>2018-09-18 21:25:59.820000+00:00</t>
  </si>
  <si>
    <t>2018-09-26 15:46:47.947000+00:00</t>
  </si>
  <si>
    <t>2018-09-19 20:40:43.383000+00:00</t>
  </si>
  <si>
    <t>hyperledger-fabric|hyperledger</t>
  </si>
  <si>
    <t>How to use populate_obj in Flask / WTForms with a FormField?</t>
  </si>
  <si>
    <t>&lt;p&gt;I have a User with a Location. Just as proof of concept the Location is a FormField within the CombinedForm which should be stored as a User Model. Eventually I want to have a fairly large number of nested forms so I would really like form.populate_obj(Model) to take care of processing the data. However, I must be doing something wrong. Here is my code:&lt;/p&gt;
&lt;pre&gt;&lt;code&gt;# - - - Models - - -
class User(db.Model):
    __tablename__ = 'users'
    id = db.Column(db.Integer(), primary_key=True)
    username = db.Column(db.String(40))
    location = db.relationship('Location', backref='user')
class Location(db.Model):
    __tablename__ = 'locations'
    id = db.Column(db.Integer(), primary_key=True)
    user_id = db.Column(db.Integer(), db.ForeignKey('users.id'))
    descr = db.Column(db.String(50))
# - - - Forms - - -
class LocationForm(NoCsrfForm):
    descr = StringField('Location Name')
class CombinedForm(Form):
    username = StringField('User', validators=[DataRequired()])
    location = FormField(LocationForm)  # , default=lambda: Location())
    submit = SubmitField('Submit')
# - - - Routes - - -
@app.route('/', methods=['GET', 'POST'])
def index():
    user = User(username="not in db")
    form = CombinedForm(obj=user)
    if form.validate_on_submit():
        form.populate_obj(user)
        db.session.add(user)
        db.session.commit()
    return render_template('multi.html', form=form)
&lt;/code&gt;&lt;/pre&gt;
&lt;p&gt;When I add &lt;code&gt;user.location = [Location(descr="Test")]&lt;/code&gt; to the index function I can render the field using &lt;code&gt;{{ form.location }}&lt;/code&gt; in my view, but changes to the field in the form don't have an effect on the model, since populate_obj does not populate the Location object with the POST data. When the FormField is inside a FieldList, populating it works.&lt;/p&gt;
&lt;p&gt;What am I missing?&lt;/p&gt;
&lt;p&gt;I've been unable to find a working FormField example without FieldList.&lt;/p&gt;
&lt;p&gt;I've spent a lot of time on this, even made an &lt;a href="https://github.com/sebkouba/dynamic-flask-form" rel="nofollow"&gt;example&lt;/a&gt; when I thought I had figured it out, but I was wrong, at least when using FormField with populate_list without FieldList. If there is a better approach to processing data from 2-3 Models in one Form please let me know. I'm going crazy so I would really appreciate some help. Thanks for your time.&lt;/p&gt;</t>
  </si>
  <si>
    <t>2016-01-08 05:57:29.937000+00:00</t>
  </si>
  <si>
    <t>2016-01-08 13:50:54.733000+00:00</t>
  </si>
  <si>
    <t>python|flask|wtforms|formfield</t>
  </si>
  <si>
    <t>Django: admin login page redirecting to itself</t>
  </si>
  <si>
    <t>&lt;p&gt;I am having a weird problem. I have a standard django 1.4 website with an admin section.&lt;/p&gt;
&lt;p&gt;Locally everything is working fine, but when I deploy online, after login into the admin section the first time, it works. I logout then login again, then I get redirected to the same login page!&lt;/p&gt;
&lt;p&gt;If I login with incorrect credentials then sure enough the correct errors are shown. If I restart the apache production server then login/logout to the admin section works only for one time then every login from then on produces the same problem.&lt;/p&gt;
&lt;p&gt;Has anyone had this before? Is it something to do with cookies or maybe caching problems?&lt;/p&gt;
&lt;p&gt;Note: The app has only one url redirecting to the admin, there are no other views. Also prodcution is using http and not https.&lt;/p&gt;</t>
  </si>
  <si>
    <t>2012-09-01 20:16:15.817000+00:00</t>
  </si>
  <si>
    <t>2012-09-01 23:37:42.970000+00:00</t>
  </si>
  <si>
    <t>2012-09-01 20:24:04.857000+00:00</t>
  </si>
  <si>
    <t>python|django|django-admin</t>
  </si>
  <si>
    <t>android app for store pictures and gps location and description</t>
  </si>
  <si>
    <t>&lt;p&gt;I'm new here and I don't know if I post on to the right forum.&lt;/p&gt;
&lt;p&gt;I'd like to do an application.
Application could capture a photo and GPS location and store everything together in database. I could add a description to picture next time when I want. This would be like my diary with photos and locations where I was (trip). Next time I could look and search for the picture or location and see the details of the description I wrote.&lt;/p&gt;
&lt;p&gt;For now I don't heave an android phone so I'm doing just in emulator.&lt;/p&gt;
&lt;p&gt;Any idea how to done this app?&lt;/p&gt;
&lt;p&gt;Thanks Matej &lt;/p&gt;</t>
  </si>
  <si>
    <t>2010-12-29 00:25:56.963000+00:00</t>
  </si>
  <si>
    <t>2010-12-30 22:04:04.553000+00:00</t>
  </si>
  <si>
    <t>android|gps|location|photo|store</t>
  </si>
  <si>
    <t>Emacs scrolling behaviour after changing font size</t>
  </si>
  <si>
    <t>&lt;p&gt;Emacs23 GUI in Ubuntu 10.04 LTS. I've previously not changed any settings relating to Emacs scrolling behaviour. However, today I noticed a peculiar jumping behaviour when scrolling down in a buffer -- the cursor down key would scroll down as normal to a point and then the next keypress down would sometimes scroll the buffer down instead or sometimes appear to scroll the buffer up and then move the selected line down. It appeared to be more buggy behaviour rather than the normal or predictable jumping of the buffer. If I held down the down cursor the screen would jump and scroll and stutter and then lurch forward and then stutter.&lt;/p&gt;
&lt;p&gt;I searched for some answers and tried a few mentioned here, but nothing solved the problem. Only then did I realize that this behaviour is new -- it only appeared after I changed the font in the buffer with &lt;code&gt;C-x&lt;/code&gt; &lt;code&gt;C--&lt;/code&gt;. When I returned the font to the "default" with &lt;code&gt;C-x&lt;/code&gt; &lt;code&gt;C-+&lt;/code&gt;, the scrolling behaviour returned to normal (the point moves to the last line, then the next press scrolls a few lines and moves the point up and displays the lines below; this is the default I think and I'm happy with it). Ideas?&lt;/p&gt;
&lt;p&gt;Edit: Scrolling up works fine (as expected/default) regardless of font-size changes. Changing the font smaller a second time only makes the scrolling more bizarre.&lt;/p&gt;
&lt;p&gt;Edit: Temporary workaround: return to using &lt;code&gt;emacs -nw&lt;/code&gt;&lt;/p&gt;
&lt;p&gt;Update: Tested on another Ubuntu 10.04 machine (desktop). Launched Emacs 23 and loaded a log file. Maximized Emacs. Help down cursor and scrolling worked as normal -- the cursor gets to the bottom, the buffer scrolls and the cursor moves to the middle of the screen. &lt;code&gt;C-x&lt;/code&gt; &lt;code&gt;C--&lt;/code&gt; to reduce font size. Scroll down again. Same strange jerky behaviour, where some jumps don't seem to even move the buffer properly. Enlarge font once, and scrolling returns to normal. Scrolling up is fine regardless of font size. I searched the Emacs bug tracker briefly but did not find a bug which matched.&lt;/p&gt;</t>
  </si>
  <si>
    <t>2011-06-29 08:56:23.720000+00:00</t>
  </si>
  <si>
    <t>2013-03-13 15:50:45.387000+00:00</t>
  </si>
  <si>
    <t>2011-06-30 10:28:19.667000+00:00</t>
  </si>
  <si>
    <t>emacs|scroll|font-size</t>
  </si>
  <si>
    <t>Python code for searching through a url</t>
  </si>
  <si>
    <t>&lt;p&gt;Hey so im trying to get the current oil price and then do some math on it for a hw assignment. Im having trouble getting it to find the numbers i need on the website.
here is my code&lt;/p&gt;
&lt;pre&gt;&lt;code&gt;    # Module oilcost.py to compute the delivery cost for home heating oil.
# Assume your delivery company charges a 10% fee on top of the price 
# per gallon.  The module should take one command line argument 
# indicating the number of gallons needed and should output the 
# total cost.
import sys
import re
import urllib
def getOilPrice(url):
    f = urllib.urlopen(url)
    html=f.read()
    f.close()
    match = re.search(r'&amp;lt;span class="dailyPrice"&amp;gt;( d+.? d+)&amp;lt;/span&amp;gt;', html)
    return match.group(1) if match else '0'
def outputPrice(oilprice, gallons, total):
    print 'The current oil price is $ %s' %oilprice
def main():
    url = 'http://www.indexmundi.com/commodities/?commodity=heating-oil'
    oilprice = float(getOilPrice(url))     # Create this method
    gallons = float(sys.argv[1])                      # Get from command line
    total = (gallons * 1.1) * oilprice
    outputPrice(oilprice, gallons, total)  # Create this method
if __name__ == '__main__':
    main()
&lt;/code&gt;&lt;/pre&gt;
&lt;p&gt;can anyone let me know what im doing wrong?&lt;/p&gt;</t>
  </si>
  <si>
    <t>2012-03-02 19:07:16.910000+00:00</t>
  </si>
  <si>
    <t>2012-03-02 19:15:51.643000+00:00</t>
  </si>
  <si>
    <t>IDs not changing</t>
  </si>
  <si>
    <t>&lt;p&gt;I'm trying to create multiple sections and show or hide them on click. So I have three &lt;code&gt;id&lt;/code&gt;'s: &lt;code&gt;section2&lt;/code&gt;, &lt;code&gt;section2hidden&lt;/code&gt;, and &lt;code&gt;section2visible&lt;/code&gt;.&lt;/p&gt;
&lt;p&gt;Please take a look at the non-working code at &lt;a href="http://thomaswd.com/portfolio2" rel="nofollow"&gt;this website&lt;/a&gt;. Click on the language arts link under 6th grade and then hit the back button in the top left corner (&lt;strong&gt;not on your browser!&lt;/strong&gt;). You will see that it brings the element back, but it is still &lt;code&gt;opacity:0&lt;/code&gt; or something.&lt;/p&gt;</t>
  </si>
  <si>
    <t>2012-12-09 05:07:37.380000+00:00</t>
  </si>
  <si>
    <t>2012-12-09 16:36:31.720000+00:00</t>
  </si>
  <si>
    <t>Ionic check multiple Promises are finished</t>
  </si>
  <si>
    <t>&lt;p&gt;I want to run multiple promises and print the result if all promises are finished. Currently I try below approach:&lt;/p&gt;
&lt;pre&gt;&lt;code&gt;for (let p of this.invoiceProduct) {
  this.promotionSvc.checkPromoBuyNGetN(this.username, p).then(result =&amp;gt; {
    console.log(result);
    this.promoBuyNGetNData.push(result);
  })
}
Promise.all(this.promoBuyNGetNData).then(values =&amp;gt; {
  console.log(values);
})
&lt;/code&gt;&lt;/pre&gt;
&lt;p&gt;In the console, it prints &lt;code&gt;[]&lt;/code&gt; for &lt;code&gt;console.log(values)&lt;/code&gt; and &lt;code&gt;{id: "e620c8a8-dca8-11e7-8443-2c56dcbcb038", productIdGet: "98926f8c-6afb-11e7-8dd4-2c56dcbcb038", productGet: "Style Laki", getN: 1, description: ""}&lt;/code&gt; for &lt;code&gt;console.log(result)&lt;/code&gt;. &lt;/p&gt;
&lt;p&gt;From above result we can see that the &lt;code&gt;Promise.all&lt;/code&gt; doesn't work. How should I fix this?&lt;/p&gt;</t>
  </si>
  <si>
    <t>2017-12-09 07:47:14.160000+00:00</t>
  </si>
  <si>
    <t>2017-12-09 15:19:49.060000+00:00</t>
  </si>
  <si>
    <t>javascript|angular|ionic-framework</t>
  </si>
  <si>
    <t>scalaz.syntax.monad._ brokes applicative syntax</t>
  </si>
  <si>
    <t>&lt;p&gt;I have some code which uses either applicative and monad syntax. The code looks like this:&lt;/p&gt;
&lt;pre&gt;&lt;code&gt;  import scalaz._
  import scalaz.syntax.applicative._
  import scalaz.syntax.std.boolean._
  import scalaz.syntax.traverse._
  //import scalaz.syntax.monad._
  def getPackage[P](implicit pkg: NpmPackage[P]): ValidationNel[String, P] = {
    val installPackage = (pkg: String) =&amp;gt; install(pkg).??!!
    lazy val getPackage = pkg.commands.traverseU {
      (c: String) =&amp;gt; (binDir |@| binaryForPackage[P](c)) {
        (a: File,b:File) =&amp;gt; c -&amp;gt; a / pkg.packageName / b.toString
      }
    } map (_.toMap) map (pkg.newPackage)
    hasPackage(pkg.packageName) ?
      getPackage |
      (installPackage(pkg.packageName) flatMap (_ =&amp;gt; getPackage))
  }
&lt;/code&gt;&lt;/pre&gt;
&lt;p&gt;That code compiles without problems, just when i want to replace the &lt;code&gt;flatMap&lt;/code&gt; method with &lt;code&gt;&amp;gt;&amp;gt;=&lt;/code&gt; method importing &lt;code&gt;scalaz.syntax.monad._&lt;/code&gt; i got the following error:&lt;/p&gt;
&lt;pre&gt;&lt;code&gt; [error] value |@| is not a member of scalaz.ValidationNel[String,sbt.File]
 [error]      (c: String) =&amp;gt; (binDir |@| binaryForPackage[P](c)) {
&lt;/code&gt;&lt;/pre&gt;
&lt;p&gt;I suppose that i'm doing something wrong in the imports, but i cant understand why importing monad syntax brokes the &lt;code&gt;|@|&lt;/code&gt; operator and how to let both syntax work together, any solution?&lt;/p&gt;
&lt;p&gt;I'm using scalaz 7.1.0-M2.&lt;/p&gt;</t>
  </si>
  <si>
    <t>2013-09-22 21:12:34.470000+00:00</t>
  </si>
  <si>
    <t>2013-09-22 21:36:40.650000+00:00</t>
  </si>
  <si>
    <t>scala|scalaz|scalaz7</t>
  </si>
  <si>
    <t>How to destroy a DOM element after appending it to an element in the same function</t>
  </si>
  <si>
    <t>&lt;p&gt;Here is the code, I'm not even sure why it works as well as it does, line 7 isn't even valid I don't think, so why is it doing what I want it to (it reduces opacity to 0 of the lightbox and removes the loginDropDown element)? The thing that really confuses me is why doesn't it function the same when I remove line 7, when line 7 isn't even valid JQuery I just typed it by accident, is this a bug and if so how do I get it to function the same with valid code?&lt;/p&gt;
&lt;pre&gt;&lt;code&gt;function lightBox($this) {
    if (!$('#lightBox').length &amp;gt; 0) {
        $('&amp;lt;div id="lightBox"&amp;gt;&amp;lt;/div&amp;gt;').prependTo($this);
        $("#lightBox").animate({opacity: '.4'}, 500);
    } else {
        $("#lightBox").animate({opacity: '0'}, 500);
        $('&amp;lt;div id="lightBox"&amp;gt;&amp;lt;/div&amp;gt;').delete();
    }
}
/** login dropdown **/
$('a#loginDropdownBtn').click(function () {
    $this = $(this);
    if ($(this).hasClass('loginActive')) {
        $('div#loginDropdown').removeClass('loginActive');
    } else {
        $('div#loginDropdown').addClass('loginActive');
        lightBox($this);
    }
    return false;
});
/** login removal **/
$(document).click(function (event) {
    if ($(event.target).parents().index($('#loginDropdown')) == -1) {
        if ($('#loginDropdown').is(":visible")) {
            $('div#loginDropdown').removeClass('loginActive');
        }
    }
})
&lt;/code&gt;&lt;/pre&gt;
&lt;p&gt;edit:
If I use-&lt;/p&gt;
&lt;pre&gt;&lt;code&gt;        $('div#loginDropdown').removeClass('loginActive');
        $("#lightBox").animate({opacity: '0'}, 500, function() {
            $(this).remove();            
        });
&lt;/code&gt;&lt;/pre&gt;
&lt;p&gt;Works! However - &lt;/p&gt;
&lt;pre&gt;&lt;code&gt;        $("#lightBox").animate({opacity: '0'}, 500, function() {
            $(this).remove();            
        });
        $('&amp;lt;div id="lightBox"&amp;gt;&amp;lt;/div&amp;gt;').delete();
&lt;/code&gt;&lt;/pre&gt;
&lt;p&gt;Works fine...why? Is this valid code, I can't find anything that indicates it is.&lt;/p&gt;</t>
  </si>
  <si>
    <t>2013-08-28 21:04:38.987000+00:00</t>
  </si>
  <si>
    <t>2013-08-28 21:39:20.017000+00:00</t>
  </si>
  <si>
    <t>2013-08-28 21:24:36.483000+00:00</t>
  </si>
  <si>
    <t>jquery|lightbox</t>
  </si>
  <si>
    <t>Is there any real advantage to using nested selectors?</t>
  </si>
  <si>
    <t>&lt;p&gt;if #div2 is contained within #div1 is there any real advantage to referring to that in the css stylesheet? like this:&lt;/p&gt;
&lt;pre&gt;&lt;code&gt;#div1 {
  display:block; 
}
#div1 #div2 {
 background-color:#e0e0e0;
}
&lt;/code&gt;&lt;/pre&gt;
&lt;p&gt;and then similarly. i have a table ID and then it's table headers&lt;/p&gt;
&lt;pre&gt;&lt;code&gt;#myTable {
    width:100%;
}
#myTable #productName{
   width:75%;
}
&lt;/code&gt;&lt;/pre&gt;</t>
  </si>
  <si>
    <t>2013-09-08 16:19:18.337000+00:00</t>
  </si>
  <si>
    <t>2013-09-08 16:30:47.857000+00:00</t>
  </si>
  <si>
    <t>css|selector</t>
  </si>
  <si>
    <t>Card Values in BlackJack Java</t>
  </si>
  <si>
    <t>&lt;p&gt;First time posting on here. I've heard many good things about the community. I'm an amateur programmer and have dabbled in C++ and Java so far. Anywhoo, I've been cracking my head open with this BlackJack game in java I've sort of haphazardly put together over the last few days. Basically, I am having an issue with the creating of my deck. I am using an ArrayList to hold the cards, but I cant figure out a way to correctly add a value to each card. As you can see by my code, I am using parseint to get the value from the String and add it to the card sum but the problem is, when values such as "Ace" and "Jack" "King" "Queen" come up, clearly no int can be parsed from there so when the program runs, everything works fine, unless of course one of the previously mentioned cards are pulled. Then I get an error that reads:&lt;/p&gt;
&lt;p&gt;(""Exception in thread "main" java.lang.NumberFormatException: For input string: "Queen"
    at java.lang.NumberFormatException.forInputString(NumberFormatException.java:65)
    at java.lang.Integer.parseInt(Integer.java:580)
    at java.lang.Integer.parseInt(Integer.java:615)
    at blackjack.Blackjack.getHumanValue(Blackjack.java:110)
    at blackjack.Blackjack.main(Blackjack.java:27)
Java Result: 1
BUILD SUCCESSFUL (total time: 0 seconds)"") . &lt;/p&gt;
&lt;p&gt;I've tried looking it up online to see if I can spark some inspiration but all I can find is to use Enums or Switch to build my deck, but the problem is I don't fully understand those techniques yet. Any advice will be greatly appreciated. &lt;/p&gt;
&lt;p&gt;Thanks!&lt;/p&gt;
&lt;pre&gt;&lt;code&gt;public class Blackjack{
ArrayList&amp;lt;card&amp;gt; buildDeck = new ArrayList&amp;lt;card&amp;gt;();
public static void main(String[] args) 
{
    Blackjack b = new Blackjack();
    // Compares both scores. The largest score wins.
    if(b.getHumanValue() &amp;lt; b.getRobotValue())
    {
        System.out.println("ROBOT WINS!!!");
    }
    else if(b.getRobotValue() &amp;gt; 21 &amp;amp;&amp;amp; b.getHumanValue() &amp;lt;=21 )
    {
        System.out.println("YOU WIN!!!");
    }
}
  public ArrayList&amp;lt;card&amp;gt; buildDeck(ArrayList&amp;lt;card&amp;gt; buildDeck)
{      
    String [] suit = {"Spade", "Hearts", "Clubs", "Diamonds"};
    String [] cardValue = {"Ace","2","3","4","5","6",
        "7","8","9","10","Jack","Queen","King"};
    for(int i = 0; i &amp;lt; suit.length; i++)
    {
        for(int j = 0; j &amp;lt; cardValue.length; j++)
        {
            card card = new card(suit[i], cardValue[j]);
            buildDeck.add(card);
        }
    }
    return buildDeck;
}
 // This returns the human score
  public int getHumanValue()
{
    buildDeck(buildDeck);
    Scanner s = new Scanner(System.in);
    card value;
    int ranCard = 0;
    int i = 0;
    int aceValue = 0;
    int totalValue = 0;
    String drawAgain = "";
    System.out.println("[[Dealer gives you two cards.]]");
    System.out.println("");
   while(i &amp;lt; 2)
    {
        ranCard = 0+(int)(Math.random()*52);
        System.out.println("Card " + (i+1) + ":");
        System.out.println(buildDeck.get(ranCard));
        value = buildDeck.get(ranCard);
      while(value.cardValue.equalsIgnoreCase("Ace")) // Ace value; either 1 or 11
        {
            System.out.println("");
            System.out.println("This is an ace.");
            System.out.println("It is equal to 1 or 11");
            System.out.println("Which number do you prefer?");
            System.out.println("");
            aceValue = s.nextInt();
            s.nextLine();
            if(aceValue == 11)
            {
                totalValue += 11;
                totalValue -= 1; // Subtracted 1; was off by one
                break;
            }
            else if(aceValue == 1)
                    {
                        totalValue += 1;
                        totalValue -= 1; // Subtracted 1; was off by one
                        break;
                    }
        }
        totalValue += Integer.parseInt(value.cardValue);
        System.out.println("Total Score: " + totalValue);
        System.out.println("");
        i++;
    }
    System.out.println("[[Would you like to draw another card? Yes/No]]");
    System.out.println("");
    drawAgain = s.nextLine();    
    System.out.println("");
    if(drawAgain.equalsIgnoreCase("YES"))
            {
        ranCard = 0+(int)(Math.random()*52);
        System.out.println("Card 3:");
        System.out.println(buildDeck.get(ranCard));
        value = buildDeck.get(ranCard);
        totalValue += Integer.parseInt(value.cardValue);
        System.out.println("Total Score: " + totalValue);
        System.out.println("");
    }
    else
    {
    }
    return totalValue;
}
// This returns the robot's score
// Mostly copied from gethumanValue method but more automated
public int getRobotValue()
{
    buildDeck(buildDeck);
    card value;
    int ranCard = 0;
    int i = 0;
    int totalValue2 = 0;
    System.out.println("[[Dealer gives Robot two cards.]]");
    System.out.println("");
    while(i &amp;lt; 2)
    {
        ranCard = 0+(int)(Math.random()*52);
        System.out.println("Card " + (i+1) + ":");
        System.out.println(buildDeck.get(ranCard));
        value = buildDeck.get(ranCard);
       while(value.cardValue.equalsIgnoreCase("Ace")) // Ace value; either 1 or 11
        {
            if(totalValue2 &amp;lt; 11)
            {
                totalValue2 += 11;
                totalValue2 -= 1; // Subtracted 1; was off by one
                break;
            }
            else if(totalValue2 &amp;gt; 10)
                    {
                        totalValue2 += 1;
                        totalValue2 -= 1; // Subtracted 1; was off by one
                        break;
                    }
        }
        totalValue2 += Integer.parseInt(value.cardValue);
        System.out.println("Total Score: " + totalValue2);
        System.out.println("");
        i++;
    }
    if(totalValue2 &amp;lt; 17)
    {
        ranCard = 0+(int)(Math.random()*52);
        System.out.println("Card 3:");
        System.out.println(buildDeck.get(ranCard));
        value = buildDeck.get(ranCard);
     while(value.cardValue.equalsIgnoreCase("Ace")) // Ace value; either 1 or 11
        {         
         if(totalValue2 &amp;lt; 11)
            {
                totalValue2 += 11;
                totalValue2 -= 1; // Subtracted 1; was off by one
                break;
            }
            else if(totalValue2 &amp;gt; 10)
                    {
                        totalValue2 += 1;
                        totalValue2 -= 1; // Subtracted 1; was off by one
                        break;
                    }
        }
        totalValue2 += Integer.parseInt(value.cardValue);
        System.out.println("Total Score: " + totalValue2);
        System.out.println("");
    }
    else
    {
    }
    return totalValue2;
}
&lt;/code&gt;&lt;/pre&gt;
&lt;p&gt;}&lt;/p&gt;
&lt;p&gt;&lt;em&gt;EDIT&lt;/em&gt; Sorry, Forgot to include my card class!!!&lt;/p&gt;
&lt;pre&gt;&lt;code&gt;public class card {
String suit;
String cardValue;
@Override
public String toString() {
    return cardValue + " of " + suit;
}
public card(String suit, String cardValue) {
    this.suit = suit;
    this.cardValue = cardValue;
}
public card(String cardValue) {
    this.cardValue = cardValue;
}
public String getSuit() {
    return suit;
}
public void setSuit(String suit) {
    this.suit = suit;
}
&lt;/code&gt;&lt;/pre&gt;</t>
  </si>
  <si>
    <t>2014-06-22 02:18:03.350000+00:00</t>
  </si>
  <si>
    <t>2014-06-22 02:45:46.017000+00:00</t>
  </si>
  <si>
    <t>java|arraylist|blackjack</t>
  </si>
  <si>
    <t>Javascript string variable with regex</t>
  </si>
  <si>
    <t>&lt;p&gt;I can't understand why I can't use a variable for the regex string. See link: &lt;a href="http://jsfiddle.net/nmWuw/1/" rel="nofollow"&gt;http://jsfiddle.net/nmWuw/1/&lt;/a&gt;&lt;/p&gt;
&lt;p&gt;It works without the variable but not when a variable is used for the regex. I escaped my backslashes as well. Output should be '1,234,567,890'. &lt;/p&gt;</t>
  </si>
  <si>
    <t>2011-07-08 17:13:41.490000+00:00</t>
  </si>
  <si>
    <t>2011-07-08 17:26:22.103000+00:00</t>
  </si>
  <si>
    <t>2011-07-08 17:22:42.817000+00:00</t>
  </si>
  <si>
    <t>Handling of middle-mouse click</t>
  </si>
  <si>
    <t>&lt;p&gt;In many Windiows applications (notepad, console window, Internet Explorer, Word) clicking on the middle mouse (or the scroll wheel) creates an overlay ���compass��� and allows fast scrolling in any direction.&lt;/p&gt;
&lt;p&gt;How do I get this behavior in my application?  Is there an API, style or message that makes this happen?  &lt;/p&gt;</t>
  </si>
  <si>
    <t>2011-02-04 16:34:42.057000+00:00</t>
  </si>
  <si>
    <t>2011-02-04 17:14:27.470000+00:00</t>
  </si>
  <si>
    <t>2011-02-04 17:01:46.113000+00:00</t>
  </si>
  <si>
    <t>windows|winapi</t>
  </si>
  <si>
    <t>installing older angular version 5?</t>
  </si>
  <si>
    <t>&lt;p&gt;I was working on personal project which was in Angular 5. Due to some reason I have changed my device, how could I install Angular 5 in my new device since there is new version is available, Is there any way to install Angular 5 instead Angular 6?&lt;/p&gt;</t>
  </si>
  <si>
    <t>2018-07-10 10:54:48.563000+00:00</t>
  </si>
  <si>
    <t>2018-07-10 11:16:39.980000+00:00</t>
  </si>
  <si>
    <t>2018-07-10 11:04:56.080000+00:00</t>
  </si>
  <si>
    <t>angular|installation|angular5|angular-cli|downgrade</t>
  </si>
  <si>
    <t>Pip3 install throwing EnvironmentError</t>
  </si>
  <si>
    <t>&lt;p&gt;I've just had to reinstall python on my Widnows machine and have run into an issue installing dependencies through &lt;code&gt;pip&lt;/code&gt;.&lt;/p&gt;
&lt;p&gt;Regardless of what package I try to install, when I run &lt;code&gt;pip3 install &amp;lt;package-name&amp;gt;&lt;/code&gt; I get the following error (eg. installing numpy):&lt;/p&gt;
&lt;pre&gt;&lt;code&gt;Could not install packages due to an EnvironmentError: HTTPSConnectionPool(host='files.pythonhosted.org', port=443): Max retries exceeded with url: /packages/50/42/f8310b51b3b9deccff3fe2e2b4e627ac8010f435f622ad225cd3ca6936ce/numpy-1.15.3-cp37-none-win32.whl (Caused by ProtocolError('Connection aborted.', ConnectionResetError(10054, 'An existing connection was forcibly closed by the remote host', None, 10054, None)))
&lt;/code&gt;&lt;/pre&gt;
&lt;p&gt;PC Info: Windows 10, Python v3.7.1, Pip 18.1.&lt;/p&gt;
&lt;p&gt;Only last week I was able to install packages. I've had a look around SO and have tried a number of suggestions on running with trusted hosts, etc. but no avail.&lt;/p&gt;
&lt;p&gt;&lt;strong&gt;Edit:&lt;/strong&gt; Forgot to mention I am working on a University PC, hence behind a firewall. Just tried to run pip using the Uni's proxy settings but threw same error. Using my Macbook on the wifi (private not Uni PC) throws the same error.&lt;/p&gt;
&lt;p&gt;I am assuming this must have something to do with the firewall settings?&lt;/p&gt;</t>
  </si>
  <si>
    <t>2018-10-28 23:49:15.763000+00:00</t>
  </si>
  <si>
    <t>2018-10-29 00:08:41.003000+00:00</t>
  </si>
  <si>
    <t>python|pip</t>
  </si>
  <si>
    <t>How do I compute an averaged profile in OpenCV</t>
  </si>
  <si>
    <t>&lt;p&gt;I call an average profile the 1D signal obtained by averaging along the rows or columns in a rectangular image.&lt;/p&gt;
&lt;pre&gt;&lt;code&gt;Px := ��(y=1,H) I(x, y) / H
&lt;/code&gt;&lt;/pre&gt;
&lt;p&gt;and&lt;/p&gt;
&lt;pre&gt;&lt;code&gt;Py := ��(x=1,W) I(x, y) / W
&lt;/code&gt;&lt;/pre&gt;
&lt;p&gt;I couldn't find that in the API, maybe by not using the appropriate terminology.&lt;/p&gt;
&lt;p&gt;I don't want a box filter, just one value per row/column. The sum instead of the average is equally good.&lt;/p&gt;</t>
  </si>
  <si>
    <t>2016-08-15 09:46:37.437000+00:00</t>
  </si>
  <si>
    <t>2016-08-15 10:35:58.417000+00:00</t>
  </si>
  <si>
    <t>opencv</t>
  </si>
  <si>
    <t>Array of pointers in C++/CLI MSIL assembly</t>
  </si>
  <si>
    <t>&lt;p&gt;I'm trying to wrap some legacy C code for use with C# running on .NET Core. I'm using &lt;a href="https://stackoverflow.com/a/9004833"&gt;the approach given here&lt;/a&gt; to create a C++ wrapper that compiles to pure MSIL. It's working well for simple functions, but I've found that if my code ever uses pointers-to-pointers or arrays of pointers it will crash with a memory violation. Often it crashes Visual Studio and I have to restart everything, which is tedious.&lt;/p&gt;
&lt;p&gt;For example, the following code will cause the crashes:&lt;/p&gt;
&lt;pre&gt;&lt;code&gt;public ref class example
    {
    public:
        static void test() {
            Console::WriteLine("\nTesting pointers.");
            double a[5] = {5,6,7,8,9}; //Array.
            double *b = a; //Pointer to first element in array.
            Console::WriteLine("\nTesting bare pointers.");
            Console::WriteLine(a[0]); //Prints 5.
            Console::WriteLine(b[0]); //Prints 5.
            Console::WriteLine("\nTesting pointer-to-pointer.");
            double **c = &amp;amp;b;
            Console::WriteLine(c == &amp;amp;b); //Prints true.
            Console::WriteLine(b[0]); //Works, prints 5.
            Console::WriteLine(**c); //Crashes with memory access violation.
            Console::WriteLine("\nTesting array of pointers.");
            double* d[1];
            d[0] = b;
            Console::WriteLine(d[0] == b); //Prints false???
            Console::WriteLine(b[0]); //Works, prints 5.
            Console::WriteLine(d[0][0]); //Crashes with memory access violation.
            Console::WriteLine("\nTesting CLI array of pointers.");
            cli::array&amp;lt;double*&amp;gt; ^e = gcnew cli::array&amp;lt;double*&amp;gt; (5);
            e[0] = b;
            Console::WriteLine(e[0] == b); //Prints false???
            Console::WriteLine(b[0]); //Works, prints 5.
            Console::WriteLine(e[0][0]); //Crashes with memory access violation.
        }
}
&lt;/code&gt;&lt;/pre&gt;
&lt;p&gt;Note that simply using pointers doesn't cause any problem. It's only when there is that extra level of indirection.&lt;/p&gt;
&lt;p&gt;If I drop the code in a CLR C++ console app, it works exactly as expected and doesn't crash. The crash only happens when compiling the code into an MSIL assembly with &lt;code&gt;clr:pure&lt;/code&gt; and running from a .NET core app.&lt;/p&gt;
&lt;p&gt;What could be going on?&lt;/p&gt;
&lt;p&gt;&lt;strong&gt;Update 1:&lt;/strong&gt; Here are the Visual Studio files: &lt;a href="https://app.box.com/s/xejfm4s46r9hs0inted2kzhkh9qzmjpb" rel="noreferrer"&gt;https://app.box.com/s/xejfm4s46r9hs0inted2kzhkh9qzmjpb&lt;/a&gt; It's two projects. The MSIL assembly is called &lt;code&gt;library&lt;/code&gt; and the &lt;code&gt;CoreApp&lt;/code&gt; is a C# console app that'll call the library. Warning, it's likely to crash Visual Studio when you run it.&lt;/p&gt;
&lt;p&gt;&lt;strong&gt;Update 2:&lt;/strong&gt; I noticed this too:&lt;/p&gt;
&lt;pre&gt;&lt;code&gt;        double a[5] = { 5,6,7,8,9 };
        double* d[1];
        d[0] = a;
        Console::WriteLine(d[0] == a); //Prints true.
        Console::WriteLine(IntPtr(a)); //Prints a number.
        Console::WriteLine(IntPtr(d[0])); //Prints a completely different number.
&lt;/code&gt;&lt;/pre&gt;</t>
  </si>
  <si>
    <t>2018-07-04 21:57:55.747000+00:00</t>
  </si>
  <si>
    <t>2018-07-08 19:16:23.953000+00:00</t>
  </si>
  <si>
    <t>2018-07-05 16:35:25.463000+00:00</t>
  </si>
  <si>
    <t>c#|.net|c++-cli|clr|cil</t>
  </si>
  <si>
    <t>Oracle Import Error in 11GR2, ORA-39082 objects creating with compilation errors</t>
  </si>
  <si>
    <t>&lt;p&gt;I am using Oracle 11GR2 version. I exported a dump successfully using the following command, At the time of exporting I didn't see any error  amd everything went well.&lt;/p&gt;
&lt;pre&gt;&lt;code&gt;expdp DBCOPY/DBCOPY@EAMSB1 DIRECTORY=DUMP_DIR dumpfile=dbcopy.dmp logfile=dbcopy.log schemas=DBCOPY
&lt;/code&gt;&lt;/pre&gt;
&lt;p&gt;And I tried to import it using impdp, for another user in the same database instance, by creating another user(For testing at my end)&lt;/p&gt;
&lt;pre&gt;&lt;code&gt;impdp directory=DUMP_DIR dumpfile=DBCOPY.dmp FROMUSER=DBCOPY TRANSFORM=oid:n TOUSER=MADHU log=testlog9.log ignore=y remap_tablespace ={OBS_DATA:DATA_7I}
&lt;/code&gt;&lt;/pre&gt;
&lt;p&gt;Here it shows &lt;/p&gt;
&lt;blockquote&gt;
  &lt;p&gt;Import is unsuccessful with following errors&lt;/p&gt;
&lt;/blockquote&gt;
&lt;p&gt;Please suggest me any problem with my impdb or expdb commands. I while importing I am getting some errros like tablespace OBS_DATA not found. So I tried remap_tablespace attribute.&lt;/p&gt;
&lt;p&gt;Errors in log file&lt;/p&gt;
&lt;pre&gt;&lt;code&gt;processing object type SCHEMA_EXPORT/PROCEDURE/PROCEDURE
Processing object type SCHEMA_EXPORT/PACKAGE/COMPILE_PACKAGE/PACKAGE_SPEC/ALTER_PACKAGE_SPEC
Processing object type SCHEMA_EXPORT/FUNCTION/ALTER_FUNCTION
ORA-39082: Object type ALTER_FUNCTION:"MADHU "."O7SPNDMA" created with compilation warnings
ORA-39082: Object type ALTER_FUNCTION:"MADHU "."O7WZCOSL" created with compilation warnings
ORA-39082: Object type ALTER_FUNCTION:"MADHU "."O7OZOCST" created with compilation warnings
ORA-39082: Object type ALTER_FUNCTION:"MADHU "."O7OZLCOLTOTAL" created with compilation warnings
ORA-39082: Object type ALTER_FUNCTION:"MADHU "."O7OZOCSTTOTAL" created with compilation warnings
ORA-39082: Object type ALTER_FUNCTION:"MADHU "."O7REPJZACOS" created with compilation warnings
ORA-39082: Object type ALTER_FUNCTION:"MADHU "."O7REPJZPBCS" created with compilation warnings
ORA-39082: Object type ALTER_FUNCTION:"MADHU "."O7REPJZCOSL" created with compilation warnings
ORA-39082: Object type ALTER_FUNCTION:"MADHU "."O7REPJYACOS" created with compilation warnings
Processing object type SCHEMA_EXPORT/PROCEDURE/ALTER_PROCEDURE
ORA-39082: Object type ALTER_PROCEDURE:"MADHU "."DELETEDTBL" created with compilation warnings
ORA-39082: Object type ALTER_PROCEDURE:"MADHU "."SETFORCED" created with compilation warnings
ORA-39082: Object type ALTER_PROCEDURE:"MADHU "."O7PNODMA" created with compilation warnings
ORA-39082: Object type ALTER_PROCEDURE:"MADHU "."O7WOCOST" created with compilation warnings
&lt;/code&gt;&lt;/pre&gt;
&lt;p&gt;Is there any problem with import and export commands? At the end of the log file i can't see the message&lt;/p&gt;
&lt;pre&gt;&lt;code&gt;Import terminated successfully
&lt;/code&gt;&lt;/pre&gt;
&lt;p&gt;Instead it is giving following message&lt;/p&gt;
&lt;pre&gt;&lt;code&gt;Processing object type SCHEMA_EXPORT/TABLE/INDEX/STATISTICS/FUNCTIONAL_AND_BITMAP/INDEX_STATISTICS
Processing object type SCHEMA_EXPORT/TABLE/STATISTICS/TABLE_STATISTICS
Job "SYS"."SYS_IMPORT_FULL_01" completed with 35 error(s) at 23:35:34
&lt;/code&gt;&lt;/pre&gt;</t>
  </si>
  <si>
    <t>2012-06-09 07:51:42.667000+00:00</t>
  </si>
  <si>
    <t>2013-02-15 16:23:33.663000+00:00</t>
  </si>
  <si>
    <t>2012-06-09 18:23:31.050000+00:00</t>
  </si>
  <si>
    <t>oracle|import|oracle11g</t>
  </si>
  <si>
    <t>Lost aspx.cs page after Power failure in visual studio 2010</t>
  </si>
  <si>
    <t>&lt;p&gt;I'm developing a web application using visual studio 2010, After power failure, My aspx.cs page opens in a notepad instead of visual studio and i can't able see any code in that file. Is there any way to recover this file?&lt;/p&gt;</t>
  </si>
  <si>
    <t>2014-02-19 15:12:49.373000+00:00</t>
  </si>
  <si>
    <t>asp.net|vs2010-express</t>
  </si>
  <si>
    <t>New to python: porting over an ODE model</t>
  </si>
  <si>
    <t>&lt;p&gt;I am trying to port my MATLAB code over to python, but I ran into some issues with indexing.  The code that I pasted below is an ode model that I plan to solve using scipy.integrate.odeint.  &lt;/p&gt;
&lt;p&gt;The first problem that I ran into is an indexing problem with the code &lt;code&gt;z[i-np.arange(0,(i-1))&lt;/code&gt; (The equivalent in MATLAB is &lt;code&gt;z(i-[1:(i-1)])&lt;/code&gt; )&lt;/p&gt;
&lt;p&gt;An attempt at a python function for the ode model:&lt;/p&gt;
&lt;pre&gt;&lt;code&gt;def myModel(z,t,k,R,R2,N):
k1=k[0]
k2=k[1]
k3=k[2]
V=1/1.5*(75*z[0]+np.dot((75+57*np.arange(1,np.size(z)-2)),z[1:-2])+114*z[-2])+18*z[-1]
dzdt=np.zeros(N+2)
dzdt[0]=( 1/V*(-2*k1*z[0]*sum(z[0:-2])              
+2*k2*z[-1]*sum(z[1:-2])) ) 
dzdt[1]=( 1/V*(-2*k1*z[1]*sum(z[0:-2])          
+k1*z[0]*z[0]                               
-k2*z[1]*z[-1]                      
-k3*z[1]*V                                      
+2*k2*z[-1]*sum(z[2:-2])              
+k2*z[-2]*z[-1]) )
for i in range(2,len(z)-3):
    dzdt[i]=( 1/V*(-2*k1*z[i]*sum(z[0:-2])          
    +k1*np.dot(z[0:i],z[-(len(z)-i+1)::-1])     
    -k2*z[i]*z[-1]*i                        
    +2*k2*z[-1]*sum(z[i+1:-2])) ) 
dzdt[-3]=( 1/V*(            
+k1*np.dot(z[0:i],z[-(len(z)-i+1)::-1])
-k2*z[i]*z[-1]*i) )
dzdt[-2]=1/V*(k3*z[1]*V-k2*z[-1]*z[-2])
dzdt[-1]=1/V*(k1*sum(z[0:-2])**2-k2*z[-1]*np.dot(np.arange(0,len(z)-2),z[0:-2])+k3*z[1]*V-k2*z[-1]*z[-2]-V*(R*z[-1]/(sum(z))-R2))
return dzdt    
&lt;/code&gt;&lt;/pre&gt;
&lt;p&gt;And the original MATLAB function for the ode model:&lt;/p&gt;
&lt;pre&gt;&lt;code&gt;function dzdt=ode(t,z,k,R,R2)
k1=k(1);
k2=k(2);
k3=k(3);
V=1/1.5*(75*z(1)+(75+57*[1:length(z)-3])*z(2:end-2)+114*z(end-1))+18*z(end);
dzdt=zeros(size(z));
dzdt(1)=1/V*(-2*k1*z(1)*sum(z(1:end-2)) ...             
    +2*k2*z(end)*sum(z(2:end-2)));                  
dzdt(2)=1/V*(-2*k1*z(2)*sum(z(1:end-2)) ...         
    +k1*z(1)*z(1) ...       
    -k2*z(2)*z(end) ...                     
    -k3*z(2)*V ...                                      
    +2*k2*z(end)*sum(z(3:end-2)) ...         
    +k2*z(end-1)*z(end));
for i=3:length(z)-3
    dzdt(i)=1/V*(-2*k1*z(i)*sum(z(1:end-2)) ...         
        +k1*z(1:i-1)'*z(i-[1:(i-1)]) ...        
        -k2*z(i)*z(end)*(i-1) ...                       
        +2*k2*z(end)*sum(z(i+1:end-2)));                       
end
dzdt(end-2)=1/V*( ...           
    +k1*z(1:i-1)'*z(i-[1:(i-1)]) ...        
    -k2*z(i)*z(end)*(i-1) ...                       
    );                          
dzdt(end-1)=1/V*(k3*z(2)*V-k2*z(end)*z(end-1));
dzdt(end)=1/V*(k1*sum(z(1:end-2))^2-k2*z(end)*[0:length(z)-3]*z(1:end-2)+k3*z(2)*V-k2*z(end)*z(end-1)-V*(R*z(end)/(sum(z))-R2));
end
&lt;/code&gt;&lt;/pre&gt;
&lt;p&gt;Thanks in advance for any advice&lt;/p&gt;</t>
  </si>
  <si>
    <t>2015-08-22 16:22:42.590000+00:00</t>
  </si>
  <si>
    <t>2015-08-23 16:47:02.957000+00:00</t>
  </si>
  <si>
    <t>python|matlab|ode</t>
  </si>
  <si>
    <t>Runscript Error '9' Subscript out of range</t>
  </si>
  <si>
    <t>&lt;p&gt;I've been trying to wrap my head around using loops and arrays and have put together the below example which takes worksheet names from a table on a worksheet and stores them in array from which another loop runs to add a value in cell A1 in those named spreadsheets based on a value in cell D1 found on the activesheet.&lt;/p&gt;
&lt;p&gt;I keep getting a runtime error but I cannot identify what the value the code is looking that keeps tripping up.&lt;/p&gt;
&lt;p&gt;The error seems to be located on this line:&lt;/p&gt;
&lt;p&gt;Sheets(myArray(x)).Range("A1").Value = EntryValue&lt;/p&gt;
&lt;p&gt;Any help on what I've not done correctly is greatly appreciated. &lt;/p&gt;
&lt;p&gt;Thanks.&lt;/p&gt;
&lt;p&gt;Here's the code:&lt;/p&gt;
&lt;pre&gt;&lt;code&gt;Sub WorksheetListLoop()
    Dim myArray() As Variant
    Dim EntryValue As String
    Dim ListRange As Range
    Dim cell As Range
    Dim x As Long
    'Set the values to go into range
    Set ListRange = ActiveSheet.ListObjects("tblArrayList").DataBodyRange
    'Resize array prior to loading data
    ReDim myArray(ListRange.Cells.Count)
    'Loop through each cell in range and store sheetname in array
    For Each cell In ListRange.Cells
        myArray(x) = cell.Value
        x = x + 1
    Next cell
    'Use the value in this cell to put into the sheets in the array
    EntryValue = ActiveSheet.Range("D1").Value
    'Loop through list and add value to cell
    For x = LBound(myArray) To UBound(myArray)
        Sheets(myArray(x)).Range("A1").Value = EntryValue
    Next x
End Sub
&lt;/code&gt;&lt;/pre&gt;</t>
  </si>
  <si>
    <t>2018-08-31 11:09:23.183000+00:00</t>
  </si>
  <si>
    <t>2018-08-31 11:25:09.677000+00:00</t>
  </si>
  <si>
    <t>arrays|excel|vba|loops</t>
  </si>
  <si>
    <t>What is the equivalent of a Batch ECHO Command using VBScript?</t>
  </si>
  <si>
    <t>&lt;p&gt;We currently use Windows Batch (DOS) command files to control our process flow. To display messages to the Console, we would use the ECHO command. These messages would show up in our Scheduler software, which used to be Tivoli and now is CA WA Workstation\ ESP.&lt;/p&gt;
&lt;p&gt;I would like to start using VBS files instead of CMD\BAT files and am trying to figure out how to do the equivalent of an ECHO to the console.&lt;/p&gt;
&lt;p&gt;When I try to use either the WScript.Echo command or write to Standard Out, the messages are displayed in dialog boxes for both and they require the OK button to be pushed to continue. Not surprisingly, when I run unattended though a scheduler, the job hits one of these commands and just hangs since there is no one to OK the messagebox.&lt;/p&gt;
&lt;pre&gt;&lt;code&gt;SET FS = CreateObject("Scripting.FileSystemObject")
SET StdOut = FS.GetStandardStream(1)
StdOut.Write("Test 1")
WScript.echo("Test 2")
&lt;/code&gt;&lt;/pre&gt;
&lt;p&gt;I realize I could write the messages to a Log file using the Scripting object, but this could fail if an invalid path is provided or because of insufficient permissions. Besides, being able to see feedback write within the Scheduler is awfully convenient. &lt;/p&gt;
&lt;p&gt;How do I write to the Console using VBScript? I���ve seen other posts here that suggest that the above methods which didn't work for the reason describe above were the way to do it.&lt;/p&gt;</t>
  </si>
  <si>
    <t>2012-11-02 18:56:46.183000+00:00</t>
  </si>
  <si>
    <t>2017-01-31 16:57:40.667000+00:00</t>
  </si>
  <si>
    <t>2012-11-02 19:02:49.370000+00:00</t>
  </si>
  <si>
    <t>Can't get second JavaFX stage to show?</t>
  </si>
  <si>
    <t>&lt;p&gt;I am writing a RDP client and I want to show a new stage while keeping the old one running. Unfortunately the second stage isn't coming up at all.&lt;/p&gt;
&lt;p&gt;This is my stage:&lt;/p&gt;
&lt;pre&gt;&lt;code&gt;public final class Remote extends Stage {
    private static final URL FXML = Remote.class
            .getResource("/conspire/remote.fxml");
    private static final Image ICON = new Image(Remote.class.getResource(
            "icon.png").toExternalForm());
    public static Remote create(String title) throws IOException {
        return new Remote(title);
    }
    private Remote(String title) throws IOException {
        Parent parent = FXMLLoader.load(FXML);
        Scene scene = new Scene(parent);
        setScene(scene);
        getIcons().add(ICON);
        setTitle(title);
        setResizable(true);
        centerOnScreen();
        show();
    }
}
&lt;/code&gt;&lt;/pre&gt;
&lt;p&gt;And this is how I run it:&lt;/p&gt;
&lt;pre&gt;&lt;code&gt;Remote.create(host + " (" + partner.getValue() + ") - Conspire");
&lt;/code&gt;&lt;/pre&gt;
&lt;p&gt;The &lt;em&gt;create&lt;/em&gt; method won't even invoke. If I add a sysout in there it won't print.&lt;/p&gt;</t>
  </si>
  <si>
    <t>2015-02-01 03:37:53.350000+00:00</t>
  </si>
  <si>
    <t>2015-02-01 03:48:28.750000+00:00</t>
  </si>
  <si>
    <t>echo "\n" equivalent in python</t>
  </si>
  <si>
    <t>&lt;p&gt;How to execute below command in python script.&lt;/p&gt;
&lt;p&gt;&lt;code&gt;echo "\n" | sosreport #command to generate report in linux os.&lt;/code&gt;&lt;/p&gt;
&lt;p&gt;Thanks for all your efforts. sorry if my question not understanding.&lt;/p&gt;
&lt;p&gt;I have achieved this by below code:&lt;/p&gt;
&lt;pre&gt;&lt;code&gt;from subprocess import Popen, PIPE
p = Popen(['sosreport'], stdin=PIPE, shell=True)
p.communicate(input='\n')
&lt;/code&gt;&lt;/pre&gt;</t>
  </si>
  <si>
    <t>2018-02-18 14:32:54.587000+00:00</t>
  </si>
  <si>
    <t>2018-02-18 15:17:24.673000+00:00</t>
  </si>
  <si>
    <t>python|linux|python-2.7</t>
  </si>
  <si>
    <t>Is there a way to get Boost Variant's types vector (recursives expanded)</t>
  </si>
  <si>
    <t>&lt;p&gt;Boost Variant class has a member type &lt;strong&gt;&lt;em&gt;types&lt;/em&gt;&lt;/strong&gt;. Its a Boost MPL Sequence for types used in template parameters. In the recursive cases such as :&lt;/p&gt;
&lt;p&gt;&lt;code&gt;typename boost::make_recursive_variant&amp;lt;int, std::vector&amp;lt;boost::recursive_variant_&amp;gt;&amp;gt;::type;&lt;/code&gt;&lt;/p&gt;
&lt;p&gt;will create a sequence (types member) :&lt;/p&gt;
&lt;p&gt;&lt;code&gt;boost::mpl::l_item&amp;lt;boost::mpl::long_&amp;lt;2&amp;gt;,int,boost::mpl::l_item&amp;lt;boost::mpl::long_&amp;lt;1&amp;gt;,std::vector&amp;lt;boost::variant&amp;lt;boost::detail::variant::recursive_flag&amp;lt;int&amp;gt;,std::vector&amp;lt;boost::recursive_variant_,std::allocator&amp;lt;boost::recursive_variant_&amp;gt; &amp;gt;,boost::detail::variant::void_,boost::detail::variant::void_,...........&amp;gt; &amp;gt;,boost::mpl::l_end&amp;gt; &amp;gt;&lt;/code&gt;&lt;/p&gt;
&lt;p&gt;As you can see &lt;code&gt;std::vector&amp;lt;boost::recursive_variant_,std::allocator&amp;lt;boost::recursive_variant_&amp;gt; &amp;gt;&lt;/code&gt; is not substituted with the original variant type yet.&lt;/p&gt;
&lt;p&gt;I found some internal utilities doing this conversion but its undocumented and its hard to follow due macros.&lt;/p&gt;
&lt;p&gt;Now I can do it with MPL but it may not match Variant implementation (there are some recursion limits, etc.)&lt;/p&gt;
&lt;p&gt;Is there a way to get this type sequences converted with original Variant utilities? &lt;/p&gt;
&lt;p&gt;&lt;strong&gt;&lt;em&gt;[Edit]&lt;/em&gt;&lt;/strong&gt;&lt;/p&gt;
&lt;p&gt;My goal is to get :&lt;/p&gt;
&lt;p&gt;&lt;code&gt;boost::mpl::vector&amp;lt;int, std::vector&amp;lt;MyVariantType, std::allocator&amp;lt;MyVariantType&amp;gt;&amp;gt;&lt;/code&gt;&lt;/p&gt;
&lt;p&gt;&lt;strong&gt;&lt;em&gt;[Edit]&lt;/em&gt;&lt;/strong&gt;&lt;/p&gt;
&lt;p&gt;This is how I substitute recursively at the moment. My end goal was to write a convenient Boost.Variant wrapper for adding type interfaces (Finished the implementation but not happy for using my own implementation for recursive type substitutions ). (more &lt;a href="https://github.com/FictionIO/WrappedVariant" rel="nofollow"&gt;https://github.com/FictionIO/WrappedVariant&lt;/a&gt; )&lt;/p&gt;
&lt;pre&gt;&lt;code&gt;template&amp;lt;typename PlaceholderT, typename WithT&amp;gt;
struct substitute_placeholder
{
    template&amp;lt;typename InputT&amp;gt;
    struct apply
    {
        template&amp;lt;typename T&amp;gt;
        struct substitute
        {
            using type  = T;
        };
        template&amp;lt;template &amp;lt;typename, typename ...&amp;gt; typename T, typename ParamT, typename ... ParamsT&amp;gt;
        struct substitute&amp;lt;T&amp;lt;ParamT, ParamsT...&amp;gt;&amp;gt;
        {
            template&amp;lt;typename ... TypesT&amp;gt;
            struct packed_types{};
            template&amp;lt;typename Type1T, typename Type2T&amp;gt;
            struct pack_types;
            template&amp;lt;typename TypeT, typename ... TypesT&amp;gt;
            struct pack_types&amp;lt;packed_types&amp;lt;TypesT...&amp;gt;, TypeT&amp;gt;
            {
                using type  = packed_types&amp;lt;TypesT..., TypeT&amp;gt;;
            };
            template&amp;lt;typename ... TypesT&amp;gt;
            struct unpack
            {
                using type  = void;
            };
            template&amp;lt;typename ... TypesT&amp;gt;
            struct unpack&amp;lt;packed_types&amp;lt;TypesT...&amp;gt;&amp;gt;
            {
                using type  = T&amp;lt;TypesT...&amp;gt;;
            };
            using originals         = boost::mpl::vector&amp;lt;ParamT, ParamsT...&amp;gt;;
            using func              = typename substitute_placeholder&amp;lt;PlaceholderT, WithT&amp;gt;:: template apply&amp;lt;boost::mpl::_1&amp;gt;;
            using substitutedTypes  = typename boost::mpl::transform&amp;lt;originals, func&amp;gt;::type;
            using packed            = typename boost::mpl::fold&amp;lt;substitutedTypes, packed_types&amp;lt;&amp;gt;, pack_types&amp;lt;boost::mpl::_1, boost::mpl::_2&amp;gt;&amp;gt;::type;
            using type              = typename unpack&amp;lt;packed&amp;gt;::type;
        };
        template&amp;lt;&amp;gt;
        struct substitute&amp;lt;PlaceholderT&amp;gt;
        {
            using type  = WithT;
        };
        using type      = typename substitute&amp;lt;InputT&amp;gt;::type;
    };
};
template&amp;lt;typename ImplT, typename TypesVecT&amp;gt;
struct to_substitude_types_vec
{
    using func      = typename substitute_placeholder&amp;lt;boost::recursive_variant_, ImplT&amp;gt;:: template apply&amp;lt;boost::mpl::_1&amp;gt;;
    using type      = typename boost::mpl::transform&amp;lt;TypesVecT, func&amp;gt;::type;
};
using originalTypes     = typename boost::mpl::copy&amp;lt;VariantT::types, boost::mpl::back_inserter&amp;lt;boost::mpl::vector&amp;lt;&amp;gt;&amp;gt;&amp;gt;::type;
using substitutedTypes  = typename to_substitude_types_vec&amp;lt;VariantT, originalTypes&amp;gt;::type
&lt;/code&gt;&lt;/pre&gt;</t>
  </si>
  <si>
    <t>2016-02-04 15:24:29.170000+00:00</t>
  </si>
  <si>
    <t>2016-02-09 13:08:54.830000+00:00</t>
  </si>
  <si>
    <t>c++|boost|boost-variant</t>
  </si>
  <si>
    <t>How to play Youtube Video from a browser app on non full screen in Objective C</t>
  </si>
  <si>
    <t>&lt;p&gt;I am working on Browser app, I want when user searches any video on youtube.com the video is playing on full screen but I want the video to be open on a fixed size small frame, Say Half of phone screen size.&lt;/p&gt;
&lt;p&gt;I have Video url and video id. I have integrated YOUTube API but as soon as I hit play button on youtube player it plays on full screen.&lt;/p&gt;
&lt;p&gt;Please find codebase of integration&lt;/p&gt;
&lt;pre&gt;&lt;code&gt;self.playerView = [[YTPlayerView alloc]init];
self.playerView.frame = webView.frame;
[self.playerView loadWithVideoId:str];
[webView.superview addSubview:self.playerView];
&lt;/code&gt;&lt;/pre&gt;
&lt;p&gt;Please find the screenshots
&lt;a href="http://i.stack.imgur.com/RyAeA.png" rel="nofollow"&gt;When youtube player is added&lt;/a&gt; and &lt;a href="http://i.stack.imgur.com/H61R7.png" rel="nofollow"&gt;After tap on play button&lt;/a&gt;&lt;/p&gt;
&lt;p&gt;Help will be much appreciated.&lt;/p&gt;</t>
  </si>
  <si>
    <t>2016-03-25 22:05:57.517000+00:00</t>
  </si>
  <si>
    <t>2016-05-02 22:26:46.090000+00:00</t>
  </si>
  <si>
    <t>ios|objective-c|youtube-iframe-api|ytplayerview</t>
  </si>
  <si>
    <t>XIB not supported for iphone of 3.5 inches</t>
  </si>
  <si>
    <t>&lt;p&gt;I have coded the app using XIB of 4.0 inch, when I run it in iphone with 3.5 inch the UI gets bad.&lt;/p&gt;
&lt;p&gt;I am not using auto layout. So Now I want to know what should I Do to fix this issue ??&lt;/p&gt;</t>
  </si>
  <si>
    <t>2013-09-24 07:35:51.703000+00:00</t>
  </si>
  <si>
    <t>2013-09-24 09:48:32.190000+00:00</t>
  </si>
  <si>
    <t>iphone|constraints|autolayout</t>
  </si>
  <si>
    <t>Subtract 10000 from only large elements in an array</t>
  </si>
  <si>
    <t>&lt;p&gt;I have an array called "array", which is size (45, 41), which should contain values in the range (-200, 200). However, some of the values have been 'tagged' by the addition of 10,000 to their value. I want to detag those elements by: subtracting 10000 if the element in question is greater than 8000 (if it's greater than 8000 it must be tagged).&lt;/p&gt;
&lt;p&gt;So essentially, in pseudocode, I wish to:&lt;/p&gt;
&lt;pre&gt;&lt;code&gt;for i in 1:45
    for j in 1:41
        if array[i,j] &amp;gt; 8000
            array[i,j] = array[i,j] - 10000
&lt;/code&gt;&lt;/pre&gt;
&lt;p&gt;Any help would be greatly appreciated, thanks a lot!&lt;/p&gt;
&lt;p&gt;EDIT: Here is my full code:&lt;/p&gt;
&lt;pre&gt;&lt;code&gt;#Read file
cubes=iris.load(pathfile)
print cubes
wind=cubes[0]
print wind
#Select the month
wind_cut = wind[11, :, :, 0]
array=wind_cut.data
print array.shape
for i in 1:45
    for j in 1:41
        if array[i,j] &amp;gt; 8000
            array[i,j] = array[i,j] - 10000
&lt;/code&gt;&lt;/pre&gt;
&lt;p&gt;All I get is an indent error. I'm new to python and this site, sorry if I'm being a noob.&lt;/p&gt;</t>
  </si>
  <si>
    <t>2014-10-31 11:08:12.270000+00:00</t>
  </si>
  <si>
    <t>2014-10-31 14:03:40.027000+00:00</t>
  </si>
  <si>
    <t>python|arrays|if-statement|subtract</t>
  </si>
  <si>
    <t>formatting number input fields with jquery.number</t>
  </si>
  <si>
    <t>&lt;p&gt;i want to format an input field with european number style, 2.000,56 EUR instead of 2,000.56 $. iam using jquery.number.js, the input into the fields works, but getting back the value failds.&lt;/p&gt;
&lt;p&gt;2.000,56 -&gt; 200.056,00&lt;/p&gt;
&lt;p&gt;input field ok
database value ok
input field afer reload wrong&lt;/p&gt;
&lt;p&gt;iam using this code:&lt;/p&gt;
&lt;pre&gt;&lt;code&gt;&amp;lt;script src="js/jquery.number.js"&amp;gt;&amp;lt;/script&amp;gt;
$('#kaltmiete').number( true, 2, ',', '.' );
&amp;lt;div class="col-lg-12 col-md-12 col-sm-6"&amp;gt;
   &amp;lt;div class="formBlock"&amp;gt;
   &amp;lt;label for="kaltmiete"&amp;gt;Kaltmiete&amp;lt;/label&amp;gt;&amp;lt;br/&amp;gt;
   &amp;lt;div class="input-group input-group-md"&amp;gt;
   &amp;lt;input type="text" name="kaltmiete" id="kaltmiete" value="&amp;lt;?php echo $row["kaltmiete"]; ?&amp;gt;" class="form-control" /&amp;gt;
   &amp;lt;div class="input-group-addon"&amp;gt;EUR&amp;lt;/div&amp;gt;
   &amp;lt;/div&amp;gt;&amp;lt;/div&amp;gt;
&amp;lt;/div&amp;gt;
&lt;/code&gt;&lt;/pre&gt;</t>
  </si>
  <si>
    <t>2015-08-18 06:50:19.633000+00:00</t>
  </si>
  <si>
    <t>2015-08-18 07:02:00.620000+00:00</t>
  </si>
  <si>
    <t>2015-08-18 06:57:32.983000+00:00</t>
  </si>
  <si>
    <t>Upload byte array to blob storage with other object C#</t>
  </si>
  <si>
    <t>&lt;p&gt;I am trying to upload byte array to Azure blog storage.&lt;/p&gt;
&lt;p&gt;i am sending below data to WebApi with byte array property&lt;/p&gt;
&lt;pre&gt;&lt;code&gt;{
'FirstName':'Satish',
'LastName':'Kumar',
'Email':'satish@gmail.com',
'Password':'satish',
'UploadImage':byte[23232]
}
&lt;/code&gt;&lt;/pre&gt;
&lt;p&gt;i am sending the above object through the Javascript Ajax post request to my Web Api, and i am able to get the collection on server successfully but when i am trying to upload the byte array to azure storage, the size of image uploaded is only 1 kb.&lt;/p&gt;
&lt;p&gt;Below is the code to upload on blob storage&lt;/p&gt;
&lt;pre&gt;&lt;code&gt;CloudManager cloudManager = new CloudManager();
Stream stream = new MemoryStream(UploadImage);
string imageKey = string.Empty;
imageKey = string.Format("{0}.jpg", Guid.NewGuid());
user.ImageName = cloudManager.UploadBlob(imageKey, stream);
&lt;/code&gt;&lt;/pre&gt;
&lt;p&gt;Please help me to know what is wrong&lt;/p&gt;</t>
  </si>
  <si>
    <t>2015-05-25 04:10:19.617000+00:00</t>
  </si>
  <si>
    <t>javascript|c#|azure|azure-storage-blobs</t>
  </si>
  <si>
    <t>MVP: Presenter Singleton</t>
  </si>
  <si>
    <t>&lt;p&gt;I use history management in my ajax-web-application(GWT). When the user presses the backward or forward button, another view will be displayed. Every view will be only created once. My quesion is how can i handle the presenter. &lt;br&gt;
&lt;br&gt;
I think there are two ways:&lt;br&gt;
1. The view saves all data and after every history change event, a new presenter will be created. When the model needs some data, the presenter will ask the view for data and send them to the model.&lt;br&gt;&lt;br&gt;
2. The presenter saves all data and after every history change event, the presenter will be reused for the view. Thus the view has only the ui widgets and all changes made by the user will be redirected to the presenter. 
&lt;br&gt;&lt;br&gt;&lt;/p&gt;
&lt;p&gt;I prefer the second way, but i am not sure if that is compatible to mvp. What do you recommend me?&lt;/p&gt;</t>
  </si>
  <si>
    <t>2013-03-16 17:50:56.920000+00:00</t>
  </si>
  <si>
    <t>2013-03-17 19:30:59.350000+00:00</t>
  </si>
  <si>
    <t>java|gwt|history|mvp</t>
  </si>
  <si>
    <t>How to load javascript from a CDN with a local fallback in the &lt;head&gt;</t>
  </si>
  <si>
    <t>&lt;p&gt;I want to use &lt;a href="http://headjs.com/" rel="noreferrer"&gt;Head JS&lt;/a&gt; to dynamically load all of the other scripts for my pages.  I'm planning on using the version hosted by &lt;a href="http://cdnjs.com" rel="noreferrer" title="cdnjs - the missing cdn"&gt;CDNJS&lt;/a&gt; to take advantage of the better caching, decreased latency, etc.&lt;/p&gt;
&lt;p&gt;I have no reason to think CDNJS is going anywhere, but even for Google CDN hosted files like jQuery, I like to include a fallback.  When I'm using jQuery though, the files are included at the end of the &lt;code&gt;&amp;lt;body&amp;gt;&lt;/code&gt; tag.  Due to the nature of Head JS, I need to include it in the &lt;code&gt;&amp;lt;head&amp;gt;&lt;/code&gt; of my page.&lt;/p&gt;
&lt;p&gt;In the &lt;code&gt;&amp;lt;body&amp;gt;&lt;/code&gt; I would use two lines like this:&lt;/p&gt;
&lt;pre&gt;&lt;code&gt;&amp;lt;script src="http://cdnjs.cloudflare.com/ajax/libs/headjs/0.96/head.min.js"&amp;gt;&amp;lt;/script&amp;gt;
&amp;lt;script&amp;gt; window.head || document.write('&amp;lt;script src="js/libs/head-0.96.min.js"&amp;gt;&amp;lt;\/script&amp;gt;') &amp;lt;/script&amp;gt;
&lt;/code&gt;&lt;/pre&gt;
&lt;p&gt;Can I use this same set of lines in the head as a fallback?  Won't &lt;code&gt;document.write()&lt;/code&gt; overwrite my entire page?  Don't scripts load differently when they exist in the &lt;code&gt;&amp;lt;head&amp;gt;&lt;/code&gt; due to the order that browsers parse the DOM?&lt;/p&gt;
&lt;p&gt;I'm still pretty new to this, so any guidance would be hugely helpful!  Thanks!&lt;/p&gt;</t>
  </si>
  <si>
    <t>2012-07-20 17:05:49.577000+00:00</t>
  </si>
  <si>
    <t>2012-07-20 18:00:05.603000+00:00</t>
  </si>
  <si>
    <t>javascript|external|cdn|fallback|head.js</t>
  </si>
  <si>
    <t>Combination of two Columns Laravel Validation Unique</t>
  </si>
  <si>
    <t>&lt;p&gt;I will go more in detail. First the table on which I wanna do the validation.&lt;/p&gt;
&lt;p&gt;Tablename: groups_request; Columnname: idgroups_request (PK), iduser, idgroups, request_active, created_at, updated_at&lt;/p&gt;
&lt;p&gt;At the moment a user (iduser) can make much requests per group (idgroups). The goal is, that the user can only make a request
to a group if the group hasn't already a request from this user.&lt;/p&gt;
&lt;p&gt;Example: iduser = 1; idgroups = 100 -&gt; User 1 is not allowed to make request to group 100!&lt;/p&gt;
&lt;p&gt;For this I need a validation which make unique on two fields iduser and idgroups.&lt;/p&gt;
&lt;p&gt;This is what I have worked out but it doesn't work. But it doesn't work.&lt;/p&gt;
&lt;pre&gt;&lt;code&gt;$this-&amp;gt;validate($request, [
        'Gruppe' =&amp;gt; 'unique:groups_request,idgroups,' .Auth::id(). ',iduser'
        ]);
&lt;/code&gt;&lt;/pre&gt;</t>
  </si>
  <si>
    <t>2018-07-28 14:39:16.350000+00:00</t>
  </si>
  <si>
    <t>2018-08-01 14:10:51.053000+00:00</t>
  </si>
  <si>
    <t>2018-07-29 15:40:08.037000+00:00</t>
  </si>
  <si>
    <t>laravel|validation|unique</t>
  </si>
  <si>
    <t>Using window.Touch to find out if current device is a mobile device</t>
  </si>
  <si>
    <t>&lt;p&gt;Is it okay to do the following to determine if you are on mobile device?&lt;/p&gt;
&lt;pre&gt;&lt;code&gt;if(window.Touch != undefined) 
{
   //redirect to my mobile site
}
&lt;/code&gt;&lt;/pre&gt;
&lt;p&gt;I would like to do a small check to see if its a mobile device. I don't want to import &lt;a href="http://www.modernizr.com/" rel="nofollow"&gt;modernizr&lt;/a&gt; library just for this simple check. &lt;/p&gt;</t>
  </si>
  <si>
    <t>2011-10-20 02:03:10.340000+00:00</t>
  </si>
  <si>
    <t>2014-11-05 18:32:14.930000+00:00</t>
  </si>
  <si>
    <t>javascript|mobile</t>
  </si>
  <si>
    <t>Getting number of bytes available to read in a socket</t>
  </si>
  <si>
    <t>&lt;p&gt;Here's my scenario. I have a TCP client that is talking to the server. Both the server and the client are running on local machine (Windows).&lt;/p&gt;
&lt;p&gt;The dialog goes something like:&lt;/p&gt;
&lt;ol&gt;
&lt;li&gt;Client sends data to the server (Request)&lt;/li&gt;
&lt;li&gt;Client does shutdown for send on the socket&lt;/li&gt;
&lt;li&gt;Client blocks via  a read call for response&lt;/li&gt;
&lt;li&gt;Server receives the data, processes, and sends back a response (one shot, not broken into chunks)&lt;/li&gt;
&lt;li&gt;Server does shutdown for send on the socket&lt;/li&gt;
&lt;li&gt;Client receives the response, and continues processing.&lt;/li&gt;
&lt;/ol&gt;
&lt;p&gt;At step 3, I am using recv() call to block and read data from the socket. At this point, I would like to peek to see how many bytes of data is available, so that I can allocate so much memory.
By design, it is known that the server has sent all the data, and there is no more data for this request to be sent. (See step 5 above).&lt;/p&gt;
&lt;p&gt;I have tried recv() with MSG_PEEK option, but that does not seem to give the total number of bytes available.&lt;/p&gt;
&lt;p&gt;Is there a way to retrieve it?&lt;/p&gt;
&lt;p&gt;Thanks in advance.&lt;/p&gt;</t>
  </si>
  <si>
    <t>2012-02-02 07:26:49.197000+00:00</t>
  </si>
  <si>
    <t>2013-05-22 22:14:32.163000+00:00</t>
  </si>
  <si>
    <t>c++|sockets|recv|peek</t>
  </si>
  <si>
    <t>Get value of a specific item in a row of Gridview with Javascript</t>
  </si>
  <si>
    <t>&lt;p&gt;I have this Gridview :&lt;/p&gt;
&lt;pre&gt;&lt;code&gt;  &amp;lt;asp:GridView ID="GridViewSearch" runat="server" DataKeyNames="ID" RowStyle-HorizontalAlign="Center" AutoGenerateColumns="False" DataSourceID="SqlDataSourceSearch" &amp;gt;
        &amp;lt;Columns&amp;gt;
            &amp;lt;asp:BoundField DataField="ID" HeaderText="ID" SortExpression="ID" InsertVisible="False" ReadOnly="True" Visible="False"&amp;gt;&amp;lt;/asp:BoundField&amp;gt;
            &amp;lt;asp:BoundField DataField="SURNAME" HeaderText="SURNAME" SortExpression="SURNAME"&amp;gt;&amp;lt;/asp:BoundField&amp;gt;
            &amp;lt;asp:BoundField DataField="FIRSTNAME" HeaderText="FIRSTNAME" SortExpression="FIRSTNAME"&amp;gt;&amp;lt;/asp:BoundField&amp;gt;               
            &amp;lt;asp:CommandField ShowDeleteButton="True"&amp;gt;&amp;lt;/asp:CommandField&amp;gt;
            &amp;lt;asp:TemplateField ShowHeader="False"&amp;gt;                  
                &amp;lt;ItemTemplate&amp;gt;
                    &amp;lt;asp:ImageButton ID="ImageButtonPrint" runat="server"  ImageUrl="~/images/printSmall.png" CssClass="addbuttons" OnClientClick = "return PrintPanel();" /&amp;gt;
                &amp;lt;/ItemTemplate&amp;gt;
            &amp;lt;/asp:TemplateField&amp;gt;
        &amp;lt;/Columns&amp;gt;
    &amp;lt;/asp:GridView&amp;gt;
&lt;/code&gt;&lt;/pre&gt;
&lt;p&gt;In the last column I have the imagebutton "ImageButtonPrint". I wont to run the following Js :&lt;/p&gt;
&lt;pre&gt;&lt;code&gt;      &amp;lt;script type = "text/javascript"&amp;gt;
    function PrintPanel() {
        var name = '&amp;lt;%# Eval("SURNAME")+Eval("FIRSTNAME") %&amp;gt;';//this is not working
        var printWindow = window.open('', '', 'height=800,width=400');
        printWindow.document.write(name);
        printWindow.document.close();
        setTimeout(function () {
            printWindow.print();
        }, 500);
        return false;
    }
&amp;lt;/script&amp;gt;
&lt;/code&gt;&lt;/pre&gt;
&lt;p&gt;The problem is that I can't get the equivalent value of surname + firstname from the row of the dropdownlist&lt;/p&gt;
&lt;pre&gt;&lt;code&gt;   var name = '&amp;lt;%# Eval("SURNAME")+Eval("FIRSTNAME") %&amp;gt;';
&lt;/code&gt;&lt;/pre&gt;
&lt;p&gt;This is not working.
Any solution?&lt;/p&gt;</t>
  </si>
  <si>
    <t>2015-08-17 14:03:46.333000+00:00</t>
  </si>
  <si>
    <t>2015-08-17 14:41:31.567000+00:00</t>
  </si>
  <si>
    <t>2015-08-17 14:10:51.590000+00:00</t>
  </si>
  <si>
    <t>javascript|c#|asp.net|gridview</t>
  </si>
  <si>
    <t>MusicXML files in java swing - visual representation and dynamic editing</t>
  </si>
  <si>
    <t>&lt;p&gt;I'm developing a desktop application with java swing which should be able to display the visual content (notes, clefs, measures) defined in a MusicXML file in the frame. All .xml parsers that I found allow me to only create trees. I couldn't display the content with the JEditorPane, too.&lt;/p&gt;
&lt;p&gt;Can I do it or will I need to first transform it dynamically to some other format such as .pdf? If so - how can I do it in java?&lt;/p&gt;</t>
  </si>
  <si>
    <t>2015-09-12 12:36:34.500000+00:00</t>
  </si>
  <si>
    <t>2015-09-12 20:51:28.840000+00:00</t>
  </si>
  <si>
    <t>java|swing|jeditorpane|musicxml</t>
  </si>
  <si>
    <t>jquery: why i can't return boolean in function</t>
  </si>
  <si>
    <t>&lt;p&gt;i have current code:&lt;/p&gt;
&lt;pre&gt;&lt;code&gt;&amp;lt;button onclick="ismeloggedin()"&amp;gt;
&lt;/code&gt;&lt;/pre&gt;
&lt;p&gt;script:&lt;/p&gt;
&lt;pre&gt;&lt;code&gt;function ismeloggedin(){
    if(checkloggedin()){
        alert('you"re logged in');
    }else{
        alert('you didn"t login!!!!');
    }
}
function checkloggedin(){
    $.post('/test/check/',{'loggedin':0},function(data,status){
        return (data.status == 'error')?false:true; 
    });
}
&lt;/code&gt;&lt;/pre&gt;
&lt;p&gt;php is not necessary but post anyway&lt;/p&gt;
&lt;pre&gt;&lt;code&gt;function check(){
    is(isset($_POST['loggedin'])){
        if(isLoggedIn()){
            $json = ['status'=&amp;gt;'success'];
        }else{
            $json = ['status'=&amp;gt;'error'];
        }
        header('Content-Type: application/json; charset=utf-8');
        echo json_encode($json);
    }
}
&lt;/code&gt;&lt;/pre&gt;
&lt;p&gt;i got the issue is &lt;code&gt;checkloggedin()&lt;/code&gt; this function return &lt;code&gt;undefined&lt;/code&gt;&lt;/p&gt;
&lt;p&gt;instead return true/false&lt;/p&gt;</t>
  </si>
  <si>
    <t>2013-05-27 12:05:32.677000+00:00</t>
  </si>
  <si>
    <t>2013-05-27 12:13:09.190000+00:00</t>
  </si>
  <si>
    <t>jquery|ajax|function|boolean|return</t>
  </si>
  <si>
    <t>ASP.NET Webforms User Authorization with Routing</t>
  </si>
  <si>
    <t>&lt;p&gt;I have a route&lt;/p&gt;
&lt;pre&gt;&lt;code&gt;        routes.MapPageRoute("clientOrder", "Contract/{contractId}/Orders",
        "~/ContractOrders.aspx");
&lt;/code&gt;&lt;/pre&gt;
&lt;p&gt;The idea is to authorize user to allow access to a certain set of contracts.&lt;/p&gt;
&lt;p&gt;For instance user1 has access to pages Contract/001/Orders and Contract/002/Orders
user2 has access only to Contract/003/Orders, etc.&lt;/p&gt;
&lt;p&gt;I'm using Forms Authentication and trying restrict access with
CheckUrlAccessForPrin��ipal but it checks only physical access to the page not logical.&lt;/p&gt;
&lt;p&gt;I tried to check access in Global.asax in Application_AuthorizeRequest but 
Request.RequestContext.RouteData there is allways empty so I don't know the requested contractId. I can parse it manually from HttpRequest object. But it is a very dummy and unraliable solution.&lt;/p&gt;
&lt;p&gt;Please advice&lt;/p&gt;</t>
  </si>
  <si>
    <t>2011-12-04 09:01:11.213000+00:00</t>
  </si>
  <si>
    <t>2011-12-04 09:29:35.253000+00:00</t>
  </si>
  <si>
    <t>2011-12-04 09:19:29.497000+00:00</t>
  </si>
  <si>
    <t>asp.net|forms-authentication|authorization|url-routing</t>
  </si>
  <si>
    <t>Getting syntax error, unexpected end-of-input</t>
  </si>
  <si>
    <t>&lt;p&gt;I keep getting a syntax error, unexpected end-of-input, despite checking the code, and even after removing the code and running it the problem seems to not be solved.here is the code :&lt;/p&gt;
&lt;pre&gt;&lt;code&gt;class BookingsController &amp;lt; ApplicationController
before_filter :authenticate_user!
def new
    @booking = Booking.new
end
def create
    @booking = current_user.booking.create(booking_params)
    if @booking.save
        flash[:alert] = "You have now booked a date"
        redirect_to root_path
    else
        flash[:alert] = "Error:booking did not save"
        redirect_to root_path
        render 'new'
    end
end
def show
    @booking = Booking.find(params[:id])
end
def edit
    @booking = Booking.find(params[:id])
    unless @booking.user == current_user
        redirect_to root_path
    end
end
def update 
    @booking = Booking.find(params[:id])
    unless @booking.user == current_user
        redirect_to root_path
    if @booking.update_attributes(booking_params)   
        redirect_to root_path
        flash[:notice] = "You have edited your post"
    else
        render 'edit'
        flash[:alert] = "something went wrong"
    end
end
def destroy 
    @booking = Booking.find(params[:id])
    @booking.destroy
    redirect_to root_path
end 
private
def booking_params
    params.require(:booking).permit(:content)
end
end
&lt;/code&gt;&lt;/pre&gt;</t>
  </si>
  <si>
    <t>2014-02-11 17:16:39.470000+00:00</t>
  </si>
  <si>
    <t>2014-02-11 17:30:23.200000+00:00</t>
  </si>
  <si>
    <t>2014-02-11 17:18:20.230000+00:00</t>
  </si>
  <si>
    <t>ruby-on-rails|ruby|controller|syntax-error</t>
  </si>
  <si>
    <t>c# cplex api setup clarification steps</t>
  </si>
  <si>
    <t>&lt;p&gt;I am trying to start using the c#.net api for ibm cplex v12.6. However, I have trouble in the installation:&lt;/p&gt;
&lt;p&gt;IBM page is telling me i need to set the compiler and linker:
&lt;a href="https://www.ibm.com/support/knowledgecenter/en/SSSA5P_12.6.3/ilog.odms.cplex.help/CPLEX/GettingStarted/topics/tutorials/Csharp/prerequisites.html" rel="nofollow noreferrer"&gt;https://www.ibm.com/support/knowledgecenter/en/SSSA5P_12.6.3/ilog.odms.cplex.help/CPLEX/GettingStarted/topics/tutorials/Csharp/prerequisites.html&lt;/a&gt;&lt;/p&gt;
&lt;p&gt;but what exactly do i need to do? &lt;/p&gt;
&lt;p&gt;I am also confused by visual studio versions: is the community 2013 ok?&lt;/p&gt;
&lt;p&gt;Thank you&lt;/p&gt;</t>
  </si>
  <si>
    <t>2017-07-10 13:04:33.350000+00:00</t>
  </si>
  <si>
    <t>2017-07-11 06:39:18.900000+00:00</t>
  </si>
  <si>
    <t>c#|.net|cplex</t>
  </si>
  <si>
    <t>Convert HTML with missing external references to epub?</t>
  </si>
  <si>
    <t>&lt;p&gt;I have save the web page via "save as..." in the browser as HTML file (single-file) on the disk.
&lt;a href="http://pedrokroger.net/2012/10/using-sphinx-to-write-books/" rel="nofollow"&gt;http://pedrokroger.net/2012/10/using-sphinx-to-write-books/&lt;/a&gt;&lt;/p&gt;
&lt;p&gt;Now, I'd like to convert it to epub.&lt;/p&gt;
&lt;p&gt;&lt;code&gt;
pandoc -f html -t epub -S -R -s Using\ Sphinx\ to\ Write\ Technical\ Books\ -\ Pedro\ Kroger.html -o Using\ Sphinx\ to\ Write\ Technical\ Books\ -\ Pedro\ Kroger.epub
&lt;/code&gt;&lt;/p&gt;
&lt;p&gt;But pandoc throws an error:&lt;/p&gt;
&lt;p&gt;&lt;code&gt;
pandoc: /images/pages/profile.png: openBinaryFile: does not exist (No such file or directory)
&lt;/code&gt;&lt;/p&gt;
&lt;p&gt;Is there a option to tell pandoc to ignore all external references and just convert the bare text?&lt;/p&gt;
&lt;p&gt;This would be very convenient!&lt;/p&gt;</t>
  </si>
  <si>
    <t>2013-10-13 13:53:46.470000+00:00</t>
  </si>
  <si>
    <t>html|converter|offline|epub|pandoc</t>
  </si>
  <si>
    <t>reacting on my parent controller to be done with loading</t>
  </si>
  <si>
    <t>&lt;p&gt;I have a MainController that loads an array of Objects via RestAngular&lt;/p&gt;
&lt;pre&gt;&lt;code&gt;controllers.controller('MainController', $scope, Restangular) {
    $scope.colors = {};
    Restangular.all('colors').getList().then(function(colors) {
        angular.forEach(colors, function(c) {
            c.brightness = getBrightness(c);
            $scope.colors[c.id] = c;
        });
    });
};
&lt;/code&gt;&lt;/pre&gt;
&lt;p&gt;And I have a routing to have a sub-page for dealing with colors.&lt;/p&gt;
&lt;pre&gt;&lt;code&gt;$stateProvider
   .state('picture', {
           abstract: true,
           url: "/picture/{pictureId:[0-9]{1,6}}",
           templateUrl: "partials/picture.html",
           controller: 'MainController'
          }
   )
   .state('picture.colors', {
           url: "/colors",
           templateUrl: "partials/picture_colors.html",
           controller: 'PictureColorsController'
           }
   );
&lt;/code&gt;&lt;/pre&gt;
&lt;p&gt;Here, I want to have a drop-down menu to multi-select colors. &lt;/p&gt;
&lt;pre&gt;&lt;code&gt;&amp;lt;multiselect ng-model="selector.colors"
             options="c as c.name for c in colors| orderBy:'brightness'"
             data-multiple="true"
             header="Colors"&amp;gt;
&amp;lt;/multiselect&amp;gt;
&lt;/code&gt;&lt;/pre&gt;
&lt;p&gt;This works well. But when the page is loaded, I want all colors to be selected. So what I want is this:&lt;/p&gt;
&lt;pre&gt;&lt;code&gt;controllers.controller('PictureColorsController', $scope) {
    $scope.selector = {colors:[]};
    var selectAll = function() {
        $scope.selector.colors.splice(0, $scope.selector.colors.length);
        angular.forEach($scope.colors, function(c) {
            $scope.selector.colors.push(c);
        });
    };
    selectAll();
};
&lt;/code&gt;&lt;/pre&gt;
&lt;p&gt;But at the time the the child controller 'PictureColorController' is executed, the colors aren't loaded yet. So the only solution I can think of is following, but I don't really like it. It feels like I'm doing something wrong.&lt;/p&gt;
&lt;pre&gt;&lt;code&gt;controllers.controller('MainController', $scope, Restangular) {
    $scope.colors = {};
    var colorsCallback = undefined;
    $scope.registerColorsCallbackFn = function(func) {
        colorsCallback = func;
    };
    Restangular.all('colors').getList().then(function(colors) {
        angular.forEach(colors, function(c) {
            c.brightness = getBrightness(c);
            $scope.colors[c.id] = c;
        });
        if (colorsCallback) {
            colorsCallback();
        }
    });
};
&lt;/code&gt;&lt;/pre&gt;
&lt;p&gt;and&lt;/p&gt;
&lt;pre&gt;&lt;code&gt;controllers.controller('PictureColorsController', $scope) {
    $scope.selector = {colors:[]};
    var selectAll = function() {
        $scope.selector.colors.splice(0, $scope.selector.colors.length);
        angular.forEach($scope.colors, function(c) {
            $scope.selector.colors.push(c);
        });
    };
    selectAll();
    $scope.registerColorsCallbackFn(selectAll);
};
&lt;/code&gt;&lt;/pre&gt;
&lt;p&gt;Is there a cleaner way to do this? There are several lists of data that I want to load in my MainController that all need to be loaded before I want to execute any of the child controllers. Is there a good mechanism for that?&lt;/p&gt;</t>
  </si>
  <si>
    <t>2016-03-18 21:12:22.477000+00:00</t>
  </si>
  <si>
    <t>2016-03-18 21:29:37.317000+00:00</t>
  </si>
  <si>
    <t>angularjs|angularjs-scope|restangular</t>
  </si>
  <si>
    <t>How can I get a process entry point address</t>
  </si>
  <si>
    <t>&lt;p&gt;I create a suspended process &lt;code&gt;test.exe&lt;/code&gt; like this:&lt;/p&gt;
&lt;pre&gt;&lt;code&gt;CreateProcess(
    TEXT( "C:\\Documents and Settings\\willy\\������\\project\\test.exe" ), 
    TEXT( "test.exe" ),
    NULL, NULL, FALSE, CREATE_SUSPENDED, NULL, NULL, &amp;amp;si, &amp;amp;pi
);
&lt;/code&gt;&lt;/pre&gt;
&lt;p&gt;How can I get the entry point/startup/main address for the process &lt;code&gt;test.exe&lt;/code&gt; after it has been created?&lt;/p&gt;
&lt;p&gt;Should I look up PE file information or use API like &lt;code&gt;ReadProcessMemory()&lt;/code&gt; or &lt;code&gt;VirtualQueryEx()&lt;/code&gt;&lt;/p&gt;</t>
  </si>
  <si>
    <t>2011-12-01 03:30:36.510000+00:00</t>
  </si>
  <si>
    <t>2012-12-21 20:02:49.147000+00:00</t>
  </si>
  <si>
    <t>c|windows|winapi</t>
  </si>
  <si>
    <t>Is there a way to make clap treat -? the same way as -h?</t>
  </si>
  <si>
    <t>&lt;p&gt;The clap crate implements built-in behaviour for the &lt;code&gt;-h&lt;/code&gt; option, but it doesn't seem to do the same for &lt;code&gt;-?&lt;/code&gt;. Is there a way to tell it to do so?&lt;/p&gt;</t>
  </si>
  <si>
    <t>2017-12-11 05:21:16.110000+00:00</t>
  </si>
  <si>
    <t>2018-01-23 21:17:07.470000+00:00</t>
  </si>
  <si>
    <t>2017-12-13 17:31:39.227000+00:00</t>
  </si>
  <si>
    <t>rust|command-line-interface|rust-crates|clap</t>
  </si>
  <si>
    <t>Automating vmrun with PowerShell</t>
  </si>
  <si>
    <t>&lt;p&gt;I have a PowerShell 2.0 script that I use to clone a target vmware workstation guest using vmrun in a windows host environment.
The code to clone a virtual machine executes correctly.&lt;/p&gt;
&lt;p&gt;I am now trying to expand on this script to automate more of the process, for example, to check to see if a virtual machine is running, &lt;code&gt;vmrun list&lt;/code&gt;, and to stop the virtual machine, &lt;code&gt;vmrun stop [pathToVMXfile]&lt;/code&gt; if running. &lt;/p&gt;
&lt;p&gt;With a windows command prompt, when I run &lt;code&gt;vmrun list&lt;/code&gt;, it returns the following:&lt;/p&gt;
&lt;blockquote&gt;
  &lt;p&gt;Total running VMs: 2&lt;br&gt;
  D:\[path]\[name].vmx&lt;br&gt;
  E:\[path]\[name].vmx  &lt;/p&gt;
&lt;/blockquote&gt;
&lt;p&gt;When I attempt the following in PowerShell, nothing returns. Here is what I have attempted so far. I am expecting an array to return with the values I see when I run from a command prompt.&lt;/p&gt;
&lt;pre&gt;&lt;code&gt;$vmwareRun = "C:\Program Files (x86)\VMware\VMware Workstation\vmrun.exe"
#Original test, also tried with single quotes and no quotes, 
#also tried quoting the -filePath   
Start-Process $vmwareRun -ArgumentList "list" 
#This gives a handle to the process but no return value  
$myProcess = Start-Process $vmwareRun -ArgumentList "list" -PassThru 
#$t is empty
Start-Process $vmwareRun -ArgumentList "list" -OutVariable $t  
#$t is empty, clone command requires the -T ws parameters  
Start-Process $vmwareRun -ArgumentList "-T ws list" -OutVariable $t 
#RedirectStandardOutput creates a file with the expected output, $t is empty
Start-Process -FilePath "$vmwareRun" -ArgumentList $argList -OutVariable $t -RedirectStandardError "C:\testError.log" -RedirectStandardOutput C:\testOut.log"
&lt;/code&gt;&lt;/pre&gt;
&lt;p&gt;No matter what I attempt, I do not get any output. What am I missing? 
Note: Vmrun command line documentation is found here: "&lt;a href="https://www.vmware.com/support/developer/vix-api/vix112_vmrun_command.pdf" rel="nofollow noreferrer"&gt;https://www.vmware.com/support/developer/vix-api/vix112_vmrun_command.pdf&lt;/a&gt;"&lt;/p&gt;
&lt;p&gt;Thanks.&lt;/p&gt;</t>
  </si>
  <si>
    <t>2017-07-06 12:58:22.527000+00:00</t>
  </si>
  <si>
    <t>2017-07-06 14:32:27.323000+00:00</t>
  </si>
  <si>
    <t>2017-07-06 14:09:42.120000+00:00</t>
  </si>
  <si>
    <t>powershell|vmware|vmrun</t>
  </si>
  <si>
    <t>Error using ChromeDriver when kicked off from teamcity</t>
  </si>
  <si>
    <t>&lt;p&gt;I was having trouble with firefox for my watir-webdriver tests and decided to move over to CHROME.  This runs fine local dev box, however when kicked off from team city on our qa server I get the following error:&lt;/p&gt;
&lt;p&gt;This is using the same chromedriver as on dev box.&lt;/p&gt;
&lt;pre&gt;&lt;code&gt;Windows 2003 Server 32 bit
Chrome 14.0.835.186
chromedriver_win32_14.0.836.0.zip    ChromeDriver server for win32
Ruby 1.8.7
watir-webdriver 0.3.4
selenium-webdriver 2.7.0
watir-page-helper  0.3.0
&lt;/code&gt;&lt;/pre&gt;
&lt;p&gt;&lt;strong&gt;Error&lt;/strong&gt;&lt;/p&gt;
&lt;pre&gt;&lt;code&gt;[15:57:06]:  Started ChromeDriver
[15:57:06]:  port=1203
[15:57:31]:  .\test\automation\proxy_launcher.cc(89): error: Value of: app_launched
[15:57:31]:  Actual: 1
[15:57:31]:  Expected: AUTOMATION_SUCCESS
[15:57:31]:  Which is: 0
[15:57:31]:  Error while awaiting automation ping from browser process
[15:57:56]:  .\test\automation\proxy_launcher.cc(223): error: Value of: automation()-&amp;gt;GetBrowserWindowCount(&amp;amp;window_count)
[15:57:56]:  Actual: false
[15:57:56]:  Expected: true
&lt;/code&gt;&lt;/pre&gt;</t>
  </si>
  <si>
    <t>2011-09-27 23:26:31.780000+00:00</t>
  </si>
  <si>
    <t>2011-10-18 17:48:08.513000+00:00</t>
  </si>
  <si>
    <t>2011-09-28 12:36:03.950000+00:00</t>
  </si>
  <si>
    <t>google-chrome|teamcity|watir|watir-webdriver</t>
  </si>
  <si>
    <t>Modified shortest path algorithm - vertices have points</t>
  </si>
  <si>
    <t>&lt;p&gt;Right now I have an undirected graph. Each edge represents the distance between the vertices. Each vertex contains a number (lets call them points). I am trying to get the maximum number of points while using the minimum distance. I have a constraint on the maximum distance I can go, thus I do not need to reach every vertex. I can start at any vertex and end at any vertex (I do not need to go back to the origin).&lt;/p&gt;
&lt;p&gt;Right now I'm thinking that it would be possible through dynamic programming but I'm not entirely sure how to set up the problem. &lt;/p&gt;
&lt;p&gt;Any help on how to set it up/the right algorithm to use would be greatly appreciated!&lt;/p&gt;</t>
  </si>
  <si>
    <t>2015-06-24 14:11:38.670000+00:00</t>
  </si>
  <si>
    <t>2015-06-29 18:35:30.693000+00:00</t>
  </si>
  <si>
    <t>algorithm|graph|graph-algorithm</t>
  </si>
  <si>
    <t>Large object recognition in Vuforia</t>
  </si>
  <si>
    <t>&lt;p&gt;I have to admit a very large object in Vuforia, having the ability to get close and not lose recognition.&lt;/p&gt;
&lt;p&gt;The object is static and can track from afar.&lt;/p&gt;
&lt;p&gt;Is there any system that can with a static camera position it, and with a camera phone to navigate close to the object?&lt;/p&gt;
&lt;p&gt;Sorry if I have not explained well.&lt;/p&gt;</t>
  </si>
  <si>
    <t>2016-05-30 10:29:53.480000+00:00</t>
  </si>
  <si>
    <t>2017-05-08 16:29:29.203000+00:00</t>
  </si>
  <si>
    <t>unity3d|augmented-reality|vuforia</t>
  </si>
  <si>
    <t>How do I compress multiple merges into a single merge?</t>
  </si>
  <si>
    <t>&lt;p&gt;I have a topic branch that looks like this. (the branch topic currently points at 'a0a0')&lt;/p&gt;
&lt;ul&gt;
&lt;li&gt;a0a0 Merge branch 'Master' into topic&lt;/li&gt;
&lt;li&gt;b1b1 Merge Branch 'Master' into topic&lt;/li&gt;
&lt;li&gt;c2c2 Merge commit 'something from master' into topic&lt;/li&gt;
&lt;li&gt;d3d3 Merge Branch 'Master' into topic&lt;/li&gt;
&lt;li&gt;e4e4 Merge Branch 'Master' into topic&lt;/li&gt;
&lt;li&gt;f5f5 Merge Branch 'Master' into topic&lt;/li&gt;
&lt;li&gt;6666 an actual commit&lt;/li&gt;
&lt;li&gt;[lots of history on the topic branch]&lt;/li&gt;
&lt;li&gt;9999 original divergence point&lt;/li&gt;
&lt;/ul&gt;
&lt;p&gt;How do I turn a0-f5 into a single merge commit?&lt;/p&gt;
&lt;p&gt;I've tried: &lt;code&gt;git rebase -i f5f5&lt;/code&gt; with the intention of telling it to &lt;code&gt;squash&lt;/code&gt; those 5 commits, but instead it just gave every commit on the master branch between f5f5 and a0a0. So I turned all but the first and last from &lt;code&gt;pick&lt;/code&gt; into &lt;code&gt;squash&lt;/code&gt;, but that went crazy and rebased every single commit from master into a giant commit in place of all the merges, losing the fact that it was a 'merge'. That isn't what I expected!&lt;/p&gt;
&lt;p&gt;I can do:&lt;/p&gt;
&lt;pre&gt;&lt;code&gt;  $ git reset 6666
  $ git merge Master
&lt;/code&gt;&lt;/pre&gt;
&lt;p&gt;but that requires me to re-do any merge commits.&lt;/p&gt;
&lt;p&gt;So how do I compress those different merges into a single merge commit, that knows it's a merge, and also retains all the merge-conflict stuff?&lt;/p&gt;</t>
  </si>
  <si>
    <t>2012-10-23 11:32:53.313000+00:00</t>
  </si>
  <si>
    <t>2015-10-22 09:02:54.473000+00:00</t>
  </si>
  <si>
    <t>git|merge|rebase</t>
  </si>
  <si>
    <t>How to find similar data on certain columns in SQL</t>
  </si>
  <si>
    <t>&lt;p&gt;I am trying to get similar data with two Columns(&lt;code&gt;Item, Customer&lt;/code&gt;), as per below query i am not getting the first value of a duplicate data.&lt;/p&gt;
&lt;p&gt;Please help me to get my expected result like below.&lt;/p&gt;
&lt;p&gt;&lt;strong&gt;Sample Data&lt;/strong&gt;&lt;/p&gt;
&lt;pre&gt;&lt;code&gt;+------+------------+-----------+----------+
| E_ID |   E_Date   |   Item    | Customer |
+------+------------+-----------+----------+
|    1 | 10/10/2017 | Microsoft | DIB      |
|    2 | 10/11/2017 | Oracle    | UNB      |
|    3 | 10/12/2017 | IBM       | UNB      |
|    4 | 10/13/2017 | Microsoft | DIB      |
|    5 | 10/14/2017 | Oracle    | UNB      |
|    6 | 10/15/2017 | SAP       | DIB      |
|    7 | 10/15/2017 | Microsoft | DIB      |
+------+------------+-----------+----------+
&lt;/code&gt;&lt;/pre&gt;
&lt;p&gt;&lt;strong&gt;My Script&lt;/strong&gt;&lt;/p&gt;
&lt;pre&gt;&lt;code&gt;SELECT * FROM
(
    SELECT E_ID, E_Date,Item,Customer,
         Row_Number() OVER(PARTITION BY  Customer,Item ORDER By E_ID)AS Rank 
         FROM Events        
) AS B WHERE Rank &amp;gt; 1
&lt;/code&gt;&lt;/pre&gt;
&lt;p&gt;&lt;strong&gt;Expect the result to be&lt;/strong&gt;&lt;/p&gt;
&lt;pre&gt;&lt;code&gt;+------+------------+----------+----------+
| E_ID |   E_Date   |   Item   | Customer |
+------+------------+----------+----------+
|    1 | 10/10/2017 | Mirosoft | DIB      |
|    4 | 10/13/2017 | Mirosoft | DIB      |
|    7 | 10/15/2017 | Mirosoft | DIB      |
|    2 | 10/11/2017 | Oracle   | UNB      |
|    5 | 10/14/2017 | Oracle   | UNB      |
+------+------------+----------+----------+
&lt;/code&gt;&lt;/pre&gt;
&lt;p&gt;&lt;strong&gt;My actual result&lt;/strong&gt;&lt;/p&gt;
&lt;pre&gt;&lt;code&gt;+------+------------+-----------+----------+------+
| E_ID |   E_Date   |   Item    | Customer | Rank |
+------+------------+-----------+----------+------+
|    4 | 10/13/2017 | Microsoft | DIB      |    2 |
|    7 | 10/15/2017 | Microsoft | DIB      |    3 |
|    5 | 10/14/2017 | Oracle    | UNB      |    2 |
+------+------------+-----------+----------+------+
&lt;/code&gt;&lt;/pre&gt;</t>
  </si>
  <si>
    <t>2017-12-11 06:50:03.953000+00:00</t>
  </si>
  <si>
    <t>2017-12-11 13:50:56.440000+00:00</t>
  </si>
  <si>
    <t>sql|sql-server|sql-server-2008</t>
  </si>
  <si>
    <t>parsing @ in MVC javascript section?</t>
  </si>
  <si>
    <t>&lt;p&gt;I am trying using Email &lt;code&gt;RegEx&lt;/code&gt; in javascript section in MVC4. But &lt;code&gt;RegEx&lt;/code&gt; has @ char. It is not allowing to parse it&lt;/p&gt;
&lt;pre&gt;&lt;code&gt;error:
Parser Error Message: "[" is not valid at the start of a code block.  
        Only identifiers, keywords, comments, "(" and "{" are valid.
&lt;/code&gt;&lt;/pre&gt;
&lt;h2&gt;code&lt;/h2&gt;
&lt;pre&gt;&lt;code&gt;@section scripts{
    &amp;lt;script type="text/javascript"&amp;gt;
        $(document).ready(function() {
            $('#btnSave, #btnCoAuthor').click(function() {
                if (form.valid()) {
                    var hasError = false;
                    var emailReg = '[-0-9a-zA-Z.+_]+@[-0-9a-zA-Z.+_]+\.[a-zA-Z]{2,4}';
                      //Error showing @
&lt;/code&gt;&lt;/pre&gt;</t>
  </si>
  <si>
    <t>2014-06-05 16:36:17.783000+00:00</t>
  </si>
  <si>
    <t>2014-06-05 16:44:43.830000+00:00</t>
  </si>
  <si>
    <t>javascript|regex|asp.net-mvc|asp.net-mvc-4</t>
  </si>
  <si>
    <t>While refreshing the Main gridview inner grid is closing</t>
  </si>
  <si>
    <t>&lt;p&gt;In asp.net we are able to bind Grid within in a grid(inner grid). I need to refresh a the main grid and inner grid for every 30 seconds, while refreshing the grid the inner grid which i opened previously was closed. They need to open what ever inner grids been opened after refresh the data. &lt;/p&gt;
&lt;p&gt;We have used the &lt;code&gt;asp:Timer&lt;/code&gt; control, in that &lt;code&gt;OnTick&lt;/code&gt; event we are binding the data to grid again.&lt;/p&gt;
&lt;p&gt;Can anyone provide me any solution how to do this. &lt;/p&gt;
&lt;p&gt;Code in the .aspx page&lt;/p&gt;
&lt;pre&gt;&lt;code&gt;&amp;lt;img alt="" style="cursor: pointer" src="Images/plus.png" /&amp;gt;
&lt;/code&gt;&lt;/pre&gt;
&lt;p&gt;
                &lt;/p&gt;
&lt;pre&gt;&lt;code&gt;            &amp;lt;asp:Panel ID="pnlAgents" runat="server" Visible="false"&amp;gt;
                &amp;lt;asp:GridView ID="gvAgentStatus" runat="server" AutoGenerateColumns="false" CssClass="ChildGrid"&amp;gt;
                    &amp;lt;Columns&amp;gt;
                        &amp;lt;asp:BoundField ItemStyle-Width="150px" DataField="AgentSip" HeaderText="Agent Sip" /&amp;gt;
                        &amp;lt;asp:BoundField ItemStyle-Width="150px" DataField="Presence" HeaderText="Presence" /&amp;gt;
                        &amp;lt;asp:BoundField ItemStyle-Width="150px" DataField="agReceived" HeaderText=" Answered" /&amp;gt;
                        &amp;lt;asp:BoundField ItemStyle-Width="150px" DataField="agIgnored" HeaderText=" Unanswered" /&amp;gt;
                        &amp;lt;asp:BoundField ItemStyle-Width="150px" DataField="agDialed" HeaderText=" Dialled" /&amp;gt;
                        &amp;lt;asp:BoundField ItemStyle-Width="150px" DataField="agVoiceMail" HeaderText="VoiceMail" /&amp;gt;
                    &amp;lt;/Columns&amp;gt;
                &amp;lt;/asp:GridView&amp;gt;
            &amp;lt;/asp:Panel&amp;gt;
        &amp;lt;/ItemTemplate&amp;gt;
    &amp;lt;/asp:TemplateField&amp;gt;
    &amp;lt;asp:BoundField ItemStyle-Width="150px" DataField="JobNum" HeaderText="Job Number" /&amp;gt;
    &amp;lt;asp:BoundField ItemStyle-Width="150px" DataField="Total" HeaderText="Call Received" /&amp;gt;
    &amp;lt;asp:BoundField ItemStyle-Width="150px" DataField="Success" HeaderText=" Answered" /&amp;gt;
    &amp;lt;asp:BoundField ItemStyle-Width="150px" DataField="Ignored" HeaderText=" Unanswered" /&amp;gt;
    &amp;lt;asp:BoundField ItemStyle-Width="150px" DataField="Dialed" HeaderText=" Dialled" /&amp;gt;
    &amp;lt;asp:BoundField ItemStyle-Width="150px" DataField="UnSuccess" HeaderText="UnSuccess" /&amp;gt;
    &amp;lt;asp:BoundField ItemStyle-Width="150px" DataField="VoiceMail" HeaderText="VoiceMail" /&amp;gt;
&amp;lt;/Columns&amp;gt;
&lt;/code&gt;&lt;/pre&gt;
&lt;p&gt;&lt;/p&gt;
&lt;p&gt;Script function &lt;/p&gt;
&lt;pre&gt;&lt;code&gt;$("[src*=plus]").live("click", function () {            
    $(this).closest("tr").after("&amp;lt;tr&amp;gt;&amp;lt;td&amp;gt;&amp;lt;/td&amp;gt;&amp;lt;td colspan = '999'&amp;gt;" + $(this).next().html() + "&amp;lt;/td&amp;gt;&amp;lt;/tr&amp;gt;")
    $(this).attr("src", "Images/minus.png");
});
$("[src*=minus]").live("click", function () {
    $(this).attr("src", "Images/plus.png");
    $(this).closest("tr").next().remove();
});
&lt;/code&gt;&lt;/pre&gt;
&lt;p&gt;In aspx.cs file&lt;/p&gt;
&lt;p&gt;Bind Main Grid&lt;/p&gt;
&lt;pre&gt;&lt;code&gt; SqlParameter[] _paramJob = new SqlParameter[1];
_paramJob[0] = new SqlParameter("@Date", txtDate.Text);
DataSet _dsJobStat = DataAccess.ExecuteDataAdapter(SqlConnectionStr.con, "klac_QueueStatus", _paramJob);
gvJobStatus.DataSource = _dsJobStat;
gvJobStatus.DataBind();
&lt;/code&gt;&lt;/pre&gt;
&lt;p&gt;Bind inner grid in the gvJobStatus_RowDataBound&lt;/p&gt;
&lt;pre&gt;&lt;code&gt;protected void gvJobStatus_RowDataBound(object sender, GridViewRowEventArgs e)
{
    string cJobNumId = gvJobStatus.DataKeys[e.Row.RowIndex].Value.ToString();
    GridView gvAgentStatus = e.Row.FindControl("gvAgentStatus") as GridView;
    SqlParameter[] _paramAgentStat = new SqlParameter[2];
    _paramAgentStat[0] = new SqlParameter("@Date", txtDate.Text);
    _paramAgentStat[1] = new SqlParameter("@JobNum", cJobNumId);
    DataSet _dsAgentStats = DataAccess.ExecuteDataAdapter(SqlConnectionStr.con, "klac_QueueAgentStatus", _paramAgentStat);
    List&amp;lt;CallStatistics&amp;gt; _objCallAgentList = new List&amp;lt;CallStatistics&amp;gt;();
    for (int i = 0; i &amp;lt; _dsAgentStats.Tables[0].Rows.Count; i++)
    {
        CallStatistics obj = new CallStatistics();
        obj.AgentSip = _dsAgentStats.Tables[0].Rows[i]["AgentSip"] == DBNull.Value ? "" : _dsAgentStats.Tables[0].Rows[i]["AgentSip"].ToString();
        string _Sip = string.Empty;
        if (obj.AgentSip != "")
        {
            if (obj.AgentSip.IndexOf(":") &amp;gt; 0)
            {
                string[] _agent = obj.AgentSip.Split(':');
                _Sip = _agent[1];
            }
            else
                _Sip = obj.AgentSip;
            SqlParameter[] presenceparam = new SqlParameter[1];
            presenceparam[0] = new SqlParameter("@_Publisher", _Sip);
            DataSet _dsPresence = DataAccess.ExecuteDataAdapter(SqlConnectionStr._LyncCon, "DiagShowPublisherPresence", presenceparam);
            string source = _dsPresence.Tables[1].Rows[1]["Data"].ToString().Replace(@"""", @"\""");
            string[] stringSeparators = new string[] { "&amp;lt;availability&amp;gt;", "&amp;lt;/availability&amp;gt;" };
            string[] result;
            result = source.Split(stringSeparators,
                            StringSplitOptions.RemoveEmptyEntries);
            obj.Presence = Presence(Convert.ToInt32(result[1]));
        }
        else
        {
            _Sip = obj.AgentSip;
            obj.Presence = "Unknown";
        }
        obj.agDialed = _dsAgentStats.Tables[0].Rows[i]["Dialed"] == DBNull.Value ? 0 : Convert.ToInt32(_dsAgentStats.Tables[0].Rows[i]["Dialed"].ToString());
        obj.agReceived = _dsAgentStats.Tables[0].Rows[i]["Success"] == DBNull.Value ? 0 : Convert.ToInt32(_dsAgentStats.Tables[0].Rows[i]["Success"].ToString());
        obj.agVoiceMail = _dsAgentStats.Tables[0].Rows[i]["VoiceMail"] == DBNull.Value ? 0 : Convert.ToInt32(_dsAgentStats.Tables[0].Rows[i]["VoiceMail"].ToString());
        obj.agIgnored = _dsAgentStats.Tables[0].Rows[i]["Ignored"] == DBNull.Value ? 0 : Convert.ToInt32(_dsAgentStats.Tables[0].Rows[i]["Ignored"].ToString());
        _objCallAgentList.Add(obj);
    }
    gvAgentStatus.DataSource = _objCallAgentList;
    gvAgentStatus.DataBind();
}
&lt;/code&gt;&lt;/pre&gt;</t>
  </si>
  <si>
    <t>2014-05-05 10:40:26.743000+00:00</t>
  </si>
  <si>
    <t>2014-05-05 14:06:45.943000+00:00</t>
  </si>
  <si>
    <t>c#|asp.net|gridview</t>
  </si>
  <si>
    <t>Passing data from promise then method to an object method</t>
  </si>
  <si>
    <t>&lt;p&gt;How to pass &lt;code&gt;data&lt;/code&gt; from promise &lt;code&gt;then&lt;/code&gt; method to an object method.&lt;/p&gt;
&lt;pre&gt;&lt;code&gt;this.httpReq(url).then(function (data) {
  this.storeData(data);
});
&lt;/code&gt;&lt;/pre&gt;
&lt;p&gt;I know that here I'm out of scope and &lt;code&gt;this&lt;/code&gt; doesn't refer to my object. But, nevertheless, I can't understand how to resolve it. 
Bellow you can find entire code snippet. &lt;br&gt;In the end, I want to get data from the service API and store it in the object array property &lt;code&gt;this.storage&lt;/code&gt;.  &lt;/p&gt;
&lt;pre&gt;&lt;code&gt;var http = require('http');
function CoubApi (url) {
  this.url = url;
  this.storage = [];
  this.httpReq = httpReq;
  this.searchData = searchData;
  this.storeData = storeData;
}
function httpReq (url) {
  var promise = new Promise (function (resolve, reject) {
    http.get(url, function (res) {
      var data = '';
      res.on('data', function (chunk) {
        data += chunk;
      });
      res.on('end', function () {
        if(data.length &amp;gt; 0) {
          resolve(JSON.parse(data));
        } else {
          reject("Error: HTTP request rejected!");
        }
      });
    }).on('error', function (err) {
      console.log("Error: ", e);
    });
  });
  return promise;
}
function storeData (data) {
  var i;
  console.log("Storrrreee");
  for(i = 0; i &amp;lt; 10; i++) {
    this.storage.push(data.coubs[i]);
  }
}
function searchData (searchtext, order, page) {
  var url = this.url+
            "search?q="+searchtext+
            "&amp;amp;order_by="+order+
            "&amp;amp;page="+page;
  this.httpReq(url).then(function (data) {
    this.storeData(data);
  });
}
var coub = new CoubApi("http://coub.com/api/v2/");
coub.searchData("cat", "newest_popular", 1);
console.log(coub.storage);
&lt;/code&gt;&lt;/pre&gt;</t>
  </si>
  <si>
    <t>2016-05-06 07:38:50.437000+00:00</t>
  </si>
  <si>
    <t>2016-05-06 07:51:32.063000+00:00</t>
  </si>
  <si>
    <t>javascript|node.js|promise|javascript-objects</t>
  </si>
  <si>
    <t>Can Ruby Observers be used to monitor a table continuously and trigger a scheduler</t>
  </si>
  <si>
    <t>&lt;p&gt;We have a table that stores all information regarding a scheduler, and the scheduler performs some action at some particular time everyday.&lt;/p&gt;
&lt;p&gt;We have different schedulers, so we are storing all scheduler info in a table including the scheduler time (daily, weekly etc).&lt;/p&gt;
&lt;p&gt;Can Ruby Observer monitor the scheduler time from table and triggers the scheduler at that particular time stored in table?&lt;/p&gt;
&lt;p&gt;our table : &lt;code&gt;trigger_schedule&lt;/code&gt; &lt;/p&gt;
&lt;pre&gt;&lt;code&gt;id  Scheduler_name  Table_name   Operation   When        Time
1   Feed_scheduler  feeds        Insert      everyday    9.am
2   User_scheduler  users        delete      everyday    5.pm
3   Task_scheduler  tasks        Get         every       6 hrs
&lt;/code&gt;&lt;/pre&gt;
&lt;p&gt;we have a &lt;code&gt;generic scheduler&lt;/code&gt; :&lt;/p&gt;
&lt;pre&gt;&lt;code&gt;trigger_schedule[:When] trigger_schedule[:Time] do 
  SchedulerAction.perform_scheduler_actions
end
&lt;/code&gt;&lt;/pre&gt;
&lt;p&gt;We need some process that continuously check the &lt;code&gt;trigger_schedule&lt;/code&gt; table for the "When" and "Time" column and automatically call the &lt;code&gt;generic scheduler&lt;/code&gt; to perform the actions at the given time in table.&lt;/p&gt;</t>
  </si>
  <si>
    <t>2015-07-31 08:17:41.117000+00:00</t>
  </si>
  <si>
    <t>mysql|ruby-on-rails|ruby</t>
  </si>
  <si>
    <t>Strip specific tag from parent (jQuery)</t>
  </si>
  <si>
    <t>&lt;p&gt;HTML:&lt;/p&gt;
&lt;pre&gt;&lt;code&gt;&amp;lt;div class="featured"&amp;gt;
    &amp;lt;h4&amp;gt;&amp;lt;a href="#"&amp;gt;Title 1&amp;lt;/a&amp;gt;&amp;lt;/h4&amp;gt;
    &amp;lt;a href="#"&amp;gt;&amp;lt;img src="image.png" class="image"/&amp;gt;&amp;lt;/a&amp;gt;
    &amp;lt;p&amp;gt;&amp;lt;a href="#"&amp;gt;&amp;lt;/a&amp;gt;&amp;lt;br /&amp;gt;
    Description goes here&amp;lt;/p&amp;gt;
&amp;lt;/div&amp;gt;
&amp;lt;div class="featured"&amp;gt;
    &amp;lt;h4&amp;gt;&amp;lt;a href="#"&amp;gt;Title 2&amp;lt;/a&amp;gt;&amp;lt;/h4&amp;gt;
    &amp;lt;a href="#"&amp;gt;&amp;lt;img src="image.png" class="image"/&amp;gt;&amp;lt;/a&amp;gt;
    &amp;lt;p&amp;gt;&amp;lt;a href="#"&amp;gt;&amp;lt;/a&amp;gt;&amp;lt;/p&amp;gt;
    &amp;lt;p&amp;gt;Description goes here&amp;lt;/p&amp;gt;
&amp;lt;/div&amp;gt;
&lt;/code&gt;&lt;/pre&gt;
&lt;p&gt;.. How do I strip out all &lt;code&gt;&amp;lt;p&amp;gt;&lt;/code&gt; tags from .featured?&lt;/p&gt;
&lt;p&gt;Thanks&lt;/p&gt;</t>
  </si>
  <si>
    <t>2010-01-28 12:15:25.030000+00:00</t>
  </si>
  <si>
    <t>2010-01-28 13:12:52.427000+00:00</t>
  </si>
  <si>
    <t>jquery|html|tags|strip</t>
  </si>
  <si>
    <t>Iterator doesn't have a method to getNextElement directly without moving cursor</t>
  </si>
  <si>
    <t>&lt;p&gt;Why is there no method to get an element directly without iterating through it?&lt;/p&gt;
&lt;p&gt;I have looked for an answer and found some copy-pasted answer like this:&lt;/p&gt;
&lt;blockquote&gt;
  &lt;p&gt;It can be implemented on top of current Iterator interface but since its use will be rare, it doesn't make sense to include it in the interface that everyone has to implement.&lt;/p&gt;
&lt;/blockquote&gt;
&lt;p&gt;What's the reason behind this?&lt;/p&gt;</t>
  </si>
  <si>
    <t>2016-11-13 09:13:56.360000+00:00</t>
  </si>
  <si>
    <t>2016-11-13 10:44:08.840000+00:00</t>
  </si>
  <si>
    <t>java|collections|iterator</t>
  </si>
  <si>
    <t>Opencart - include additional language for content</t>
  </si>
  <si>
    <t>&lt;p&gt;I am developing a website (book store) using opencart with English as the store language. I want to add another language ( Malayalam ) to the contents. ie., The store should be in english ( menu, links,etc), but the product description should contain both english and the other language.&lt;/p&gt;
&lt;p&gt;Online forums only provides the information to change the store language, not content language.&lt;/p&gt;
&lt;p&gt;Please help&lt;/p&gt;</t>
  </si>
  <si>
    <t>2017-01-07 10:35:27.077000+00:00</t>
  </si>
  <si>
    <t>2017-01-07 10:38:16.633000+00:00</t>
  </si>
  <si>
    <t>fonts|opencart|opencart-module|opencart2.3</t>
  </si>
  <si>
    <t>CodeIgniter: How to make this multiupload code more simple</t>
  </si>
  <si>
    <t>&lt;p&gt;I'm making image multi upload in CodeIgniter, this is my code. This code is work but I want to make it more simple, and I've been trying to use 'foreach', and got so many error..Please help, thank you.&lt;/p&gt;
&lt;pre&gt;&lt;code&gt;function do_upload()
{
    if (!empty($_FILES['userfile']['name']))
    {
        $config['upload_path']   = './upload/';
        $config['allowed_types'] = 'jpg|gif|png';
        $config['max_size']      = '1000';
        $config['max_width']     = '1024';
        $config['max_height']    = '768';
        $config['encrypt_name']  = FALSE;
        $this-&amp;gt;upload-&amp;gt;initialize($config);
            if ( ! $this-&amp;gt;upload-&amp;gt;do_upload('userfile'))
            {
                $error = $this-&amp;gt;upload-&amp;gt;display_errors();
                $viewData = array(
                'page_info' =&amp;gt; array(
                    'title' =&amp;gt; 'Trip',
                    'content' =&amp;gt; 'trip/trip'
                ),
                'error' =&amp;gt; $error,
                'form' =&amp;gt; array(
                    'title'       =&amp;gt; $this-&amp;gt;input-&amp;gt;post('title'),
                    'duration'     =&amp;gt; $this-&amp;gt;input-&amp;gt;post('duration'),
                    'trip_date'     =&amp;gt; $this-&amp;gt;input-&amp;gt;post('trip_date'),                         
                    'price'       =&amp;gt; $this-&amp;gt;input-&amp;gt;post('price'),
                    'status'           =&amp;gt; $this-&amp;gt;input-&amp;gt;post('status'),
                    'place_detail'     =&amp;gt; $this-&amp;gt;input-&amp;gt;post('place_detail'),
                    'package_detail'    =&amp;gt; $this-&amp;gt;input-&amp;gt;post('package_detail'),
                    'itinerary'    =&amp;gt; $this-&amp;gt;input-&amp;gt;post('itinerary'),
                    'latitude'  =&amp;gt; $this-&amp;gt;input-&amp;gt;post('latitude'),
                    'longitude'  =&amp;gt; $this-&amp;gt;input-&amp;gt;post('longitude')
                    )
                );
                $viewDataObject = json_decode(json_encode($viewData));
                $this-&amp;gt;load-&amp;gt;view('template/index', $viewDataObject);
            }
            else
            {
                $uploadedData = $this-&amp;gt;upload-&amp;gt;data();
                $title = $this-&amp;gt;input-&amp;gt;post('title');
                $duration     = $this-&amp;gt;input-&amp;gt;post('duration');
                $trip_date     = $this-&amp;gt;input-&amp;gt;post('trip_date');
                $price     = $this-&amp;gt;input-&amp;gt;post('price');
                $status = $this-&amp;gt;input-&amp;gt;post('status');
                $place_detail = $this-&amp;gt;input-&amp;gt;post('place_detail');
                $package_detail = $this-&amp;gt;input-&amp;gt;post('package_detail');
                $itinerary = $this-&amp;gt;input-&amp;gt;post('itinerary');
                $latitude  = $this-&amp;gt;input-&amp;gt;post('latitude');
                $longitude  = $this-&amp;gt;input-&amp;gt;post('longitude');
                $this-&amp;gt;m_admin-&amp;gt;add_trip($title, $duration, $trip_date, $price, $status, $place_detail, $uploadedData, $package_detail, $itinerary, $latitude, $longitude );
                redirect('admin/trip');
            }
    }
    if (!empty($_FILES['userfile2']['name']))
    {
        $config['upload_path']   = './upload/';
        $config['allowed_types'] = 'jpg|gif|png';
        $config['max_size']      = '1000';
        $config['max_width']     = '1024';
        $config['max_height']    = '768';
        $config['encrypt_name']  = FALSE;
        $this-&amp;gt;upload-&amp;gt;initialize($config);
            if ( ! $this-&amp;gt;upload-&amp;gt;do_upload('userfile2'))
            {
                $error = $this-&amp;gt;upload-&amp;gt;display_errors();
                $viewData = array(
                'page_info' =&amp;gt; array(
                    'title' =&amp;gt; 'Trip',
                    'content' =&amp;gt; 'trip/trip'
                ),
                'error' =&amp;gt; $error,
                'form' =&amp;gt; array(
                    'title'     =&amp;gt; $this-&amp;gt;input-&amp;gt;post('title'),
                    'duration'     =&amp;gt; $this-&amp;gt;input-&amp;gt;post('duration'),
                    'trip_date'     =&amp;gt; $this-&amp;gt;input-&amp;gt;post('trip_date'),
                    'price'     =&amp;gt; $this-&amp;gt;input-&amp;gt;post('price'),
                    'status' =&amp;gt; $this-&amp;gt;input-&amp;gt;post('status'),
                    'place_detail' =&amp;gt; $this-&amp;gt;input-&amp;gt;post('place_detail'),
                    'package_detail'    =&amp;gt; $this-&amp;gt;input-&amp;gt;post('package_detail'),
                    'itinerary'    =&amp;gt; $this-&amp;gt;input-&amp;gt;post('itinerary'),
                    'latitude'  =&amp;gt; $this-&amp;gt;input-&amp;gt;post('latitude'),
                    'longitude'  =&amp;gt; $this-&amp;gt;input-&amp;gt;post('longitude')
                )
            );
                $viewDataObject = json_decode(json_encode($viewData));
                $this-&amp;gt;load-&amp;gt;view('template/index', $viewDataObject);
            }
            else
            {
                $uploadedData = $this-&amp;gt;upload-&amp;gt;data();
                $title = $this-&amp;gt;input-&amp;gt;post('title');
                $duration     = $this-&amp;gt;input-&amp;gt;post('duration');
                $trip_date     = $this-&amp;gt;input-&amp;gt;post('trip_date');
                $price    = $this-&amp;gt;input-&amp;gt;post('price');
                $status = $this-&amp;gt;input-&amp;gt;post('status');
                $place_detail = $this-&amp;gt;input-&amp;gt;post('place_detail');
                $package_detail = $this-&amp;gt;input-&amp;gt;post('package_detail');
                $itinerary = $this-&amp;gt;input-&amp;gt;post('itinerary');
                $latitude  = $this-&amp;gt;input-&amp;gt;post('latitude');
                $longitude  = $this-&amp;gt;input-&amp;gt;post('longitude');
                $this-&amp;gt;m_admin-&amp;gt;add_trip($title, $duration, $trip_date, $price, $status, $place_detail, $uploadedData, $package_detail, $itinerary, $latitude, $longitude );
                redirect('admin/trip');
            }
    } 
    if (!empty($_FILES['userfile3']['name']))
    {
        $config['upload_path']   = './upload/';
        $config['allowed_types'] = 'jpg|gif|png';
        $config['max_size']      = '1000';
        $config['max_width']     = '1024';
        $config['max_height']    = '768';
        $config['encrypt_name']  = FALSE;
        $this-&amp;gt;upload-&amp;gt;initialize($config);
            if ( ! $this-&amp;gt;upload-&amp;gt;do_upload('userfile3'))
            {
                $error = $this-&amp;gt;upload-&amp;gt;display_errors();
                $viewData = array(
                'page_info' =&amp;gt; array(
                    'title' =&amp;gt; 'Trip',
                    'content' =&amp;gt; 'trip/trip'
                ),
                'error' =&amp;gt; $error,
                'form' =&amp;gt; array(
                    'title'     =&amp;gt; $this-&amp;gt;input-&amp;gt;post('title'),
                    'duration'     =&amp;gt; $this-&amp;gt;input-&amp;gt;post('duration'),
                    'trip_date'     =&amp;gt; $this-&amp;gt;input-&amp;gt;post('trip_date'),
                    'status' =&amp;gt; $this-&amp;gt;input-&amp;gt;post('status'),
                    'price'     =&amp;gt; $this-&amp;gt;input-&amp;gt;post('price'),
                    'place_detail' =&amp;gt; $this-&amp;gt;input-&amp;gt;post('place_detail'),
                    'package_detail'    =&amp;gt; $this-&amp;gt;input-&amp;gt;post('package_detail'),
                    'itinerary'    =&amp;gt; $this-&amp;gt;input-&amp;gt;post('itinerary'),
                    'latitude'  =&amp;gt; $this-&amp;gt;input-&amp;gt;post('latitude'),
                    'longitude'  =&amp;gt; $this-&amp;gt;input-&amp;gt;post('longitude')
                )
            );
                $viewDataObject = json_decode(json_encode($viewData));
                $this-&amp;gt;load-&amp;gt;view('template/index', $viewDataObject);
            }
            else
            {
                $uploadedData = $this-&amp;gt;upload-&amp;gt;data();
                $title = $this-&amp;gt;input-&amp;gt;post('title');
                $duration     = $this-&amp;gt;input-&amp;gt;post('duration');
                $trip_date     = $this-&amp;gt;input-&amp;gt;post('trip_date');
                $price    = $this-&amp;gt;input-&amp;gt;post('price');
                $status = $this-&amp;gt;input-&amp;gt;post('status');
                $place_detail = $this-&amp;gt;input-&amp;gt;post('place_detail');
                $package_detail = $this-&amp;gt;input-&amp;gt;post('package_detail');
                $itinerary = $this-&amp;gt;input-&amp;gt;post('itinerary');
                $latitude  = $this-&amp;gt;input-&amp;gt;post('latitude');
                $longitude  = $this-&amp;gt;input-&amp;gt;post('longitude');
                $this-&amp;gt;m_admin-&amp;gt;add_trip($title, $duration, $trip_date, $price, $status, $place_detail, $uploadedData, $package_detail, $itinerary, $latitude, $longitude);
                redirect('admin/trip');
            }
    }
}
&lt;/code&gt;&lt;/pre&gt;</t>
  </si>
  <si>
    <t>2014-12-12 06:11:35.217000+00:00</t>
  </si>
  <si>
    <t>2014-12-12 08:45:19.550000+00:00</t>
  </si>
  <si>
    <t>Getting the name of an image file in the ViewPager and displaying it in a TextView</t>
  </si>
  <si>
    <t>&lt;p&gt;I have several images in a &lt;code&gt;ViewPager&lt;/code&gt; that the user can swipe, I need the name of the image to be display in a &lt;code&gt;TextView&lt;/code&gt;. I am just leaning &lt;code&gt;java&lt;/code&gt;, and image that the code will be something like this.&lt;/p&gt;
&lt;pre&gt;&lt;code&gt;private void displayName (String name) {
    /*
    This is the code to get the name of the image that appears in the ViewPager
     */
    ViewPager swipeImages = (ViewPager) findViewById(R.id.myImageSwipe);
    String backgroundImageName = String.valueOf(swipeImages.getTag());
    /*
    This is the textView where I need the name of the image file to display
     */
    TextView imageNameTextView = (TextView) findViewById(R.id.nameImage);
    imageNameTextView.setText(name);
    displayName(backgroundImageName);
}
&lt;/code&gt;&lt;/pre&gt;</t>
  </si>
  <si>
    <t>2018-10-08 15:59:00.443000+00:00</t>
  </si>
  <si>
    <t>2018-10-08 16:20:56.207000+00:00</t>
  </si>
  <si>
    <t>2018-10-08 16:15:37.903000+00:00</t>
  </si>
  <si>
    <t>java|android|android-viewpager</t>
  </si>
  <si>
    <t>AvCapture / AVCaptureVideoPreviewLayer troubles getting the correct visible image</t>
  </si>
  <si>
    <t>&lt;p&gt;I am currently having some &lt;strong&gt;huge&lt;/strong&gt; troubles getting what I want from &lt;em&gt;AVCapture&lt;/em&gt; and &lt;em&gt;AVCaptureVideoPreviewLayer&lt;/em&gt; etc.&lt;/p&gt;
&lt;p&gt;I am currently creating an app (&lt;strong&gt;available for Iphone devices&lt;/strong&gt; but would be better if it would also works on ipad) where I want to put a small preview of my camera in the middle of my view as shown in this picture : &lt;/p&gt;
&lt;p&gt;&lt;a href="https://i.stack.imgur.com/7Wf8i.jpg" rel="nofollow noreferrer"&gt;&lt;img src="https://i.stack.imgur.com/7Wf8i.jpg" alt="My view"&gt;&lt;/a&gt;&lt;/p&gt;
&lt;p&gt;To do that, I want to keep the ratio of my camera so I used this configuration : &lt;/p&gt;
&lt;pre&gt;&lt;code&gt;rgbaImage = nil;
NSArray *possibleDevices = [AVCaptureDevice devicesWithMediaType:AVMediaTypeVideo];
AVCaptureDevice *device = [possibleDevices firstObject];
if (!device) return;
AVCaptureSession *session = [[AVCaptureSession alloc] init];
self.captureSession = session;
self.captureDevice = device;
NSError *error = nil;
AVCaptureDeviceInput* input = [AVCaptureDeviceInput deviceInputWithDevice:device error:&amp;amp;error];
if( !input )
{
    [[[UIAlertView alloc] initWithTitle:NSLocalizedString(@"NoCameraAuthorizationTitle", nil)
                                message:NSLocalizedString(@"NoCameraAuthorizationMsg", nil)
                               delegate:self
                      cancelButtonTitle:NSLocalizedString(@"OK", nil)
                      otherButtonTitles:nil] show];
    return;
}
[session beginConfiguration];
session.sessionPreset = AVCaptureSessionPresetPhoto;
[session addInput:input];
AVCaptureVideoDataOutput *dataOutput = [[AVCaptureVideoDataOutput alloc] init];
[dataOutput setAlwaysDiscardsLateVideoFrames:YES];
[dataOutput setVideoSettings:@{(id)kCVPixelBufferPixelFormatTypeKey:@(kCVPixelFormatType_32BGRA)}];
[dataOutput setSampleBufferDelegate:self queue:dispatch_get_main_queue()];
[session addOutput:dataOutput];
self.stillImageOutput = [[AVCaptureStillImageOutput alloc] init];
[session addOutput:self.stillImageOutput];
connection = [dataOutput.connections firstObject];
[self setupCameraOrientation];
NSError *errorLock;
if ([device lockForConfiguration:&amp;amp;errorLock])
{
//        Frame rate
    device.activeVideoMinFrameDuration = CMTimeMake((int64_t)1, (int32_t)FPS);
    device.activeVideoMaxFrameDuration = CMTimeMake((int64_t)1, (int32_t)FPS);
    AVCaptureFocusMode focusMode = AVCaptureFocusModeContinuousAutoFocus;
    AVCaptureExposureMode exposureMode = AVCaptureExposureModeContinuousAutoExposure;
    CGPoint point = CGPointMake(0.5, 0.5);
    if ([device isAutoFocusRangeRestrictionSupported])
    {
        device.autoFocusRangeRestriction = AVCaptureAutoFocusRangeRestrictionNear;
    }
    if ([device isFocusPointOfInterestSupported] &amp;amp;&amp;amp; [device isFocusModeSupported:focusMode])
    {
        [device setFocusPointOfInterest:point];
        [device setFocusMode:focusMode];
    }
    if ([device isExposurePointOfInterestSupported] &amp;amp;&amp;amp; [device isExposureModeSupported:exposureMode])
    {
        [device setExposurePointOfInterest:point];
        [device setExposureMode:exposureMode];
    }
    if ([device isLowLightBoostSupported])
    {
        device.automaticallyEnablesLowLightBoostWhenAvailable = YES;
    }
    [device unlockForConfiguration];
}
if (device.isFlashAvailable)
{
    [device lockForConfiguration:nil];
    [device setFlashMode:AVCaptureFlashModeOff];
    [device unlockForConfiguration];
    if ([device isFocusModeSupported:AVCaptureFocusModeContinuousAutoFocus])
    {
        [device lockForConfiguration:nil];
        [device setFocusMode:AVCaptureFocusModeContinuousAutoFocus];
        [device unlockForConfiguration];
    }
}
previewLayer = [AVCaptureVideoPreviewLayer layerWithSession:session];
previewLayer.frame = self.bounds;
previewLayer.videoGravity = AVLayerVideoGravityResizeAspectFill;
[self.layer insertSublayer:previewLayer atIndex:0];
[session commitConfiguration];
&lt;/code&gt;&lt;/pre&gt;
&lt;p&gt;As you can see I am using the &lt;strong&gt;AVLayerVideoGravityResizeAspectFill&lt;/strong&gt; properties to ensure that I do have the proper ratio.&lt;/p&gt;
&lt;p&gt;My trouble starts here as I tried many things but never really succeeded.
&lt;strong&gt;My goal is to get the picture equivalent to was the user can see in the previewLayer. Knowing that the video frame gives bigger image than the image you can see in the preview.&lt;/strong&gt; &lt;/p&gt;
&lt;p&gt;I tried 3 methods :&lt;/p&gt;
&lt;p&gt;1) &lt;em&gt;Using personal computing&lt;/em&gt; : as I know both the video frame size and my screen size and layer size and position, I tried to compute the ratio and use it to compute the equivalent position in the video frame. I actually found out that the video frame (sampleBuffer) is in pixels while the position I get from mainScreen bounds is apple mesure and has to be multiple by a ratio to get it in pixels which is my ratio assuming that the video frame size is the actual device full screen size.&lt;/p&gt;
&lt;p&gt;--&gt; This actually gave me a really good result on my IPAD, both height and width are good but the (x,y) origin is a bit moved from the original... (detail : actually if I remove 72 pixel from the position I find I get the good output)&lt;/p&gt;
&lt;pre&gt;&lt;code&gt;-(void)captureOutput:(AVCaptureOutput *)captureOutput didOutputSampleBuffer:(CMSampleBufferRef)sampleBuffer fromConnection:(AVCaptureConnection *)avConnection
{
if (self.forceStop) return;
if (_isStopped || _isCapturing || !CMSampleBufferIsValid(sampleBuffer)) return;
CVPixelBufferRef pixelBuffer = (CVPixelBufferRef)CMSampleBufferGetImageBuffer(sampleBuffer);
__block CIImage *image = [CIImage imageWithCVPixelBuffer:pixelBuffer];
CGRect rect = image.extent;
    CGRect screenRect = [[UIScreen mainScreen] bounds];
CGFloat screenWidth = screenRect.size.width/* * [UIScreen mainScreen].scale*/;
CGFloat screenHeight = screenRect.size.height/* * [UIScreen mainScreen].scale*/;
NSLog(@"%f, %f ---",screenWidth, screenHeight);
float myRatio = ( rect.size.height / screenHeight );
float myRatioW = ( rect.size.width / screenWidth );
NSLog(@"Ratio w :%f h:%f ---",myRatioW, myRatio);
CGPoint p = [captureViewControler.view convertPoint:previewLayer.frame.origin toView:nil];
NSLog(@"-Av-&amp;gt; %f, %f --&amp;gt; %f, %f", p.x, p.y, self.bounds.size.height, self.bounds.size.width);
rect.origin = CGPointMake(p.x * myRatioW, p.y  * myRatio);
NSLog(@"%f, %f ----&amp;gt; %f %f", rect.origin.x, rect.origin.y, rect.size.width, rect.size.height);
NSLog(@"%f",  previewLayer.frame.size.height * (  rect.size.height / screenHeight  ));
rect.size = CGSizeMake(rect.size.width, previewLayer.frame.size.height * myRatio);
image = [image imageByCroppingToRect:rect];
its = [ImageUtils cropImageToRect:uiImage(sampleBuffer) toRect:rect];
NSLog(@"--------------------------------------------");
[captureViewControler sendToPreview:its];
}
&lt;/code&gt;&lt;/pre&gt;
&lt;p&gt;2) &lt;em&gt;Using StillImage capture&lt;/em&gt; : This method was actually working as long as I was on an IPAD. But the really trouble is that I am using those crop frames to feed an image library and the methods &lt;em&gt;captureStillImageAsynchronouslyFromConnection&lt;/em&gt; is calling the system sounds for a picture (I read a lot about "solutions" like call another sound to avoid it etc etc but not working and actually not solving the freeze that goes with it on iphone 6) so this method seems inappropriate.&lt;/p&gt;
&lt;pre&gt;&lt;code&gt;AVCaptureConnection *videoConnection = nil;
for (AVCaptureConnection *connect in self.stillImageOutput.connections)
{
    for (AVCaptureInputPort *port in [connect inputPorts])
    {
        if ([[port mediaType] isEqual:AVMediaTypeVideo] )
        {
            videoConnection = connect;
            break;
        }
    }
    if (videoConnection) { break; }
}
[self.stillImageOutput captureStillImageAsynchronouslyFromConnection:videoConnection
                                                   completionHandler:^(CMSampleBufferRef imageDataSampleBuffer, NSError *error)
 {
     if (error)
     {
         NSLog(@"Take picture failed");
     }
     else
     {
         NSData *jpegData = [AVCaptureStillImageOutput jpegStillImageNSDataRepresentation:imageDataSampleBuffer];
         UIImage *takenImage = [UIImage imageWithData:jpegData];
         CGRect outputRect = [previewLayer metadataOutputRectOfInterestForRect:previewLayer.bounds];
         NSLog(@"image cropped : %@", NSStringFromCGRect(outputRect));
         CGImageRef takenCGImage = takenImage.CGImage;
         size_t width = CGImageGetWidth(takenCGImage);
         size_t height = CGImageGetHeight(takenCGImage);
         NSLog(@"Size cropped : w: %zu h: %zu", width, height);
         CGRect cropRect = CGRectMake(outputRect.origin.x * width, outputRect.origin.y * height, outputRect.size.width * width, outputRect.size.height * height);
         NSLog(@"final cropped : %@", NSStringFromCGRect(cropRect));
         CGImageRef cropCGImage = CGImageCreateWithImageInRect(takenCGImage, cropRect);
         takenImage = [UIImage imageWithCGImage:cropCGImage scale:1 orientation:takenImage.imageOrientation];
         CGImageRelease(cropCGImage);
         its = [ImageUtils rotateUIImage:takenImage];
         image = [[CIImage alloc] initWithImage:its];
}
&lt;/code&gt;&lt;/pre&gt;
&lt;p&gt;3) &lt;em&gt;Using metadataOuput with a ratio&lt;/em&gt; : This is actually not working at all but I thought it would help me the most as it works with this on the stillImage process (using the &lt;em&gt;metadataOutputRectOfInterestForRect&lt;/em&gt; result to get the pourcentage and then combine it with the ratio). I wanted to use this and add the ratio difference between the pictures to get the correct output.&lt;/p&gt;
&lt;pre&gt;&lt;code&gt;CGRect rect = image.extent;
CGSize size = CGSizeMake(1936.0, 2592.0);
float rh = (size.height / rect.size.height);
float rw = (size.width / rect.size.width);
CGRect outputRect = [previewLayer metadataOutputRectOfInterestForRect:previewLayer.bounds];
NSLog(@"avant cropped : %@", NSStringFromCGRect(outputRect));
outputRect.origin.x = MIN(1.0, outputRect.origin.x * rw);
outputRect.origin.y = MIN(1.0, outputRect.origin.y * rh);
outputRect.size.width = MIN(1.0, outputRect.size.width * rw);
outputRect.size.height = MIN(1.0, outputRect.size.height * rh);
NSLog(@"final cropped : %@", NSStringFromCGRect(outputRect));
UIImage *takenImage = [[UIImage alloc] initWithCIImage:image];
NSLog(@"takenImage : %@", NSStringFromCGSize(takenImage.size));
CGImageRef takenCGImage = [[CIContext contextWithOptions:nil] createCGImage:image fromRect:[image extent]];
size_t width = CGImageGetWidth(takenCGImage);
size_t height = CGImageGetHeight(takenCGImage);
NSLog(@"Size cropped : w: %zu h: %zu", width, height);
CGRect cropRect = CGRectMake(outputRect.origin.x * width, outputRect.origin.y * height, outputRect.size.width * width, outputRect.size.height * height);
CGImageRef cropCGImage = CGImageCreateWithImageInRect(takenCGImage, cropRect);
its = [UIImage imageWithCGImage:cropCGImage scale:1 orientation:takenImage.imageOrientation];
&lt;/code&gt;&lt;/pre&gt;
&lt;p&gt;I hope someone will be able to help me with this.
Thanks a lot.&lt;/p&gt;</t>
  </si>
  <si>
    <t>2015-11-11 10:07:16.020000+00:00</t>
  </si>
  <si>
    <t>2015-11-16 08:53:19.617000+00:00</t>
  </si>
  <si>
    <t>2015-11-11 15:59:44.867000+00:00</t>
  </si>
  <si>
    <t>ios|objective-c|iphone|ipad|avcapture</t>
  </si>
  <si>
    <t>Select an mp3 file from SD card</t>
  </si>
  <si>
    <t>&lt;p&gt;I need to ask the user to select a media file from his SD card for playing. The following code doesn't work:
edit:
after I choose a mp3 file from the sd card folder I can't start him (play him). I think that the problem is that it doesn't entering to the "onActivityResult" function.&lt;/p&gt;
&lt;pre&gt;&lt;code&gt;Intent i = new Intent();
                    i.setType("audio/*");
                    i.setAction(Intent.ACTION_GET_CONTENT);
                    startActivityForResult(i, RESULT_OK);    
protected void onActivityResult(int requestCode, int resultCode, Intent data) {
    if(requestCode==RESULT_OK)
    {
        Uri uri =data.getData();
        if(uri!=null) {
            try {
                song.setDataSource(getApplicationContext(), uri);
                song.prepare();
                pl.setOnClickListener(new View.OnClickListener() {
                    @Override
                    public void onClick(View v) {
                        song.start();
                    }
                });
            } catch (IOException e) {
                e.printStackTrace();
            }
        }
        super.onActivityResult(CONTEXT_RESTRICTED, RESULT_OK, data);
    }
}
&lt;/code&gt;&lt;/pre&gt;</t>
  </si>
  <si>
    <t>2017-11-30 19:28:46.643000+00:00</t>
  </si>
  <si>
    <t>2017-12-01 01:14:09.107000+00:00</t>
  </si>
  <si>
    <t>2017-11-30 21:19:35.573000+00:00</t>
  </si>
  <si>
    <t>CodeDeploy Fails but files make it to EC2 Instance in the wrong place</t>
  </si>
  <si>
    <t>&lt;p&gt;I set up CodeCommit -&gt; CodePipeline -&gt; CodeDeploy and the deploy fails, but the files I commited to CodeCommit show up in &lt;/p&gt;
&lt;p&gt;&lt;code&gt;/opt/codedeploy-agent/deployment-root/b20baedc-1ba0-408e-b74c-8615b3d87f74/d-AN5IXPSZJ/deployment-archive&lt;/code&gt;&lt;/p&gt;
&lt;p&gt;This is the error message I get when the deployment fails:&lt;/p&gt;
&lt;p&gt;&lt;code&gt;Deployment Failed
The overall deployment failed because too many individual instances failed deployment, too few healthy instances are available for deployment, or some instances in your deployment group are experiencing problems. (Error code: HEALTH_CONSTRAINTS)
&lt;/code&gt;&lt;/p&gt;
&lt;p&gt;I would like the files to be put into &lt;code&gt;/src/website/website-name&lt;/code&gt;&lt;/p&gt;</t>
  </si>
  <si>
    <t>2017-01-05 17:46:57.600000+00:00</t>
  </si>
  <si>
    <t>2017-01-17 00:54:16.117000+00:00</t>
  </si>
  <si>
    <t>amazon-web-services|amazon-ec2|aws-code-deploy|aws-codecommit</t>
  </si>
  <si>
    <t>Spark DataGrid multiline header renderer</t>
  </si>
  <si>
    <t>&lt;p&gt;I have a data grid and one of its columns has a long header text, so I want to span it across multiple lines. I tried several things but to no avail. Here's my current code:&lt;/p&gt;
&lt;pre&gt;&lt;code&gt;&amp;lt;s:GridColumn rendererIsEditable="true" sortable="false"&amp;gt;
                &amp;lt;s:headerRenderer&amp;gt;
                    &amp;lt;fx:Component&amp;gt;
                        &amp;lt;s:GridItemRenderer&amp;gt;
                            &amp;lt;s:layout&amp;gt;&amp;lt;s:HorizontalLayout horizontalAlign="center"/&amp;gt;&amp;lt;/s:layout&amp;gt;
                            &amp;lt;s:Label fontWeight="bold" text="Allow Spillover" verticalAlign="middle" maxDisplayedLines="2"
                                toolTip="Allow campaign spillover if the impression goal was not reached by the defined end date. Enabled only if a Periodic or Total Impressions were defined in the ���General Capping��� section. Maximum Spillover is until next configured flight date."/&amp;gt;
                        &amp;lt;/s:GridItemRenderer&amp;gt;
                    &amp;lt;/fx:Component&amp;gt;
                &amp;lt;/s:headerRenderer&amp;gt;
&lt;/code&gt;&lt;/pre&gt;
&lt;p&gt;As can be seen, I set maxDisplayedLines to 2, but the text still doesn't break, but spills outside of the column. What am I missing? Thanks.&lt;/p&gt;</t>
  </si>
  <si>
    <t>2013-05-16 13:00:07.830000+00:00</t>
  </si>
  <si>
    <t>2015-09-30 02:25:38.807000+00:00</t>
  </si>
  <si>
    <t>flex4|flex-spark|flex-datagrid</t>
  </si>
  <si>
    <t>Does the dealloc in Appdelegate calls or not?</t>
  </si>
  <si>
    <t>&lt;p&gt;I the allocated arrays in the didFinishLaunching of my appdelegate.And I released those arrays in  the dealloc of the appdelegate.&lt;/p&gt;
&lt;p&gt;My doubt here is does the dealloc of appdelegate calls?and does the arrays in the appdelegate releases or not?&lt;/p&gt;
&lt;p&gt;Anyone's help will be much appreciated.&lt;/p&gt;
&lt;p&gt;Thank you,
Monish Kumar.&lt;/p&gt;</t>
  </si>
  <si>
    <t>2010-03-19 12:33:56.660000+00:00</t>
  </si>
  <si>
    <t>2010-03-19 12:40:20.507000+00:00</t>
  </si>
  <si>
    <t>2010-03-19 12:35:46.547000+00:00</t>
  </si>
  <si>
    <t>Liquibase 3.2 not finding dbchangelog-3.2.xsd</t>
  </si>
  <si>
    <t>&lt;p&gt;Running version 3.2 I am getting an error&lt;/p&gt;
&lt;p&gt;[WARN] liquibase - schema_reference.4: Failed to read schema document '&lt;a href="http://www.liquibase.org/xml/ns/dbchangelog/dbchangelog-3.2.xsd" rel="nofollow"&gt;http://www.liquibase.org/xml/ns/dbchangelog/dbchangelog-3.2.xsd&lt;/a&gt;', because 1) could not find the document; 2) the document could not be read; 3) the root element of the document is not .&lt;/p&gt;
&lt;p&gt;When I look for &lt;a href="http://www.liquibase.org/xml/ns/dbchangelog/dbchangelog-3.2.xsd" rel="nofollow"&gt;http://www.liquibase.org/xml/ns/dbchangelog/dbchangelog-3.2.xsd&lt;/a&gt; it is not there, although &lt;a href="http://www.liquibase.org/xml/ns/dbchangelog/dbchangelog-3.1.xsd" rel="nofollow"&gt;http://www.liquibase.org/xml/ns/dbchangelog/dbchangelog-3.1.xsd&lt;/a&gt; is.&lt;/p&gt;
&lt;p&gt;I came accross this &lt;a href="https://liquibase.jira.com/browse/CORE-1840" rel="nofollow"&gt;https://liquibase.jira.com/browse/CORE-1840&lt;/a&gt;, which I interpret to say you dont need access to the internet to get dbchangelog-3.2.xsd. It doesnt seem to help when the internet is available but the .xsd is not there.&lt;/p&gt;
&lt;p&gt;I have reverted back to 3.1 but would like to know the root cause of my 3.2 problem.&lt;/p&gt;</t>
  </si>
  <si>
    <t>2014-07-07 12:32:01.743000+00:00</t>
  </si>
  <si>
    <t>2015-09-06 17:54:04.497000+00:00</t>
  </si>
  <si>
    <t>liquibase</t>
  </si>
  <si>
    <t>How to restore a folder structure 7Zip'd with split volume option?</t>
  </si>
  <si>
    <t>&lt;p&gt;I 7Zip'd a multi-gig folder which contained many folders each with many files using the split to volumes (9Meg) option. 7Zip created files of type .zip.001,
.zip.002, etc. When I extract .001 it appears to work correctly but I get an 'unexpected end of data' error. 7Zip does not automatically go to .002. When I extract .002, it also gives the same error and it does not continue the original folder/file structure. Instead it extracts a zip file in the same folder as the previously extracted files. How do I properly extract split files to obtain the original folder/file structure? Thank you.&lt;/p&gt;</t>
  </si>
  <si>
    <t>2015-09-09 10:47:33.127000+00:00</t>
  </si>
  <si>
    <t>7zip</t>
  </si>
  <si>
    <t>zend framework under document root in subdir</t>
  </si>
  <si>
    <t>&lt;p&gt;I developed a application with Zend Framework and now I want to be able to place the app in an subdirectory of a Documentroot.
e.g. &lt;a href="http://www.example.com/myapp/" rel="nofollow noreferrer"&gt;http://www.example.com/myapp/&lt;/a&gt;&lt;/p&gt;
&lt;p&gt;I read quite a lot of Docu how this could work, but all in all these solutions don��t fit my needs. Is there a trivial way to do the subdir thing, without adding the concrete path to any file which generates the pages.&lt;/p&gt;
&lt;p&gt;There are some examples in the net, where a basePath is set in the application enviroment and so there is a method call bevor each "form" creation which prepends the path before the link.&lt;/p&gt;
&lt;pre&gt;&lt;code&gt;$form-&amp;gt;setAction($this-&amp;gt;_request-&amp;gt;getBaseUrl() . $this-&amp;gt;_helper-&amp;gt;url('sign'));
&lt;/code&gt;&lt;/pre&gt;
&lt;p&gt;This was from: &lt;a href="http://johnmee.com/2008/11/zend-framework-quickstart-tutorial-deploy-to-a-subdirectory-instead-of-web-root/" rel="nofollow noreferrer"&gt;http://johnmee.com/2008/11/zend-framework-quickstart-tutorial-deploy-to-a-subdirectory-instead-of-web-root/&lt;/a&gt;&lt;/p&gt;
&lt;p&gt;But this is only works for small examples, I have tons of forms, tons of views and tons of scripts. I can��t belive this (lets call it hack :) ) is the only solution to do this.&lt;/p&gt;
&lt;p&gt;Any ideas?&lt;/p&gt;</t>
  </si>
  <si>
    <t>2010-08-02 15:18:57.767000+00:00</t>
  </si>
  <si>
    <t>2010-08-02 21:48:33.957000+00:00</t>
  </si>
  <si>
    <t>2010-08-02 21:19:40.880000+00:00</t>
  </si>
  <si>
    <t>zend-framework|path|document-root</t>
  </si>
  <si>
    <t>How to write this in one line in bash</t>
  </si>
  <si>
    <t>&lt;p&gt;How to write this in one line WITHOUT creating extra variables AND duplication of "5"?&lt;/p&gt;
&lt;pre&gt;&lt;code&gt;A=5
B=10
([[ $A == B ]] &amp;amp;&amp;amp; echo $A) || echo gt
&lt;/code&gt;&lt;/pre&gt;</t>
  </si>
  <si>
    <t>2014-12-31 17:00:41.590000+00:00</t>
  </si>
  <si>
    <t>2015-01-01 02:36:08.850000+00:00</t>
  </si>
  <si>
    <t>multi row "dual" table in mysql/sql</t>
  </si>
  <si>
    <t>&lt;p&gt;This is an extension of the "dual" table concept (temporary table created on the fly for one query and discarded straight after)&lt;/p&gt;
&lt;p&gt;I am trying to join a multi row &lt;code&gt;dual&lt;/code&gt; table with another one, so as to avoid to have to run the same query several times with different parameters, using 1 statement.&lt;/p&gt;
&lt;p&gt;One of the issue I am having is that union is very slow for dual tables, and I am unaware of any more efficient way to accomplish the following. (100 ms when joining 50 dual together)&lt;/p&gt;
&lt;pre&gt;&lt;code&gt;SELECT
  b.id,
  b.ref_unid,
  a.date
  FROM
    (
    SELECT
      'b8518a84-c501-11dd-b0b6-001d7dc91168'  as unid,
      '2010-01-05' as date
   UNION
    SELECT
      'b853a1f2-c501-11dd-b0b6-001d7dc91168',
      '2010-01-06'
   UNION
    SELECT
      'b8557bd0-c501-11dd-b0b6-001d7dc91168',
      '2010-01-07'
   /* ... */
  ) as a
  join other_table b
      ON
      b.ref_unid = a.unid
&lt;/code&gt;&lt;/pre&gt;
&lt;p&gt;Is there another way of accomplishing this goal? &lt;/p&gt;
&lt;p&gt;Is there any syntax similar to that of insert into values statement that would accomplish that goal, such as:&lt;/p&gt;
&lt;pre&gt;&lt;code&gt;SELECT
  unid,
  id
  FROM
    (
      WITH (unid, date) USING VALUES
      (
        ('b8518a84-c501-11dd-b0b6-001d7dc91168','2010-01-05'),
        ('b853a1f2-c501-11dd-b0b6-001d7dc91168','2010-01-06'), 
        ('b8557bd0-c501-11dd-b0b6-001d7dc91168','2010-01-07'),
         /* ... */
      )
    ) as a
  join other_table b
      ON
      b.ref_unid = a.unid
&lt;/code&gt;&lt;/pre&gt;
&lt;p&gt;I'm looking for a 1-statement solution. Multiple trips to the database aren't possible.&lt;/p&gt;</t>
  </si>
  <si>
    <t>2010-11-11 16:05:13.057000+00:00</t>
  </si>
  <si>
    <t>2014-12-04 20:07:13.720000+00:00</t>
  </si>
  <si>
    <t>mysql|optimization</t>
  </si>
  <si>
    <t>How to Align Checkbox next to text</t>
  </si>
  <si>
    <t>&lt;p&gt;I am having a problem aligning my checkbox next to my text.&lt;/p&gt;
&lt;p&gt;I am developing a simple to do list application. I have created the paragraph element using &lt;code&gt;JavaScript&lt;/code&gt; and I created the checkbox using a &lt;code&gt;span&lt;/code&gt; element. &lt;/p&gt;
&lt;p&gt;The &lt;code&gt;listElement&lt;/code&gt; &lt;code&gt;id&lt;/code&gt; in my &lt;code&gt;CSS&lt;/code&gt; derives from the &lt;code&gt;JavaScript&lt;/code&gt;, where I set the paragraph element id to &lt;code&gt;listElement&lt;/code&gt;&lt;/p&gt;
&lt;p&gt;Here is what I am aiming for:&lt;/p&gt;
&lt;p&gt;&lt;a href="https://i.stack.imgur.com/saASz.png" rel="nofollow noreferrer"&gt;&lt;img src="https://i.stack.imgur.com/saASz.png" alt="enter image description here"&gt;&lt;/a&gt;&lt;/p&gt;
&lt;p&gt;Here is what I have so far:&lt;/p&gt;
&lt;p&gt;&lt;a href="https://i.stack.imgur.com/KvHef.png" rel="nofollow noreferrer"&gt;&lt;img src="https://i.stack.imgur.com/KvHef.png" alt="enter image description here"&gt;&lt;/a&gt;&lt;/p&gt;
&lt;p&gt;&lt;div class="snippet" data-lang="js" data-hide="false" data-console="true" data-babel="false"&gt;_x000D_
&lt;div class="snippet-code"&gt;_x000D_
&lt;pre class="snippet-code-js lang-js prettyprint-override"&gt;&lt;code&gt;var toDoItems = [];_x000D_
var i = 1;_x000D_
var userInput;_x000D_
var listElement;_x000D_
var checkBox;_x000D_
_x000D_
document.getElementById("addItem").onclick = function() {_x000D_
  userInput = prompt("Enter your Todo: ")_x000D_
  toDoItems.push(userInput);_x000D_
  stylePara();_x000D_
  document.getElementById("item-list")._x000D_
  append(listElement);_x000D_
}_x000D_
_x000D_
function stylePara() {_x000D_
  listElement = document.createElement("p");_x000D_
  listElement.id = "listElement";_x000D_
  listElement.innerHTML = userInput;_x000D_
}&lt;/code&gt;&lt;/pre&gt;_x000D_
&lt;pre class="snippet-code-css lang-css prettyprint-override"&gt;&lt;code&gt;#listElement {_x000D_
  width: 500px;_x000D_
  background: red;_x000D_
  margin: 0 auto;_x000D_
  border: 1px solid green;_x000D_
  color: white;_x000D_
  text-align: center;_x000D_
  text-transform: capitalize;_x000D_
  padding: 20px;_x000D_
}&lt;/code&gt;&lt;/pre&gt;_x000D_
&lt;pre class="snippet-code-html lang-html prettyprint-override"&gt;&lt;code&gt;&amp;lt;link href='https://fonts.googleapis.com/css?family=Lato:100,300,400,300italic' rel="stylesheet" type="text/css"&amp;gt;_x000D_
&amp;lt;h1&amp;gt;My Tasks&amp;lt;/h1&amp;gt;_x000D_
&amp;lt;h4&amp;gt;&amp;lt;span id="number1"&amp;gt;&amp;lt;/span&amp;gt; tasks&amp;lt;/h4&amp;gt;_x000D_
&amp;lt;button id="addItem"&amp;gt;Add item&amp;lt;/button&amp;gt;_x000D_
&amp;lt;div id="item-list"&amp;gt;_x000D_
  &amp;lt;span&amp;gt;&amp;lt;input type="checkbox" id="checkbox"&amp;gt;&amp;lt;/span&amp;gt;_x000D_
&amp;lt;/div&amp;gt;&lt;/code&gt;&lt;/pre&gt;_x000D_
&lt;/div&gt;_x000D_
&lt;/div&gt;_x000D_
&lt;/p&gt;</t>
  </si>
  <si>
    <t>2018-09-10 14:55:42.677000+00:00</t>
  </si>
  <si>
    <t>2018-09-10 16:45:29.777000+00:00</t>
  </si>
  <si>
    <t>2018-09-10 16:42:30.247000+00:00</t>
  </si>
  <si>
    <t>Changing the reference of an array with a function not working</t>
  </si>
  <si>
    <t>&lt;p&gt;The following works...&lt;/p&gt;
&lt;pre&gt;&lt;code&gt;$a = ['a','b','c'=&amp;gt;[1,2,3]];
$b = &amp;amp;$a;
$b = &amp;amp;$b['c'];
&lt;/code&gt;&lt;/pre&gt;
&lt;p&gt;So... I want to change the reference of an array with this function:&lt;/p&gt;
&lt;pre&gt;&lt;code&gt;function change_array_pointer ( &amp;amp;$array, $path ) {    
    foreach ($path as $subpath) {
        $array = &amp;amp;$array[$subpath];
    }    
}
&lt;/code&gt;&lt;/pre&gt;
&lt;p&gt;Looks simple, but doesn't work.&lt;/p&gt;
&lt;p&gt;For example, this code is not working and I don't know why:&lt;/p&gt;
&lt;pre&gt;&lt;code&gt;$a = ['a','b','c'=&amp;gt;[1,2,3]];
$b = &amp;amp;$a;
change_array_pointer($b,['c']);
&lt;/code&gt;&lt;/pre&gt;
&lt;p&gt;In my opinion $b should be [1,2,3], but it's not.&lt;/p&gt;
&lt;p&gt;Please explain to me what's happening :(&lt;/p&gt;</t>
  </si>
  <si>
    <t>2015-10-18 23:38:56.773000+00:00</t>
  </si>
  <si>
    <t>2015-10-18 23:57:14.677000+00:00</t>
  </si>
  <si>
    <t>php|pass-by-reference</t>
  </si>
  <si>
    <t>Direction on apple map</t>
  </si>
  <si>
    <t>&lt;p&gt;Can we get the direction on apple map using set of points. The following code snippet is drawing the straight line instead of directions&lt;/p&gt;
&lt;pre&gt;&lt;code&gt;- (IBAction)getRoute:(id)sender {
[self.mapView removeOverlay:self.routeLine];
CLLocationCoordinate2D overflowLotCoords[5]={
    CLLocationCoordinate2DMake(39.04864351611461,-76.8513227245313),
    CLLocationCoordinate2DMake(39.04851710015167,-76.8517540587399),
    CLLocationCoordinate2DMake(39.04695987529381,-76.85235192135768),
    CLLocationCoordinate2DMake(39.04734847050665,-76.85236298239703),
    CLLocationCoordinate2DMake(39.04779491740192,-76.85232236959109)
};
MKPolyline *polyLine = [MKPolyline polylineWithCoordinates:overflowLotCoords count:4];
[self.mapView addOverlay:polyLine];
self.routeLine = polyLine;
}
- (MKOverlayRenderer *)mapView:(MKMapView *)mapView rendererForOverlay:(id&amp;lt;MKOverlay&amp;gt;)overlay {
if ([overlay isKindOfClass:[MKPolyline class]]) {
    MKPolylineRenderer *renderer = [[MKPolylineRenderer alloc] initWithOverlay:overlay];
    [renderer setStrokeColor:[UIColor redColor]];
    [renderer setLineWidth:4.0];
    [renderer setStrokeColor:[UIColor redColor]];
    return renderer;
}
return nil;
}
&lt;/code&gt;&lt;/pre&gt;
&lt;p&gt;I wanted to draw the route using set of points, I do have source and destination along with list of points. Once route is drawn then I get the current location using webservice and would like to show the location on route.&lt;/p&gt;
&lt;p&gt;&lt;img src="https://i.stack.imgur.com/pzaM0.png" alt="enter image description here"&gt;&lt;/p&gt;</t>
  </si>
  <si>
    <t>2015-07-04 05:29:23.963000+00:00</t>
  </si>
  <si>
    <t>2015-07-04 10:22:40.170000+00:00</t>
  </si>
  <si>
    <t>2015-07-04 05:58:34.023000+00:00</t>
  </si>
  <si>
    <t>ios|objective-c|mkmapview|core-location</t>
  </si>
  <si>
    <t>How do I locate the path of the folder in which the current script file is located?</t>
  </si>
  <si>
    <t>&lt;p&gt;How do I locate the path of the current folder? I just want to be able to get the path of the folder so that I can manipulate the files in the folder without typing the path into the scripts. &lt;/p&gt;</t>
  </si>
  <si>
    <t>2013-02-08 10:40:03.347000+00:00</t>
  </si>
  <si>
    <t>2018-01-01 19:46:52.873000+00:00</t>
  </si>
  <si>
    <t>Plot complex roots of unity as arrow-vectors on complex plane</t>
  </si>
  <si>
    <t>&lt;p&gt;I would like to plot n roots of unity using matplotlib, with each one as a different coloured arrow.&lt;/p&gt;
&lt;p&gt;It should look like a star shape, with the arrows equally spaced pointing outwards onto the unit circle.&lt;/p&gt;
&lt;p&gt;matplotlib has a function for drawing an arrow, but is there any way to do this using complex numbers, or do I have to convert to real cartesians?&lt;/p&gt;
&lt;p&gt;Also, does there exist an array of stock colors, so that regardless of how many roots I wish to display, it will give me an array of distinct colors? (rather than say seven almost identical shades of red)&lt;/p&gt;</t>
  </si>
  <si>
    <t>2014-04-25 17:32:03.800000+00:00</t>
  </si>
  <si>
    <t>2018-08-14 21:40:21.260000+00:00</t>
  </si>
  <si>
    <t>python|matplotlib|complex-numbers|color-mapping</t>
  </si>
  <si>
    <t>Sending result of overloaded + member function to overloaded &lt;&lt; leads to compile error</t>
  </si>
  <si>
    <t>&lt;p&gt;I am working on creating a class to handle very large numbers for use in &lt;a href="https://projecteuler.net" rel="nofollow"&gt;Project Euler&lt;/a&gt; challenges.  I have overloaded both &amp;lt;&amp;lt; and + to work with the class.  The following compiles and works properly:&lt;/p&gt;
&lt;pre&gt;&lt;code&gt;BigNum a(400000000);
BigNum b(400000000);
BigNum c;
c = a + b;
cout &amp;lt;&amp;lt; c; 
&lt;/code&gt;&lt;/pre&gt;
&lt;p&gt;The following produces a compile error:&lt;/p&gt;
&lt;pre&gt;&lt;code&gt;BigNum a(400000000);
BigNum b(400000000);
cout &amp;lt;&amp;lt; (a + b); 
&lt;/code&gt;&lt;/pre&gt;
&lt;p&gt;The error is:   error: no match for 'operator&amp;lt;&amp;lt;' in 'std::cout &amp;lt;&amp;lt; BigNum::operator+(const BigNum&amp;amp;) const(((const BigNum&amp;amp;)((const BigNum*)(&amp;amp; b))))'&lt;/p&gt;
&lt;p&gt;For reference, here is the class definition and implementation:  &lt;/p&gt;
&lt;pre&gt;&lt;code&gt;/* BigNum.h */
#include &amp;lt;iostream&amp;gt;
#include &amp;lt;vector&amp;gt;
class BigNum {
public: 
BigNum();
BigNum(const BigNum &amp;amp;src);
BigNum(int num);
void print(std::ostream *os);
public:
BigNum &amp;amp;operator=(const BigNum &amp;amp;src);
BigNum &amp;amp;operator+=(const BigNum &amp;amp;src);
const BigNum operator+(const BigNum &amp;amp;src) const;
private:
bool negative;
std::vector&amp;lt;int&amp;gt; digits;
};
std::ostream &amp;amp;operator&amp;lt;&amp;lt;(std::ostream &amp;amp;os, BigNum &amp;amp;bNum);
/* BigNum.cpp */
#include "BigNum.h"
BigNum::BigNum() {
digits.push_back(0);
}
BigNum::BigNum(const BigNum &amp;amp;src) {
digits = src.digits;
}
BigNum::BigNum(int num) {
if(num == 0) {
    digits.push_back(0);
}
else {
    while(num != 0) {
        digits.push_back(num % 10);
        num /= 10;
    }
}
}
void BigNum::print(std::ostream *os) {
int i;
for(i = digits.size() - 1; i &amp;gt;= 0; i--) {
    *os &amp;lt;&amp;lt; digits[i];
}
}
std::ostream &amp;amp;operator&amp;lt;&amp;lt;(std::ostream &amp;amp;os, BigNum &amp;amp;bNum) {
bNum.print(&amp;amp;os);
return os;
}
BigNum &amp;amp; BigNum::operator=(const BigNum &amp;amp;src) {
if(this == &amp;amp;src) return *this;
digits = src.digits;
return *this;
}
BigNum &amp;amp; BigNum::operator+=(const BigNum &amp;amp;src) {
int carry, i, k;
carry = 0;
if(digits.size() &amp;lt; src.digits.size()) {
    digits.resize(src.digits.size(), 0);
}
{
    k = src.digits.size();
    for(i = 0; i &amp;lt; k; i++) {
        digits[i] += src.digits[i]; 
        digits[i] += carry;
        carry = 0;
        if(digits[i] &amp;gt; 9) {
            carry = 1;
            digits[i] -= 10;
        }
    }
    k = digits.size();
    for(i = src.digits.size(); i &amp;lt; k; i++) {
        digits[i] += carry;
        carry = 0;
        if(digits[i] &amp;gt; 9) {
            carry = 1;
            digits[i] -= 10;
        }
    }
    if(carry) {
        digits.resize(digits.size() + 1, 1);
    }
}
return *this;
}
const BigNum BigNum::operator+(const BigNum &amp;amp;src) const {
BigNum result(*this);
result += src;
return result;
}
&lt;/code&gt;&lt;/pre&gt;
&lt;p&gt;Why does &lt;/p&gt;
&lt;pre&gt;&lt;code&gt;cout &amp;lt;&amp;lt; (a + b);
&lt;/code&gt;&lt;/pre&gt;
&lt;p&gt;not work?  There are obvious work-arounds, but I want to understand why this is happening.  I am new to C++, so if there is anything else I am doing incorrectly or could be doing better, please let me know.  Thank you.  &lt;/p&gt;</t>
  </si>
  <si>
    <t>2012-05-12 20:38:00.933000+00:00</t>
  </si>
  <si>
    <t>2014-11-08 19:13:01.713000+00:00</t>
  </si>
  <si>
    <t>Why is my PostgreSQL server cpu constrained?</t>
  </si>
  <si>
    <t>&lt;p&gt;My database is very cpu constrained, and I can't find the root cause of the issue. I currently have two applications servers each wit a Rails api connecting to PostgreSQL via the ruby-pg gem. Both application server also have sidekiq running background jobs, and I have a handful of support servers processing new posts from a national feed via sidekiq. If I were running out of memory, the solution would seemingly be straight forward. Any general ideas why I am CPU constrained?&lt;/p&gt;
&lt;p&gt;Database Specs:&lt;/p&gt;
&lt;ul&gt;
&lt;li&gt;Rackspace 8GB Performance Tier cloud VM (8GB RAM, 8x Core CPU, SSD)&lt;/li&gt;
&lt;li&gt;Debian 7 Wheezy Linux OS&lt;/li&gt;
&lt;li&gt;PostgreSQL 9.1 with PostGIS extension&lt;/li&gt;
&lt;/ul&gt;
&lt;p&gt;Possible Problems:&lt;/p&gt;
&lt;ul&gt;
&lt;li&gt;PostgreSQL 9.1 is bad at indexes&lt;/li&gt;
&lt;/ul&gt;
&lt;p&gt;The database has nearly 10GB of indexes. I am going to upgrade my database to PostgreSQL version &gt;= 9.2. In version 9.2, index only scans were introduced.&lt;/p&gt;
&lt;ul&gt;
&lt;li&gt;Too many connections&lt;/li&gt;
&lt;/ul&gt;
&lt;p&gt;In the postgresql.conf, I have set max connection equal to '500'. Usually throughout the day, only 175 connections are utilized, but during peak times, sidekiq tasks will increase the current connections to 350. How many connections are recommended with an 8GB server instance?&lt;/p&gt;
&lt;ul&gt;
&lt;li&gt;Idol Connections&lt;/li&gt;
&lt;/ul&gt;
&lt;p&gt;When I take a look at pg_stat_activity in the psql console, I see sidekiq is leaving a lot of IDLE connections. Could these connections result in CPU inflation? Does the fix exist in the api or in sidekiq?&lt;/p&gt;
&lt;ul&gt;
&lt;li&gt;Need a more powerful server&lt;/li&gt;
&lt;/ul&gt;
&lt;p&gt;Maybe there is not a bug. I might need to simply increase the server instance. Again this would make more sense if I was memory bound. However, both app servers and 3 of the support sidekiq servers are 4gb performance tier instances. Essentially, servers that interact with the database have combined more than double the resources of the database. Should this even matter?&lt;/p&gt;
&lt;p&gt;Additional questions:&lt;/p&gt;
&lt;ul&gt;
&lt;li&gt;What tools/techniques should I employ to troubleshoot the issue?&lt;/li&gt;
&lt;li&gt;Any basic settings in the postgresql.conf related to cpu usage? &lt;/li&gt;
&lt;li&gt;Are there any known issues related to rails, sidekiq, or the pg gem that could be a contributing factor? (I havent seen any open issues.)&lt;/li&gt;
&lt;li&gt;Are there any general postgreSQL guideline for CPU usage?&lt;/li&gt;
&lt;li&gt;Any other ideas thoughts that might help my search?&lt;/li&gt;
&lt;/ul&gt;</t>
  </si>
  <si>
    <t>2014-03-26 20:33:42.867000+00:00</t>
  </si>
  <si>
    <t>2014-03-27 02:32:52.217000+00:00</t>
  </si>
  <si>
    <t>ruby-on-rails|postgresql|debian|sidekiq|pg</t>
  </si>
  <si>
    <t>Python: Efficently extract a single value for every group</t>
  </si>
  <si>
    <t>&lt;p&gt;I need to add a description column to a dataframe that is built by grouping items from another dataframe.&lt;/p&gt;
&lt;pre&gt;&lt;code&gt;grouped= df1.groupby('item')
list= grouped['total'].agg(np.sum)
list= list.reset_index()
&lt;/code&gt;&lt;/pre&gt;
&lt;p&gt;to assign a description label to every item I've come up with this solution:&lt;/p&gt;
&lt;pre&gt;&lt;code&gt;def des(item):
        return df1['description'].loc[df1['item']== item].iloc[0]
list['description'] = list['item'].apply(des)
&lt;/code&gt;&lt;/pre&gt;
&lt;p&gt;it works but it takes an enourmous amount of time to execute.
I'd like to do something like that&lt;/p&gt;
&lt;pre&gt;&lt;code&gt;list=list.assign(description= df1['description'].loc[df1['item']==list['item']]
&lt;/code&gt;&lt;/pre&gt;
&lt;p&gt;or&lt;/p&gt;
&lt;pre&gt;&lt;code&gt;list=list.assign(description= df1['description'].loc[df1['item'].isin(list['item'])]
&lt;/code&gt;&lt;/pre&gt;
&lt;p&gt;Theese are very wrong but hope you get the idea, hoping there is some pandas stuff that do the trick more efficently but can't find it 
Any ideas?&lt;/p&gt;</t>
  </si>
  <si>
    <t>2018-02-09 17:10:48.647000+00:00</t>
  </si>
  <si>
    <t>2018-02-09 17:27:10.540000+00:00</t>
  </si>
  <si>
    <t>Select box calling another element's click event jquery</t>
  </si>
  <si>
    <t>&lt;p&gt;I have a div on my page witch is hidden : AddSupplier, I have a button on my page witch must show the div if its not visible, but the same button saves some stuff if the div is visible. So all that is working but in this AddSupplier div there is a select box "ddSupplierTypes" and when the select box gets clicked the AddSupplierButton click event gets triggered why is this, and is there a work around? &lt;/p&gt;
&lt;p&gt;Tanks for any help.&lt;/p&gt;
&lt;blockquote&gt;
  &lt;p&gt;&amp;lt;%@ Page Language="C#" %&gt; 
      &lt;/p&gt;
&lt;pre&gt;&lt;code&gt;    $().ready(function() {
        $('#AddSupplier').hide();
        $('[id$=AddSupplierButton]').click(function() {
            if ($('#AddSupplier').is(':visible')) {
                //do this
                alert('event fired');
            }
            else {
                //do that
                $('#AddSupplier').show();
            }
            return false;
        });
    });
&amp;lt;/script&amp;gt; &amp;lt;/head&amp;gt; &amp;lt;body&amp;gt;
&amp;lt;form id="form1" runat="server"&amp;gt;
&amp;lt;div id="wrapper"&amp;gt;
&amp;lt;asp:ImageButton ID="AddSupplierButton" runat="server" Height="18px" 
ImageUrl="~/images/add.png" 
OnClientClick="return(false);"/&amp;gt;
&amp;lt;/div&amp;gt;
&amp;lt;div id="AddSupplier"&amp;gt;
    &amp;lt;select id="ddSupplierTypes"&amp;gt;
    &amp;lt;option value="S"&amp;gt;ss&amp;lt;/option&amp;gt;
    &amp;lt;option value="F"&amp;gt;kk&amp;lt;/option&amp;gt;
    &amp;lt;option value="W"&amp;gt;oo&amp;lt;/option&amp;gt;
    &amp;lt;option value="P"&amp;gt;ii&amp;lt;/option&amp;gt;
    &amp;lt;/select&amp;gt;
&amp;lt;/div&amp;gt;
&amp;lt;/form&amp;gt; 
&lt;/code&gt;&lt;/pre&gt;
  &lt;p&gt;
  &lt;/p&gt;
&lt;/blockquote&gt;</t>
  </si>
  <si>
    <t>2010-02-04 11:02:53.280000+00:00</t>
  </si>
  <si>
    <t>2010-02-05 06:30:16.873000+00:00</t>
  </si>
  <si>
    <t>2010-02-04 15:00:18.213000+00:00</t>
  </si>
  <si>
    <t>jquery|drop-down-menu</t>
  </si>
  <si>
    <t>XSLT Template Matching from xml</t>
  </si>
  <si>
    <t>&lt;p&gt;I have the following xml code that I need to transform into a text file. I'm struggling massively with the namespaces in XSLT. I'm used to doing Export/Record and simple default namespace matches. I have the following XML code:&lt;/p&gt;
&lt;pre&gt;&lt;code&gt;&amp;lt;?xml version="1.0" encoding="utf-8"?&amp;gt;
&amp;lt;ArrayOfPerson xmlns:i="http://www.w3.org/2001/XMLSchema-instance" xmlns="http://schemas.datacontract.org/2004/07/MultiCountryIntegrationService.Core.Entities.Dto"&amp;gt;
    &amp;lt;Person&amp;gt;
        &amp;lt;Addresses&amp;gt;
            &amp;lt;Address&amp;gt;
                &amp;lt;City&amp;gt;London&amp;lt;/City&amp;gt;
                &amp;lt;Country&amp;gt;GB&amp;lt;/Country&amp;gt;
                &amp;lt;County&amp;gt;London&amp;lt;/County&amp;gt;
                &amp;lt;CreatedDate xmlns:d5p1="http://schemas.datacontract.org/2004/07/System"&amp;gt;
                    &amp;lt;d5p1:DateTime&amp;gt;2017-02-21T11:05:08.8387752Z&amp;lt;/d5p1:DateTime&amp;gt;
                    &amp;lt;d5p1:OffsetMinutes&amp;gt;0&amp;lt;/d5p1:OffsetMinutes&amp;gt;
                &amp;lt;/CreatedDate&amp;gt;
                &amp;lt;DeletedDate xmlns:d5p1="http://schemas.datacontract.org/2004/07/System" i:nil="true" /&amp;gt;
                &amp;lt;EndDate xmlns:d5p1="http://schemas.datacontract.org/2004/07/System" i:nil="true" /&amp;gt;
                &amp;lt;Extension i:nil="true" /&amp;gt;
                &amp;lt;Id&amp;gt;8e5b30d0&amp;lt;/Id&amp;gt;
                &amp;lt;ModifiedDate xmlns:d5p1="http://schemas.datacontract.org/2004/07/System" i:nil="true" /&amp;gt;
                &amp;lt;Number&amp;gt;8&amp;lt;/Number&amp;gt;
                &amp;lt;StartDate xmlns:d5p1="http://schemas.datacontract.org/2004/07/System"&amp;gt;
                    &amp;lt;d5p1:DateTime&amp;gt;2016-06-30T22:00:00Z&amp;lt;/d5p1:DateTime&amp;gt;
                    &amp;lt;d5p1:OffsetMinutes&amp;gt;120&amp;lt;/d5p1:OffsetMinutes&amp;gt;
                &amp;lt;/StartDate&amp;gt;
                &amp;lt;Street&amp;gt;Somewhere&amp;lt;/Street&amp;gt;
                &amp;lt;Type&amp;gt;Primary&amp;lt;/Type&amp;gt;
                &amp;lt;ZipCode&amp;gt;L1 1LL&amp;lt;/ZipCode&amp;gt;
            &amp;lt;/Address&amp;gt;
        &amp;lt;/Addresses&amp;gt;
        &amp;lt;PersonLocalReferences xmlns:d3p1="http://schemas.microsoft.com/2003/10/Serialization/Arrays" /&amp;gt;
    &amp;lt;/Person&amp;gt;
    &amp;lt;Person&amp;gt;
        &amp;lt;Addresses&amp;gt;
            &amp;lt;Address&amp;gt;
                &amp;lt;City&amp;gt;Birmingham&amp;lt;/City&amp;gt;
                &amp;lt;Country&amp;gt;ETC...&amp;lt;/Country&amp;gt;
            &amp;lt;/Address&amp;gt;
        &amp;lt;/Addresses&amp;gt;
        &amp;lt;PersonLocalReferences xmlns:d3p1="http://schemas.microsoft.com/2003/10/Serialization/Arrays" /&amp;gt;
    &amp;lt;/Person&amp;gt;
&amp;lt;/ArrayOfPerson&amp;gt;
&lt;/code&gt;&lt;/pre&gt;
&lt;p&gt;My XSLT - As you can see I've tried several approaches, done countless hours on google and stackoverflow. If I remove the &lt;code&gt;i:&lt;/code&gt; and &lt;code&gt;xmlns&lt;/code&gt; from the XML I can get the stylesheet to work, but I'm not in a position to change the XML. I'm using Visual Studio 2016 to create and run the xslt. If I use &lt;code&gt;"@* | node()"&lt;/code&gt; I get everything, and I only want to output certain bits of information into a text file. &lt;/p&gt;
&lt;p&gt;If I run the xslt below, I just get the header and EOF, so it looks like the &lt;code&gt;&amp;lt;xsl:apply-templates select="ArrayOfPerson/Person"/&amp;gt;&lt;/code&gt; isn't selecting the right level of data.&lt;/p&gt;
&lt;pre&gt;&lt;code&gt;&amp;lt;?xml version="1.0" encoding="utf-8"?&amp;gt;
&amp;lt;xsl:stylesheet version="2.0" 
 xmlns:xsl="http://www.w3.org/1999/XSL/Transform"
 xmlns:i="http://www.w3.org/2001/XMLSchema-instance" exclude-result-prefixes="i"&amp;gt;
    &amp;lt;xsl:output omit-xml-declaration="yes" /&amp;gt;
    &amp;lt;xsl:template match="/"&amp;gt;
        &amp;lt;xsl:call-template name="header" /&amp;gt;
        &amp;lt;xsl:text&amp;gt;Person&amp;lt;/xsl:text&amp;gt;
        &amp;lt;xsl:apply-templates select="ArrayOfPerson/Person"/&amp;gt;
        &amp;lt;xsl:value-of select="$newline" /&amp;gt;
        &amp;lt;xsl:text&amp;gt;EOF&amp;lt;/xsl:text&amp;gt;
    &amp;lt;/xsl:template&amp;gt;
    &amp;lt;xsl:template match="Person"&amp;gt;
        &amp;lt;xsl:value-of select="ArrayOfPerson/Person/Addresses/Address/City"/&amp;gt;
        &amp;lt;xsl:value-of select="Person/Addresses/Address/City"/&amp;gt;
        &amp;lt;xsl:value-of select="Addresses/Address/City"/&amp;gt;
        &amp;lt;xsl:value-of select="."/&amp;gt;
        &amp;lt;xsl:value-of select="$newline" /&amp;gt;
        &amp;lt;xsl:text&amp;gt;match&amp;lt;/xsl:text&amp;gt;
        &amp;lt;xsl:value-of select="$newline" /&amp;gt;
    &amp;lt;/xsl:template&amp;gt;
&amp;lt;/xsl:stylesheet&amp;gt;
&lt;/code&gt;&lt;/pre&gt;</t>
  </si>
  <si>
    <t>2017-02-28 15:10:26.287000+00:00</t>
  </si>
  <si>
    <t>2017-03-01 06:43:37.290000+00:00</t>
  </si>
  <si>
    <t>2017-02-28 15:22:13.950000+00:00</t>
  </si>
  <si>
    <t>Validating Password</t>
  </si>
  <si>
    <t>&lt;p&gt;I'm trying to validate a password using javascript, It's to make sure that when changing the password, the new password entered is equal to that of the re-entering of the new password (user is asked to enter their new password twice so both have to match) but at the same time, i want to make sure that the new password is at least 6 characters long, I have these functions separately but don't know how to combine them... thanks for help in advance!&lt;/p&gt;
&lt;p&gt;This is what i have so far...&lt;/p&gt;
&lt;p&gt;This is to make sure the new passwords match:&lt;/p&gt;
&lt;pre&gt;&lt;code&gt;function validatePassword()
    {
     var new_password = document.getElementById("new_password").value;
     var confirm_new_password = document.getElementById("confirm_new_password").value;
     &amp;lt;!-- if they match, go to next page --&amp;gt;
        if ( new_password == confirm_new_password)
          {
             return true;
          }
     &amp;lt;!-- if they don't match, an error message is displayed --&amp;gt;
        else
          {
               alert("Passwords do not match.");
          }
             return false;
    }
&lt;/code&gt;&lt;/pre&gt;
&lt;p&gt;This is for length of password:&lt;/p&gt;
&lt;pre&gt;&lt;code&gt; function validatePassword()
    {
    if (document.getElementById("new_password").value.length &amp;lt; "5")
    {
    &amp;lt;!--If pasword is less than 5 characters long, display error message--&amp;gt;
    alert("Please ensure your password is at least 6 characters long.");
    return false;
    }
    return true;
    }
&lt;/code&gt;&lt;/pre&gt;
&lt;p&gt;How do i combine both of these to form a SINGLE function where the two new passwords are checked so that they match, and also check that they are longer than 6 characters?&lt;/p&gt;</t>
  </si>
  <si>
    <t>2013-02-13 12:30:49.737000+00:00</t>
  </si>
  <si>
    <t>2013-02-13 12:49:27.147000+00:00</t>
  </si>
  <si>
    <t>2013-02-13 12:46:13.397000+00:00</t>
  </si>
  <si>
    <t>javascript|validation|passwords</t>
  </si>
  <si>
    <t>Is there a well-defined way to check if a path is a simple file/folder name in Python?</t>
  </si>
  <si>
    <t>&lt;p&gt;I'm trying to check if a given user-supplied string is a simple file/folder name. I plan on using os.path.join() to concatenate this name to a preset root directory, but I want to detect and prohibit paths that try to traverse anywhere outside of that root directory.&lt;/p&gt;
&lt;p&gt;For example, a string with the value 'track001.mp3' would be fine, it would resolve to 'root_dir/track001.mp3'. However, these should be detected and disallowed:&lt;/p&gt;
&lt;pre&gt;&lt;code&gt;'../other_root_dir/'
'/etc'
'/'
'~'
'subdir/inner_file'
&lt;/code&gt;&lt;/pre&gt;</t>
  </si>
  <si>
    <t>2017-07-05 03:59:36.063000+00:00</t>
  </si>
  <si>
    <t>2017-07-05 04:06:57.860000+00:00</t>
  </si>
  <si>
    <t>python|python-3.x|filesystems</t>
  </si>
  <si>
    <t>How can I create "new" terminal parameters using Java?</t>
  </si>
  <si>
    <t>&lt;p&gt;I have an application that is opened by the terminal. It loads some data automatically and now I need to be able to use commands such as -new or -min or -help within the terminal with functionalities implemented in my Java code. So I need to define new parameters for my command line (which only work during the runtime of my apllication).&lt;/p&gt;
&lt;p&gt;I tried to search it for several hours now but all I get are tips how to run java programs with my command line...
So I am pretty stuck right now and hope you can help me out.
I am thankfull for every answer.&lt;/p&gt;</t>
  </si>
  <si>
    <t>2017-11-18 16:22:22.327000+00:00</t>
  </si>
  <si>
    <t>2017-11-18 16:26:49.263000+00:00</t>
  </si>
  <si>
    <t>java|terminal|command|line</t>
  </si>
  <si>
    <t>Why does the for loop use a semicolon?</t>
  </si>
  <si>
    <t>&lt;p&gt;In most C-derived languages (C, Java, Javascript, etc), the &lt;code&gt;for&lt;/code&gt; loop is of the same basic syntax&lt;/p&gt;
&lt;pre&gt;&lt;code&gt;for (int i = 0; i &amp;lt; 100; i++) {
    // code here
}
&lt;/code&gt;&lt;/pre&gt;
&lt;p&gt;Why does this syntax contain semicolons, when semicolons are usually reserved for the end of the line? Also, why is there no semicolon after &lt;code&gt;i++&lt;/code&gt;?&lt;/p&gt;</t>
  </si>
  <si>
    <t>2013-05-06 21:24:33.850000+00:00</t>
  </si>
  <si>
    <t>2013-05-14 20:23:21.763000+00:00</t>
  </si>
  <si>
    <t>language-agnostic</t>
  </si>
  <si>
    <t>Sending facebook user-to-user private message without a dialog from Android</t>
  </si>
  <si>
    <t>&lt;p&gt;I am interested in sending a private message from a Facebook user to another, through my app. I would like to use my Android app to do it. The thing is, my app interacts with the user by voice.&lt;/p&gt;
&lt;p&gt;One option is to use the Send Message Dialog, but in this case, the user would have to physically press the send button, but my app should send it when the user says the word "Send", without touching the screen. Does anyone know how to control the new dialog by voice? I highly doubt that is possible.&lt;/p&gt;
&lt;p&gt;Another option would be to use Facebook Chat API, but it will soon be shut down, so I don't really want to use it now.&lt;/p&gt;
&lt;p&gt;Please let me know of any other way to get around it, if you know. Thank you!&lt;/p&gt;</t>
  </si>
  <si>
    <t>2014-06-25 17:53:36.750000+00:00</t>
  </si>
  <si>
    <t>2016-06-08 15:51:52.807000+00:00</t>
  </si>
  <si>
    <t>android|facebook|facebook-graph-api|facebook-chat|facebook-messenger</t>
  </si>
  <si>
    <t>Check if we have write access to a folder? Delphi</t>
  </si>
  <si>
    <t>&lt;blockquote&gt;
  &lt;p&gt;&lt;strong&gt;Possible Duplicate:&lt;/strong&gt;&lt;br&gt;
  &lt;a href="https://stackoverflow.com/questions/3599256/how-can-i-use-delphi-to-test-if-a-directory-is-writeable"&gt;How can I use Delphi to test if a Directory is writeable?&lt;/a&gt;  &lt;/p&gt;
&lt;/blockquote&gt;
&lt;p&gt;My program will download an update for the user if they request it.  The user has to specify the location to save the installer.  They might pick a directory which they don't have access to save something to.  In this case the download starts (downloading to a temporary directory I assume) and we only know that it failed when it ends and tries to move the file into the folder.&lt;/p&gt;
&lt;p&gt;Is there a simple way to check if we have write permissions on a folder in Delhi?&lt;/p&gt;</t>
  </si>
  <si>
    <t>2010-09-02 21:35:09.650000+00:00</t>
  </si>
  <si>
    <t>2011-03-24 19:24:58.113000+00:00</t>
  </si>
  <si>
    <t>2017-05-23 11:47:48.067000+00:00</t>
  </si>
  <si>
    <t>delphi|file-permissions</t>
  </si>
  <si>
    <t>Memory Management Question in Objective C</t>
  </si>
  <si>
    <t>&lt;p&gt;I have a tableviewcontroller where I populate some data from a sqlite db and for each row, I download a file from a http server and cache it locally. I cache it only when the "detailsview" is opened. And the detailsview responds back to this table through a delegate after the file download is complete.&lt;/p&gt;
&lt;p&gt;But, when this tableview itself is popped out of the navicontroller., the call to delegate fails with a EXEC_BAD_ACCESS&lt;/p&gt;
&lt;p&gt;I called [_delegate retain] in the setDelegate of the details view and everything works fine, but I'm not sure whether this will leak memory...&lt;/p&gt;
&lt;p&gt;Could anyone advise?&lt;/p&gt;</t>
  </si>
  <si>
    <t>2009-08-23 02:58:59.453000+00:00</t>
  </si>
  <si>
    <t>2009-08-24 12:56:31.990000+00:00</t>
  </si>
  <si>
    <t>objective-c|iphone|cocoa-touch|uitableview</t>
  </si>
  <si>
    <t>NHibernate Error :s</t>
  </si>
  <si>
    <t>&lt;p&gt;&lt;img src="https://i.stack.imgur.com/NR3qb.jpg" alt="enter image description here"&gt;&lt;/p&gt;
&lt;p&gt;Any ideas on why this is happening?
Ive been trying for about three hours but can't make it work.
Ideas?&lt;/p&gt;</t>
  </si>
  <si>
    <t>2013-12-04 15:44:55.787000+00:00</t>
  </si>
  <si>
    <t>2013-12-04 15:59:00.407000+00:00</t>
  </si>
  <si>
    <t>c#|asp.net-mvc-4|compilation|compiler-errors</t>
  </si>
  <si>
    <t>Using my own key in an AES encryption algorithm implementation</t>
  </si>
  <si>
    <t>&lt;p&gt;I have the following code:&lt;/p&gt;
&lt;pre&gt;&lt;code&gt;import java.security.SecureRandom;
import javax.crypto.Cipher;
import javax.crypto.KeyGenerator;
import javax.crypto.SecretKey;
import javax.crypto.spec.SecretKeySpec;
public class AESHelper {
    public static String encrypt(String seed, String cleartext) throws Exception {
        byte[] rawKey = getRawKey(seed.getBytes());
        byte[] result = encrypt(rawKey, cleartext.getBytes());
        return toHex(result);
    }
    public static String decrypt(String seed, String encrypted) throws Exception {
        byte[] rawKey = getRawKey(seed.getBytes());
        byte[] enc = toByte(encrypted);
        byte[] result = decrypt(rawKey, enc);
        return new String(result);
    }
    private static byte[] getRawKey(byte[] seed) throws Exception {
        KeyGenerator kgen = KeyGenerator.getInstance("AES");
        SecureRandom sr = SecureRandom.getInstance("SHA1PRNG");
        sr.setSeed(seed);
        kgen.init(128, sr); // 192 and 256 bits may not be available
        SecretKey skey = kgen.generateKey();
        byte[] raw = skey.getEncoded();
        return raw;
    }
    private static byte[] encrypt(byte[] raw, byte[] clear) throws Exception {
        SecretKeySpec skeySpec = new SecretKeySpec(raw, "AES");
        Cipher cipher = Cipher.getInstance("AES/ECB/PKCS5Padding");
        cipher.init(Cipher.ENCRYPT_MODE, skeySpec);
        byte[] encrypted = cipher.doFinal(clear);
        return encrypted;
    }
    private static byte[] decrypt(byte[] raw, byte[] encrypted) throws Exception {
        SecretKeySpec skeySpec = new SecretKeySpec(raw, "AES");
        Cipher cipher = Cipher.getInstance("AES/ECB/PKCS5Padding");
        cipher.init(Cipher.DECRYPT_MODE, skeySpec);
        byte[] decrypted = cipher.doFinal(encrypted);
        return decrypted;
    }
    public static String toHex(String txt) {
        return toHex(txt.getBytes());
    }
    public static String fromHex(String hex) {
        return new String(toByte(hex));
    }
    public static byte[] toByte(String hexString) {
        int len = hexString.length()/2;
        byte[] result = new byte[len];
        for (int i = 0; i &amp;lt; len; i++)
            result[i] = Integer.valueOf(hexString.substring(2*i, 2*i+2), 16).byteValue();
        return result;
    }
    public static String toHex(byte[] buf) {
        if (buf == null)
            return "";
        StringBuffer result = new StringBuffer(2*buf.length);
        for (int i = 0; i &amp;lt; buf.length; i++) {
            appendHex(result, buf[i]);
        }
        return result.toString();
    }
    private final static String HEX = "0123456789ABCDEF";
    private static void appendHex(StringBuffer sb, byte b) {
        sb.append(HEX.charAt((b&amp;gt;&amp;gt;4)&amp;amp;0x0f)).append(HEX.charAt(b&amp;amp;0x0f));
    }
}
&lt;/code&gt;&lt;/pre&gt;
&lt;p&gt;and the main class:&lt;/p&gt;
&lt;pre&gt;&lt;code&gt;public class MainActivity extends Activity {
    String seedValue = "This Is MySecure";
    @Override
    protected void onCreate(Bundle savedInstanceState) {
        super.onCreate(savedInstanceState);
        String normalText = "VIJAY";
        String normalTextEnc;
        try{
            normalTextEnc = AESHelper.encrypt(seedValue, normalText);
            String normalTextDec = AESHelper.decrypt(seedValue, normalTextEnc);
            TextView txe = new TextView(this);
            txe.setTextSize(14);
            txe.setText("Normal Text ::" + normalText + " \n Encrypted Value :: " + normalTextEnc + " \n Decrypted value :: " + normalTextDec);
            setContentView(txe);
        }catch(Exception e){
            // TODO Auto-generated catch block
            e.printStackTrace();
        }
    }
}
&lt;/code&gt;&lt;/pre&gt;
&lt;p&gt;How can I use my own key? 
What is the use of a rawKey?&lt;/p&gt;</t>
  </si>
  <si>
    <t>2015-09-08 20:02:36.720000+00:00</t>
  </si>
  <si>
    <t>2017-04-24 02:30:15.090000+00:00</t>
  </si>
  <si>
    <t>BVtp</t>
  </si>
  <si>
    <t>encryption|aes|java</t>
  </si>
  <si>
    <t>How to get the type of a query statement in PDO?</t>
  </si>
  <si>
    <t>&lt;p&gt;In the &lt;a href="http://dev.mysql.com/doc/refman/5.6/en/sql-syntax.html" rel="nofollow noreferrer"&gt;MySQL Reference Manual&lt;/a&gt;, there's distinction between data definition statements and data manipulation statements.&lt;/p&gt;
&lt;p&gt;Now I want to know if a query inserts a database record, updates one, deletes one or modifies the table structure and so on, or, more precisely, the exact number of affected rows, but only if it is applicable.&lt;/p&gt;
&lt;p&gt;For example, the statement&lt;/p&gt;
&lt;pre class="lang-sql prettyprint-override"&gt;&lt;code&gt;SELECT *
FROM SomeTable
WHERE id=1 OR id=2
&lt;/code&gt;&lt;/pre&gt;
&lt;p&gt;returns a number of affected rows (in this case &lt;strong&gt;2&lt;/strong&gt;), but with the &lt;code&gt;SELECT&lt;/code&gt; statement, there's nothing modified in the database, so that number would be &lt;strong&gt;0&lt;/strong&gt;.&lt;/p&gt;
&lt;p&gt;How to get the type of query?&lt;/p&gt;</t>
  </si>
  <si>
    <t>2013-03-17 23:29:00.727000+00:00</t>
  </si>
  <si>
    <t>2018-02-01 08:44:07.480000+00:00</t>
  </si>
  <si>
    <t>php|mysql|pdo</t>
  </si>
  <si>
    <t>Is there a declared meaning of the first eight bytes of .png files?</t>
  </si>
  <si>
    <t>&lt;p&gt;I am reading a code and see the following comment section in it:&lt;/p&gt;
&lt;pre&gt;&lt;code&gt;            // We need to determine if the image is a PNG or a JPEG
            // PNGs are easier to detect because they have a unique signature (http://www.w3.org/TR/PNG-Structure.html)
            // The first eight bytes of a PNG file always contain the following (decimal) values:
            // 137 80 78 71 13 10 26 10
&lt;/code&gt;&lt;/pre&gt;
&lt;p&gt;If I look at the ASCII codes, I get the following text:&lt;/p&gt;
&lt;blockquote&gt;
  &lt;p&gt;��PNG������������&lt;/p&gt;
&lt;/blockquote&gt;
&lt;p&gt;from which PGN is pretty clear. Is there an explanation for the other parts?&lt;/p&gt;</t>
  </si>
  <si>
    <t>2016-03-23 22:42:44.587000+00:00</t>
  </si>
  <si>
    <t>2016-03-23 22:53:41.580000+00:00</t>
  </si>
  <si>
    <t>encoding|png</t>
  </si>
  <si>
    <t>Best way to vibrate a UI item?</t>
  </si>
  <si>
    <t>&lt;p&gt;I'm trying to vibrate/shake a UI element, namely a control, as if it were struck, and is resonating.  I can use Core Animation to shake it vertically, horizontally or both, by one pixel:&lt;/p&gt;
&lt;pre&gt;&lt;code&gt;CABasicAnimation* rotationXAnimation;
rotationXAnimation = [CABasicAnimation animationWithKeyPath:@"position.y"];
rotationXAnimation.fromValue = [NSNumber numberWithFloat: ((UIControl *) sender).center.y-1.0 ];
rotationXAnimation.toValue = [NSNumber numberWithFloat: ((UIControl *) sender).center.y+1.0 ];
rotationXAnimation.duration = 0.2;
rotationXAnimation.cumulative = NO; 
rotationXAnimation.repeatCount = 10.0; 
rotationXAnimation.timingFunction = [CAMediaTimingFunction functionWithName:kCAMediaTimingFunctionEaseOut];
[((UIControl *) sender).layer addAnimation:rotationXAnimation forKey:@"upDownAnimation"];
&lt;/code&gt;&lt;/pre&gt;
&lt;p&gt;Or I can rotate by a small arc back and forth around the z axis (-M_PI * 0.02 and M_PI * 0.02):&lt;/p&gt;
&lt;pre&gt;&lt;code&gt;CABasicAnimation* rotationAnimation;
rotationAnimation = [CABasicAnimation animationWithKeyPath:@"transform.rotation.z"];
rotationAnimation.fromValue = [NSNumber numberWithFloat: -M_PI * 0.02 ];
rotationAnimation.toValue = [NSNumber numberWithFloat: M_PI * 0.02 ];
rotationAnimation.duration = 0.2;
rotationAnimation.cumulative = NO;  
rotationAnimation.repeatCount = 10.0; 
rotationAnimation.timingFunction = [CAMediaTimingFunction functionWithName:kCAMediaTimingFunctionEaseOut];
[((UIControl *) sender).layer addAnimation:rotationAnimation forKey:@"rotationAnimation"];
&lt;/code&gt;&lt;/pre&gt;
&lt;p&gt;None of these look that pleasing.  Does anyone have some good alternatives?  I would especially appreciate cool keyPaths ideas to try.&lt;/p&gt;
&lt;p&gt;Thanks!&lt;/p&gt;
&lt;p&gt;Update:&lt;/p&gt;
&lt;p&gt;The following, where I am contracting and expanding the control, is better, but I'm still looking for other ideas.&lt;/p&gt;
&lt;pre&gt;&lt;code&gt;CABasicAnimation* scaleAnimation;
scaleAnimation = [CABasicAnimation animationWithKeyPath:@"transform.scale"];
scaleAnimation.fromValue = [NSNumber numberWithFloat: 0.95 ];
scaleAnimation.toValue = [NSNumber numberWithFloat: +1.05 ];
scaleAnimation.duration = 0.1;
scaleAnimation.cumulative = NO; 
scaleAnimation.repeatCount = 10.0; 
scaleAnimation.timingFunction = [CAMediaTimingFunction functionWithName:kCAMediaTimingFunctionEaseOut];
[((UIControl *) sender).layer addAnimation:scaleAnimation forKey:@"scaleAnimation"];
&lt;/code&gt;&lt;/pre&gt;</t>
  </si>
  <si>
    <t>2009-11-11 04:58:22.650000+00:00</t>
  </si>
  <si>
    <t>2014-02-24 00:13:59.980000+00:00</t>
  </si>
  <si>
    <t>2009-11-11 07:39:37.787000+00:00</t>
  </si>
  <si>
    <t>iphone|user-interface|core-animation</t>
  </si>
  <si>
    <t>Reference to array of objects in java</t>
  </si>
  <si>
    <t>&lt;p&gt;Before I get onto my question, I'd really like someone to give me specific advice because I've been searching for a long time now but can't seem to find out correct answer.
I know it's basics but I am having issues.
This is what I have in my code:&lt;/p&gt;
&lt;pre&gt;&lt;code&gt;private Interface ClassName; //initializing class that implements interface
public Interface methodName () {
/*This is where I need to make arraylist of objects
of my class and return whole class as reference, maybe something like this:*/
List&amp;lt;Interface&amp;gt; listName = new ArrayList&amp;lt;&amp;gt;(perhaps needs number of objects added?);
listName.add(ClassName);
return ClassName; //or however this should be done
&lt;/code&gt;&lt;/pre&gt;
&lt;p&gt;and I guess once I call method I could simply use listName.get(number of object);&lt;/p&gt;
&lt;p&gt;Problem is, I would simply return list as reference, but my method requires me to only return class with said interface and I am not sure how to reference my class to that specific arraylist of objects and return it back in my method.&lt;/p&gt;
&lt;p&gt;Thank you for your time.
I'll try explaining in plain English.
First of all, it's assigement so I can't change the ways methods are given.
By the way, those were not actual variable names, just names to clarify what I am reffering to.
This is explanation:
       /** * * Gets the {@link ISystemRegisters} object of the current computer system. * * * * @return Object representing the system registers. */ public ISystemRegisters getRegisters();&lt;/p&gt;
&lt;p&gt;So I have class with different interface than ISystemRegisters and this method it in that is supposed to hold arrayList of objects (here registers) and then return object  reference in which that array is, as I understood it.&lt;/p&gt;</t>
  </si>
  <si>
    <t>2014-03-24 10:31:07.990000+00:00</t>
  </si>
  <si>
    <t>2014-03-24 11:45:36.453000+00:00</t>
  </si>
  <si>
    <t>java|object|reference</t>
  </si>
  <si>
    <t>Animations for Android</t>
  </si>
  <si>
    <t>&lt;p&gt;Is there a library except Android Arsenal in which animations are available'
Or is there a way to create an animation outside of android studio and import it?
A lot of apps have these animations does anybody know how they do that?&lt;/p&gt;</t>
  </si>
  <si>
    <t>2017-05-23 17:13:07.813000+00:00</t>
  </si>
  <si>
    <t>2017-05-24 17:06:54.017000+00:00</t>
  </si>
  <si>
    <t>java|android|android-studio|animation</t>
  </si>
  <si>
    <t>Simplifying code for Message box were file name is built from File.WriteAllText</t>
  </si>
  <si>
    <t>&lt;p&gt;I have the this code that I would like to simplify&lt;/p&gt;
&lt;pre&gt;&lt;code&gt;       File.WriteAllText(
            Path.Combine(dir,
                DateTime.Now.ToString("dd-MM-yyyy_hh-mm-ss") + "-" + messageType + "-" + messageGateway + ".csv"),
            messageBody);
        MessageBox.Show(Strings.AllActionLogViewModel_ExportMessageContentToCsv_Saved_Log_File + " " + DateTime.Now.ToString("dd-MM-yyyy_hh-mm-ss") + "-" + messageType + "-" + messageGateway + " " + "to " + dir);}
&lt;/code&gt;&lt;/pre&gt;
&lt;p&gt;As you can see I have duplicated the filename syntax in MessageBox.  I would like to condense this so my message box returns the file name but gets it from the File.WriteAllTest method as opposed to rewriting the syntax.    &lt;/p&gt;</t>
  </si>
  <si>
    <t>2015-01-05 01:18:42.087000+00:00</t>
  </si>
  <si>
    <t>2015-01-05 01:30:42.583000+00:00</t>
  </si>
  <si>
    <t>c#</t>
  </si>
  <si>
    <t>Create a new class "on the fly"?</t>
  </si>
  <si>
    <t>&lt;p&gt;... specifically in Groovy (hence tag)?&lt;/p&gt;
&lt;p&gt;In Java you can't do this... but in dynamic languages (e.g. Python) you typically can.&lt;/p&gt;
&lt;p&gt;An attempt to do something like in the &lt;code&gt;given&lt;/code&gt; block of a Spock feature (i.e. test method) meets with, in Eclipse:&lt;/p&gt;
&lt;blockquote&gt;
  &lt;p&gt;Groovy:Class definition not expected here. Please define the class at
  an appropriate place or perhaps try using a block/Closure instead.&lt;/p&gt;
&lt;/blockquote&gt;
&lt;p&gt;... an "appropriate" place would obviously be outside the feature. This would be clunky and not groovy. Having used Groovy for a few months now I get a feel for when Groovy should offer something groovier. &lt;/p&gt;
&lt;p&gt;So say I'd like to extend my &lt;code&gt;abstract&lt;/code&gt; class &lt;code&gt;AbstractFoo&lt;/code&gt; and make a new subclass &lt;code&gt;Foo&lt;/code&gt;, in my feature, is there any way to "use a block/Closure" to achieve something like that?&lt;/p&gt;</t>
  </si>
  <si>
    <t>2018-06-09 07:43:28.913000+00:00</t>
  </si>
  <si>
    <t>2018-06-09 09:39:01.020000+00:00</t>
  </si>
  <si>
    <t>groovy|closures|subclass</t>
  </si>
  <si>
    <t>DevExpress textbox validation not working as desired</t>
  </si>
  <si>
    <t>&lt;p&gt;I have a text box which has the following requirements:&lt;/p&gt;
&lt;ol&gt;
&lt;li&gt;Can be Empty&lt;/li&gt;
&lt;li&gt;If not empty must be exactly 9 numbers&lt;/li&gt;
&lt;/ol&gt;
&lt;p&gt;I would like it so as soon as you type a character into the textbox a message appears saying this is invalid and that message will remain visible without disappearing as long as the validation doesn't pass even while the user is typing into the box. For Example I type 1 into the box and immediately the error appears, then while I type 2345678 the message stays visible even when losing focus on the editor. Then as soon as I add 9 the message disappears. I already have working logic for the validation I just can't seem to get the events to fire how I want. For example if I start typing into the field the error disappears until it loses focus and then it reappears. How to I make it stay even while typing?&lt;/p&gt;
&lt;pre&gt;&lt;code&gt;Html.DevExpress().TextBox(tb =&amp;gt;
{
    tb.Name = "tbAddressChangeDUNS";
    tb.Width = Unit.Percentage(100);
    tb.Properties.ClientSideEvents.KeyUp = "function(s, e) {s.Validate();}";
    tb.Properties.ClientSideEvents.LostFocus = "function(s, e) {s.Validate();}";
    tb.Properties.ClientSideEvents.Validation = @"function(s, e) {
            var duns = e.value;
            if(!duns)
                return;
            if(!IsValidDunsNumber(duns)) {
                e.isValid = false;
                e.errorText = 'Must be exactly 9 digits';
            }
        }";
}).Render();
&lt;/code&gt;&lt;/pre&gt;</t>
  </si>
  <si>
    <t>2018-02-22 14:36:53.443000+00:00</t>
  </si>
  <si>
    <t>2018-02-22 16:15:02.983000+00:00</t>
  </si>
  <si>
    <t>c#|asp.net|devexpress</t>
  </si>
  <si>
    <t>HttpSessionListener.sessionCreated() is getting called twice when Spring MVC application is starting</t>
  </si>
  <si>
    <t>&lt;p&gt;I have registered &lt;code&gt;HttpSessionListener&lt;/code&gt; implemented class in &lt;code&gt;web.xml&lt;/code&gt; and when application is starting, &lt;code&gt;sessionCreated()&lt;/code&gt; method is getting called two times. When I logged out from application, &lt;code&gt;sessionDestroyed()&lt;/code&gt; is calling and then after again &lt;code&gt;sessionCreated()&lt;/code&gt; is calling. Why it is so?&lt;/p&gt;
&lt;pre&gt;&lt;code&gt;public class SessionManager implements HttpSessionListener {
    @Override
    public void sessionCreated(HttpSessionEvent httpSessionEvent) {     
           System.out.println("Session Creation called!!..");     
    }
    @Override
    public void sessionDestroyed(HttpSessionEvent httpSessionEvent) {
           System.out.println("Session Destruction called!!..");   
    }
}
&lt;/code&gt;&lt;/pre&gt;
&lt;p&gt;Output:&lt;/p&gt;
&lt;p&gt;When application is starting, it prints "Session Creation called!!.." two times. When I logged out, it prints first as "Session Destruction called!!.." and second as "Session Creation called!!..". &lt;/p&gt;</t>
  </si>
  <si>
    <t>2016-07-01 06:39:29.543000+00:00</t>
  </si>
  <si>
    <t>2016-07-21 20:24:23.250000+00:00</t>
  </si>
  <si>
    <t>2016-07-01 07:55:52.367000+00:00</t>
  </si>
  <si>
    <t>java|spring|spring-mvc|spring-session</t>
  </si>
  <si>
    <t>Can I mark code blocks as production or development only with webpack?</t>
  </si>
  <si>
    <t>&lt;p&gt;I'm building React components and in order to make my code more developer friendly, I'm including things like:&lt;/p&gt;
&lt;pre&gt;&lt;code&gt;componentDidMount() {
  setTimeout(() =&amp;gt; {
    if (!this.props.setupComplete) 
      console.warn("ComponentX might be stuck. This may mean you forget such and such.");
  }, setupCheckDelay);
}
&lt;/code&gt;&lt;/pre&gt;
&lt;p&gt;The idea is to help developers pinpoint common mistakes more quickly. Is there a way to mark this code to tell webpack to simply leave it out of a production build? Or only include it in a development build? E.g., I want something like:&lt;/p&gt;
&lt;pre&gt;&lt;code&gt;// build-hint-development-only
... my checking code
// end-build-hint
&lt;/code&gt;&lt;/pre&gt;
&lt;p&gt;such that in a production build,  to the code is left out entirely. My goal is to reduce final code size (and not simply avoid execution).&lt;/p&gt;
&lt;p&gt;I've googled around a bit but haven't found anything. I gather I could use dynamic imports + environment variables, and then re-arrange the code such that the development checks are done and a wrapper HOC or something that just never gets included in the development build, but that seems fragile and complex for something pretty simple. The other option would be to put a pre-processor in front of the webpack build that would make a copy of the code without the marked 'dev only' sections, but would add a whole other layer to the process.&lt;/p&gt;</t>
  </si>
  <si>
    <t>2018-06-23 03:22:41.377000+00:00</t>
  </si>
  <si>
    <t>2018-06-23 15:47:57.550000+00:00</t>
  </si>
  <si>
    <t>reactjs|webpack</t>
  </si>
  <si>
    <t>Is TR2 Going to be Released in C++17?</t>
  </si>
  <si>
    <t>&lt;p&gt;There is lots of sweet stuff in &lt;a href="http://en.wikipedia.org/wiki/C%2B%2B_Technical_Report_1#Technical_Report_2" rel="nofollow noreferrer"&gt;TR2&lt;/a&gt;. Is that going to be in &lt;a href="http://en.wikipedia.org/wiki/C%2B%2B17" rel="nofollow noreferrer"&gt;C++17&lt;/a&gt;?&lt;/p&gt;
&lt;p&gt;I understand that TR1 was completed in 2005 and had to wait until C++11 to be standardized.
But I also understand that TR2 is already complete?&lt;/p&gt;
&lt;p&gt;My link to C++17 doesn't mention anything about TR2, but I am hoping...&lt;/p&gt;</t>
  </si>
  <si>
    <t>2014-11-21 20:15:49.937000+00:00</t>
  </si>
  <si>
    <t>2018-05-04 19:33:02.703000+00:00</t>
  </si>
  <si>
    <t>c++|c++11|tr1|c++17|c++-tr2</t>
  </si>
  <si>
    <t>How to extract top variables from regression tree and use in regression?</t>
  </si>
  <si>
    <t>&lt;p&gt;So I created a regression tree using &lt;strong&gt;rpart&lt;/strong&gt; which outputs to &lt;strong&gt;reg_tree&lt;/strong&gt;&lt;/p&gt;
&lt;pre&gt;&lt;code&gt;# show summary statistics of reg_tree
summary(reg_tree)
# store top variables as new values
topvars &amp;lt;- reg_tree$variable.importance
# output of topvars
topvars 
q_21fb1900   q_2b3296a0          q_0   q_fde6a01e   q_7fa850ed   q_323d6cee   q_c6ab3657   q_eb2ad90d   q_5dcb2b57 
5.303283e+15 5.196871e+15 4.002239e+15 4.412505e+14 2.616730e+14 2.162128e+14 2.035465e+14 1.354927e+14 5.095959e+13 
  q_af2830be   q_caa61b2c   q_a6828865   q_99f5a0bd   q_be83fe28   q_efdc29dd   q_9e86aa7f   q_2ea0e2aa   q_5049294d 
2.176437e+13 1.210118e+13 1.126591e+13 8.387189e+12 4.951978e+12 4.115929e+12 3.864235e+12 1.449853e+12 5.436949e+11 
  q_5ae0f0cd   q_518fba14 
5.436949e+11 5.412242e+11
&lt;/code&gt;&lt;/pre&gt;
&lt;p&gt;I want to extract each of these names as xvar1, xvar2 and automatically put them in the following model where each xvar would correspond to the column heading: &lt;code&gt;lm(y_var ~ xvar1 + xvar2 + xvar3 + ... +,data)&lt;/code&gt;. &lt;/p&gt;
&lt;p&gt;ie&lt;/p&gt;
&lt;pre&gt;&lt;code&gt;lm(y_var ~ q_21fb1900 + q_2b3296a0 + q_0 + ... +,data)
&lt;/code&gt;&lt;/pre&gt;
&lt;p&gt;How do I do this so I can drop in new data sets and not worry about custom changing each xvar in the future?    &lt;/p&gt;</t>
  </si>
  <si>
    <t>2013-08-15 20:27:36.223000+00:00</t>
  </si>
  <si>
    <t>2013-08-16 11:31:51.780000+00:00</t>
  </si>
  <si>
    <t>2013-08-15 21:39:39.547000+00:00</t>
  </si>
  <si>
    <t>r|statistics|regression</t>
  </si>
  <si>
    <t>Minified version of browserify does not work</t>
  </si>
  <si>
    <t>&lt;p&gt;The uncompress version works fine, but the compressed and minified do not.&lt;/p&gt;
&lt;pre&gt;&lt;code&gt;gulp.task('adtag', function () {
  // set up the browserify instance on a task basis
  var b = browserify({
    entries: './src/adtag/main.js',
    debug: true
  }).transform(envify({
        NODE_ENV: 'production'
  })).transform(babelify.configure({
        plugins: ['transform-object-assign']
  }));
  return b.bundle()
    .pipe(source('smaatoAdTag.min.js'))
    .pipe(buffer())
    .pipe(sourcemaps.init({loadMaps: true}))
        // Add transformation tasks to the pipeline here.
        .pipe(uglify())
        .on('error', gutil.log)
    .pipe(sourcemaps.write('./'))
    .pipe(gulp.dest('./dist/adtag/'));
});
&lt;/code&gt;&lt;/pre&gt;
&lt;p&gt;If i "uncompress" the minified version, everything works&lt;/p&gt;</t>
  </si>
  <si>
    <t>2017-03-21 18:41:24.603000+00:00</t>
  </si>
  <si>
    <t>javascript|gulp|babeljs|browserify|babel-polyfill</t>
  </si>
  <si>
    <t>Avoiding to launch the app again</t>
  </si>
  <si>
    <t>&lt;p&gt;I've developed an app and everything is fine, but if a push the 'Home' buttom, it goes to the home screen. All right til then. But if i click on the icon to come back to the app... sometimes it comes back to the old instance of the app and sometimes it launches a new instance of the app over the old one. I don't get why or when makes every casescenario happen.&lt;/p&gt;
&lt;p&gt;Is there any way of avoiding this and come back always to the old one?&lt;/p&gt;
&lt;p&gt;Thanks.&lt;/p&gt;</t>
  </si>
  <si>
    <t>2011-05-26 10:55:00.177000+00:00</t>
  </si>
  <si>
    <t>2011-05-26 10:59:57.170000+00:00</t>
  </si>
  <si>
    <t>android|launch</t>
  </si>
  <si>
    <t>Validating array inputs using jquery validation plugin</t>
  </si>
  <si>
    <t>&lt;p&gt;I have the following form. I am trying to validate the inputs using jquery validation plugin. I have tried some codes but its not working. When I click on the submit button it just goes to form's action.&lt;/p&gt;
&lt;pre&gt;&lt;code&gt;&amp;lt;form name="voucherform" action="something" method="post"&amp;gt;
  &amp;lt;input type="text" name="reg_number[]" value="" /&amp;gt;
  &amp;lt;input type="text" name="reg_number[]" value="" /&amp;gt;
  &amp;lt;input type="text" name="reg_number[]" value="" /&amp;gt;
  &amp;lt;input type="submit" name="submit" value="submit" /&amp;gt;
&lt;/code&gt;&lt;/pre&gt;
&lt;p&gt; &lt;/p&gt;
&lt;p&gt;Could you please show me how to validate the above form using jquery validation plugin?&lt;/p&gt;
&lt;p&gt;Thanks :)&lt;/p&gt;
&lt;p&gt;My Jquery code:&lt;/p&gt;
&lt;pre&gt;&lt;code&gt; &amp;lt;script type="text/javascript" src="&amp;lt;?php echo base_url();?&amp;gt;support/datepicker/js/jquery-1.7.2.min.js"&amp;gt;&amp;lt;/script&amp;gt;
 &amp;lt;script type="text/javascript" src="&amp;lt;?php echo base_url();?&amp;gt;support/js/jquery.validate.js"&amp;gt;&amp;lt;/script&amp;gt;
 &amp;lt;script&amp;gt;
  $(document).ready(function() {
// validate signup form on keyup and submit
var validator = $("#voucherform").validate({
    showErrors: function(errorMap, errorList) {
        $(".errormsg").html($.map(errorList, function (el) {
            return el.message;
        }).join(", "));
    },
    wrapper: "span",
    rules: {
        reg_number[]: {
            required: true,
            minlength: 2,
            remote: {
                url: '&amp;lt;?php echo base_url();?&amp;gt;sales/invoice_check', async: false,
                type: 'post'
            },
        }
    },
    messages: {
        reg_number[]: {
            required: "Enter Reg Number",
            minlength: jQuery.format("Enter at least {0} characters"),
            remote: jQuery.format("{0} is already in use")
        },
    }
    });
    });
   &amp;lt;/script&amp;gt;
&lt;/code&gt;&lt;/pre&gt;</t>
  </si>
  <si>
    <t>2012-06-01 01:39:04.507000+00:00</t>
  </si>
  <si>
    <t>2016-08-10 05:33:37.643000+00:00</t>
  </si>
  <si>
    <t>2012-06-01 11:06:25.963000+00:00</t>
  </si>
  <si>
    <t>jquery|jquery-plugins|jquery-validate</t>
  </si>
  <si>
    <t>Graph Api sometimes returns more information for "same" public user information</t>
  </si>
  <si>
    <t>&lt;p&gt;If we have 2 Facebook users (u1 and u2) that both have several public information (about, working, etc) using a web browser.
Using a user access token from an User "u3" (different from u1 and u2), there are certain users (like u1) that returns in the graph api ALL this public information about him, however even when user "u2" (using the web browser just like u1) has the same public information, this one is not returned, eve more, only basic data is returned.&lt;/p&gt;
&lt;p&gt;In brefing : graph.facebook.com/u1?accesstoken=u3AccessToken, returns ALL public information from u1&lt;/p&gt;
&lt;p&gt;However graph.facebook.com/u2?accesstoken=u3AccessToken, returns ONLY basic information from u2, when u1 and u2 have the same public attributes for loged in users.&lt;/p&gt;
&lt;p&gt;So, is there any internal user by user configuration that forbids to obtain public information from the api? (i do not see any other explanation..).&lt;/p&gt;
&lt;p&gt;Edit: no, U1 U2 AND U3 have no relation at all (at least in friendship).
Thanks in advance.&lt;/p&gt;</t>
  </si>
  <si>
    <t>2013-08-14 03:06:22.803000+00:00</t>
  </si>
  <si>
    <t>facebook|facebook-graph-api|facebook-access-token</t>
  </si>
  <si>
    <t>Calling variables at global scope and comparing it in Google apps script</t>
  </si>
  <si>
    <t>&lt;p&gt;Thanks to the help of Serge insas, I've been creating a form with google apps script. It was working well until I started to set some persistant variables.
First I started with persistant variables made of text (example var choice1 = 'Hello') and it was working just fine. But I've made it a little more complicated using functions to define my variables.
Here is a simplified version of my code :&lt;/p&gt;
&lt;pre&gt;&lt;code&gt;var choix1 = Math.floor((Math.random() * (33-13)) + 13);
var choix2 = Math.floor((Math.random() * (66-33)) + 33);
function doGet() {
  var app = UiApp.createApplication().setTitle('test Questionnaire');
  var panel = app.createVerticalPanel();
  var sHdlr = app.createServerHandler('react').addCallbackElement(panel);
  var questions = ['&amp;lt;b&amp;gt;Question Num��ro 1 :&amp;lt;/b&amp;gt;&amp;lt;br&amp;gt;Faites votre choix parmis les 4 possibilit��s suivantes','&amp;lt;b&amp;gt;Question 2&amp;lt;/b&amp;gt;&amp;lt;br&amp;gt;Encore un fois, faites votre choix','&amp;lt;b&amp;gt;Question 3&amp;lt;/b&amp;gt;&amp;lt;br&amp;gt;encore un effort...','&amp;lt;b&amp;gt;Question 4&amp;lt;/b&amp;gt;&amp;lt;br&amp;gt;vous y ��tes presque...'];
  var Qitems = [[choix1.toString(),choix2.toString()],['choix1 de Q2','choix2 de Q2','choix3 de Q2','choix4 de Q2'],
  ['choix1 de Q3','choix2 de Q3','choix3 de Q3','choix4 de Q3'],['choix1 de Q4','choix2 de Q4','choix3 de Q4','choix4 de Q4']];
  var Qpanel = [];
  for (var n=0 ; n&amp;lt;questions.length ; ++n){
    var Qval = app.createTextBox().setId('Qvalue'+n).setName('Qvalue'+n).setVisible(false);
    Qpanel[n] = app.createVerticalPanel().setId('QP'+n).setVisible(false).add(app.createHTML(questions[n])).add(Qval).setStyleAttribute('padding','10px');
    panel.add(Qpanel[n]);
    for(var q=0;q&amp;lt;Qitems[n].length;++q){
      var name = Qitems[n][q]
      var handler = app.createClientHandler().forTargets(Qval).setText(name);
      Qpanel[n].add(app.createRadioButton('radioButtonQ'+n,name).addClickHandler(handler).setId(name).addClickHandler(sHdlr));
    }
    }
    app.add(panel);
    Qpanel[0].setVisible(true);
    return app;
}
function react(e){
  var app = UiApp.getActiveApplication();
  var source = e.parameter.source;
  var answer = [];
  for(var n = 0; n &amp;lt; 4 ; ++n){
    answer[n] = e.parameter['Qvalue'+n];
    Logger.log('answer '+ (n+1) + ' = '+answer[n]+' source = '+source)
    }
      if(answer[0]==choix1||answer[0]==choix2){app.getElementById('QP'+1).setVisible(true)}
      if(answer[1]=='choix1 de Q2'||answer[1]=='choix3 de Q2'){app.getElementById('QP'+2).setVisible(true)}
      if(answer[2]=='choix1 de Q3'||answer[2]=='choix3 de Q3'){app.getElementById('QP'+3).setVisible(true)}
      if(answer[3]=='choix1 de Q4'){
      app.add(app.createHTML('YESSSSSSSSS ... !!&amp;lt;br&amp;gt;Vous avez r��ussi !&amp;lt;br&amp;gt; vos r��ponses sont les suivantes : '+answer.join('  +  ')).setStyleAttribute('padding','20px'))
      }
  return app;
}
&lt;/code&gt;&lt;/pre&gt;
&lt;p&gt;In the more complexe code : my finals variables are aggregations of multiples "little" variable as the one presented here. I've made it this way to build up complex scenarios. And I want those scenarios to change for every single user of the form. (Am I clear ?)
In this example, I can not pass on to the question number 2, as the condition "answer[0]==choix1" does not seem to work.
I've looked around some other question, and my problem might come from the definition of my variable, and using ScriptDb may help, but I'm confused about the way to use it here.&lt;/p&gt;
&lt;p&gt;I'll continue to investigate, but at this moment I'm stuck with this problem.&lt;/p&gt;</t>
  </si>
  <si>
    <t>2013-06-26 14:50:51.593000+00:00</t>
  </si>
  <si>
    <t>2013-06-27 13:08:02.647000+00:00</t>
  </si>
  <si>
    <t>2013-06-26 15:49:28.890000+00:00</t>
  </si>
  <si>
    <t>forms|google-apps-script</t>
  </si>
  <si>
    <t>Revolution Slider flashing in Firefox</t>
  </si>
  <si>
    <t>&lt;p&gt;I'm using Revolution Slider in Wordpress on a site and having an issue just in Firefox.&lt;/p&gt;
&lt;p&gt;The slider works great everywhere but Firefox. When the slide transitions to a new slide, the previous slide will flash through for a couple milliseconds.&lt;/p&gt;
&lt;p&gt;Here is the url:
&lt;a href="http://www.skysourceinternational.com" rel="nofollow"&gt;http://www.skysourceinternational.com&lt;/a&gt;&lt;/p&gt;
&lt;p&gt;Anyone seen this issue with Revolution Slider before??&lt;/p&gt;
&lt;p&gt;Thanks!&lt;/p&gt;</t>
  </si>
  <si>
    <t>2014-01-06 20:39:41.297000+00:00</t>
  </si>
  <si>
    <t>2016-02-17 05:24:46.510000+00:00</t>
  </si>
  <si>
    <t>jquery|wordpress</t>
  </si>
  <si>
    <t>jquery pass radio button array</t>
  </si>
  <si>
    <t>&lt;p&gt;I am having a bit of trouble figuring out how to pass the selected radio button value thru JQUERY and ultimately to php.&lt;/p&gt;
&lt;p&gt;The following is the html markup:&lt;/p&gt;
&lt;pre&gt;&lt;code&gt;    &amp;lt;li class="gchoice_1_14_0"&amp;gt;
        &amp;lt;input name="donation[]" type="radio" value="25" id="donation" tabindex="14"&amp;gt;
        &amp;lt;label for="choice_1_14_0" id="label_1_14_0"&amp;gt;$25&amp;lt;/label&amp;gt;
    &amp;lt;/li&amp;gt;
    &amp;lt;li class="gchoice_1_14_1"&amp;gt;
        &amp;lt;input name="donation[]" type="radio" value="50" id="donation" tabindex="15"&amp;gt;
        &amp;lt;label for="choice_1_14_1" id="label_1_14_1"&amp;gt;$50&amp;lt;/label&amp;gt;
    &amp;lt;/li&amp;gt;
    &amp;lt;li class="gchoice_1_14_2"&amp;gt;
        &amp;lt;input name="donation[]" type="radio" value="100" id="donation" tabindex="16"&amp;gt;
        &amp;lt;label for="choice_1_14_2" id="label_1_14_2"&amp;gt;$100&amp;lt;/label&amp;gt;
    &amp;lt;/li&amp;gt;
    &amp;lt;li class="gchoice_1_14_3"&amp;gt;
        &amp;lt;input name="donation[]" type="radio" value="350" id="donation" tabindex="17"&amp;gt;
        &amp;lt;label for="choice_1_14_3" id="label_1_14_3"&amp;gt;$350 - Guardian Angel Sponsorship ��� a donation at this level provides interview and follow-up services for one child&amp;lt;/label&amp;gt;
    &amp;lt;/li&amp;gt;
    &amp;lt;li class="gchoice_1_14_4"&amp;gt;
        &amp;lt;input name="donationother" type="radio" value="other_amount" id="donation" tabindex="18" onfocus="jQuery(this).next('input').focus();"&amp;gt;
        &amp;lt;input id="donation_other" name="donation_other" type="text" value="" onfocus="jQuery(this).prev(&amp;amp;quot;input&amp;amp;quot;).attr(&amp;amp;quot;checked&amp;amp;quot;, true); if(jQuery(this).val() == &amp;amp;quot;Other&amp;amp;quot;) { jQuery(this).val(&amp;amp;quot;&amp;amp;quot;); }" onblur="if(jQuery(this).val().replace(&amp;amp;quot; &amp;amp;quot;, &amp;amp;quot;&amp;amp;quot;) == &amp;amp;quot;&amp;amp;quot;) { jQuery(this).val(&amp;amp;quot;Other&amp;amp;quot;); }" tabindex="18"&amp;gt;
    &amp;lt;/li&amp;gt;
&lt;/code&gt;&lt;/pre&gt;
&lt;p&gt;Then I am attempting to pass the data thru jquery so it can be caught via php. This is my present jquery markup:&lt;/p&gt;
&lt;pre&gt;&lt;code&gt;        post_data = {
            'user_name'     : $('input[name=full_name]').val(), 
            'user_email'    : $('input[name=email]').val(), 
            'address'   : $('input[name=address]').val(), 
            'address2'  : $('input[name=address2]').val(), 
            'city'  : $('input[name=city]').val(), 
            'state' : $('input[name=state]').val(), 
            'zip'   : $('input[name=zip]').val(), 
            'ccnum' : $('input[name=ccnum]').val(), 
            'expmonth'  : $('select[name=expmonth]').val(), 
            'expyear'   : $('select[name=expyear]').val(), 
            'cardname'  : $('input[name=cardname]').val(),
            'ccvcode'   : $('input[name=ccvcode]').val(),
            'donation'  : $('input[name=donation]').val(),
            'donation_other'    : $('input[name=donation_other]').val(),
            'phone_number'  : $('input[name=phone2]').val(), 
            'subject'       : $('select[name=subject]').val(), 
            'msg'           : $('textarea[name=message]').val()
        };
&lt;/code&gt;&lt;/pre&gt;
&lt;p&gt;When I review the passing in Chrome's developer tools, the donation field/s are not being passed at all.&lt;/p&gt;
&lt;p&gt;Could someone explain what I am missing with this? I have tried various ways of passing the donation value, but to no avail.&lt;/p&gt;
&lt;p&gt;Thank you!&lt;/p&gt;</t>
  </si>
  <si>
    <t>2015-04-17 20:10:31.130000+00:00</t>
  </si>
  <si>
    <t>2015-04-17 20:36:07.470000+00:00</t>
  </si>
  <si>
    <t>javascript|php|jquery</t>
  </si>
  <si>
    <t>Python ImportError associated with Python3.5 Installation and Extensions</t>
  </si>
  <si>
    <t>&lt;p&gt;In attempting to install a Python package from &lt;a href="https://github.com/darothen/py-mie" rel="nofollow noreferrer"&gt;GitHub&lt;/a&gt; for performing aerosol radiative calculations (not important). After cloning the repo and installing from source (&lt;code&gt;python3 setup.py install&lt;/code&gt;), I tried to import the library (Python3.5.1) resulting in an import error:&lt;/p&gt;
&lt;pre&gt;&lt;code&gt;ImportError: No module named 'mie._mie'
&lt;/code&gt;&lt;/pre&gt;
&lt;p&gt;Looking at the &lt;a href="https://github.com/darothen/py-mie/blob/master/setup.py" rel="nofollow noreferrer"&gt;&lt;code&gt;setup.py&lt;/code&gt;&lt;/a&gt; file, I noticed that it creates this reference using the Extension syntax. What should I look for in trying to fix/debug this issue?&lt;/p&gt;
&lt;p&gt;Why would the package install successfully but not import correctly?&lt;/p&gt;
&lt;p&gt;&lt;strong&gt;NOTE&lt;/strong&gt;: The extension essentially just wraps around some Fortran.&lt;/p&gt;</t>
  </si>
  <si>
    <t>2016-11-30 00:12:34.790000+00:00</t>
  </si>
  <si>
    <t>2016-12-28 09:52:41.287000+00:00</t>
  </si>
  <si>
    <t>python|python-3.x|fortran|install|f2py</t>
  </si>
  <si>
    <t>Threads states logger Visual Studio 2008</t>
  </si>
  <si>
    <t>&lt;p&gt;Is there a way in Visual Studio 2008 to log, for example, in Output window, threads state changes. For example, I have 3 threads, Main thread and two worker threads, and I want at a particular time to see a log that contain state changes of those threads, it might look like:&lt;/p&gt;
&lt;pre&gt;&lt;code&gt;7/9/2013 16:38:10 Thread1 Running -&amp;gt; Suspended
7/9/2013 16:38:11 Thread2 Running -&amp;gt; Suspended
7/9/2013 16:38:23 Thread1 Suspended -&amp;gt; Running
7/9/2013 16:38:27 Thread1 Running -&amp;gt; Aborted
7/9/2013 16:38:16 Thread2 Suspended -&amp;gt; Stopped
&lt;/code&gt;&lt;/pre&gt;
&lt;p&gt;Is it possible to achieve such results using default Visual Studio tools, and if no, are there any third party tools that can do this? &lt;/p&gt;
&lt;p&gt;P.S. I'm searching solution for native code (C++) on Windows.&lt;/p&gt;
&lt;p&gt;Thank you.&lt;/p&gt;</t>
  </si>
  <si>
    <t>2013-07-09 13:45:08.277000+00:00</t>
  </si>
  <si>
    <t>2013-07-09 15:44:51.823000+00:00</t>
  </si>
  <si>
    <t>c++|visual-studio|debugging|winapi|visual-studio-2008</t>
  </si>
  <si>
    <t>Generating Table / array on the fly in postgresql function</t>
  </si>
  <si>
    <t>&lt;p&gt;I need to create postgresql function&lt;/p&gt;
&lt;pre&gt;&lt;code&gt;CREATE FUNCTION date_ranges (_start date, end date) 
  RETURNING TABLE(day_in_range date) AS...
&lt;/code&gt;&lt;/pre&gt;
&lt;p&gt;if I call date_ranges('2010-06-01', 2010-06-05')
I should receive&lt;/p&gt;
&lt;pre&gt;&lt;code&gt;2010-06-01
2010-06-02
2010-06-03
2010-06-04
2010-06-05
&lt;/code&gt;&lt;/pre&gt;
&lt;p&gt;Any Ideas how to do it?&lt;/p&gt;</t>
  </si>
  <si>
    <t>2010-06-16 23:38:02.847000+00:00</t>
  </si>
  <si>
    <t>2011-02-23 11:41:06.517000+00:00</t>
  </si>
  <si>
    <t>postgresql</t>
  </si>
  <si>
    <t>TErrorSeries in "TeeChart"</t>
  </si>
  <si>
    <t>&lt;p&gt;I need to creat a terrorseries with tpointseries, 
like what appears in this link: &lt;a href="http://www.teechart.net/support/viewtopic.php?p=46388" rel="nofollow"&gt;http://www.teechart.net/support/viewtopic.php?p=46388&lt;/a&gt;&lt;/p&gt;
&lt;p&gt;In each 'X' will have some of error series, but they need to be drawn side by side for each XValue. I managed to put the error series, but how can i put the pointseries without overlap???&lt;/p&gt;
&lt;p&gt;I found something like that: "Having a TErrorSeries with XValues 0, 1, 2,... the ErrorBars are drawn exactly in the X=0, X=1,... but when you have two TErrorSeries, they are drawn one next to the other so the first is drawn some pixels at the left side of X=0, X=1,... and the second TErrorSeries is drawn some pixels at the right side of X=0, X=1,... This is made to fit as many TErrorSeries as one would like to draw without overlapping.
On the other hand, TPointSeries doesn't do this job. They don't prevent this overlapping.
So, before proceeding with proposing you a workaround, we would need to know if you want your TErrorSeries to overlap or you want them to be drawn side by side for each XValue."&lt;/p&gt;
&lt;p&gt;And I need drawn side by side, can someone help me?&lt;/p&gt;
&lt;p&gt;I put the code like you suggested, but still continue the series overlapped on the X axis (I wanted the series stay side by side) &lt;/p&gt;
&lt;pre&gt;&lt;code&gt;procedure TForm1.BtnGraphClick(Sender: TObject);
var
i, j        : Integer;
Series1     : TErrorPointSeries;
x, y        : Double;
Top, Bottom : Double;
max, min, k :array of array of integer;
ndecisor, ncri: integer;
begin
  //Atribuindo valores na Matriz MAX, MIN, K
   SetLength(Max, 3, 3);
   max[0,0]:= 9;
   max[0,1]:= 12;
   max[0,2]:= 14;
   max[1,0]:= 10;
   max[1,1]:= 8;
   max[1,2]:= 13;
   max[2,0]:= 11;
   max[2,1]:= 7;
   max[2,2]:= 10;
    SetLength(Min, 3, 3);
    min[0,0]:= 2;
    min[0,1]:= 0;
    min[0,2]:= 3;
    min[1,0]:= 3;
    min[1,1]:= 1;
    min[1,2]:= 4;
    min[2,0]:= 1;
    min[2,1]:= 2;
    min[2,2]:= 0;
   SetLength(k, 3, 3);
   k[0,0]:= 5;
   k[0,1]:= 8;
   k[0,2]:= 4;
   k[1,0]:= 7;
   k[1,1]:= 5;
   k[1,2]:= 6;
   k[2,0]:= 6;
   k[2,1]:= 7;
   k[2,2]:= 5;
   ndecisor:=3;
   ncri:=3;
 ErrorPointChart.View3D:=False;
 ErrorPointChart.Axes.Left.MinimumOffset:=1;
 ErrorPointChart.Axes.Left.MaximumOffset:=1;
  for i := 0 to ndecisor -1 do
  begin
    Series1:=TErrorPointSeries.Create(ErrorPointChart);
    Series1.Pen.Width:=3;
    ErrorPointChart.AddSeries(Series1);
    Randomize;
   for j := 0 to ncri -1 do
   begin
     x:=j;
     y:=k[j,i];;
     Top:= max[j,i]-k[j,i];
     Bottom:= k[j,i]-min[j,i];
   Series1.Add(x,y,0,0,Top,Bottom);
  end;
end;
end;
&lt;/code&gt;&lt;/pre&gt;</t>
  </si>
  <si>
    <t>2013-09-11 16:38:08.847000+00:00</t>
  </si>
  <si>
    <t>2013-09-17 13:27:26.970000+00:00</t>
  </si>
  <si>
    <t>2013-09-17 13:10:55.733000+00:00</t>
  </si>
  <si>
    <t>delphi|delphi-2010|teechart</t>
  </si>
  <si>
    <t>NSMutableURLRequest forHTTPHeaderField key not properly set</t>
  </si>
  <si>
    <t>&lt;p&gt;In my app, while making an API call I need to pass location in an header. But it's key is converted to CamelCase. Please find my code below&lt;/p&gt;
&lt;pre&gt;&lt;code&gt;let session = URLSession.shared
let request = NSMutableURLRequest(url: url!)
request.httpMethod = "GET"
request.addValue("XYZLocation", forHTTPHeaderField: "location")
let task = session.dataTask(with: request as URLRequest, completionHandler: { (data, response, error) -&amp;gt; Void in
    if (error == nil){
       let str = String(data: data!, encoding: String.Encoding.utf8)
       print("Response : \(String(describing: str))")
    }
    else{
       print("Error : \(String(describing: error?.localizedDescription))")
    }
})
print("Header : \(String(describing: request.allHTTPHeaderFields))")
task.resume()
&lt;/code&gt;&lt;/pre&gt;
&lt;p&gt;Log output is below&lt;/p&gt;
&lt;pre&gt;&lt;code&gt;Header : Optional(["Location": "XYZLocation"])
&lt;/code&gt;&lt;/pre&gt;
&lt;p&gt;How can I maintain the header key case sensitivity. Please help me.&lt;/p&gt;</t>
  </si>
  <si>
    <t>2017-09-19 10:37:47.967000+00:00</t>
  </si>
  <si>
    <t>2017-09-19 10:49:00.323000+00:00</t>
  </si>
  <si>
    <t>swift|http-headers|urlsession</t>
  </si>
  <si>
    <t>Localstack with aws lambda</t>
  </si>
  <si>
    <t>&lt;p&gt;I have to write a lambda that can place a message in aws q and my golang service can read it from it. It is a very simple requirement. I am trying to use localstack for it. I know I will not find the exact snippet but is there some hello world example on how I can use aws lambda via localstack?&lt;/p&gt;</t>
  </si>
  <si>
    <t>2018-07-21 16:00:47.543000+00:00</t>
  </si>
  <si>
    <t>go|aws-lambda|atlassian-localstack</t>
  </si>
  <si>
    <t>Where to learn proper way to use Silverlight (or WPF)</t>
  </si>
  <si>
    <t>&lt;p&gt;Approaching Silverlight development is a rather daunting task as it seems to require a rather different mindset to work I have done in the past.&lt;/p&gt;
&lt;p&gt;I have been working on it for several months and we have already released an application that presents form-based pages. So I have the basics of XAML for layout but what I need to do now is move into graphically representing data. For example transform a list of objects representing vehicle speed recordings into a line graph of speed. I am at a loss on what the best way is to approach this.&lt;/p&gt;
&lt;p&gt;Can anyone point me to articles or tutorials that present this kind of thing?&lt;/p&gt;</t>
  </si>
  <si>
    <t>2009-02-18 10:23:21.820000+00:00</t>
  </si>
  <si>
    <t>2009-02-18 12:04:55.633000+00:00</t>
  </si>
  <si>
    <t>Steve Crane</t>
  </si>
  <si>
    <t>silverlight|graphics</t>
  </si>
  <si>
    <t>dynamic memory allocation</t>
  </si>
  <si>
    <t>&lt;p&gt;how allocate memory dynamically for the array of stucture....
eg:&lt;/p&gt;
&lt;pre&gt;&lt;code&gt;class students
{
    struct stud
        {
           int r_no;
           char name[20];
         }*s; 
}
&lt;/code&gt;&lt;/pre&gt;
&lt;p&gt;how to allocate memory dynamically for *s...&lt;/p&gt;</t>
  </si>
  <si>
    <t>2009-02-27 08:15:55.470000+00:00</t>
  </si>
  <si>
    <t>2009-02-27 11:18:08.997000+00:00</t>
  </si>
  <si>
    <t>2009-02-27 08:45:06.273000+00:00</t>
  </si>
  <si>
    <t>Ed Swangren</t>
  </si>
  <si>
    <t>sam</t>
  </si>
  <si>
    <t>c++|data-structures|memory-management</t>
  </si>
  <si>
    <t>Using .NET framework ver 2.0 Create an API that request and response in JSON format</t>
  </si>
  <si>
    <t>&lt;p&gt;I want to create an API that request and response in JSON format using .Net version 2.0.
How I need to modify my controller? Please help me have an example. And how can I call the API?
Thank's.&lt;/p&gt;</t>
  </si>
  <si>
    <t>2018-10-25 02:28:50.113000+00:00</t>
  </si>
  <si>
    <t>2018-10-25 02:37:15.100000+00:00</t>
  </si>
  <si>
    <t>c#|json|api</t>
  </si>
  <si>
    <t>Extract subgraph in neo4j</t>
  </si>
  <si>
    <t>&lt;p&gt;I have a large network stored in Neo4j. Based on a particular root node, I want to extract a subgraph around that node and store it somewhere else. So, what I need is the set of nodes and edges that match my filter criteria. &lt;/p&gt;
&lt;p&gt;Afaik there is no out-of-the-box solution available. There is a &lt;a href="http://components.neo4j.org/neo4j-graph-matching/snapshot" rel="noreferrer"&gt;graph matching component available&lt;/a&gt;, but it works only for perfect matches. The Neo4j API itself defines only &lt;a href="http://docs.neo4j.org/chunked/stable/tutorial-traversal-java-api.html" rel="noreferrer"&gt;graph traversal&lt;/a&gt; which I can use to define which nodes/edges should be visited:&lt;/p&gt;
&lt;pre&gt;&lt;code&gt;Traverser exp = Traversal
    .description()
    .breadthFirst()
    .evaluator(Evaluators.toDepth(2))
    .traverse(root);
&lt;/code&gt;&lt;/pre&gt;
&lt;p&gt;Now, I can add all nodes/edges to sets for all paths, but this is very inefficient. How would you do it? Thanks!&lt;/p&gt;
&lt;p&gt;&lt;strong&gt;EDIT&lt;/strong&gt; Would it make sense to add the last node and the last relationship of each traversal to the subgraph?&lt;/p&gt;</t>
  </si>
  <si>
    <t>2013-04-19 09:46:58.127000+00:00</t>
  </si>
  <si>
    <t>2014-04-06 20:22:37.203000+00:00</t>
  </si>
  <si>
    <t>2013-04-19 12:40:49.353000+00:00</t>
  </si>
  <si>
    <t>neo4j|subgraph</t>
  </si>
  <si>
    <t>Div with curved in sides</t>
  </si>
  <si>
    <t>&lt;p&gt;I'm looking to create the below unique shape as a text container, but not sure if it's possible with a div. I've tried a few border-radius and positioning CSS hacks, and clearly none have worked. I want to be able to have a colored border, a background-image to fill it, and text to be able to go inside as a title. How might I go about creating this shape? Is CSS even the way to go? Or is SVG a better bet? Help?&lt;/p&gt;
&lt;p&gt;&lt;img src="https://i.imgur.com/KOaCkuf.jpg" alt="shape"&gt;&lt;/p&gt;
&lt;p&gt;I've already seen these SO posts that are similar, but not quite what I'm looking for:&lt;/p&gt;
&lt;p&gt;&lt;a href="https://stackoverflow.com/questions/28860810/rectangle-with-curved-sides"&gt;Rectangle with curved sides&lt;/a&gt; | 
&lt;a href="https://stackoverflow.com/questions/39191208/how-to-create-div-with-curve-in-css-and-html5"&gt;How to create div with curve in css and html5?&lt;/a&gt;&lt;/p&gt;</t>
  </si>
  <si>
    <t>2016-09-06 20:46:37.003000+00:00</t>
  </si>
  <si>
    <t>2016-09-06 21:13:20.203000+00:00</t>
  </si>
  <si>
    <t>2017-05-23 12:30:40.387000+00:00</t>
  </si>
  <si>
    <t>html|css|svg|shape</t>
  </si>
  <si>
    <t>Change citation style in Ckeditor</t>
  </si>
  <si>
    <t>&lt;p&gt;I would like to change the citation style in Ckeditor when we click on the button in the editor.
I would like that when we click on this button it creates the following code :&lt;/p&gt;
&lt;pre&gt;&lt;code&gt;&amp;lt;div class="blockquote-guillemets"&amp;gt;
        My text
&amp;lt;/div&amp;gt;
&lt;/code&gt;&lt;/pre&gt;
&lt;p&gt;Have you an idea ?&lt;/p&gt;</t>
  </si>
  <si>
    <t>2015-08-17 09:19:22.190000+00:00</t>
  </si>
  <si>
    <t>2015-08-17 10:56:48.767000+00:00</t>
  </si>
  <si>
    <t>javascript|jquery|css|ckeditor</t>
  </si>
  <si>
    <t>WPF DatePicker to show the time as well as the date</t>
  </si>
  <si>
    <t>&lt;p&gt;I have a &lt;code&gt;DatePicker&lt;/code&gt; object in a &lt;code&gt;DataGrid&lt;/code&gt; that successfully shows the date from the database or a property:&lt;/p&gt;
&lt;pre&gt;&lt;code&gt;&amp;lt;DataGridTemplateColumn.CellTemplate&amp;gt;
   &amp;lt;DataTemplate&amp;gt;
      &amp;lt;DatePicker SelectedDate="{Binding Date, StringFormat=dd/MM/yyyy}"/&amp;gt;
   &amp;lt;/DataTemplate&amp;gt;   
&amp;lt;/DataGridTemplateColumn.CellTemplate&amp;gt;
&lt;/code&gt;&lt;/pre&gt;
&lt;p&gt;Now I want to show the time in front of the date. This is what I tried, but it doesn't work: &lt;/p&gt;
&lt;pre&gt;&lt;code&gt;&amp;lt;DataGridTemplateColumn.CellTemplate&amp;gt;
   &amp;lt;DataTemplate&amp;gt;
      &amp;lt;DatePicker SelectedDate="{Binding Date, StringFormat='dd/MM/yyyy HH:mm:ss'}"/&amp;gt;
   &amp;lt;/DataTemplate&amp;gt;   
&amp;lt;/DataGridTemplateColumn.CellTemplate&amp;gt;
&lt;/code&gt;&lt;/pre&gt;
&lt;p&gt;NOTE: I do &lt;strong&gt;not&lt;/strong&gt; want to do this in the code-behind.&lt;/p&gt;</t>
  </si>
  <si>
    <t>2014-09-10 11:22:58.910000+00:00</t>
  </si>
  <si>
    <t>2018-09-18 10:50:43.980000+00:00</t>
  </si>
  <si>
    <t>2014-09-10 14:15:56.130000+00:00</t>
  </si>
  <si>
    <t>wpf|xaml|datepicker|datetimepicker</t>
  </si>
  <si>
    <t>SWIFT 3 - take out html tags from string taken from JSON web url</t>
  </si>
  <si>
    <t>&lt;p&gt;I was wondering how can HTML tags be stripped out of JSON from a web url. Do I have to use &lt;code&gt;NSString&lt;/code&gt; of something similar. &lt;/p&gt;
&lt;p&gt;So I am looking to strip out the html tags that are in the summary value. I looked around abit and it says NSString can be used but I was not sure if that was something that could be implemented into Swift 3. Any Help would be appreciated. &lt;/p&gt;
&lt;p&gt;&lt;strong&gt;My code:&lt;/strong&gt; &lt;/p&gt;
&lt;pre&gt;&lt;code&gt;import UIKit
import Alamofire
struct postinput {
    let mainImage : UIImage!
    let name : String!
    let author : String!
    let summary : String!
}
class TableViewController: UITableViewController {
    var postsinput = [postinput]()
    var mainURL = "https://www.example.com/api"
    typealias JSONstandard = [String : AnyObject]
    override func viewDidLoad() {
        super.viewDidLoad()
        // Do any additional setup after loading the view, typically from a nib.
        callAlamo(url: mainURL)
    }
    func callAlamo(url : String){
        Alamofire.request(url).responseJSON(completionHandler: {
            response in
            self.parseData(JSONData: response.data!)
        })
    }
    func parseData(JSONData : Data) {
        do {
            var readableJSON = try JSONSerialization.jsonObject(with: JSONData, options: .mutableContainers) as! JSONstandard
            // print(readableJSON)
            if let posts = readableJSON["posts"] as? [JSONstandard] {
                for post in posts {
                    let title = post["title"] as! String
                    let author = post["author"] as! String
                    guard let dic = post["summary"] as? [String: Any], let summary = dic["value"] as? String else {
                        return
                    }
                    print(author)
                    if let imageUrl = post["image"] as? String {
                        let mainImageURL = URL(string: imageUrl )
                        let mainImageData = NSData(contentsOf: mainImageURL!)
                        let mainImage = UIImage(data: mainImageData as! Data)
                        postsinput.append(postinput.init(mainImage: mainImage, name: title, author: author, summary: summary))
                    }
                }
                DispatchQueue.main.async {
                    self.tableView.reloadData()
                }
            }
        }
        catch {
            print(error)
        }
    }
override func tableView(_ tableView: UITableView, numberOfRowsInSection section: Int) -&amp;gt; Int {
        return postsinput.count
    }
    override func tableView(_ tableView: UITableView, cellForRowAt indexPath: IndexPath) -&amp;gt; UITableViewCell {
        let cell = tableView.dequeueReusableCell(withIdentifier: "cell")
        // cell?.textLabel?.text = titles[indexPath.row]
        let mainImageView = cell?.viewWithTag(2) as! UIImageView
        mainImageView.image = postsinput[indexPath.row].mainImage
        //(cell?.viewWithTag(2) as! UIImageView).image = postsinput[indexPath.row].mainImage
        let mainLabel = cell?.viewWithTag(1) as! UILabel
        mainLabel.text = postsinput[indexPath.row].name
        mainLabel.font = UIFont(name: "Helvetica", size:14)
        let autLabel = cell?.viewWithTag(3) as! UILabel
        autLabel.text = postsinput[indexPath.row].author
        autLabel.font = UIFont(name: "Helvetica", size:12)
        let sumLabel = cell?.viewWithTag(4) as! UILabel
        sumLabel.text = postsinput[indexPath.row].summary
        sumLabel.font = UIFont(name: "Helvetica", size:12)
        //(cell?.viewWithTag(3) as! UILabel).text = postsinput[indexPath.row].author
        return cell!
    }
    override func didReceiveMemoryWarning() {
        super.didReceiveMemoryWarning()
        // Dispose of any resources that can be recreated.
    }
}
&lt;/code&gt;&lt;/pre&gt;</t>
  </si>
  <si>
    <t>2016-11-10 15:02:38.797000+00:00</t>
  </si>
  <si>
    <t>2017-04-28 12:34:58.037000+00:00</t>
  </si>
  <si>
    <t>2016-11-10 16:00:50.403000+00:00</t>
  </si>
  <si>
    <t>html|ios|json|swift|swift3</t>
  </si>
  <si>
    <t>Hubot: use set command for all input</t>
  </si>
  <si>
    <t>&lt;p&gt;I have an instance of hubot running on heroku. I don't need any of the default behaviour (for example help command). Instead I'd like to choose my own commands and just have users input text with commands. In this case I just want to run &lt;code&gt;pb&lt;/code&gt; with every user input.&lt;/p&gt;
&lt;p&gt;So if a user inputs &lt;code&gt;hello&lt;/code&gt; I'd like humbot to run &lt;code&gt;pb hello&lt;/code&gt;.&lt;/p&gt;
&lt;p&gt;The code I'm trying based on mshish suggestion is in &lt;code&gt;/scripts/example.cofee&lt;/code&gt;&lt;/p&gt;
&lt;pre&gt;&lt;code&gt;module.exports = (robot) -&amp;gt;
  robot.hear /.*/, (msg) -&amp;gt;
    pb msg
&lt;/code&gt;&lt;/pre&gt;</t>
  </si>
  <si>
    <t>2016-04-09 03:52:57.273000+00:00</t>
  </si>
  <si>
    <t>2016-04-28 19:59:16.363000+00:00</t>
  </si>
  <si>
    <t>2016-04-11 04:38:21.030000+00:00</t>
  </si>
  <si>
    <t>hubot|chatbot|pandorabots</t>
  </si>
  <si>
    <t>linking ObjC for iOS Simulator, but object file was compiled for MacOSX - xCode 5 Preview</t>
  </si>
  <si>
    <t>&lt;p&gt;I have just switch to xCode 5 Preview, getting lots of warning for one of exiting project.&lt;/p&gt;
&lt;pre&gt;&lt;code&gt;ld: warning: linking ObjC for iOS Simulator, but object file (/Projects/iOs/WWS/SVN/iOS/WWS/WWS/ExtFrameworks/GoogleAdMobAdsSdkiOS/libGoogleAdMobAds.a(GADSearchRequestPrivate.o)) was compiled for MacOSX
ld: warning: linking ObjC for iOS Simulator, but object file (/Projects/iOs/WWS/SVN/iOS/WWS/WWS/ExtFrameworks/GoogleAdMobAdsSdkiOS/libGoogleAdMobAds.a(GADCachedFile.o)) was compiled for MacOSX
ld: warning: linking ObjC for iOS Simulator, but object file (/Projects/iOs/WWS/SVN/iOS/WWS/WWS/ExtFrameworks/GoogleAdMobAdsSdkiOS/libGoogleAdMobAds.a(GADNetworkChecker.o)) was compiled for MacOSX
ld: warning: linking ObjC for iOS Simulator, but object file (/Projects/iOs/WWS/SVN/iOS/WWS/WWS/ExtFrameworks/GoogleAdMobAdsSdkiOS/libGoogleAdMobAds.a(GADTiming.o)) was compiled for MacOSX
ld: warning: linking ObjC for iOS Simulator, but object file (/Projects/iOs/WWS/SVN/iOS/WWS/WWS/ExtFrameworks/GoogleAdMobAdsSdkiOS/libGoogleAdMobAds.a(GADTimingManager.o)) was compiled for MacOSX
ld: warning: linking ObjC for iOS Simulator, but object file (/Projects/iOs/WWS/SVN/iOS/WWS/WWS/ExtFrameworks/GoogleAdMobAdsSdkiOS/libGoogleAdMobAds.a(GADRequestError.o)) was compiled for MacOSX
&lt;/code&gt;&lt;/pre&gt;</t>
  </si>
  <si>
    <t>2013-06-26 05:17:35.810000+00:00</t>
  </si>
  <si>
    <t>ios7|xcode5</t>
  </si>
  <si>
    <t>Android: onListItemClick not opening up the .xml file</t>
  </si>
  <si>
    <t>&lt;p&gt;public void onListItemClick(ListView l, View v, int position, long id)
    {
        if(position == 0){
            setContentView(R.layout.cuisine);
        }
    }&lt;/p&gt;
&lt;p&gt;I have an array of Strings and i'm using the above method to try and open up a new xml file called 'cuisine' when it is clicked. but it keeps failing!&lt;/p&gt;
&lt;p&gt;Have I done this right, or what am I doing wrong?&lt;/p&gt;
&lt;p&gt;Thanks.&lt;/p&gt;
&lt;p&gt;Ok from looking at similar problems on the web, people have said to get the onListItemClick() to start a new activity and using that new activity to then open up the new view?&lt;/p&gt;
&lt;p&gt;So what i've done is this...&lt;/p&gt;
&lt;pre&gt;&lt;code&gt; protected void onListItemClick(ListView l, View v, int position, long id)
{
    Intent dundrumIntent = new Intent(v.getContext(), DundrumSelector.class);
    dundrumIntent.putExtra("position", position);
    startActivityForResult(dundrumIntent, 0);
}
&lt;/code&gt;&lt;/pre&gt;
&lt;p&gt;and then &lt;/p&gt;
&lt;pre&gt;&lt;code&gt;import android.app.Activity;
&lt;/code&gt;&lt;/pre&gt;
&lt;p&gt;import android.os.Bundle;&lt;/p&gt;
&lt;p&gt;public class DundrumSelector extends Activity {
    @Override
    public void onCreate(Bundle savedInstanceState){
        super.onCreate(savedInstanceState);&lt;/p&gt;
&lt;pre&gt;&lt;code&gt;    int position = getIntent().getExtras().getInt("position");
    if(position == 0){
        setContentView(R.layout.cuisine);
    }
}
&lt;/code&gt;&lt;/pre&gt;
&lt;p&gt;}&lt;/p&gt;
&lt;p&gt;Yet i'm still getting the same problem. The program crashes when I click on an item in the listView. And yes i've added the activity to the manifest.&lt;/p&gt;
&lt;p&gt;Does anyone have a resolution to this as alot of people seem to be having the same problem.&lt;/p&gt;
&lt;p&gt;Thanks alot.&lt;/p&gt;</t>
  </si>
  <si>
    <t>2010-05-25 13:51:52.310000+00:00</t>
  </si>
  <si>
    <t>2010-12-28 06:54:22.603000+00:00</t>
  </si>
  <si>
    <t>2010-05-25 14:27:13.333000+00:00</t>
  </si>
  <si>
    <t>android|listview|listitem</t>
  </si>
  <si>
    <t>Add text-color only to hashtags for tweets on HTML</t>
  </si>
  <si>
    <t>&lt;p&gt;I have extracted tweets from Twitter using the Tweepy API in Python. I am writing it into csv and displaying it onto the HTML webpage. Is there any way to retain the blue color of the hashtags or add color specifically using HTML? &lt;/p&gt;
&lt;blockquote&gt;
  &lt;h1&gt;cyber #infosec via @wired Intel Management Engine Flaws Leave Millions of PCs Exposed&lt;/h1&gt;
&lt;/blockquote&gt;
&lt;p&gt;In the above sample tweet that I pulled, how can I have #infosec in blue? &lt;/p&gt;
&lt;p&gt;This is the jQuery function that I tried implementing but doesn't give the required output.&lt;/p&gt;
&lt;pre&gt;&lt;code&gt;$('slider-container').overlay([
    {
        match: /\B#\w+/g,
        css: {
            'color': '#d8dfea'
        }
    }
]);
&lt;/code&gt;&lt;/pre&gt;
&lt;p&gt;Thanks in advance!&lt;/p&gt;</t>
  </si>
  <si>
    <t>2017-11-29 04:06:39.927000+00:00</t>
  </si>
  <si>
    <t>2017-11-29 05:43:13.267000+00:00</t>
  </si>
  <si>
    <t>jquery|html|css|twitter</t>
  </si>
  <si>
    <t>Error : float object is not callable</t>
  </si>
  <si>
    <t>&lt;pre&gt;&lt;code&gt;while True:
    print("��������������������������������")
    print("��Unit Converter��")
    print("��������������������������������\n")
    print("This program is used to convert units for height and weight.")
    measurement = input("Would you like to convert height or weight?; ")
    if measurement == ("height"or"Height"or"h"or"H"):
        units = input("What units do you want to convert from?(metres/inches); ")
        if units[0] == ("m"):
            numberm = float(input("Please enter your height in metres; "))
            inchfm = (numberm * 39.37)
            inchfm = float(inchfm)
            print = (inchfm)
&lt;/code&gt;&lt;/pre&gt;
&lt;p&gt;How do I get this to work? Any answers will be appreciated.&lt;/p&gt;</t>
  </si>
  <si>
    <t>2016-01-30 18:07:55.960000+00:00</t>
  </si>
  <si>
    <t>2016-01-30 18:27:20.937000+00:00</t>
  </si>
  <si>
    <t>2016-01-30 18:09:24.850000+00:00</t>
  </si>
  <si>
    <t>How to compare two mp4 files in linux</t>
  </si>
  <si>
    <t>&lt;p&gt;How to compare two mp4 files in linux?
I am using "diff 1.mp4 2.mp4" but it doesnot work.&lt;/p&gt;</t>
  </si>
  <si>
    <t>2014-06-27 17:44:52.513000+00:00</t>
  </si>
  <si>
    <t>2014-06-27 18:03:04.530000+00:00</t>
  </si>
  <si>
    <t>linux|ubuntu|video|terminal</t>
  </si>
  <si>
    <t>How can I use php curl with multi threads?</t>
  </si>
  <si>
    <t>&lt;p&gt;How can I make this script work with multi threads?
Already tried all tutorials but without success :(
And what is the maximum number threads I can use with curl php?&lt;/p&gt;
&lt;blockquote&gt;
&lt;pre&gt;&lt;code&gt;&amp;lt;?php
$imput  = file("$argv[1]");
$output = $argv[2];
foreach ($imput as $nr =&amp;gt; $line) {
$line = trim($line);
print ("$nr - check :" . $line . "\r\n");
$check = ia_continutul($line); 
if (strpos($check,'wordpress') !== false) {
  $SaveFile = fopen($output, "a");
  fwrite($SaveFile, "$line\r\n");
  fclose($SaveFile);
  }
}
print "The END !\r\n";
function ia_continutul($url) {  
    $ch = curl_init();  
    $timeout = 3;  
    curl_setopt($ch,CURLOPT_URL,$url);  
    curl_setopt($ch,CURLOPT_RETURNTRANSFER,1);  
    curl_setopt($ch,CURLOPT_CONNECTTIMEOUT,$timeout);
  curl_setopt($ch, CURLOPT_TIMEOUT, 5);  
    $data = curl_exec($ch);  
    curl_close($ch);  
    return $data;  
}
?&amp;gt;
&lt;/code&gt;&lt;/pre&gt;
&lt;/blockquote&gt;</t>
  </si>
  <si>
    <t>2012-09-13 14:31:09.707000+00:00</t>
  </si>
  <si>
    <t>2013-05-09 08:40:37.600000+00:00</t>
  </si>
  <si>
    <t>php|multithreading|wordpress|curl</t>
  </si>
  <si>
    <t>managing third party assets</t>
  </si>
  <si>
    <t>&lt;p&gt;I am currently using git for version control but also for deployment. On a web project there is me as a developer and a graphics artist who provides graphical assets such as images and videos.&lt;/p&gt;
&lt;p&gt;Our current setup is like that:&lt;/p&gt;
&lt;ol&gt;
&lt;li&gt;There is a local repo. I only work in this repo &lt;/li&gt;
&lt;li&gt;There is a bare repo on a server where local commits are pushed to&lt;/li&gt;
&lt;li&gt;There is a repo on the webserver that reflects the current projects state&lt;/li&gt;
&lt;li&gt;When a commit is pushed to the bare repo a post-receive hook is executed which basically pulls the changes into the repo on the webserver&lt;/li&gt;
&lt;/ol&gt;
&lt;p&gt;&lt;img src="https://i.stack.imgur.com/6SCIB.png" alt="enter image description here"&gt;&lt;/p&gt;
&lt;p&gt;That works fine, however I don't like the current workflow when grabbing the assets. When the graphics artist has finished some work he always needs to store the assets somewhere. Then I need to grab them and put them into my local repo in order to be able to put them under version control.&lt;/p&gt;
&lt;p&gt;So everytime an asset was changed or added I need to manually keep an eye on it and copy it into my repo first.&lt;/p&gt;
&lt;p&gt;What I instead would like to do is to let the graphic artist push his changes somewhere and I just could automatically fetch the changes from my local repo.&lt;/p&gt;
&lt;p&gt;The problem just now is that I don't know how to tackle the problem best:&lt;/p&gt;
&lt;ul&gt;
&lt;li&gt;The artist does not need to have the whole repository. For him it should be as simple as pushing his changes&lt;/li&gt;
&lt;li&gt;I don't want the assets to be a &lt;em&gt;real&lt;/em&gt; part of my repository. I only want to update the assets on demand&lt;/li&gt;
&lt;li&gt;The assets directory should not affect the rest of my repo. So if I commit something I don't want to be forced to pull the latest assets.&lt;/li&gt;
&lt;/ul&gt;
&lt;p&gt;** File System representation **&lt;/p&gt;
&lt;pre&gt;&lt;code&gt;/ (&amp;lt;- Local git repo)
-- /css
-- /js
-- /assets (&amp;lt;- the directory that should be provided by the artist)
   -- /img
   -- /video
-- index.html
&lt;/code&gt;&lt;/pre&gt;
&lt;p&gt;&lt;strong&gt;My ideas so far&lt;/strong&gt;&lt;/p&gt;
&lt;p&gt;The first thing that came into my mind was to just clone the bare repo for the artist, so that he can commit and push his changes there. &lt;/p&gt;
&lt;p&gt;The problem is that he then will have the full repo with all the code, which I don't want. He should just keep his "assets" folder and push his changes somewhere as soon as there are any. Additionally before he can push any changes he would have to update the repo if there were any changes made by me for example.&lt;/p&gt;
&lt;p&gt;So that approach is dropped unfortunately.&lt;/p&gt;
&lt;p&gt;Is it possible to have &lt;em&gt;partial&lt;/em&gt; repositories in git, and if yes what would be the best or at least a common approach to accomplish that task?&lt;/p&gt;</t>
  </si>
  <si>
    <t>2014-06-04 12:58:54.903000+00:00</t>
  </si>
  <si>
    <t>2014-06-05 09:21:35.677000+00:00</t>
  </si>
  <si>
    <t>2014-06-04 13:14:30.123000+00:00</t>
  </si>
  <si>
    <t>git|deployment</t>
  </si>
  <si>
    <t>user creation event for ASP.NET or DotNetNuke membership</t>
  </si>
  <si>
    <t>&lt;p&gt;I want to add some code that runs when a new user is registered on a DotNetNuke site.  There is a custom registration module, and I could add code to that.  My concern is this registration module is still a work in progress thats not really in my control.  Someone could break the code I add or do something unexpected.&lt;/p&gt;
&lt;p&gt;Is there another good alternative I can use add code to user membership events?&lt;/p&gt;
&lt;p&gt;I'm consider creating a membership provider (either a DNN or ASP.NET provider) that derives from our existing provider.  I would extend the implementation of CreateUser() to call the original implementation then my custom code.&lt;/p&gt;
&lt;p&gt;The upside is that their is no coupling with the registration component.  The downside though- unlike adding an HttpModule where the configuration is indpendent of other aspects of the site- is I will be hiding the existing membership provider.  Suppose someone wants to update the provider for another reason- they would have to recompile my class instead of being able to simply change the web.config file.&lt;/p&gt;
&lt;p&gt;I was going to created a generic class that derives from MembershipProvider, then use the original provider as the generic type parameter.  I was hoping this would like the originaly provider type be included in the web.config definition.  Unforuntately C# generics don't allow you to derive from a generic type parameter.  :(&lt;/p&gt;</t>
  </si>
  <si>
    <t>2009-04-08 22:48:56.607000+00:00</t>
  </si>
  <si>
    <t>2009-04-18 03:22:55.190000+00:00</t>
  </si>
  <si>
    <t>2009-04-18 03:11:25.703000+00:00</t>
  </si>
  <si>
    <t>asp.net|asp.net-membership|dotnetnuke</t>
  </si>
  <si>
    <t>Passing Message (loadUrl) from GestureDetector to WebView on Android</t>
  </si>
  <si>
    <t>&lt;p&gt;I'm having trouble calling &lt;code&gt;loadUrl()&lt;/code&gt; on the &lt;code&gt;WebView&lt;/code&gt; attached to my &lt;code&gt;Activity&lt;/code&gt; from deep inside the &lt;code&gt;GestureDetector&lt;/code&gt; class, but I don't know how to pass the message up.&lt;/p&gt;
&lt;p&gt;Basically what's happening is in the &lt;code&gt;onFling&lt;/code&gt; callback, I want to do a &lt;code&gt;loadUrl()&lt;/code&gt;, but the call does not work. My app loads perfectly and displays the first page, but upon a fling event, it does not load a new page although the toasters display just fine.&lt;/p&gt;
&lt;p&gt;Any assistance would be greatly appreciated!&lt;/p&gt;
&lt;pre&gt;&lt;code&gt;package com.szuhanchang.friar;
import java.io.IOException;
import java.net.URI;
import java.net.URISyntaxException;
import java.util.ArrayList;
import java.util.Collections;
import java.util.List;
import android.app.Activity;
import android.content.Context;
import android.graphics.Bitmap;
import android.os.Bundle;
import android.view.GestureDetector;
import android.view.KeyEvent;
import android.view.MotionEvent;
import android.webkit.WebSettings;
import android.webkit.WebView;
import android.webkit.WebViewClient;
import android.widget.Toast;
public class Friar extends Activity {
    final String BASE_URL = "file:///android_asset/book/";
    final String MIME_TYPE = "text/html";
    final String ENCODING = "utf-8";
    FriarWebView webView;
    List&amp;lt;String&amp;gt; htmlFiles;
    int currentPage = 0;
    int totalPages = 0;
    GestureDetector gestureDetector;
    /** Called when the activity is first created. */
    @Override
    public void onCreate(Bundle savedInstanceState) {
        System.out.println("onCreate!");
        super.onCreate(savedInstanceState);
        htmlFiles = loadBook();
        totalPages = htmlFiles.size();
        webView = new FriarWebView(this);
        setContentView(webView);
        webView.setWebViewClient(new FriarWebViewClient());
        final WebSettings settings = webView.getSettings();
        settings.setJavaScriptEnabled(false);
        webView.loadUrl(BASE_URL + htmlFiles.get(currentPage));
        System.out.println(BASE_URL + htmlFiles.get(currentPage));
    }
    // Handle Android physical back button.
    @Override
    public boolean onKeyDown(int keyCode, KeyEvent event) {
        if ((keyCode == KeyEvent.KEYCODE_BACK) &amp;amp;&amp;amp; webView.canGoBack()) {
            webView.goBack();
            return true;
        }
        return super.onKeyDown(keyCode, event);
    }
    @Override
    public boolean onTouchEvent(MotionEvent event) {
        return super.onTouchEvent(event);
    }
    private List&amp;lt;String&amp;gt; loadBook() {
        List&amp;lt;String&amp;gt; htmlFiles = new ArrayList&amp;lt;String&amp;gt;();
        try {
            String[] files = getAssets().list("book");
            for (String file : files) {
                if (file.endsWith(".html")) {
                    htmlFiles.add(file);
                }
            }
        } catch (IOException e) {
            e.printStackTrace();
        }
        Collections.sort(htmlFiles, new AlphanumComparator());
        return htmlFiles;
    }
    public WebView getWebView() {
        return webView;
    }
    class FriarWebView extends WebView {
        Context context;
        GestureDetector gd;
        public FriarWebView(Context context) {
            super(context);
            this.context = context;
            FriarGestureDetector fgd = new FriarGestureDetector();
            gd = new GestureDetector(context, fgd);
        }
        @Override
        public boolean onTouchEvent(MotionEvent event) {
            return gd.onTouchEvent(event) || super.onTouchEvent(event);
        }
        class FriarGestureDetector extends GestureDetector.SimpleOnGestureListener {
            private int swipe_Min_Distance = 100;
            private int swipe_Max_Distance = 350;
            private int swipe_Min_Velocity = 100;
            private void show_toast(final String text) {
                Toast t = Toast.makeText(context, text, Toast.LENGTH_SHORT);
                t.show();
                System.out.println(text);
            }
            private void showUrl(int pageNum) {
                assert pageNum &amp;gt;= 0 &amp;amp;&amp;amp; pageNum &amp;lt; totalPages;
                String filename = htmlFiles.get(pageNum);
                String url = BASE_URL + filename;
                getWebView().loadUrl(url);
                getWebView().reload();
                show_toast(url + ", " + currentPage);
            }
            @Override
            public boolean onDown(MotionEvent event) {
                return false;
            }
            @Override
            public boolean onFling(MotionEvent e1, MotionEvent e2, float velocityX, float velocityY) {
                final float xDistance = Math.abs(e1.getX() - e2.getX());
                final float yDistance = Math.abs(e1.getY() - e2.getY());
                if (xDistance &amp;gt; this.swipe_Max_Distance || yDistance &amp;gt; this.swipe_Max_Distance) {
                    return false;
                }
                velocityX = Math.abs(velocityX);
                velocityY = Math.abs(velocityY);
                if (velocityX &amp;gt; this.swipe_Min_Velocity &amp;amp;&amp;amp; xDistance &amp;gt; this.swipe_Min_Distance) {
                    if (e1.getX() &amp;gt; e2.getX()) { // right to left
                        show_toast("Swipe Left");
                        if (currentPage + 1 &amp;gt; totalPages) {
                            show_toast("This is the last page of the book.");
                        }
                        else {
                            showUrl(++currentPage);
                        }
                    }
                    else {
                        show_toast("Swipe Right");
                        if (currentPage - 1 &amp;lt; 0) {
                            show_toast("This is the first page of the book.");
                        }
                        else {
                            showUrl(--currentPage);
                        }
                    }
                    setContentView(webView);
                    return true;
                }
                return false;
            }
        }
    }
    class FriarWebViewClient extends WebViewClient {
        @Override
        public void onPageStarted(WebView view, String url, Bitmap favicon) {
            try {
                URI uri = new URI(url);
                String[] segments = uri.getPath().split("/");
                String filename = segments[segments.length - 1];
                if (filename.contains("-")) {
                    currentPage = Integer.parseInt(filename.substring(0, filename.indexOf("-")));
                } else {
                    currentPage = Integer.parseInt(filename.substring(0, filename.indexOf(".")));
                }
            } catch (URISyntaxException e) {
                e.printStackTrace();
            }
            System.out.println(currentPage + " " + url);
        }
    }
}
&lt;/code&gt;&lt;/pre&gt;</t>
  </si>
  <si>
    <t>2011-05-16 09:06:42.627000+00:00</t>
  </si>
  <si>
    <t>2011-05-17 14:48:35.217000+00:00</t>
  </si>
  <si>
    <t>android|webview|android-webview|gesturedetector</t>
  </si>
  <si>
    <t>Stopping and wrapping 2 sub AsyncTask in android</t>
  </si>
  <si>
    <t>&lt;p&gt;I need to call &lt;code&gt;task()&lt;/code&gt; function from &lt;code&gt;doInBackground()&lt;/code&gt; of &lt;code&gt;AsyncTask&lt;/code&gt; class. The task function contains 2 sub-async task. So the &lt;code&gt;task()&lt;/code&gt; return immediately from &lt;code&gt;doInBackground()&lt;/code&gt;.&lt;/p&gt;
&lt;ol&gt;
&lt;li&gt;Is it possible to stop(or mark this task done)  this task from anywhere else? &lt;/li&gt;
&lt;li&gt;How to wrap two sub async task in one.&lt;/li&gt;
&lt;/ol&gt;</t>
  </si>
  <si>
    <t>2016-02-29 16:12:01.197000+00:00</t>
  </si>
  <si>
    <t>2016-02-29 18:33:58.510000+00:00</t>
  </si>
  <si>
    <t>android|multithreading</t>
  </si>
  <si>
    <t>Read &lt;img&gt; inside another element NSXMLParser</t>
  </si>
  <si>
    <t>&lt;p&gt;I'm using the NSXMLParser to parse RSS feed into my table view in my iPhone application. By using the &lt;code&gt;foundCharacter&lt;/code&gt; method I'm able to parse everything inside the &lt;code&gt;description&lt;/code&gt; element, including the &lt;code&gt;img&lt;/code&gt; tag. I get the current element from the &lt;code&gt;didStartElement&lt;/code&gt;and store it in &lt;code&gt;currentElement&lt;/code&gt;. In &lt;code&gt;foundCharacters&lt;/code&gt;:&lt;/p&gt;
&lt;pre&gt;&lt;code&gt;- (void)parser:(NSXMLParser *)parser foundCharacters:(NSString *)string
{
    if ([currentElement isEqualToString:@"description"])
    {
        [currentSummary appendString:string];
    }
}
&lt;/code&gt;&lt;/pre&gt;
&lt;p&gt;This reads the &lt;code&gt;img&lt;/code&gt; tag as plain text so my question is how can I extract this tag? It doesn't seem like the &lt;code&gt;didStartElement&lt;/code&gt; isn't called for the &lt;code&gt;img&lt;/code&gt; tag. &lt;/p&gt;
&lt;p&gt;&lt;strong&gt;Edit&lt;/strong&gt;&lt;/p&gt;
&lt;p&gt;Here is a part of the XML:&lt;/p&gt;
&lt;pre&gt;&lt;code&gt;&amp;lt;item&amp;gt;
    &amp;lt;guid&amp;gt;
        http://computersweden.idg.se/2.33337/1.599059/sa-slipper-foretagen-ur-losenordstrasket
    &amp;lt;/guid&amp;gt;
    &amp;lt;title&amp;gt;S�� slipper f��retagen ur l��senordstr��sket&amp;lt;/title&amp;gt;
    &amp;lt;description&amp;gt;
        &amp;lt;img src="http://computersweden.idg.se/polopoly_fs/1.599059.1417423831!teaserImage/imageTypeSelector/localImage/336295786.jpg" border="0"&amp;gt;&amp;lt;br&amp;gt;S��kerhetst��nkandet hamnar l��tt i en ond spiral. Intr��ng och l��ckor leder till s��kerhets��tg��rder som anv��ndarna f��rs��ker hitta v��gar runt . F��ljden blir nya intr��ng och spiralen forts��tter.
    &amp;lt;/description&amp;gt;
&lt;/code&gt;&lt;/pre&gt;</t>
  </si>
  <si>
    <t>2014-12-02 17:42:22.280000+00:00</t>
  </si>
  <si>
    <t>2014-12-02 18:11:22.517000+00:00</t>
  </si>
  <si>
    <t>objective-c|rss|nsxmlparser</t>
  </si>
  <si>
    <t>Javascript method gives nul value when dynamically choose the selector value</t>
  </si>
  <si>
    <t>&lt;p&gt;Using javascript to create the selector value dynamically, i tried to create the following code:&lt;/p&gt;
&lt;pre&gt;&lt;code&gt;function generateButton() {
    var Period = "Period";
    function add(selText, selID) {
        var sel = document.getElementById(selID);
        console.log(sel);
        var selValue = sel.value;
        return selText + selValue;
    }
    var x = add("Period: ", Period + "---");
}
 &amp;lt;select id="Period" name="Period" data-val-required="The Period field is required." data-val="true"&amp;gt;
&amp;lt;button type="submit" onclick="generateButton()"&amp;gt;Generate&amp;lt;/button&amp;gt;
&lt;/code&gt;&lt;/pre&gt;
&lt;p&gt;But getting null of sel value. Did i miss something here?&lt;/p&gt;</t>
  </si>
  <si>
    <t>2016-06-21 18:29:14.830000+00:00</t>
  </si>
  <si>
    <t>2016-06-21 18:38:43.840000+00:00</t>
  </si>
  <si>
    <t>SQL Server - query</t>
  </si>
  <si>
    <t>&lt;p&gt;I have two tables like this:&lt;/p&gt;
&lt;pre&gt;&lt;code&gt;DECLARE @OpenTickets TABLE 
(
    [Month] SMALLINT
    ,[Year] SMALLINT
    ,[TotalOpen] INT
    ,UserDepartmentID SMALLINT
)
INSERT INTO @OpenTickets 
VALUES(11, 2014, 201,36), (11, 2014, 677, 106)
DECLARE @ResolveTickets TABLE 
(
    [Month] SMALLINT
    ,[Year] SMALLINT
    ,[TotalResolved] INT
    ,UserDepartmentID SMALLINT
    ,AVR INT
)
INSERT INTO @ResolveTickets 
VALUES(11, 2014, 202, 36, 2855), (11, 2014, 591, 106, 1990)
select * from @OpenTickets
select * from @ResolveTickets
&lt;/code&gt;&lt;/pre&gt;
&lt;p&gt;I want to final output like&lt;/p&gt;
&lt;pre&gt;&lt;code&gt;Month  Year  UserDepartmentID  TotalOpen  TotalResolved   AVR
----------------------------------------------------------------
11     2014      36               201       202           2855
11     2014      106              677       106           1990  
&lt;/code&gt;&lt;/pre&gt;</t>
  </si>
  <si>
    <t>2014-11-28 12:32:41.270000+00:00</t>
  </si>
  <si>
    <t>2014-11-30 12:44:00.733000+00:00</t>
  </si>
  <si>
    <t>2014-11-28 13:31:09.460000+00:00</t>
  </si>
  <si>
    <t>Secure access to part of properties</t>
  </si>
  <si>
    <t>&lt;p&gt;In my application I have two roles (&lt;code&gt;admin&lt;/code&gt; and &lt;code&gt;normal&lt;/code&gt;). In model I have class (example):&lt;/p&gt;
&lt;pre&gt;&lt;code&gt;public class Foo
{
    [Key]
    public int Id { get; set; }
    public string Name { get; set; }
    public string Extra { get; set; }
}
&lt;/code&gt;&lt;/pre&gt;
&lt;p&gt;Users can also edit that objects and use filters to search. Application is based on WebAPI ASP.NET Core with EF Core.&lt;/p&gt;
&lt;p&gt;There is a requirement that &lt;code&gt;normal&lt;/code&gt; should not see (or do anything with it) &lt;code&gt;Extra&lt;/code&gt; property. Should I protect the data everywhere in application ( services, controllers, data access layer) by splitting model class (or something else) or just format output of endpoints by ignoring properties?&lt;/p&gt;
&lt;p&gt;One of my ideas is to create an attribute, put it on &lt;code&gt;Extra&lt;/code&gt; property and then, using &lt;code&gt;ContractResolver&lt;/code&gt; ignoring properties with that attribute when user is not eligible to see that property. Also modify EF change tracker to ignore saving that property (in same cases).&lt;/p&gt;
&lt;p&gt;Is there any pattern or strategy how to handle with that problem?&lt;/p&gt;</t>
  </si>
  <si>
    <t>2017-07-05 13:27:41.120000+00:00</t>
  </si>
  <si>
    <t>2017-07-05 13:56:53.653000+00:00</t>
  </si>
  <si>
    <t>user4175265</t>
  </si>
  <si>
    <t>c#|asp.net|asp.net-mvc|entity-framework|.net-core</t>
  </si>
  <si>
    <t>How to choose DNX for ASP.NET 5 project</t>
  </si>
  <si>
    <t>&lt;p&gt;I've created an empty ASP.NET 5 project. There're two folders under References: DNX 4.5.1 and DNX Core 5.0. As I have some dependencies that are not compatible with DNX Core 5.0, I'd like to use DNX 4.5.1 (my outdated dependencies are added there).&lt;/p&gt;
&lt;p&gt;What should I do to make my project work on DNX 4.5.1? When I go to project properties, the only DNX SDK version available is 1.0.0.0-beta5 (not sure if it's related to my question).&lt;/p&gt;</t>
  </si>
  <si>
    <t>2015-11-27 12:57:02.107000+00:00</t>
  </si>
  <si>
    <t>2015-11-28 06:05:41.820000+00:00</t>
  </si>
  <si>
    <t>asp.net|asp.net-core</t>
  </si>
  <si>
    <t>NodeJS http.request not returning data even after specifying return on the 'end' event</t>
  </si>
  <si>
    <t>&lt;p&gt;Basically I am trying to scrap some data from website and perform the DOM extraction, deletion and updation on a callback function binded to the 'end' event of &lt;code&gt;http.request&lt;/code&gt;.&lt;/p&gt;
&lt;p&gt;I have returned the data from the &lt;code&gt;'end'&lt;/code&gt; event callback too but it is not receiving in my route callback function. I get &lt;code&gt;undefined&lt;/code&gt; there.&lt;/p&gt;
&lt;p&gt;Below is the code block:&lt;/p&gt;
&lt;pre&gt;&lt;code&gt;var scraper = {
    extractEmail: function (directoryName) {
        var result = getDirectory(directoryName);
        if (result !== 404) {
            var protocol = result.https ? https : http;
            protocol.request({
                host: 'somevalue.net',
                method: "GET"
            }, function (res) {
                var data = '';
                res.on('data', function (chunk) {
                    data += chunk;
                });
                res.on('end', function () {
                    return data;
                });
            })
                .on('error', function (err) {
                    return err;
                })
                .end();
            //return data;
        }
        else {
            //return "Failed";
        }
    }
};
&lt;/code&gt;&lt;/pre&gt;
&lt;p&gt;And here is the Routes.js function:&lt;/p&gt;
&lt;pre&gt;&lt;code&gt;app.get('/:directory', function (req, res) {
    var n = scraper.extractEmail(req.params.directory);
    console.log(n);
    res.send(n);
});
&lt;/code&gt;&lt;/pre&gt;
&lt;p&gt;In here also I don't get the value of &lt;code&gt;n&lt;/code&gt;.&lt;/p&gt;</t>
  </si>
  <si>
    <t>2017-01-19 14:43:28.420000+00:00</t>
  </si>
  <si>
    <t>2017-01-19 15:07:59.993000+00:00</t>
  </si>
  <si>
    <t>javascript|node.js</t>
  </si>
  <si>
    <t>Why are changes to classes ignored after dom changes?</t>
  </si>
  <si>
    <t>&lt;p&gt;I have a price grid that uses relative positioning to move a field around, beneath a box with: &lt;code&gt;overflow: hidden;&lt;/code&gt;. In this is field, there are absolute-positioned boxes containing prices. When this box is hovered, the matching values above and left of the will change color. In order to achieve this, a class is toggled using jQuery. This initially works. &lt;/p&gt;
&lt;p&gt;However, after the grid is moved, the class change doesn't affect the block above the grid anymore. In the Chrome console, i can see the class being added, but it's css-styling isn't applied. No other styles for the element have changed. &lt;/p&gt;
&lt;p&gt;I am 100% sure there is no other style-rule influencing the element, it just stops responding to the change in class after the DOM has been altered.&lt;/p&gt;
&lt;p&gt;Can i 'refresh' the DOM somehow?&lt;/p&gt;
&lt;p&gt;&lt;strong&gt;Edit:&lt;/strong&gt;&lt;/p&gt;
&lt;p&gt;I've tried to get the relevant code only:&lt;/p&gt;
&lt;p&gt;Adding the cell in the first place:&lt;/p&gt;
&lt;pre&gt;&lt;code&gt;$("#price_dates_cells").append("&amp;lt;div id='"+weekday[theBeginDate.getDay()]+"-"+theBeginDate.getDate()+"-"+(theBeginDate.getMonth()-1)+"' class='datecell' style='left: "+( Math.floor( difference / ( 3600 * 24 * 1000) ) * ( cellwidth ) )+"px'&amp;gt;"+weekday[theBeginDate.getDay()]+"&amp;lt;br&amp;gt;"+theBeginDate.getDate()+" "+yearmonth[theBeginDate.getMonth()]+"&amp;lt;/div&amp;gt;");
&lt;/code&gt;&lt;/pre&gt;
&lt;p&gt;Toggle the class:&lt;/p&gt;
&lt;pre&gt;&lt;code&gt;var str_element = "#"+weekday[Bdate.getDay()]+"-"+Bdate.getDate()+"-"+(Bdate.getMonth()-1);
$(str_element).toggleClass("red");
&lt;/code&gt;&lt;/pre&gt;
&lt;p&gt;and the movement that seems to cause the problem:&lt;/p&gt;
&lt;pre&gt;&lt;code&gt;$('#price_grid').animate({"top": (( ( horizontalMovement ) * cellheight)) }, 'fast', 'linear');
&lt;/code&gt;&lt;/pre&gt;
&lt;p&gt;&lt;a href="http://img708.imageshack.us/img708/6491/classnotapplied.png" rel="nofollow noreferrer"&gt;Class not Applied http://img708.imageshack.us/img708/6491/classnotapplied.png&lt;/a&gt;&lt;/p&gt;</t>
  </si>
  <si>
    <t>2011-11-15 11:35:04.380000+00:00</t>
  </si>
  <si>
    <t>2011-11-16 09:48:16+00:00</t>
  </si>
  <si>
    <t>2011-11-15 11:54:58.910000+00:00</t>
  </si>
  <si>
    <t>jquery|css|dom</t>
  </si>
  <si>
    <t>How to Create a clickable map</t>
  </si>
  <si>
    <t>&lt;p&gt;I'd like to take a map of california, chop it up into regions, and then allow the user to hover over those regions. When they click on the regions It would scroll them down the page to a specified point where they could read more info. How would I do this?&lt;/p&gt;</t>
  </si>
  <si>
    <t>2014-01-22 15:28:01.520000+00:00</t>
  </si>
  <si>
    <t>2014-02-11 22:36:27.657000+00:00</t>
  </si>
  <si>
    <t>html|css|hover|maps</t>
  </si>
  <si>
    <t>Declaring, iterating, searching typelists at compile time</t>
  </si>
  <si>
    <t>&lt;p&gt;How can we work with the equivalent of boost's &lt;code&gt;mpl::vector&lt;/code&gt; in nim ?&lt;/p&gt;
&lt;pre&gt;&lt;code&gt;const mytl = [int, float, char]
template t[T](): =
  when T in mytl:
    stuff
&lt;/code&gt;&lt;/pre&gt;</t>
  </si>
  <si>
    <t>2018-03-28 17:08:12.117000+00:00</t>
  </si>
  <si>
    <t>2018-03-29 12:37:49.390000+00:00</t>
  </si>
  <si>
    <t>metaprogramming|nim|typelist</t>
  </si>
  <si>
    <t>NUnit Gets Different Hash Code Values from ReSharper vs Visual Studio 2013</t>
  </si>
  <si>
    <t>&lt;p&gt;I have a fairly simple GetHashCode() implementation in C# as per Jon Skeet's answer &lt;a href="https://stackoverflow.com/questions/263400/what-is-the-best-algorithm-for-an-overridden-system-object-gethashcode"&gt;here&lt;/a&gt;. Here is my code:&lt;/p&gt;
&lt;pre&gt;&lt;code&gt;public override int GetHashCode()
{
    unchecked
    {
        int hash = 17;
        if (Title != null)
        {
            hash = hash * 23 + Title.GetHashCode(); // Title is of type string
        }
        return hash;
    }
}
&lt;/code&gt;&lt;/pre&gt;
&lt;p&gt;When I run an NUnit test targeting this method through Visual Studio 2013's &lt;em&gt;Test Explorer&lt;/em&gt; I get one value for the hash code and when I run it through ReSharper 8's &lt;em&gt;Unit Test Explorer&lt;/em&gt; I get a different value. &lt;/p&gt;
&lt;p&gt;Here is my unit test code:&lt;/p&gt;
&lt;pre&gt;&lt;code&gt;[Test]
public void GetGetHashCode_WithLinkAndTitle()
{
    const int expected = -1272954771;
    var target = new Article
    {
        Title = "Rumble News"
    };
    var actual = target.GetHashCode();
    Assert.AreEqual(expected, actual);
}
&lt;/code&gt;&lt;/pre&gt;
&lt;p&gt;From VS 2013 I get actual == -1411317427 and from ReSharper I get actual == -1272954771.&lt;/p&gt;
&lt;p&gt;Why are the values returned from GetHasCode() different across test runners and how can I make them consistent with each other?&lt;/p&gt;</t>
  </si>
  <si>
    <t>2015-01-08 19:32:40.940000+00:00</t>
  </si>
  <si>
    <t>2015-01-08 19:39:22.857000+00:00</t>
  </si>
  <si>
    <t>c#|unit-testing|visual-studio-2013|resharper</t>
  </si>
  <si>
    <t>Currying function with unknown arguments in JavaScript</t>
  </si>
  <si>
    <t>&lt;p&gt;In a recent interview, I was asked to write a function that adds numbers and accepts parameters like this:&lt;/p&gt;
&lt;pre&gt;&lt;code&gt;add(1)(2)(3) // result is 6
add(1,2)(3,4)(5) // result is 15
&lt;/code&gt;&lt;/pre&gt;
&lt;p&gt;The number of parameters is not fixed, and the arguments can be either passed in sets or individually. &lt;/p&gt;
&lt;p&gt;How can I implement this &lt;code&gt;add&lt;/code&gt; function?&lt;/p&gt;</t>
  </si>
  <si>
    <t>2018-05-10 18:23:44.777000+00:00</t>
  </si>
  <si>
    <t>2018-05-11 10:13:09.583000+00:00</t>
  </si>
  <si>
    <t>javascript|functional-programming</t>
  </si>
  <si>
    <t>Best practice to authenticate synchronized realm</t>
  </si>
  <si>
    <t>&lt;p&gt;Trying to find any guidance on how to best authenticate to a synchronized realm and making sure not to use any reference to it before.&lt;/p&gt;
&lt;p&gt;Let's assume there is no need for a user to login, but e.g. a tableview that is being populated by binding it to a realm.objects query.&lt;/p&gt;
&lt;p&gt;If I authenticate to the remote realm in e.g. viewDidLoad() that is too late, applicationDidFinishLaunching() also too late.&lt;/p&gt;
&lt;p&gt;I could, of course, show an empty results list first or an empty local realm, but to me that all doesn't look clean.&lt;/p&gt;
&lt;p&gt;Any suggestions?&lt;/p&gt;</t>
  </si>
  <si>
    <t>2016-10-07 09:42:42.937000+00:00</t>
  </si>
  <si>
    <t>2016-10-10 09:56:21.743000+00:00</t>
  </si>
  <si>
    <t>swift|realm|realm-mobile-platform</t>
  </si>
  <si>
    <t>Bundle using Android API shows "java.lang.UnsatisfiedLinkError: android.util.Log.println_native"</t>
  </si>
  <si>
    <t>&lt;p&gt;I have an OSGI Bundle which is an eclipse plugin project. In this bundle, I am trying to use the android API to print a message on LogCat. The way I was led in these two questions &lt;a href="https://stackoverflow.com/questions/18168670/osgi-bundle-using-android-api-is-showing-java-lang-noclassdeffounderror-error"&gt;1&lt;/a&gt; , &lt;a href="https://stackoverflow.com/questions/18193183/osgi-bundle-using-android-api-is-showing-java-lang-runtimeexception-stub-at-a"&gt;2&lt;/a&gt; to achieve that is to get a real implementation of Android API and to prepare it as separate bundle which exports &lt;code&gt;android.util&lt;/code&gt; so that my bundle import &lt;code&gt;android.util&lt;/code&gt; and use it. Okay, I did all these steps. I used &lt;a href="http://grepcode.com/snapshot/repository.grepcode.com/java/ext/com.google.android/android/4.1.1_r1" rel="nofollow noreferrer"&gt;this&lt;/a&gt; android source code, and Below is my bundle's Activator class:&lt;/p&gt;
&lt;pre&gt;&lt;code&gt;package bundle_androidapi;
import org.osgi.framework.BundleActivator;
import org.osgi.framework.BundleContext;
import android.util.Log;
public class Activator implements BundleActivator {
    private static BundleContext context;
    static BundleContext getContext() {
        return context;
    }
    /*
     * (non-Javadoc)
     * @see org.osgi.framework.BundleActivator#start(org.osgi.framework.BundleContext)
     */
    public void start(BundleContext bundleContext) throws Exception {
        Activator.context = bundleContext;
        System.out.println("Hello World. I am the OSGI_Android_Bundle!");
        Log.d("Zaid Log", "Hello World. I am the OSGI_Android_Bundle!!");
    }
    /*
     * (non-Javadoc)
     * @see org.osgi.framework.BundleActivator#stop(org.osgi.framework.BundleContext)
     */
    public void stop(BundleContext bundleContext) throws Exception {
        Activator.context = null;
        System.out.println("Goodbye World. I am the OSGI_Android_Bundle!");
        Log.d("Zaid Log", "Goodbye World. I am the OSGI_Android_Bundle!!");
    }
}
&lt;/code&gt;&lt;/pre&gt;
&lt;p&gt;At the line that uses Log.d(), I get the following errors:&lt;/p&gt;
&lt;pre&gt;&lt;code&gt;!ENTRY Bundle_AndroidAPI 4 0 2013-08-14 15:10:53.638
!MESSAGE FrameworkEvent ERROR
!STACK 0
org.osgi.framework.BundleException: Exception in bundle_androidapi.Activator.start() of bundle Bundle_AndroidAPI.
    at org.eclipse.osgi.framework.internal.core.BundleContextImpl.startActivator(BundleContextImpl.java:734)
    at org.eclipse.osgi.framework.internal.core.BundleContextImpl.start(BundleContextImpl.java:683)
    at org.eclipse.osgi.framework.internal.core.BundleHost.startWorker(BundleHost.java:381)
    at org.eclipse.osgi.framework.internal.core.AbstractBundle.resume(AbstractBundle.java:390)
    at org.eclipse.osgi.framework.internal.core.Framework.resumeBundle(Framework.java:1177)
    at org.eclipse.osgi.framework.internal.core.StartLevelManager.resumeBundles(StartLevelManager.java:559)
    at org.eclipse.osgi.framework.internal.core.StartLevelManager.resumeBundles(StartLevelManager.java:544)
    at org.eclipse.osgi.framework.internal.core.StartLevelManager.incFWSL(StartLevelManager.java:457)
    at org.eclipse.osgi.framework.internal.core.StartLevelManager.doSetStartLevel(StartLevelManager.java:243)
    at org.eclipse.osgi.framework.internal.core.StartLevelManager.dispatchEvent(StartLevelManager.java:438)
    at org.eclipse.osgi.framework.internal.core.StartLevelManager.dispatchEvent(StartLevelManager.java:1)
    at org.eclipse.osgi.framework.eventmgr.EventManager.dispatchEvent(EventManager.java:230)
    at org.eclipse.osgi.framework.eventmgr.EventManager$EventThread.run(EventManager.java:340)
Caused by: java.lang.UnsatisfiedLinkError: android.util.Log.println_native(IILjava/lang/String;Ljava/lang/String;)I
    at android.util.Log.println_native(Native Method)
    at android.util.Log.d(Log.java:138)
    at bundle_androidapi.Activator.start(Activator.java:27)
    at org.eclipse.osgi.framework.internal.core.BundleContextImpl$1.run(BundleContextImpl.java:711)
    at java.security.AccessController.doPrivileged(Native Method)
    at org.eclipse.osgi.framework.internal.core.BundleContextImpl.startActivator(BundleContextImpl.java:702)
    ... 12 more
Root exception:
java.lang.UnsatisfiedLinkError: android.util.Log.println_native(IILjava/lang/String;Ljava/lang/String;)I
    at android.util.Log.println_native(Native Method)
    at android.util.Log.d(Log.java:138)
    at bundle_androidapi.Activator.start(Activator.java:27)
    at org.eclipse.osgi.framework.internal.core.BundleContextImpl$1.run(BundleContextImpl.java:711)
    at java.security.AccessController.doPrivileged(Native Method)
    at org.eclipse.osgi.framework.internal.core.BundleContextImpl.startActivator(BundleContextImpl.java:702)
    at org.eclipse.osgi.framework.internal.core.BundleContextImpl.start(BundleContextImpl.java:683)
    at org.eclipse.osgi.framework.internal.core.BundleHost.startWorker(BundleHost.java:381)
    at org.eclipse.osgi.framework.internal.core.AbstractBundle.resume(AbstractBundle.java:390)
    at org.eclipse.osgi.framework.internal.core.Framework.resumeBundle(Framework.java:1177)
    at org.eclipse.osgi.framework.internal.core.StartLevelManager.resumeBundles(StartLevelManager.java:559)
    at org.eclipse.osgi.framework.internal.core.StartLevelManager.resumeBundles(StartLevelManager.java:544)
    at org.eclipse.osgi.framework.internal.core.StartLevelManager.incFWSL(StartLevelManager.java:457)
    at org.eclipse.osgi.framework.internal.core.StartLevelManager.doSetStartLevel(StartLevelManager.java:243)
    at org.eclipse.osgi.framework.internal.core.StartLevelManager.dispatchEvent(StartLevelManager.java:438)
    at org.eclipse.osgi.framework.internal.core.StartLevelManager.dispatchEvent(StartLevelManager.java:1)
    at org.eclipse.osgi.framework.eventmgr.EventManager.dispatchEvent(EventManager.java:230)
    at org.eclipse.osgi.framework.eventmgr.EventManager$EventThread.run(EventManager.java:340)
&lt;/code&gt;&lt;/pre&gt;
&lt;p&gt;Can someone tell me how can I get rid of the above errors.&lt;/p&gt;
&lt;p&gt;Below is my MANIFEST.MF:&lt;/p&gt;
&lt;pre&gt;&lt;code&gt;Manifest-Version: 1.0
Bundle-ManifestVersion: 2
Bundle-Name: Bundle_AndroidAPI
Bundle-SymbolicName: Bundle_AndroidAPI
Bundle-Version: 1.0.0.qualifier
Bundle-Activator: bundle_androidapi.Activator
Import-Package: org.osgi.framework;version="1.3.0", android.util
Bundle-RequiredExecutionEnvironment: JavaSE-1.6
&lt;/code&gt;&lt;/pre&gt;
&lt;p&gt;&lt;strong&gt;Note:&lt;/strong&gt; I am trying since 1 week to get my bundle to use andorid API, but I keep failing. My target is not just a Log message to be printed, but to have my bundle using Android API successfully, so am I following the right way? Is there a reason, why I keep failing and getting these errors? Thanks.&lt;/p&gt;</t>
  </si>
  <si>
    <t>2013-08-14 11:31:32.467000+00:00</t>
  </si>
  <si>
    <t>2013-08-14 22:54:15.857000+00:00</t>
  </si>
  <si>
    <t>2017-05-23 12:05:18.880000+00:00</t>
  </si>
  <si>
    <t>android|osgi|logcat|android-logcat|osgi-bundle</t>
  </si>
  <si>
    <t>C# Excel interop get names all cells of sheet</t>
  </si>
  <si>
    <t>&lt;p&gt;On sheet there are some cells that are given names. How to get the names of all the cells in the worksheet, which is given a name.&lt;/p&gt;
&lt;p&gt;trying to do so&lt;/p&gt;
&lt;pre&gt;&lt;code&gt;foreach(Excel.Worksheet wSheet in excelPattern.Worksheets)
{
    treeView1.Nodes.Add(wSheet.Name,wSheet.Name);
    foreach(Excel.Name n in wSheet.Names){  
        treeView1.Nodes[wSheet.Name].Nodes.Add( n.Name);
    }
}
&lt;/code&gt;&lt;/pre&gt;
&lt;p&gt;but do not get what you need&lt;/p&gt;</t>
  </si>
  <si>
    <t>2015-04-22 19:28:10.210000+00:00</t>
  </si>
  <si>
    <t>2015-04-23 13:48:56.160000+00:00</t>
  </si>
  <si>
    <t>2015-04-23 13:38:48.417000+00:00</t>
  </si>
  <si>
    <t>c#|excel</t>
  </si>
  <si>
    <t>Bind IsEnabled value from string</t>
  </si>
  <si>
    <t>&lt;p&gt;How can I bind a value of string &lt;code&gt;Y&lt;/code&gt; or &lt;code&gt;N&lt;/code&gt; to a isEnabled Value?&lt;/p&gt;
&lt;pre&gt;&lt;code&gt;&amp;lt;TextBox IsEnabled="{Binding Path=StringValueFromSomeEntity, Mode=TwoWay, UpdateSourceTrigger=PropertyChanged}" /&amp;gt;
&lt;/code&gt;&lt;/pre&gt;
&lt;p&gt;StringValueFromSomeEntity can be a &lt;code&gt;Y&lt;/code&gt; or &lt;code&gt;N&lt;/code&gt; value.&lt;/p&gt;</t>
  </si>
  <si>
    <t>2013-02-21 07:20:45.837000+00:00</t>
  </si>
  <si>
    <t>2013-08-05 05:14:04.217000+00:00</t>
  </si>
  <si>
    <t>wpf|binding|textbox|wpf-controls|isenabled</t>
  </si>
  <si>
    <t>Warning message:: NAs introduced by coercion</t>
  </si>
  <si>
    <t>&lt;p&gt;A had stored lat and longs of polygons in  mysql database. Now i am trying to retrieve those using R. &lt;/p&gt;
&lt;pre&gt;&lt;code&gt;A &amp;lt;- list(Latitudes1,Longitudes1)
polygon(A[[1]])
&lt;/code&gt;&lt;/pre&gt;
&lt;p&gt;where latitudes1 and latitudes2 are retrieved coordinates from mysql database.&lt;/p&gt;
&lt;p&gt;&lt;img src="https://i.stack.imgur.com/sZ8N9.png" alt="enter image description here"&gt;&lt;/p&gt;
&lt;p&gt;when I run polygon(A[&lt;a href="https://i.stack.imgur.com/sZ8N9.png" rel="nofollow noreferrer"&gt;1&lt;/a&gt;]) function, A warning message generates-
Warning message:
In xy.coords(x, y, setLab = FALSE) : NAs introduced by coercion.
can somebody tell me where am I wrong?&lt;/p&gt;</t>
  </si>
  <si>
    <t>2018-01-09 18:16:05.523000+00:00</t>
  </si>
  <si>
    <t>2018-01-09 18:21:51.863000+00:00</t>
  </si>
  <si>
    <t>html5 form validation / bootstrap modal</t>
  </si>
  <si>
    <t>&lt;p&gt;I validate my form by changing input type to email. I have this form:&lt;/p&gt;
&lt;pre&gt;&lt;code&gt;    &amp;lt;form class="validation" action="#" method="get"&amp;gt;
        &amp;lt;div class="form-group"&amp;gt;
            &amp;lt;input type="email" name="email" value="" class="form-control" id="newsletter" placeholder="Your Email"&amp;gt;
            &amp;lt;button data-toggle="modal" data-target="#answer" type="submit" value="Sign up Now"  data-error="Bruh, that email address is invalid" required &amp;gt;&amp;lt;i class="fa fa-angle-double-right"&amp;gt;&amp;lt;/i&amp;gt;&amp;lt;/button&amp;gt;
        &amp;lt;/div&amp;gt;
    &amp;lt;/form&amp;gt;
&lt;/code&gt;&lt;/pre&gt;
&lt;p&gt;If there's a valid email address on submit, I want a modal to open. I'm using Bootstrap to achieve this. The problem is that the modal opens on submit even when the email is not valid. How can I fix this? &lt;/p&gt;</t>
  </si>
  <si>
    <t>2015-09-04 12:18:39.767000+00:00</t>
  </si>
  <si>
    <t>2016-03-03 19:46:04.727000+00:00</t>
  </si>
  <si>
    <t>html5|twitter-bootstrap|validation</t>
  </si>
  <si>
    <t>Why subclasses override virtual functions can not change parent class default function parameters?</t>
  </si>
  <si>
    <t>&lt;p&gt;I read some code from a book,like this:&lt;/p&gt;
&lt;pre&gt;&lt;code&gt;#include&amp;lt;iostream&amp;gt;
using namespace std;
class Father
{
public:
    virtual void test(int value=520)
    {
        cout&amp;lt;&amp;lt;"father:"&amp;lt;&amp;lt;value&amp;lt;&amp;lt;endl;
    }
};
class Son :public Father
{
public:
    virtual void test(int value=250)
    {
        cout&amp;lt;&amp;lt;"son:"&amp;lt;&amp;lt;value&amp;lt;&amp;lt;endl;
    }
};
int main()
{
    Son* son =new Son;
    son-&amp;gt;test();
    Father* fson= son;
    fson-&amp;gt;test();
}
&lt;/code&gt;&lt;/pre&gt;
&lt;p&gt;The program output:&lt;/p&gt;
&lt;blockquote&gt;
  &lt;p&gt;son250 &lt;/p&gt;
  &lt;p&gt;son520&lt;/p&gt;
&lt;/blockquote&gt;
&lt;p&gt;The book says, default parameters of virtual functions determined at compile.&lt;/p&gt;
&lt;p&gt;My question is:
The default parameters of a virtual function Why not decide at runtime? Like virtual function itself.&lt;/p&gt;</t>
  </si>
  <si>
    <t>2015-03-03 07:26:02.703000+00:00</t>
  </si>
  <si>
    <t>2015-03-03 07:56:51.303000+00:00</t>
  </si>
  <si>
    <t>"go get" git error on all sources but golang.org</t>
  </si>
  <si>
    <t>&lt;p&gt;&lt;strong&gt;go version go1.5.1 windows/amd64
git version 1.9.5.msysgit.1&lt;/strong&gt;&lt;/p&gt;
&lt;p&gt;I have been trying to get some Go libraries.
They are downloaded fine, when accessed on golang.org
but github.com or google.golang.org packages give an error.&lt;/p&gt;
&lt;pre&gt;&lt;code&gt;There is no tracking information for the current branch.
Please specify which branch you want to merge with.
See git-pull(1) for details
&lt;/code&gt;&lt;/pre&gt;
&lt;p&gt;&lt;a href="https://i.stack.imgur.com/P8ved.jpg" rel="nofollow noreferrer"&gt;&lt;img src="https://i.stack.imgur.com/P8ved.jpg" alt="go get gives an error when fetching from google.golang.org"&gt;&lt;/a&gt;&lt;/p&gt;
&lt;p&gt;&lt;a href="https://i.stack.imgur.com/rD8F0.jpg" rel="nofollow noreferrer"&gt;&lt;img src="https://i.stack.imgur.com/rD8F0.jpg" alt="go get gives no error when fetching from golang.org"&gt;&lt;/a&gt;&lt;/p&gt;</t>
  </si>
  <si>
    <t>2015-10-11 11:17:26.970000+00:00</t>
  </si>
  <si>
    <t>2017-07-04 02:33:55.713000+00:00</t>
  </si>
  <si>
    <t>git|github|go</t>
  </si>
  <si>
    <t>What would happen internally when "Fish f = new BlueFish();"?</t>
  </si>
  <si>
    <t>&lt;p&gt;Suppose we have:&lt;/p&gt;
&lt;pre&gt;&lt;code&gt;  1 public class DynamicDispatch {
  2     public static void main(String[] args) {
  3         Fish f = new BlueFish();
  4         f.speak();
  5     }
  6 }
  7 
  8 abstract class Fish {
  9     abstract String speak();
 10 }
 11 
 12 class BlueFish extends Fish {
 13     String speak() {
 14         return "I am a blue fish";
 15     }
 16 }
 17 
 18 class CatFish extends Fish {
 19     String speak() {
 20         return "I am a cat fish";
 21     }
 22 }
&lt;/code&gt;&lt;/pre&gt;
&lt;p&gt;&lt;strong&gt;Question&lt;/strong&gt;: &lt;/p&gt;
&lt;ol&gt;
&lt;li&gt;&lt;p&gt;From the assembly, a BlueFish object was created. But why the &lt;code&gt;javac&lt;/code&gt; didn't realize that &lt;code&gt;BlueFish.speak()&lt;/code&gt; should be invoked?&lt;/p&gt;&lt;/li&gt;
&lt;li&gt;&lt;p&gt;During runtime, how does the JVM handle &lt;code&gt;invokespecial #4&lt;/code&gt;, so that the right target wil be called? &lt;/p&gt;&lt;/li&gt;
&lt;/ol&gt;
&lt;p&gt;FYI, the &lt;code&gt;javap -c&lt;/code&gt; output is:&lt;/p&gt;
&lt;pre&gt;&lt;code&gt;Compiled from "DynamicDispatch.java"
public class DynamicDispatch extends java.lang.Object{
public DynamicDispatch();
  Code:
   0:   aload_0
   1:   invokespecial   #1; //Method java/lang/Object."&amp;lt;init&amp;gt;":()V
   4:   return
public static void main(java.lang.String[]);
  Code:
   0:   new #2; //class BlueFish
   3:   dup
   4:   invokespecial   #3; //Method BlueFish."&amp;lt;init&amp;gt;":()V
   7:   astore_1
   8:   aload_1
   9:   invokevirtual   #4; //Method Fish.speak:()Ljava/lang/String;
   12:  pop
   13:  return
}
&lt;/code&gt;&lt;/pre&gt;</t>
  </si>
  <si>
    <t>2013-07-12 00:37:47.843000+00:00</t>
  </si>
  <si>
    <t>2013-07-16 23:47:49.840000+00:00</t>
  </si>
  <si>
    <t>2013-07-12 00:52:37.067000+00:00</t>
  </si>
  <si>
    <t>java|jvm|javac|dynamic-binding|dynamic-dispatch</t>
  </si>
  <si>
    <t>How to Organizing the X-axis using Plot_ly in R</t>
  </si>
  <si>
    <t>&lt;p&gt;I need help tackling this organization problem within Plotly. I searched through previous questions and while I did find similar problems, I could not find exactly what I needed or it wasn't explained in a way I could apply to my dataset.&lt;/p&gt;
&lt;p&gt;My X-axis is supposed to be a time line between 0-13 days. The problem I am having is that Plotly organizes the axis in a way which makes days 11 and 13 come before 4-8. I also have what is called an "Initial day" in the X-axis, which might be throwing off the X-axis as a whole.&lt;/p&gt;
&lt;p&gt;My code is this:&lt;/p&gt;
&lt;pre&gt;&lt;code&gt;TLEXline &amp;lt;- plot_ly(TLEX, x = ~Time.line, y = ~Volume, type = "scatter", mode = "lines", linetype = ~Experimental.Group, color = I("black")) %&amp;gt;%
  layout(title = "MouseData",
         xaxis = list(title = "Time Line"),
         yaxis = list("Volume"))
&lt;/code&gt;&lt;/pre&gt;
&lt;p&gt;Which creates this: &lt;/p&gt;
&lt;p&gt;&lt;a href="https://i.stack.imgur.com/oH1C9.png" rel="nofollow noreferrer"&gt;&lt;img src="https://i.stack.imgur.com/oH1C9.png" alt="enter image description here"&gt;&lt;/a&gt;&lt;/p&gt;</t>
  </si>
  <si>
    <t>2017-02-13 20:42:32.813000+00:00</t>
  </si>
  <si>
    <t>2017-02-13 21:18:53.623000+00:00</t>
  </si>
  <si>
    <t>2017-02-13 20:53:57.687000+00:00</t>
  </si>
  <si>
    <t>r|plotly</t>
  </si>
  <si>
    <t>Mysql search similar integer by partial matching</t>
  </si>
  <si>
    <t>&lt;p&gt;Ok. I'll try to describe my case a bit detailed.
I have asked 6 questions (Yes/No) to 4 users and recorded this answers as string vars (1-Yes, 0-No). So as a result I have:&lt;/p&gt;
&lt;pre&gt;&lt;code&gt;CREATE TABLE `answers` (
  `user_id` int(10) unsigned NOT NULL,
  `answers` int(6) DEFAULT NULL,
  PRIMARY KEY (`user_id`)
);
INSERT INTO `answers` VALUES ('1', '111111');
INSERT INTO `answers` VALUES ('2', '111000');
INSERT INTO `answers` VALUES ('3', '110011');
INSERT INTO `answers` VALUES ('4', '100001');
&lt;/code&gt;&lt;/pre&gt;
&lt;p&gt;Now I'm trying to find results similar to my '111111' result (I answered &lt;em&gt;Yes&lt;/em&gt; to all questions). Interesting in 50% matching rows.&lt;/p&gt;
&lt;p&gt;User #1 has 100% matching answers 111111=111111&lt;br&gt;
User #2 has 50% matching answers 111000 -&gt; 111111&lt;br&gt;
...and so on&lt;/p&gt;
&lt;p&gt;So I want to discover what query will find 50% matching rows for me :)&lt;/p&gt;</t>
  </si>
  <si>
    <t>2012-12-02 11:44:03.040000+00:00</t>
  </si>
  <si>
    <t>2012-12-03 02:05:58.170000+00:00</t>
  </si>
  <si>
    <t>2012-12-02 17:41:45.460000+00:00</t>
  </si>
  <si>
    <t>mysql|matching</t>
  </si>
  <si>
    <t>Get a url from a django form and beautiful soup</t>
  </si>
  <si>
    <t>&lt;p&gt;I have a Django form and a python function that counts words. 
So now when I input any text in the form, the program counts me the words.
My form is this one: &lt;/p&gt;
&lt;pre&gt;&lt;code&gt;&amp;lt;html&amp;gt;
&amp;lt;form method="POST" action="" id = "loginForm"&amp;gt;
       {% csrf_token %}
    &amp;lt;input type="text" name="text" value= '{% if submitbutton == "Submit" %} {{ firstname }} {% endif %}'/&amp;gt;
    &amp;lt;input type="reset" name="Reset" value="Reset" /&amp;gt;
    &amp;lt;input type="Submit" name="Submit" value="Submit" /&amp;gt;
    {% if submitbutton == "Submit"  %}
    &amp;lt;h1 name = "resultado1"&amp;gt; texto introducido: {{ text }}&amp;lt;/h1&amp;gt;
    &amp;lt;h1 name="resultado2"&amp;gt; tipo: {{ type }}&amp;lt;/h1&amp;gt;
{% endif %}
&amp;lt;/form&amp;gt;
&amp;lt;/html&amp;gt;
&lt;/code&gt;&lt;/pre&gt;
&lt;p&gt;Is there a way where I can get the text in the input, and use it somehow? For example: paste an url in the form and click "submit" to get the data. 
This is the &lt;code&gt;views.py&lt;/code&gt;&lt;/p&gt;
&lt;pre&gt;&lt;code&gt;from django.shortcuts import render
import urllib
from bs4 import BeautifulSoup
from sample import text_examples
def vistaFormulario(request):
    text = request.POST.get('text')
    submitbutton = request.POST.get('Submit')
    m=str(text)
&lt;/code&gt;&lt;/pre&gt;
&lt;p&gt;Neither &lt;code&gt;text&lt;/code&gt;nor &lt;code&gt;m&lt;/code&gt; have what I input in the form (an url that I mentioned, for example).&lt;/p&gt;</t>
  </si>
  <si>
    <t>2018-06-04 23:32:22.227000+00:00</t>
  </si>
  <si>
    <t>2018-11-02 08:17:34.670000+00:00</t>
  </si>
  <si>
    <t>python|django|beautifulsoup|django-forms</t>
  </si>
  <si>
    <t>Passing values from sub to function in Excel VBA</t>
  </si>
  <si>
    <t>&lt;p&gt;I keep getting a ByRef error and I just can't seem to figure it out.
The code is all written in the same module.&lt;/p&gt;
&lt;pre&gt;&lt;code&gt;Sub GetTime(Labelname As Object)
Dim Hint, Mint, Sint As Integer
Dim time As String
Hint = CInt(Hour(Now))
Mint = CInt(Minute(Now))
Sint = CInt(Second(Now))
time = CorrectTime(Hint, Mint, Sint)
Private Function CorrectTime(Hours As Integer, Minutes As Integer, Seconds As Integer) As String
Dim HS, MS, SS As String
If Len(CStr(Hours)) = 1 Then
    HS = "0" &amp;amp; CStr(Hours)
Else
    HS = CStr(Hours)
End If
If Len(CStr(Minutes)) = 1 Then
    MS = "0" &amp;amp; CStr(Minutes)
Else
    MS = CStr(Minutes)
End If
If Len(CStr(Seconds)) = 1 Then
    SS = "0" &amp;amp; CStr(Seconds)
Else
    SS = CStr(Seconds)
End If
CorrectTime = HS &amp;amp; ":" &amp;amp; MS &amp;amp; ":" &amp;amp; SS
End Function
&lt;/code&gt;&lt;/pre&gt;
&lt;p&gt;whenever i try to run the code, it gives me an error in&lt;/p&gt;
&lt;pre&gt;&lt;code&gt;time = CorrectTime(Hint, Mint, Sint)
&lt;/code&gt;&lt;/pre&gt;
&lt;p&gt;and the error type will be ByRef mismatch.&lt;/p&gt;
&lt;p&gt;What am I not seeing that would solve this problem?&lt;/p&gt;</t>
  </si>
  <si>
    <t>2015-03-29 12:33:51.690000+00:00</t>
  </si>
  <si>
    <t>2015-03-29 12:39:26.737000+00:00</t>
  </si>
  <si>
    <t>Is there any way to live edit your local html file but the output appears instantly on chrome?</t>
  </si>
  <si>
    <t>&lt;p&gt;I like how when I use F12 on chrome I can edit a page live and check the source files and all that, but I would like to be able to use this on my own website so that every edit I make using F12 is instantly saved to the local html/css file. I like the live output is what I mean. Are there any programs like this? I've tried extensions as well but they all seem to be standalone nothing to do with the website I am browsing through. Is there any way to run F12 as the owner of the website?&lt;/p&gt;</t>
  </si>
  <si>
    <t>2017-08-12 09:25:41.860000+00:00</t>
  </si>
  <si>
    <t>2017-08-12 09:30:07.947000+00:00</t>
  </si>
  <si>
    <t>html|google-chrome</t>
  </si>
  <si>
    <t>Is it possible to have a std::unordered_map&lt;Class, Class&gt; as a member of Class?</t>
  </si>
  <si>
    <t>&lt;p&gt;Can the &lt;code&gt;struct var&lt;/code&gt; have a member &lt;code&gt;std::unordered_map&amp;lt;var, var&amp;gt;&lt;/code&gt;?&lt;/p&gt;
&lt;p&gt;Here is a code example that is not compiling because &lt;code&gt;hash&amp;lt;json::var&amp;gt;&lt;/code&gt; is declared after the use of &lt;code&gt;dict json_dict = dict();&lt;/code&gt;:&lt;/p&gt;
&lt;pre&gt;&lt;code&gt;namespace json
{
    struct var;
    using dict = std::unordered_map&amp;lt;var, var&amp;gt;;
    struct var
    {
        int integer = 0;
        std::string string = "";
        dict json_dict = dict();
    }
}
namespace std
{
    template&amp;lt;&amp;gt; struct hash&amp;lt;json::var&amp;gt;
    {
        std::size_t operator()(const json::var&amp;amp; k) const
        {
            return hash&amp;lt;string&amp;gt;()(k.string);
        }
    };
}
&lt;/code&gt;&lt;/pre&gt;
&lt;p&gt;Is there a solution preferably without using pointers?&lt;/p&gt;</t>
  </si>
  <si>
    <t>2017-05-03 10:49:26.677000+00:00</t>
  </si>
  <si>
    <t>2017-05-03 10:55:18.373000+00:00</t>
  </si>
  <si>
    <t>c++|unordered-map</t>
  </si>
  <si>
    <t>Can't change dart theme style for metro list view in c#</t>
  </si>
  <si>
    <t>&lt;p&gt;I use metro ui form and tried to change dark theme style for metro listview. But I don't know why metro list view them is always a light theme when I run&lt;/p&gt;
&lt;p&gt;&lt;a href="https://i.stack.imgur.com/QbFuK.png" rel="nofollow noreferrer"&gt;&lt;img src="https://i.stack.imgur.com/QbFuK.png" alt="enter image description here"&gt;&lt;/a&gt;&lt;/p&gt;
&lt;p&gt;And when I run it, It's always a light themes style. &lt;/p&gt;
&lt;p&gt;Is there any wrong with metro listview&lt;/p&gt;</t>
  </si>
  <si>
    <t>2018-03-31 09:12:00.240000+00:00</t>
  </si>
  <si>
    <t>2018-08-27 05:39:03.447000+00:00</t>
  </si>
  <si>
    <t>c#|metro-ui-css</t>
  </si>
  <si>
    <t>Fragment transition?</t>
  </si>
  <si>
    <t>&lt;p&gt;Any help would be great with my issue. Basically I'm using &lt;a href="http://javatechig.com/android/navigation-drawer-android-example" rel="nofollow"&gt;this&lt;/a&gt; tutorial and its a web view fragment. So I got rid of the &lt;code&gt;WebView&lt;/code&gt; and made new activities. My issue is connection the activities with the drawer so then every thing goes to a different activity. Once again, any idea on how to do this would be helpful. &lt;/p&gt;</t>
  </si>
  <si>
    <t>2014-02-20 20:45:46.477000+00:00</t>
  </si>
  <si>
    <t>2014-02-20 21:50:58.953000+00:00</t>
  </si>
  <si>
    <t>2014-02-20 20:46:48.787000+00:00</t>
  </si>
  <si>
    <t>java|android|xml|android-fragments</t>
  </si>
  <si>
    <t>How can I create a unique activation code?</t>
  </si>
  <si>
    <t>&lt;p&gt;I am trying to create a unique activation code that doesn't already exist in the database. My question is how can I test this?&lt;/p&gt;
&lt;p&gt;I tried using a breakpoint then changing the db table to the new result but it doesn't pick up&lt;/p&gt;
&lt;pre&gt;&lt;code&gt;private string CreateActivationCode()
{
    string chars = "ABCDEFGHIJKLMNOPQRSTUVWXYZ";
    Random random = new Random();
    string result = new string(
        Enumerable.Repeat(chars, 4)
                  .Select(s =&amp;gt; s[random.Next(s.Length)])
                  .ToArray());
    IEnumerable&amp;lt;string&amp;gt; existingActivationKeys = _mobileDeviceService.GetAll().Select(x =&amp;gt; x.UsageKey).ToList();
    if (existingActivationKeys.Contains(result))
    {
        //USE GO TO????
        CreateUsageKey();
    }
    return result;
}
&lt;/code&gt;&lt;/pre&gt;</t>
  </si>
  <si>
    <t>2014-04-02 22:19:18.383000+00:00</t>
  </si>
  <si>
    <t>2017-08-22 20:55:13.220000+00:00</t>
  </si>
  <si>
    <t>2014-04-02 23:48:33.973000+00:00</t>
  </si>
  <si>
    <t>c#|asp.net-mvc|asp.net-mvc-3|key|activation</t>
  </si>
  <si>
    <t>SQL Server CE error message</t>
  </si>
  <si>
    <t>&lt;p&gt;I passed the following query to SQL Server CE via C# code, I used the following query string:&lt;/p&gt;
&lt;pre&gt;&lt;code&gt;string query = "Create table R_and_R_2nd_(7518) (Manpower_Name NVARCHAR(50),
                Instance INT, Start NVARCHAR(30), [End] NVARCHAR(30));" 
&lt;/code&gt;&lt;/pre&gt;
&lt;p&gt;I get the following error:&lt;/p&gt;
&lt;blockquote&gt;
  &lt;p&gt;There was an error parsing the query.&lt;br&gt;
  [ Token line number = 1,Token line offset = 27,Token in error = 7518 ]&lt;/p&gt;
&lt;/blockquote&gt;
&lt;p&gt;Is it because of the parenthesis in the table name or is it something else?&lt;/p&gt;</t>
  </si>
  <si>
    <t>2013-05-11 17:14:35.280000+00:00</t>
  </si>
  <si>
    <t>2013-05-11 20:54:22.243000+00:00</t>
  </si>
  <si>
    <t>c#|sql-server-ce</t>
  </si>
  <si>
    <t>Ng-Show With Cookies</t>
  </si>
  <si>
    <t>&lt;p&gt;I am trying to set the ng-show variable isloggedout with the cookie Value, which is working (therefore the $scope.isloggedout is either true or false) which should trigger the ng-show or ng-hide which is clearly not working.&lt;/p&gt;
&lt;p&gt;My App controller:&lt;/p&gt;
&lt;pre&gt;&lt;code&gt;app.controller('projectCtrl', ['$scope', '$http', '$location', '$cookies', '$cookieStore', '$window',
function($scope, $http ,$location,$cookies,$cookieStore,$windows)   {
    $scope.isloggedout = $cookieStore.get('value');
}]);
&lt;/code&gt;&lt;/pre&gt;
&lt;p&gt;My HTML:&lt;/p&gt;
&lt;pre&gt;&lt;code&gt;&amp;lt;html ng-app="rjtApp" ng-controller="projectCtrl"&amp;gt;
    &amp;lt;div &amp;gt;
    &amp;lt;ul class="nav navbar-nav navbar-right"  &amp;gt;
    &amp;lt;li&amp;gt;&amp;lt;a href="#Signout" &amp;gt;Login &amp;lt;span class="glyphicon glyphicon-user"  ng-show="isloggedout"&amp;gt;&amp;lt;/span&amp;gt;&amp;lt;/a&amp;gt;&amp;lt;/li&amp;gt;
    &amp;lt;li&amp;gt;&amp;lt;a href="#Login" &amp;gt;LogOut &amp;lt;span class="glyphicon glyphicon-user" ng-show="!isloggedout"&amp;gt;&amp;lt;/span&amp;gt;&amp;lt;/a&amp;gt;&amp;lt;/li&amp;gt;&amp;lt;/ul&amp;gt;
    &amp;lt;/div&amp;gt;
&amp;lt;/html&amp;gt;
&lt;/code&gt;&lt;/pre&gt;
&lt;p&gt;any help?&lt;/p&gt;</t>
  </si>
  <si>
    <t>2015-12-09 18:24:38.610000+00:00</t>
  </si>
  <si>
    <t>2015-12-09 19:04:43.800000+00:00</t>
  </si>
  <si>
    <t>angularjs|scope|ng-show|ng-controller</t>
  </si>
  <si>
    <t>Initializing non static member : C++ and Java comparison</t>
  </si>
  <si>
    <t>&lt;p&gt;I am from C++ background and learning Java.&lt;/p&gt;
&lt;p&gt;In C++ we can not initialize a non static member inside the class definition as shown below:&lt;/p&gt;
&lt;pre&gt;&lt;code&gt;#include &amp;lt;iostream&amp;gt;
using namespace std;
class myClass{
    int i=10;//Error
    public:
    void set_i()
    {
        i=10;
        }
    void get_i()
        {
            cout &amp;lt;&amp;lt; i &amp;lt;&amp;lt; endl;
        }
};
int main()
{
 myClass ob;
 ob.set_i();
 ob.get_i();
 return 0;
    }
&lt;/code&gt;&lt;/pre&gt;
&lt;p&gt;Throws compilation error:&lt;/p&gt;
&lt;pre&gt;&lt;code&gt;$ g++ -Wall Test.cpp -o Test
Test.cpp:8: error: ISO C++ forbids initialization of member `i'
Test.cpp:8: error: making `i' static
Test.cpp:8: error: ISO C++ forbids in-class initialization of non-const static member    `i'
&lt;/code&gt;&lt;/pre&gt;
&lt;p&gt;But it is allowed in Java:&lt;/p&gt;
&lt;pre&gt;&lt;code&gt;class Test{
    private int i=10; //No Error
    public static void main(String[] args)
    {
        Test t= new Test();
        System.out.println(t.i);
        }
    }
&lt;/code&gt;&lt;/pre&gt;
&lt;p&gt;It compiles and runs successfully in JAVA.&lt;/p&gt;
&lt;p&gt;Can someone tell me the reason for this difference?&lt;/p&gt;
&lt;p&gt;Thanks&lt;/p&gt;
&lt;p&gt;@Those who flagged this question as un-useful. This is a valid question:&lt;/p&gt;
&lt;p&gt;Based on below reference:
&lt;a href="http://publib.boulder.ibm.com/infocenter/lnxpcomp/v8v101/index.jsp?topic=%2Fcom.ibm.xlcpp8l.doc%2Flanguage%2Fref%2Fcplr038.htm" rel="nofollow"&gt;http://publib.boulder.ibm.com/infocenter/lnxpcomp/v8v101/index.jsp?topic=%2Fcom.ibm.xlcpp8l.doc%2Flanguage%2Fref%2Fcplr038.htm&lt;/a&gt;&lt;/p&gt;
&lt;p&gt;"Once you define a static data member, it exists even though no objects of the static data member's class exist."&lt;/p&gt;
&lt;p&gt;It means then:
C++ does not allow this because there is no instance created for that data variable unless an object of the class is created first. If that is not the case with java, it means an instance of a data member does exist even if no object of that class has been created.&lt;/p&gt;
&lt;p&gt;And also Java takes C++ as base, so there must be some concrete reason to make this difference between the two languages.&lt;/p&gt;</t>
  </si>
  <si>
    <t>2013-02-19 03:32:47.033000+00:00</t>
  </si>
  <si>
    <t>2013-02-19 05:25:54.640000+00:00</t>
  </si>
  <si>
    <t>2013-02-19 04:04:26.567000+00:00</t>
  </si>
  <si>
    <t>java|c++</t>
  </si>
  <si>
    <t>Using the ng-model</t>
  </si>
  <si>
    <t>&lt;p&gt;I am working on a save feature using angularjs, web api and entity frame work.  When the user clicks add new button  I initialize some fields to default values.  I have an itemDetail object and an itemPrice object.  Both have an itemNo field.  On the form itemDetail is updated by the ng-model.  How can I also get that value in the newItemPrice()?&lt;/p&gt;
&lt;p&gt;HTML:&lt;/p&gt;
&lt;pre&gt;&lt;code&gt;&amp;lt;input type="text" name="itemNo" class="form-control" id="itemNumber" ng-model="vm.item.itemDetail.itemNo" /&amp;gt;
&lt;/code&gt;&lt;/pre&gt;
&lt;p&gt;Controller&lt;/p&gt;
&lt;pre&gt;&lt;code&gt;    function newItemDetail() {
    return {
        id: 0,
        itemId: 0,
        itemNo:'',
        onHandQty: 0,
        storeListPrice: 5000.00,
        inventoried: false,
    }
}
function newItemPrice() {
    return {
        id: 0,
        itemId: 0,
        itemNo: '',
        country: 'USA',
        region: 1,
        discountPercent: 10,
        erpDeleted: false,
        deleteRemote: false,
    }
}
&lt;/code&gt;&lt;/pre&gt;</t>
  </si>
  <si>
    <t>2016-05-16 22:43:32.497000+00:00</t>
  </si>
  <si>
    <t>2016-05-16 23:10:22.600000+00:00</t>
  </si>
  <si>
    <t>angularjs|angular-ngmodel|angularjs-ng-model</t>
  </si>
  <si>
    <t>Qt evaluateJavaScript problems</t>
  </si>
  <si>
    <t>&lt;p&gt;I have a qt app with a qwebview that is using a google maps, there is no problem while initializing google maps; but when i try to add a marker like this:&lt;/p&gt;
&lt;p&gt;ui-&gt;webView-&gt;page()-&gt;mainFrame()-&gt;evaluateJavaScript(QString("addmarker(-34.659639, -58.468231);"));&lt;/p&gt;
&lt;p&gt;I get QVariant(Invalid).&lt;/p&gt;
&lt;p&gt;My javascript code is as follows:&lt;/p&gt;
&lt;pre&gt;&lt;code&gt;&amp;lt;script type="text/javascript" src="http://maps.googleapis.com/maps/api/js?sensor=false"&amp;gt;&amp;lt;/script&amp;gt;
&amp;lt;script type="text/javascript"&amp;gt;
  var map;
  var marker;
  var myLatlng = new google.maps.LatLng(-34, -58);
  function initialize() {
    var myOptions = {
      zoom: 14,
      center: new google.maps.LatLng(-34, -58),
      mapTypeId: google.maps.MapTypeId.HYBRID,
      zoomControl: true,
      zoomControlOptions: { style: google.maps.ZoomControlStyle.SMALL },
    };
    map = new google.maps.Map(document.getElementById('map_canvas'), myOptions);
  } 
  // Add a marker to the map and push to the array.
  function addmarker(location) {
    var Latlng = new google.maps.LatLng(location);
    marker = new google.maps.Marker({
    position: Latlng,
    map: map,
    title: "marker"
  });
  }
&lt;/code&gt;&lt;/pre&gt;
&lt;p&gt;Please can any one help with this?
Thanks in advance,
Regards&lt;/p&gt;</t>
  </si>
  <si>
    <t>2014-11-08 03:55:18.097000+00:00</t>
  </si>
  <si>
    <t>2014-11-18 13:00:49.677000+00:00</t>
  </si>
  <si>
    <t>javascript|qt|google-maps</t>
  </si>
  <si>
    <t>Bundle inside Intent from Native cpp application using Binder</t>
  </si>
  <si>
    <t>&lt;p&gt;I'm trying to call an intent from native cpp code.
Basically, from what i've understand, i have to compose a Parcel to match the exact deserialization sequence from frameworks/base/core/java/android/app/ActivityManagerNative.java ; case BROADCAST_INTENT_TRANSACTION.&lt;/p&gt;
&lt;p&gt;The progress so far is that i've received the intent in a Java app, but i have some problem with the bundle payload. I've debugged the Java app and it seems that it reads garbage as an int instead of reading the int which holds the type for the keys of the bundle.&lt;/p&gt;
&lt;pre&gt;&lt;code&gt;W/System.err( 1386): java.lang.RuntimeException: Parcel android.os.Parcel@71aa5c5: Unmarshalling unknown type code 6815843 at offset 12
W/System.err( 1386):    at android.os.Parcel.readValue(Parcel.java:2228)
W/System.err( 1386):    at android.os.Parcel.readArrayMapInternal(Parcel.java:2485)
W/System.err( 1386):    at android.os.BaseBundle.unparcel(BaseBundle.java:221
&lt;/code&gt;&lt;/pre&gt;
&lt;p&gt;Here is the native code used&lt;/p&gt;
&lt;pre&gt;&lt;code&gt;#include &amp;lt;unistd.h&amp;gt;
#include &amp;lt;binder/IBinder.h&amp;gt;
#include &amp;lt;binder/IServiceManager.h&amp;gt;
#include &amp;lt;binder/Parcel.h&amp;gt;
#include &amp;lt;utils/String8.h&amp;gt;
#include &amp;lt;assert.h&amp;gt;
namespace android {
static const int BROADCAST_INTENT_TRANSACTION = IBinder::FIRST_CALL_TRANSACTION + 13;
int send_intent()
{
    int NULL_TYPE_ID = 0;
    sp&amp;lt;IServiceManager&amp;gt; sm = defaultServiceManager();
    sp&amp;lt;IBinder&amp;gt; am = sm-&amp;gt;checkService(String16("activity"));
    assert(am != NULL);
    Parcel data, reply;
    data.writeInterfaceToken(String16("android.app.IActivityManager"));
    data.writeStrongBinder(NULL);
    /*intent*/
    data.writeString16(String16("com.etc.etc.receiver")); /* action */
    data.writeInt32(NULL_TYPE_ID); /* mData */
    data.writeString16(NULL, 0); /* type */
    data.writeInt32(0); /* flags */
    data.writeString16(NULL, 0); /* package name  */
    data.writeString16(NULL, 0); /* ComponentName - class */
    data.writeInt32(0); /*  no source bounds */
    data.writeInt32(0); /* no categories  */
    /* skip categories */
    data.writeInt32(0); /* no selector  */
    data.writeInt32(0); /* no clip data  */
    data.writeInt32(0); /* content user hint */
    { /* Extras Bundle */
        data.writeInt32(0); /* dummy, will hold length */
        data.writeInt32(0x4C444E42); // 'B' 'N' 'D' 'L'
        int oldPos = data.dataPosition();
        { /* writeMapInternal */
            data.writeInt32(2); /* writeMapInternal - size in pairs */
            data.writeInt32(VAL_STRING); /* type for key */
            data.writeString16(String16("first")); /* key */
            data.writeInt32(VAL_INTEGER); /* type for value */
            data.writeInt32(1337); /* value */
            data.writeInt32(VAL_STRING); /* type for key */
            data.writeString16(String16("second")); /* key */
            data.writeInt32(VAL_INTEGER);   /* type for value */
            data.writeInt32(1338); /* value */
        }
        int newPos = data.dataPosition();
        data.setDataPosition(oldPos - 8); /* eight bytes: size integer + bundle integer  */
        int difference = newPos - oldPos;
        data.writeInt32(difference); /* total length of the bundle */
        data.setDataPosition(newPos);
    }
    data.writeString16(NULL, 0); /* resolvedType */
    data.writeStrongBinder(NULL); /* resultTo */
    data.writeInt32(-1);          /* resultCode */
    data.writeString16(NULL, 0);  /* resultData */
    data.writeInt32(-1);        /* result extras */
    data.writeString16(NULL, 0);  /* grant all permissions */
    data.writeInt32(0); /* appOp */
    data.writeInt32(0); /* serialized */
    data.writeInt32(0); /* sticky */
    data.writeInt32(0); /* userid */
    status_t ret = am-&amp;gt;transact(BROADCAST_INTENT_TRANSACTION, data, &amp;amp;reply);
    if (ret == NO_ERROR)
    {
        int32_t exceptionCode = reply.readExceptionCode();
        if (!exceptionCode)
        {
            ALOGD("sendBroadcast succeed\n");
        }
        else
        {
            // An exception was thrown back; fall through to return failure
            ALOGE("sendBroadcastcaught exception %d\n", exceptionCode);
        }
    }
    else
    {
        ALOGD("am-&amp;gt;transact returned: %d", ret);
    }
    return 0;
}
};
&lt;/code&gt;&lt;/pre&gt;</t>
  </si>
  <si>
    <t>2016-05-18 13:12:36.053000+00:00</t>
  </si>
  <si>
    <t>2018-03-23 22:03:45.917000+00:00</t>
  </si>
  <si>
    <t>android|c++|android-intent|android-binder</t>
  </si>
  <si>
    <t>How to can a fragment in TabActivity from AppActivity</t>
  </si>
  <si>
    <t>&lt;p&gt;I am novice and trying to develop some app in my mind. Stuck with below error.&lt;/p&gt;
&lt;p&gt;I have a main tabbed activity. 1st Tab is Add Record(Fragment), 2nd tab is Tracker( Fragment)of the added record. This Tracker have a filter button. When i click on Filter, Filter activity is opened which contains expandable list items. User selects some criteria and apply filter. Here i want to navigate to FilterActivity to 2nd Tracker tab. How can i do this?&lt;/p&gt;
&lt;p&gt;When i try below line, the application halts and shows &lt;code&gt;unfortunately your app has stopped error&lt;/code&gt; and momentary i am navigating to my Tracker tab. How to avoid that error message?&lt;/p&gt;
&lt;pre&gt;&lt;code&gt;Intent intent=new Intent(FilterActivity.this,ShowTrackerRecycler.class);
&lt;/code&gt;&lt;/pre&gt;
&lt;p&gt;Here &lt;strong&gt;ShowTrackerRecycler&lt;/strong&gt; is a &lt;strong&gt;fragment&lt;/strong&gt; which extends Fragment.&lt;/p&gt;
&lt;p&gt;Getting below error:
&lt;strong&gt;java.lang.ClassCastException: com.aaa.bbb.ShowTrackerRecycler cannot be cast to android.app.Activity&lt;/strong&gt;&lt;/p&gt;</t>
  </si>
  <si>
    <t>2018-04-12 17:22:03.173000+00:00</t>
  </si>
  <si>
    <t>2018-04-12 17:26:00.557000+00:00</t>
  </si>
  <si>
    <t>Multiple domains all incorrectly point to the same VirtualHost with Django WSGI</t>
  </si>
  <si>
    <t>&lt;p&gt;I'm running Django using wsgi. I have two domains and one sub domain pointing to three seperate apache2 virtual hosts. For some (probably very obvious) reason each domain is landing to the same site (the first one that was put online using a2ensite). My configuration is as follows:&lt;/p&gt;
&lt;pre&gt;&lt;code&gt;&amp;lt;VirtualHost *:80&amp;gt;
   ServerName www.one.com/
   ServerAlias one.com
   ServerAdmin andy@one.com
   DocumentRoot /srv/www/one.com/public_html
   &amp;lt;Directory /srv/www/one.com/application&amp;gt;
      Order allow,deny
      Allow from all
   &amp;lt;/Directory&amp;gt;
   WSGIDaemonProcess one.com processes=2 threads=15 display-name=%{GROUP}
   WSGIProcessGroup one.com
   WSGIScriptAlias / /srv/www/one/application/apache/one.wsgi
   Alias /robots.txt /srv/www/one.com/public_html/robots.txt
   Alias /favicon.ico /srv/www/one.com/public_html/favicon.ico
   Alias /media /srv/www/one.com/public_html/media
   Alias /static /srv/www/one.com/public_html/static
   ErrorLog /srv/www/one.com/logs/error.log
   CustomLog /srv/www/one.com/logs/access.log combined   
&amp;lt;/VirtualHost&amp;gt;
&lt;/code&gt;&lt;/pre&gt;
&lt;p&gt;////// /// one.wsgi //////////&lt;/p&gt;
&lt;pre&gt;&lt;code&gt;import os
import sys
sys.path.append('/srv/www/one.com/application')
os.environ['DJANGO_SETTINGS_MODULE'] = 'settings'
import django.core.handlers.wsgi
application = django.core.handlers.wsgi.WSGIHandler()
&lt;/code&gt;&lt;/pre&gt;
&lt;p&gt;//////////////////&lt;/p&gt;
&lt;pre&gt;&lt;code&gt;&amp;lt;VirtualHost *:80&amp;gt;
   ServerName dev.one.co.uk/
   ServerAlias www.dev.one.co.uk/
   ServerAdmin andy@one.com
   DocumentRoot /srv/www/dev.one.com/public_html
   &amp;lt;Directory /srv/www/dev.one.com/application&amp;gt;
      Order allow,deny
      Allow from all
   &amp;lt;/Directory&amp;gt;
   WSGIScriptAlias / /srv/www/dev.one.com/application/apache/devone.wsgi
   Alias /robots.txt /srv/www/dev.one.com/public_html/robots.txt
   Alias /favicon.ico /srv/www/dev.one.com/public_html/favicon.ico
   Alias /media /srv/www/dev.one.com/public_html/media
   Alias /static /srv/www/dev.one.com/public_html/static
   ErrorLog /srv/www/dev.one.com/logs/error.log
   CustomLog /srv/www/dev.one.com/logs/access.log combined   
&amp;lt;/VirtualHost&amp;gt;
&lt;/code&gt;&lt;/pre&gt;
&lt;p&gt;//////// devone.wsgi ///////////&lt;/p&gt;
&lt;pre&gt;&lt;code&gt;import os
import sys
sys.path.append('/srv/www/dev.one.com/application')
os.environ['DJANGO_SETTINGS_MODULE'] = 'settings'
import django.core.handlers.wsgi
application = django.core.handlers.wsgi.WSGIHandler()
&lt;/code&gt;&lt;/pre&gt;
&lt;p&gt;/////////////&lt;/p&gt;
&lt;pre&gt;&lt;code&gt;&amp;lt;VirtualHost *:80&amp;gt;
   ServerName dev.two.com/
   ServerAlias www.dev.two.com/
   ServerAdmin andy@two.com
   DocumentRoot /srv/www/dev.two.com/public_html
   &amp;lt;Directory /srv/www/dev.two.com/application&amp;gt;
      Order allow,deny
      Allow from all
   &amp;lt;/Directory&amp;gt;
   WSGIScriptAlias / /srv/www/dev.two.com/application/apache/devtwo.wsgi
   Alias /robots.txt /srv/www/dev.two.com/public_html/robots.txt
   Alias /favicon.ico /srv/www/dev.two.com/public_html/favicon.ico
   Alias /media /srv/www/dev.two.com/public_html/media
   Alias /static /srv/www/dev.two.com/public_html/static
   ErrorLog /srv/www/dev.two.com/logs/error.log
   CustomLog /srv/www/dev.two.com/logs/access.log combined   
&amp;lt;/VirtualHost&amp;gt;
&lt;/code&gt;&lt;/pre&gt;
&lt;p&gt;//////// devtwo.wsgi /////&lt;/p&gt;
&lt;pre&gt;&lt;code&gt;import os
import sys
sys.path.append('/srv/www/dev.two.com/application')
os.environ['DJANGO_SETTINGS_MODULE'] = 'settings'
import django.core.handlers.wsgi
application = django.core.handlers.wsgi.WSGIHandler()
&lt;/code&gt;&lt;/pre&gt;
&lt;p&gt;The domains are all hitting my servers IP fine, but they all land on the same page. What am I missing? Thanks in advance!&lt;/p&gt;
&lt;p&gt;&lt;strong&gt;Update:&lt;/strong&gt;&lt;/p&gt;
&lt;pre&gt;&lt;code&gt;NameVirtualHost *:80
&lt;/code&gt;&lt;/pre&gt;
&lt;p&gt;Is declared in ports.conf&lt;/p&gt;</t>
  </si>
  <si>
    <t>2012-01-18 10:14:55.810000+00:00</t>
  </si>
  <si>
    <t>2012-01-18 16:07:44.887000+00:00</t>
  </si>
  <si>
    <t>2012-01-18 15:42:21.717000+00:00</t>
  </si>
  <si>
    <t>django|apache|wsgi|virtualhost</t>
  </si>
  <si>
    <t>ArrayIndexOutOfBoundsException when accessing List&lt;int[]&gt;</t>
  </si>
  <si>
    <t>&lt;p&gt;Why am I getting &lt;code&gt;Exception in thread "main" java.lang.ArrayIndexOutOfBoundsException ERRO&lt;/code&gt; while executing the following code?&lt;/p&gt;
&lt;pre&gt;&lt;code&gt;int[] things={11,22,33,44};
List&amp;lt;int[]&amp;gt;Listdata = Arrays.asList(things);
int[] n=Listdata.get(1);
System.out.println(n[1]);
&lt;/code&gt;&lt;/pre&gt;
&lt;p&gt;It works fine if i put &lt;code&gt;get(0)&lt;/code&gt;&lt;/p&gt;</t>
  </si>
  <si>
    <t>2014-12-10 22:28:52.083000+00:00</t>
  </si>
  <si>
    <t>2014-12-11 13:39:59.807000+00:00</t>
  </si>
  <si>
    <t>2014-12-10 23:11:38.030000+00:00</t>
  </si>
  <si>
    <t>Golang equivalent of JavaScript's arguments?</t>
  </si>
  <si>
    <t>&lt;p&gt;Is there a golang way to get a function's runtime arguments?&lt;/p&gt;
&lt;p&gt;I'm asking because I'm trying to write a function that takes a function and a string, and then outputs the string and the runtime arguments. &lt;/p&gt;</t>
  </si>
  <si>
    <t>2015-03-16 16:45:39.403000+00:00</t>
  </si>
  <si>
    <t>2015-03-17 00:17:23.437000+00:00</t>
  </si>
  <si>
    <t>go|arguments</t>
  </si>
  <si>
    <t>WPF: How can I set the preview style of a GridSplitter with ShowsPreview</t>
  </si>
  <si>
    <t>&lt;p&gt;I am creating an application in WPF with a dark background that contains a grid splitter.  The grid splitter has to be used with ShowPreview = True.  The preview "shadow" of the grid splitter very much blends in with my background, so I'd like to edit its style. I can't find anything about how to change the preview's style. I was hoping to see a brush property that I could change.  Any ideas?&lt;/p&gt;
&lt;pre&gt;&lt;code&gt;&amp;lt;GridSplitter
    Width="2"
    Background="{DynamicResource BaseBorderBrush}"
    ResizeBehavior="CurrentAndNext"
    ShowsPreview="True"&amp;gt;
&amp;lt;/GridSplitter&amp;gt;
&lt;/code&gt;&lt;/pre&gt;</t>
  </si>
  <si>
    <t>2017-02-15 20:43:44.760000+00:00</t>
  </si>
  <si>
    <t>2017-02-16 01:47:53.443000+00:00</t>
  </si>
  <si>
    <t>iterating a list of inherited class c++</t>
  </si>
  <si>
    <t>&lt;p&gt;I have two classes which inherit from a third class, and they are stored in a list.&lt;/p&gt;
&lt;p&gt;I'm trying to iterate that list and call the implemented function of each class, however, the code doesn't compile.&lt;/p&gt;
&lt;p&gt;Here is my code:&lt;/p&gt;
&lt;pre&gt;&lt;code&gt;class A
{   
   public:
   virtual void foo ()=0;
};
class B :public class A
{
   public:
   void foo();
}
class C :public class A
{
   public:
   void foo();
}
std::list&amp;lt;A*&amp;gt; listOfClasses;
listOfClasses.push_back (new B());
listOfClasses.push_back (new C());
for(std::list&amp;lt;A*&amp;gt;::iterator listIter = listOfClasses.begin(); listIter != listOfClasses.end(); listIter++)
{
    listIter-&amp;gt;foo()
}
&lt;/code&gt;&lt;/pre&gt;
&lt;p&gt;This code doesn't compile, I'm getting the following error message (&lt;code&gt;for the line listIter-&amp;gt;foo()&lt;/code&gt;):&lt;/p&gt;
&lt;p&gt;&lt;code&gt;'foo' : is not a member of 'std::_List_iterator&amp;lt;_Mylist&amp;gt;'&lt;/code&gt;&lt;/p&gt;
&lt;p&gt;Any ideas why? &lt;/p&gt;</t>
  </si>
  <si>
    <t>2014-02-11 16:15:32.290000+00:00</t>
  </si>
  <si>
    <t>2014-02-11 16:34:19.077000+00:00</t>
  </si>
  <si>
    <t>c++|inheritance|iterator|stdlist</t>
  </si>
  <si>
    <t>python regex to match any strings $(*)</t>
  </si>
  <si>
    <t>&lt;p&gt;I'm having trouble with some python regex as part of a script that I'm writing to generate simple shell scripts. I must be missing something really simple. &lt;/p&gt;
&lt;p&gt;Example strings:&lt;/p&gt;
&lt;pre&gt;&lt;code&gt;"$(VAR1)/mypath/to/nowhere"
"$(VAR2)"
"/cruel/$(VAR3)/world"
&lt;/code&gt;&lt;/pre&gt;
&lt;p&gt;How can I match and return all &lt;code&gt;$(*)&lt;/code&gt; values from the strings? I've tried a bunch of different regexes similar to &lt;code&gt;'$\((*)\)'&lt;/code&gt;, but I'm not getting any matches in a python regex tester. Help is much appreciated.&lt;/p&gt;</t>
  </si>
  <si>
    <t>2017-05-02 21:15:40.637000+00:00</t>
  </si>
  <si>
    <t>2017-05-02 21:18:46.527000+00:00</t>
  </si>
  <si>
    <t>2017-05-02 21:16:36.357000+00:00</t>
  </si>
  <si>
    <t>regex|python-3.x</t>
  </si>
  <si>
    <t>Insert function for BST with strings in C</t>
  </si>
  <si>
    <t>&lt;p&gt;This is BST NODE &lt;/p&gt;
&lt;pre&gt;&lt;code&gt;struct BST_node{
    char *name1;
    char *data1;
    struct BST_node* left;
    struct BST_node* right;
};   
struct BST_node* Insert(struct BST_node *rootptr, datatype_t *d){
if(rootptr == NULL){
    char name[66];
    char data[1466];
    rootptr = (struct BST_node*)malloc(sizeof(struct BST_node));
    rootptr-&amp;gt;name1 = d-&amp;gt;name;
    rootptr-&amp;gt;data1 = d-&amp;gt;data;
    printf("%s 1\n", rootptr-&amp;gt;name1);
    rootptr-&amp;gt;left = rootptr-&amp;gt;right = NULL; 
}
if(strcmp(rootptr-&amp;gt;name1, d-&amp;gt;name) &amp;lt; 0){
    printf("%s left", rootptr-&amp;gt;name1);
    rootptr-&amp;gt;left = Insert(rootptr -&amp;gt; left, d);
}
else if(strcmp(rootptr-&amp;gt;name1, d-&amp;gt;name) &amp;gt; 0){
    printf("right\n");
    rootptr-&amp;gt;right = Insert(rootptr -&amp;gt; right, d);
}
else if(strcmp(rootptr-&amp;gt;name1, d-&amp;gt;name)==0){
    printf("duplicate\n");
}
return rootptr;
}
&lt;/code&gt;&lt;/pre&gt;
&lt;p&gt;So I am scanning in a CSV file using file ptrs and reading data in from datatype_d.
Example this is what the data looks like in the CSV file.
"Name, Data." &lt;/p&gt;
&lt;p&gt;This is how I am reading in the csv file and calling Insert function from my main function.&lt;/p&gt;
&lt;pre&gt;&lt;code&gt;int main(int argc, char** argv)
{
char* eq_csv_file = NULL;
char* eq_csv_file1 = NULL;
char* read_mode="r";
char* write_mode="w+";
struct BST_node* root = NULL;
int index = 0;
if(argv[1]!=NULL &amp;amp;&amp;amp; argv[2] != NULL )
{
    eq_csv_file=argv[1];
    eq_csv_file1 = argv[2];
}
else
{
    return EXIT_FAILURE;
}
FILE* Data_input = safe_open_file(eq_csv_file,read_mode);
FILE* Data_output = safe_open_file(eq_csv_file1, write_mode);
datatype_t **earth = (datatype_t**)malloc(MAX_NUM_LINE*sizeof(datatype_t *));
datatype_t *earth_one = read(Data_input);
while((earth_one) != NULL)
{
    earth[index] = earth_one;
    if(root != NULL){
    printf("%s\n", (root-&amp;gt;name1));
    }
    root = Insert(root, earth[index]);
    index++;
    earth_one= read(Data_input);
}
&lt;/code&gt;&lt;/pre&gt;
&lt;p&gt;Now when I am running through this code to check if its working, its printing out Duplicate for all the data from the csv file except for the first data. I simply dont know where exactly is that I am making a mistake and changing the rootptr and making it equal to datatype_d that its printing duplicate when it checks the strcmp.&lt;/p&gt;
&lt;p&gt;So an example would be that I read this from a CSV file. &lt;/p&gt;
&lt;p&gt;"Dave", "Studying at UCLA"&lt;br&gt;
"John", "Works at Google"&lt;br&gt;
"Mike", "School teacher" &lt;br&gt;&lt;/p&gt;
&lt;p&gt;So I am suppose to insert these into the BST but for some reason, its not keeping track of the head node "Dave". It never goes to the left or right subtree but rather it says that they are duplicates when I use strcmp. &lt;/p&gt;
&lt;p&gt;Here is the output:&lt;br&gt;
Dave 1 &lt;br&gt;
John &lt;br&gt;
duplicate&lt;br&gt;
Segmentation fault: 11&lt;br&gt;&lt;/p&gt;
&lt;p&gt;This is my read code which I call from the main function to read the csv file.&lt;/p&gt;
&lt;pre&gt;&lt;code&gt;read(FILE* fp)
{
char name[65];
char data[1465];
if (fscanf(fp, "%[^,] %[^\n]", name, data) == 2) {
    datatype_t *d = (datatype_t*)malloc(sizeof(datatype_t));
    d-&amp;gt;name = name;
    d-&amp;gt;data = data;
    return d;
}
return NULL;
}
&lt;/code&gt;&lt;/pre&gt;</t>
  </si>
  <si>
    <t>2016-09-12 02:28:17.160000+00:00</t>
  </si>
  <si>
    <t>2016-09-12 05:46:36.740000+00:00</t>
  </si>
  <si>
    <t>2016-09-12 03:19:02.730000+00:00</t>
  </si>
  <si>
    <t>c|string|data-structures|binary-search-tree|strcmp</t>
  </si>
  <si>
    <t>using setTimeout vs comparing timestamp on an update loop</t>
  </si>
  <si>
    <t>&lt;p&gt;With Javascript, in an application that uses an update function that runs for every rendered frame and seeks every minutest optimization:&lt;/p&gt;
&lt;p&gt;If one wants to run code every so often and the precision of time is mostly unimportant, is there a wise choice between using a &lt;code&gt;setTimeout&lt;/code&gt; loop or just building a timer into the update function of the application?&lt;/p&gt;
&lt;p&gt;For instance, does &lt;code&gt;setTimeout&lt;/code&gt; have some unexpected computational cost that makes it clearly slower? Or, on the other hand, would &lt;code&gt;setTimeout&lt;/code&gt; positively affect the application because Javascript is not in a hurry to make a &lt;code&gt;setTimeout&lt;/code&gt; callback happen?&lt;/p&gt;</t>
  </si>
  <si>
    <t>2015-05-29 06:40:19.710000+00:00</t>
  </si>
  <si>
    <t>2015-10-05 14:54:39.163000+00:00</t>
  </si>
  <si>
    <t>javascript|performance|time</t>
  </si>
  <si>
    <t>iOS and Anyline EXC_BAD_ACCESS</t>
  </si>
  <si>
    <t>&lt;p&gt;I link in my iOS project the Anyline framework. In the sample source code of the framework I build and run app without errors, but if I try to import it in my project and run app, I've the runtime error EXC_BAD_ACCESS.
I try to print and read the backtrace, but I can't see where is the error. Can you help me?&lt;/p&gt;
&lt;p&gt;Here the content of the backtrace:&lt;/p&gt;
&lt;pre&gt;&lt;code&gt; thread #12, queue = 'com.apple.avfoundation.videodataoutput.bufferqueue', stop reason = EXC_BAD_ACCESS (code=1, address=0x2b002010040)
frame #0: 0x000000010016f858 ARAMIS`cv::Mat::copyTo(cv::_OutputArray const&amp;amp;) const + 56
frame #1: 0x000000010062af30 ARAMIS`-[AnylineVideoView convertBGRABufferToImage:] + 1772
frame #2: 0x000000010062a11c ARAMIS`-[AnylineVideoView _processBufferFromDevice:] + 612
frame #3: 0x0000000100629e04 ARAMIS`-[AnylineVideoView captureOutput:didOutputSampleBuffer:fromConnection:] + 72
frame #4: 0x000000018bca1310 AVFoundation`-[AVCaptureVideoDataOutput _handleRemoteQueueOperation:] + 308
frame #5: 0x000000018bca114c AVFoundation`__47-[AVCaptureVideoDataOutput _updateRemoteQueue:]_block_invoke + 100
frame #6: 0x0000000186b71f68 CoreMedia`__FigRemoteOperationReceiverCreateMessageReceiver_block_invoke + 260
frame #7: 0x0000000186b90e9c CoreMedia`__FigRemoteQueueReceiverSetHandler_block_invoke.2 + 224
frame #8: 0x00000001022f9a10 libdispatch.dylib`_dispatch_client_callout + 16
frame #9: 0x0000000102305a84 libdispatch.dylib`_dispatch_continuation_pop + 552
frame #10: 0x00000001023141f8 libdispatch.dylib`_dispatch_source_latch_and_call + 204
frame #11: 0x00000001022fba60 libdispatch.dylib`_dispatch_source_invoke + 828
frame #12: 0x0000000102307128 libdispatch.dylib`_dispatch_queue_serial_drain + 692
frame #13: 0x00000001022fd634 libdispatch.dylib`_dispatch_queue_invoke + 852
frame #14: 0x0000000102307128 libdispatch.dylib`_dispatch_queue_serial_drain + 692
frame #15: 0x00000001022fd634 libdispatch.dylib`_dispatch_queue_invoke + 852
frame #16: 0x0000000102308358 libdispatch.dylib`_dispatch_root_queue_drain_deferred_item + 276
frame #17: 0x000000010231057c libdispatch.dylib`_dispatch_kevent_worker_thread + 764
frame #18: 0x0000000183312fbc libsystem_pthread.dylib`_pthread_wqthread + 772
frame #19: 0x0000000183312cac libsystem_pthread.dylib`start_wqthread + 4
&lt;/code&gt;&lt;/pre&gt;
&lt;p&gt;Here the code:&lt;/p&gt;
&lt;pre&gt;&lt;code&gt;#import "ALISBNScanViewController.h"
#import &amp;lt;Anyline/Anyline.h&amp;gt;
NSString * const kISBNLicenseKey = Anyline_LICENSE_KEY;
@interface ALISBNScanViewController ()&amp;lt;AnylineOCRModuleDelegate&amp;gt;
// The Anyline module used for OCR
@property (nonatomic, strong) AnylineOCRModuleView *ocrModuleView;
@end
@implementation ALISBNScanViewController
/*
 We will do our main setup in viewDidLoad. Its called once the view controller is getting ready to be displayed.
 */
- (void)viewDidLoad {
    [super viewDidLoad];
    // Set the background color to black to have a nicer transition
    self.view.backgroundColor = [UIColor blackColor];
    self.title = @"Text Recognition";
    // Initializing the module. Its a UIView subclass. We set the frame to fill the whole screen
    CGRect frame = [[UIScreen mainScreen] applicationFrame];
    frame = CGRectMake(frame.origin.x, frame.origin.y + self.navigationController.navigationBar.frame.size.height, frame.size.width, frame.size.height - self.navigationController.navigationBar.frame.size.height);
    self.ocrModuleView = [[AnylineOCRModuleView alloc] initWithFrame:frame];
    ALOCRConfig *config = [[ALOCRConfig alloc] init];
    config.tesseractLanguages = @[@"eng_no_dict", @"deu"];
    config.charWhiteList = @"PMMDOBCPSKA1234_/ ";
    config.scanMode = ALAuto;
    NSError *error = nil;
    BOOL success = [self.ocrModuleView setupWithLicenseKey:kISBNLicenseKey delegate:self ocrConfig:config error:&amp;amp;error];
    if (!success) {
        NSAssert(success, @"Setup Error: %@", error.debugDescription);
    }
    NSString *confPath = [[NSBundle mainBundle] pathForResource:@"isbn_config" ofType:@"json"];
    ALUIConfiguration *isbnconf = [ALUIConfiguration cutoutConfigurationFromJsonFile:confPath];
    self.ocrModuleView.currentConfiguration = isbnconf;
    [self.view addSubview:self.ocrModuleView];    
}
-(void)viewDidAppear:(BOOL)animated {
    [super viewDidAppear:animated];
    [self startAnyline];
}
/*
 Cancel scanning to allow the module to clean up
 */
- (void)viewWillDisappear:(BOOL)animated {
    [self.ocrModuleView cancelScanningAndReturnError:nil];
}
- (void)startAnyline {
    NSError *error;
    BOOL success = [self.ocrModuleView startScanningAndReturnError:&amp;amp;error];
    if( !success ) {
        NSAssert(success, @"Start Scanning Error: %@", error.debugDescription);
    }
}
#pragma mark -- AnylineOCRModuleDelegate
/*
 This is the main delegate method Anyline uses to report its results
 */
- (void)anylineOCRModuleView:(AnylineOCRModuleView *)anylineOCRModuleView
               didFindResult:(ALOCRResult *)result {
    NSString *label = result.result;
    DLog(@"LABEL:%@",label);
    NSString *message = [NSString stringWithFormat:@"Testo riconosciuto: %@",label];
    UIAlertController * alert = [UIAlertController alertControllerWithTitle:@"Testo riconosciuto" message:message preferredStyle:UIAlertControllerStyleAlert];
    UIAlertAction* okBtn = [UIAlertAction actionWithTitle:@"Ok" style:UIAlertActionStyleDefault handler:^(UIAlertAction * action) {
        [alert dismissViewControllerAnimated:YES completion:nil];
        [self startAnyline];
    }];
    [alert addAction:okBtn];
    [self presentViewController:alert animated:YES completion:nil];
}
- (void)alertView:(UIAlertView *)alertView didDismissWithButtonIndex:(NSInteger)buttonIndex {
    NSError *error = nil;
    BOOL success = [self.ocrModuleView startScanningAndReturnError:&amp;amp;error];
    NSAssert(success, @"We failed starting: %@",error.debugDescription);
}
@end
&lt;/code&gt;&lt;/pre&gt;
&lt;p&gt;Thanks&lt;/p&gt;</t>
  </si>
  <si>
    <t>2017-06-13 10:21:24.720000+00:00</t>
  </si>
  <si>
    <t>2017-06-13 12:01:08.960000+00:00</t>
  </si>
  <si>
    <t>ios|memory-management|anyline</t>
  </si>
  <si>
    <t>In shellscript, how to use multiple cores?</t>
  </si>
  <si>
    <t>&lt;p&gt;I run a very simple shell script that performs some transformations on files I download every day. Typically it is a zip archive with six files in it that I then process in five different steps before I insert the content into a database. The first step takes 5-8 minutes/file and is limited by the CPU.&lt;/p&gt;
&lt;p&gt;I have two computers I perform this task on, one with two cores and one with four cores and hyperthreading. Since the first step takes 30+ minutes in my current setup I would like to multithread it.&lt;/p&gt;
&lt;p&gt;The first step is basically&lt;/p&gt;
&lt;pre&gt;&lt;code&gt;for file in *.txt
        dosomething "$file" "$file.csv"
done
&lt;/code&gt;&lt;/pre&gt;
&lt;p&gt;On my 2 core computer I would like to process two files in parallell, on my 8 thread machine I would like to process all six files in parallell (and it would be nice if it the day the archive contains 9 files would handle that nicely). All files must be processed before the next step (which is much faster).&lt;/p&gt;
&lt;p&gt;How do I start a suitable number of threads/processes and then don't start the execution of the next step until the previous step is completely finished?&lt;/p&gt;</t>
  </si>
  <si>
    <t>2018-04-13 15:51:26.947000+00:00</t>
  </si>
  <si>
    <t>2018-04-13 16:22:35.977000+00:00</t>
  </si>
  <si>
    <t>multithreading|shell</t>
  </si>
  <si>
    <t>PHP formulate path from URL</t>
  </si>
  <si>
    <t>&lt;p&gt;Using .htaccess all addresses are rewritten to index.php&lt;/p&gt;
&lt;p&gt;Index.php needs to then work out which file to include. At the moment it explodes on the '/' and performs a foreach to work out which file. This is causing errors.&lt;/p&gt;
&lt;p&gt;First we get the URI.&lt;/p&gt;
&lt;p&gt;If there is one address eg. &lt;code&gt;localhost/next-page&lt;/code&gt; then we want to include a file with that name and the extension PHP &lt;code&gt;include('content/'.$post.'.php');&lt;/code&gt; and give global variables for &lt;code&gt;$table&lt;/code&gt; as &lt;code&gt;'PAGES'&lt;/code&gt; and &lt;code&gt;$post&lt;/code&gt; as &lt;code&gt;'next-page'&lt;/code&gt;&lt;/p&gt;
&lt;p&gt;If there are two then the first should be considered the $table and the second the $post, and the file to include should be &lt;code&gt;include('content/single-'.$post.'.php');&lt;/code&gt;&lt;/p&gt;
&lt;p&gt;How do we do this?&lt;/p&gt;</t>
  </si>
  <si>
    <t>2012-06-20 22:07:12.370000+00:00</t>
  </si>
  <si>
    <t>2012-06-20 22:19:50.780000+00:00</t>
  </si>
  <si>
    <t>php|mysql|uri</t>
  </si>
  <si>
    <t>Custom model &amp; client validation in MVC without data annotations</t>
  </si>
  <si>
    <t>&lt;p&gt;I have the below view models, which are used to represent a survey of questions, but they are structured into a more flattened grid to accommodate the default model binder.&lt;/p&gt;
&lt;pre&gt;&lt;code&gt;// Main ViewModel for the Question View
public class SurveyRowList
{
    ...
    public IList&amp;lt;SurveyRow&amp;gt; SurveyRowList { get; set; }
}
public class SurveyRow
{
    public int QuestionId { get; set; }
    public int? ParentQuestionId { get; set; }
    public int SurveyId { get; set; }
    public string Name { get; set; }
    public string Description { get; set; }
    public string HelpInformation { get; set; }
    public int RenderOrder { get; set; }
    public SurveyRowType RowType { get; set; }
    // Collection of the same answer control, 1 or more times
    // for each line number
    public IList&amp;lt;AnswerControl&amp;gt; AnswerControls { get; set; }
}
public enum SurveyRowType
{
    QuestionGroup = 1,
    Question = 2,
    AnswerRow = 3
}
public class AnswerControl
{
    public int Id { get; set; }
    public int QuestionId { get; set; }
    // a reference to the database record answer id
    public int SurveyAnswerId { get; set; }
    // control type of checkbox, dropdown, input, dropdown-additional-textbox, checkbox-group
    public ControlType ControlType { get; set; }
    // used to specify getting particular backing data for dropdown and checkbox-group
    public ControlSpecificType ControlSpecificType { get; set; }
    public string Description { get; set; }
    public string HelpInformation { get; set; }
    public int RenderOrder { get; set; }
    public bool InLine { get; set; }
    public int LineNumber { get; set; }
    public AnswerControlValueType Value { get; set; }
}
public class AnswerControlValueType
{
    // Default string backing value when possible
    public string Value { get; set; }
    // AnswerCheckBox
    public bool CheckValue { get; set; }
    // AnswerCheckBoxListModal
    public string ModalName { get; set; }
    // AnswerMultiSelectListValue
    public int[] ListValues { get; set; }
    // making the options list setter public so that this data can be re-attached after model binding
    public IEnumerable&amp;lt;SelectListItem&amp;gt; ListOptions { get; set; }
    // AnswerImageValue
    public HttpPostedFileBase Image { get; set; }
    // AnswerSelectListAdditionalValue
    public string AdditionalInformation { get; set; }
}
&lt;/code&gt;&lt;/pre&gt;
&lt;p&gt;Each &lt;code&gt;SurveyRow&lt;/code&gt; is like a row of a table. Only the &lt;code&gt;SurveyRowType.AnswerRow&lt;/code&gt; actually makes use of the &lt;code&gt;AnswerControls&lt;/code&gt; list.&lt;/p&gt;
&lt;p&gt;Example of their ordering when rendered by their type and order number can be seen in this image:
&lt;img src="https://i.stack.imgur.com/OQKgy.png" alt="enter image description here"&gt;&lt;/p&gt;
&lt;p&gt;The image only shows a few simple examples, and there can be 1-10 lines per page to a max of 100, but I have also added a bit of explanation of some of the validation rules I would want to apply. There are more but these are just a few examples.&lt;/p&gt;
&lt;p&gt;My problem is that I want to support this more complex validation but all the rules and error text are stored in a database, 1. because of user configuration, 2. because of existing localisation of the error text to support several languages.&lt;/p&gt;
&lt;p&gt;I am looking for any suggestions that people might have to be able to support this.&lt;/p&gt;
&lt;p&gt;I have seen things like &lt;a href="http://fluentvalidation.codeplex.com/" rel="nofollow noreferrer"&gt;Fluent Validation&lt;/a&gt; and I haven't delved too deep yet but so far I can't see any examples that would specifically not use Data Annotations on a model.. and also RequiredIf or DisabledIf or EnabledIf style validation rules that apply across a slightly more complex collection of objects.&lt;/p&gt;</t>
  </si>
  <si>
    <t>2013-03-29 22:23:01.767000+00:00</t>
  </si>
  <si>
    <t>2015-10-14 12:10:39.767000+00:00</t>
  </si>
  <si>
    <t>c#|asp.net-mvc|validation|model-validation</t>
  </si>
  <si>
    <t>Exponentially increasing query execution time on SELF JOINS</t>
  </si>
  <si>
    <t>&lt;p&gt;This question is performance related to implementation of solution posted here &lt;a href="https://stackoverflow.com/questions/51012290/sql-select-rows-with-number-in-sequence"&gt;SQL select rows with number in sequence&lt;/a&gt;&lt;/p&gt;
&lt;p&gt;I have the following query :&lt;/p&gt;
&lt;pre&gt;
SELECT employee.ID, wh1.hour_number,wh2.hour_number,wh3.hour_number,wh4.hour_number,wh5.hour_number,wh6.hour_number,wh7.hour_number,wh8.hour_number,wh9.hour_number
FROM wp_posts as employee
JOIN employee_has_workhours as wh1 on employee.ID = wh1.wp_posts_ID
JOIN employee_has_workhours as wh2 ON wh1.wp_posts_ID = wh2.wp_posts_ID AND wh1.hour_number + 1 = wh2.hour_number
JOIN employee_has_workhours as wh3 ON wh2.wp_posts_ID = wh3.wp_posts_ID AND wh2.hour_number + 1 = wh3.hour_number
JOIN employee_has_workhours as wh4 ON wh3.wp_posts_ID = wh4.wp_posts_ID AND wh3.hour_number + 1 = wh4.hour_number 
JOIN employee_has_workhours as wh5 ON wh4.wp_posts_ID = wh5.wp_posts_ID AND wh4.hour_number + 1 = wh5.hour_number
JOIN employee_has_workhours as wh6 ON wh5.wp_posts_ID = wh6.wp_posts_ID AND wh5.hour_number + 1 = wh6.hour_number
JOIN employee_has_workhours as wh7 ON wh6.wp_posts_ID = wh7.wp_posts_ID AND wh6.hour_number + 1 = wh7.hour_number
JOIN employee_has_workhours as wh8 ON wh7.wp_posts_ID = wh8.wp_posts_ID AND wh7.hour_number + 1 = wh8.hour_number
JOIN employee_has_workhours as wh9 ON wh8.wp_posts_ID = wh9.wp_posts_ID AND wh8.hour_number + 1 = wh9.hour_number
WHERE employee.ID IN(23,55)
&lt;/pre&gt;
&lt;p&gt;If i put only one ID into IN clause IN(23) i get 24 results in 0.016 sec&lt;br&gt;
If i put only one ID into IN clause IN(55) i get 32 results in rougly same time&lt;br&gt;
If i put both IDs into IN clause IN(23,55) i get 56 results(which is correct) but the query takes ~1.5 sec and the excecution time goes up exponentialy with each join or new ID in IN clause.&lt;/p&gt;
&lt;p&gt;My question is, why the query takes so long with multiple IDs iside IN clause when the result is just a combination of two fast queries and how it can be prevented.
Thank you.&lt;/p&gt;</t>
  </si>
  <si>
    <t>2018-06-28 15:07:37.017000+00:00</t>
  </si>
  <si>
    <t>Creating map entry using a user-defined conversion</t>
  </si>
  <si>
    <t>&lt;p&gt;I'm got a map of key type &lt;code&gt;std::pair&amp;lt;Foo,Bar&amp;gt;&lt;/code&gt; and value &lt;code&gt;in&lt;/code&gt; which I would like to insert into a map by passing the pair &lt;code&gt;std::pair&amp;lt;std::pair&amp;lt;Foo,Bar&amp;gt; , int&amp;gt;&lt;/code&gt; to the insert function like so (&lt;a href="http://rextester.com/XPEDIS38152" rel="nofollow"&gt;online source&lt;/a&gt;)&lt;/p&gt;
&lt;pre&gt;&lt;code&gt;struct Foo{};
struct Bar{};
typedef std::pair&amp;lt;Foo,Bar&amp;gt;        FooBar;
typedef std::pair&amp;lt;FooBar,int&amp;gt;     FooBarPair;
typedef std::map&amp;lt;FooBar,int&amp;gt;      FooBarMap;
struct FooBarData
{    
    operator const FooBarPair() const
    {
        return std::make_pair( std::make_pair( m_foo , m_bar ) , m_num );
    }
private:
    int     m_num;
    Foo     m_foo;
    Bar     m_bar;
};
int main()
{
    FooBarData  fbd;
    FooBarMap   fbm;
    fbm.insert( fbd );
}
&lt;/code&gt;&lt;/pre&gt;
&lt;p&gt;clang error message&lt;/p&gt;
&lt;pre&gt;&lt;code&gt;/usr/include/c++/v1/map:1041:9: note: candidate function not viable: no known conversion from 'FooBarData' to 'const value_type' (aka 'const pair&amp;lt;const key_type, mapped_type&amp;gt;') for 1st argument
    insert(const value_type&amp;amp; __v) {return __tree_.__insert_unique(__v);}
    ^
/usr/include/c++/v1/map:1050:14: note: candidate function template not viable: requires 2 arguments, but 1 was provided
    void insert(_InputIterator __f, _InputIterator __l)
         ^
/usr/include/c++/v1/map:1045:9: note: candidate function not viable: requires 2 arguments, but 1 was provided
    insert(const_iterator __p, const value_type&amp;amp; __v)
&lt;/code&gt;&lt;/pre&gt;
&lt;p&gt;Is there any fix along these lines?&lt;/p&gt;</t>
  </si>
  <si>
    <t>2016-03-03 15:29:41.213000+00:00</t>
  </si>
  <si>
    <t>2016-03-03 16:17:14.757000+00:00</t>
  </si>
  <si>
    <t>2016-03-03 16:13:03.987000+00:00</t>
  </si>
  <si>
    <t>c++|dictionary|c++03</t>
  </si>
  <si>
    <t>Suppressing all labeling in pandas scatter_matrix</t>
  </si>
  <si>
    <t>&lt;p&gt;I'm producing a scatterplot matrix using the &lt;code&gt;scatter_matrix&lt;/code&gt; function in &lt;code&gt;pandas.tools.plotting&lt;/code&gt; and since I have a lot of variables the labels end up looking very messy.  Is there a way to suppress all the labels and perhaps even the tick marks?  Here is some code that shows essentially what I mean:&lt;/p&gt;
&lt;pre&gt;&lt;code&gt;import numpy as np
from pandas import DataFrame, scatter_matrix
n = 50
p = 15
cols = ['var_' + str(k) for k in range(p)]
data = DataFrame(np.random.randn(n, p), columns = cols)
scatter_matrix(data, diagonal = 'kde')
&lt;/code&gt;&lt;/pre&gt;
&lt;p&gt;&lt;a href="https://i.stack.imgur.com/MADHU.png" rel="nofollow noreferrer"&gt;&lt;img src="https://i.stack.imgur.com/MADHU.png" alt="enter image description here"&gt;&lt;/a&gt;&lt;/p&gt;</t>
  </si>
  <si>
    <t>2015-08-01 18:10:54.320000+00:00</t>
  </si>
  <si>
    <t>2015-08-02 17:27:41.570000+00:00</t>
  </si>
  <si>
    <t>2015-08-02 04:10:31.183000+00:00</t>
  </si>
  <si>
    <t>python|pandas|plot</t>
  </si>
  <si>
    <t>Using RestSharp, how to include a fieldname like "$fieldname" in RestRequest.AddJsonBody()?</t>
  </si>
  <si>
    <t>&lt;p&gt;Using RestSharp, I need to POST a body containing a json string that looks like this:&lt;/p&gt;
&lt;pre&gt;&lt;code&gt;{
    "$a": "b",
    "c": "d"
}
&lt;/code&gt;&lt;/pre&gt;
&lt;p&gt;In the past I've created RestSharp requests using code like this:&lt;/p&gt;
&lt;pre&gt;&lt;code&gt;var request = new RestRequest("someApiEndPoint", RestSharp.Method.POST);
request.AddJsonBody(new
{
    a = "b",
    c = "d"
});
&lt;/code&gt;&lt;/pre&gt;
&lt;p&gt;What's the best way to add a "$" to the "a" property in this case?&lt;/p&gt;</t>
  </si>
  <si>
    <t>2017-12-08 19:32:53.140000+00:00</t>
  </si>
  <si>
    <t>2017-12-09 02:38:41.697000+00:00</t>
  </si>
  <si>
    <t>c#|json|restsharp</t>
  </si>
  <si>
    <t>Locking a Java application to a particular PC</t>
  </si>
  <si>
    <t>&lt;p&gt;I want to devise a way to prevent piracy of my app or at least make it more difficult. The app will be installed in a standalone PC and I want to make it difficult for a person to simply copy the installation,  or clone the hard drive,  and simply deploy it on a second PC.
Is using the MAC address the best way?  What about using WMI to get a mother board ID? &lt;/p&gt;</t>
  </si>
  <si>
    <t>2012-03-09 19:24:05.423000+00:00</t>
  </si>
  <si>
    <t>2012-03-09 19:42:48.150000+00:00</t>
  </si>
  <si>
    <t>2012-03-09 19:27:01.033000+00:00</t>
  </si>
  <si>
    <t>user177800</t>
  </si>
  <si>
    <t>java|security</t>
  </si>
  <si>
    <t>Issue with window.height and width in localhost and server</t>
  </si>
  <si>
    <t>&lt;p&gt;I have used the following function to see the height and width of my webiste.&lt;/p&gt;
&lt;pre&gt;&lt;code&gt;function showViewPortSize(display) {
if(display) {
  var height = jQuery(window).height();
  var width = jQuery(window).width();
  jQuery('body').prepend('&amp;lt;div id="viewportsize" style="z-index:9999;position:fixed;top:40px;left:5px;color:#000;background:#fff;padding:10px"&amp;gt;Height: '+height+'&amp;lt;br&amp;gt;Width: '+width+'&amp;lt;/div&amp;gt;');
  jQuery(window).resize(function() {
    height = jQuery(window).height();
    width = jQuery(window).width();
    jQuery('#viewportsize').html('Height: '+height+'&amp;lt;br&amp;gt;Width: '+width);
  });
}  }
showViewPortSize(true);
&lt;/code&gt;&lt;/pre&gt;
&lt;p&gt;But the value differs in localhost and server.Why this difference?&lt;/p&gt;</t>
  </si>
  <si>
    <t>2014-10-28 06:00:41.707000+00:00</t>
  </si>
  <si>
    <t>2014-10-28 06:08:34.770000+00:00</t>
  </si>
  <si>
    <t>jquery|height|width</t>
  </si>
  <si>
    <t>Specifying number of characters contained per line in a textarea element</t>
  </si>
  <si>
    <t>&lt;p&gt;I need to specify number of characters contained per line in a textarea element (&lt;a href="http://jsfiddle.net/gdgzftkg/" rel="nofollow noreferrer"&gt;Link to fiddle&lt;/a&gt;).&lt;/p&gt;
&lt;p&gt;This is the horror I'm witnessing:&lt;/p&gt;
&lt;p&gt;&lt;img src="https://i.stack.imgur.com/iKu9k.png" alt="enter image description here"&gt;&lt;/p&gt;
&lt;p&gt;So &lt;code&gt;cols="50"&lt;/code&gt; actually gives me following row lengths:&lt;/p&gt;
&lt;pre class="lang-none prettyprint-override"&gt;&lt;code&gt;        | Without scroll | With scroll
Chrome  50                 47
FF      52                 50
&lt;/code&gt;&lt;/pre&gt;
&lt;p&gt;What I actually meant with &lt;code&gt;cols="50"&lt;/code&gt; is that I want the textarea to hold exactly 50 characters per line. How I can achieve this so that it works in all major browsers?&lt;/p&gt;
&lt;p&gt;&lt;strong&gt;EDIT&lt;/strong&gt;: I would also like to point out that in the real page the total number of characters in a textarea is &lt;strong&gt;not&lt;/strong&gt; limited so y-scrolling must be possible. Whether or not line breaks are automatically included by a textarea (or equivalent element) doesn't matter since the text is later split into rows containing maximum of 50 characters before sending them to the server with ajax post.&lt;/p&gt;</t>
  </si>
  <si>
    <t>2014-10-24 12:28:04.037000+00:00</t>
  </si>
  <si>
    <t>2014-10-24 15:16:53.183000+00:00</t>
  </si>
  <si>
    <t>2014-10-24 14:26:46.577000+00:00</t>
  </si>
  <si>
    <t>javascript|html|css|google-chrome|firefox</t>
  </si>
  <si>
    <t>JS: sort array on date and time</t>
  </si>
  <si>
    <t>&lt;pre&gt;&lt;code&gt;[09.02.2017 - 10:40:06][NOTICE] - Start looping through invoices from Teamleader..
[08.02.2017 - 10:24:26][NOTICE] - Start looping through invoices from Teamleader..
[08.02.2017 - 10:29:24][NOTICE] - Start looping through invoices from Teamleader..
&lt;/code&gt;&lt;/pre&gt;
&lt;p&gt;This is the code for producing the above output: &lt;/p&gt;
&lt;pre&gt;&lt;code&gt;var data = allText.split("\n");
for(var i = 0, len = data.length; i &amp;lt; len; i++){
   console.log(data[i]);
}
&lt;/code&gt;&lt;/pre&gt;
&lt;p&gt;Is it possible to sort the array on the given date and time?&lt;/p&gt;
&lt;p&gt;here is an example of how it should look like: &lt;/p&gt;
&lt;pre&gt;&lt;code&gt;[09.02.2017 - 10:40:06][NOTICE] - Start looping through invoices from Teamleader..
[08.02.2017 - 10:29:25][NOTICE] - Start looping through invoices from Teamleader..
[08.02.2017 - 10:24:26][NOTICE] - Start looping through invoices from Teamleader..
&lt;/code&gt;&lt;/pre&gt;</t>
  </si>
  <si>
    <t>2017-02-10 13:27:51.733000+00:00</t>
  </si>
  <si>
    <t>2017-02-10 13:55:08.653000+00:00</t>
  </si>
  <si>
    <t>2017-02-10 13:39:07.690000+00:00</t>
  </si>
  <si>
    <t>javascript|arrays|sorting|date|time</t>
  </si>
  <si>
    <t>Decode Cookie variable extracted from a HTTP Stream - Python</t>
  </si>
  <si>
    <t>&lt;p&gt;I am using python to send a request to a server. I get a cookie from the server. I am trying to decode the encoding scheme used by the server - I suspect it's either utf-8 or base64.
So I create my header and connection objects.&lt;/p&gt;
&lt;pre&gt;&lt;code&gt;resp, content = httpobj.request(server, 'POST', headers=HTTPheader, body=HTTPbody)
&lt;/code&gt;&lt;/pre&gt;
&lt;p&gt;And then i extract the cookie from  the HTTP Stream&lt;/p&gt;
&lt;pre&gt;&lt;code&gt;cookie= resp['set-cookie']
&lt;/code&gt;&lt;/pre&gt;
&lt;p&gt;I have tried &lt;code&gt;str.decode()&lt;/code&gt; and &lt;code&gt;unicode()&lt;/code&gt; but I am unable to get the unpacked content of the cookie.&lt;/p&gt;
&lt;p&gt;Assume the cookie is  &lt;/p&gt;
&lt;blockquote&gt;
  &lt;p&gt;MjAyMTNiZWE4ZmYxYTMwOVPJ7Jh0B%2BMUcE4si5oDcH7nKo4kAI8CMYgKqn6yXpgtXOSGs8J9gm20bgSlYMUJC5rmiQ1Ch5nUUlQEQNmrsy5LDgAuuidQaZJE5z%2BFqAJPnlJaAqG2Fvvk5ishG%2FsH%2FA%3D%3D&lt;/p&gt;
&lt;/blockquote&gt;
&lt;p&gt;The output I am expecting is  &lt;/p&gt;
&lt;blockquote&gt;
  &lt;p&gt;20213bea8ff1a309S������t&lt;code&gt;LQ��8��.h��������8&amp;lt;��
  *������z&lt;/code&gt;��s������������������$.k��$5gQIPf������,8�������A��I����Z���$����% *ao��Nb����������&lt;/p&gt;
&lt;/blockquote&gt;</t>
  </si>
  <si>
    <t>2011-02-27 17:41:32.223000+00:00</t>
  </si>
  <si>
    <t>2012-08-15 14:25:24.403000+00:00</t>
  </si>
  <si>
    <t>python|http|cookies|utf-8|base64</t>
  </si>
  <si>
    <t>Create a regex that ignores HTML comments</t>
  </si>
  <si>
    <t>&lt;p&gt;I am looking to scan through some HTML and look for specific text (lets say "foo") but if it is in a comment I don't want to include it&lt;/p&gt;
&lt;p&gt;So say I had some html like this:&lt;/p&gt;
&lt;pre&gt;&lt;code&gt;&amp;lt;div id="foo"&amp;gt; Some foo here
&amp;lt;!-- this is a foo comment
--&amp;gt;
And finally some more foo
&lt;/code&gt;&lt;/pre&gt;
&lt;p&gt;It would find all the foo's EXCEPT the foo comment&lt;/p&gt;
&lt;p&gt;I've played with negative lookaheads but for the life of me cannot get it to work...&lt;/p&gt;
&lt;p&gt;Any regex guru's out there?&lt;/p&gt;
&lt;p&gt;I know some folks will suggest using a HTML parser but I want to stay away from that...&lt;/p&gt;
&lt;p&gt;Thanks in advance...&lt;/p&gt;</t>
  </si>
  <si>
    <t>2014-10-06 01:12:28.647000+00:00</t>
  </si>
  <si>
    <t>2014-10-06 05:01:01.010000+00:00</t>
  </si>
  <si>
    <t>SSIS: Execute Process task can't execute FTP</t>
  </si>
  <si>
    <t>&lt;p&gt;i'm trying to transfer my data from TXT that i generate in a Data flow task to FTP library and can't do it&lt;/p&gt;
&lt;p&gt;If i use Execute Process Task i must execute a File1.bat:&lt;/p&gt;
&lt;pre&gt;&lt;code&gt;@echo off
ftp -s:fileName.txt -n
&lt;/code&gt;&lt;/pre&gt;
&lt;p&gt;and fileName do it:&lt;/p&gt;
&lt;pre&gt;&lt;code&gt;open  
172.16.60.223  
user  
username  
password  
put \\dappwstd2008\paso\Esteban_Entregas\Clientes\fileName.txt BICCONVER1/CVCUREL  
close  
bye  
&lt;/code&gt;&lt;/pre&gt;
&lt;p&gt;If i execute the file1.bat works correctly, but can't do it with SSIS.&lt;/p&gt;
&lt;p&gt;i tried to do the following:&lt;/p&gt;
&lt;p&gt;Execute Process Task&lt;br&gt;
Executable: D:\Users\MyName\Desktop\file1.bat&lt;br&gt;
Argument: "fileName.txt"  &lt;/p&gt;
&lt;blockquote&gt;
  &lt;p&gt;[Execute Process Task] Error: In Executing
  D:\Users\EDonosoV\Desktop\file1.bat" ""fileName.txt"" at "", The
  process exit code was "2" while the expected was "0".&lt;/p&gt;
&lt;/blockquote&gt;
&lt;p&gt;i change success value to 2 and work but CMD do nothing&lt;/p&gt;
&lt;p&gt;Any solution?, i tried using the code of the TXT in FTP Task and have problem with RemotePath because my destiny is a library and can't open it&lt;/p&gt;
&lt;p&gt;Thanks!&lt;/p&gt;</t>
  </si>
  <si>
    <t>2017-02-27 13:28:19.693000+00:00</t>
  </si>
  <si>
    <t>2017-03-01 12:25:33.290000+00:00</t>
  </si>
  <si>
    <t>2017-02-27 15:32:45.247000+00:00</t>
  </si>
  <si>
    <t>sql-server|ssis|ftp|integration</t>
  </si>
  <si>
    <t>Setup BrowserSync and Ripple Emulator</t>
  </si>
  <si>
    <t>&lt;p&gt;I'm currently developing hybird application with Cordova platform and debug it using Ripple Emulator.&lt;/p&gt;
&lt;p&gt;The application itself doesn't really depends on native API of the target platform so I could test it with some simulation features that offered by Ripple emulator without worry. Every time i made change to the source files, my gulp task compile the javascript (I'm using ES6 with babel) and pack it with browserify automatically.&lt;/p&gt;
&lt;p&gt;However, I need to reload the browser tab so I can see the change, not to mention that ripple will reload it's module and engine if i reload the tab.&lt;/p&gt;
&lt;p&gt;Due this inefficiency, I tried to create a gulp task that would reload (inject the change to the) browser automatically. I use following setup:&lt;/p&gt;
&lt;pre&gt;&lt;code&gt;gulp.task('cordova-prepare', function() {
    exec('cordova prepare');
});
gulp.task('reload', function() {
    browserSync.reload();
});
gulp.task('script', function() {
    var bundler = browserify("./src/Main.js");
    bundler.transform("babelify", {presets: ["es2015"]});
    bundler.bundle()
        .on('error', function(err) { gutil.log(err); })
        .pipe(source('app.js'))
        .pipe(gulp.dest('./www/scripts'))
        .pipe(browserSync.stream());
});
gulp.task('watch', function() {
    gulp.watch('./src/**/*.js', ['script']);
    gulp.watch('./www/**/*.html', ['cordova-prepare', 'reload']);
    gulp.watch('./www/**/*.css', ['cordova-prepare', 'reload']);
    gulp.watch('./www/**/*.js', ['cordova-prepare']);
});
gulp.task('watch-source', ['script'], function() {
    gulp.watch('./src/**/*.js', ['script']);
});
gulp.task('ripple', ['script', 'watch'], function() {
    var options = {
        keepAlive: false,
        open: true,
        port: 4400
    };
    browserSync.init({
        proxy: "http://localhost:" + options.port + "/?enableripple=cordova-3.0.0"
    });
    ripple.emulate.start(options);
});
&lt;/code&gt;&lt;/pre&gt;
&lt;p&gt;The main problem is, whenever I made changes to the javascript files, it will reload the tab instead of injecting the changes. I also not quite sure what &lt;code&gt;cordova prepare&lt;/code&gt; commands for, but it seems necessary to create the web app for current platform on &lt;code&gt;platform&lt;/code&gt; folder.&lt;/p&gt;
&lt;p&gt;Notice that I use &lt;code&gt;stream()&lt;/code&gt; on &lt;code&gt;script&lt;/code&gt; task in order to inject the javascript, but its not working&lt;/p&gt;
&lt;p&gt;What I was expect is when I change some files, it will inject the new files into the browser tab (including html and css)&lt;/p&gt;
&lt;p&gt;Any ideas?&lt;/p&gt;</t>
  </si>
  <si>
    <t>2016-09-05 20:30:31.423000+00:00</t>
  </si>
  <si>
    <t>javascript|cordova|gulp|browser-sync|livereload</t>
  </si>
  <si>
    <t>Are there algorithms that perform hole detection in PCL?</t>
  </si>
  <si>
    <t>&lt;p&gt;I want to detect a hole (elliptical in shape). Would you recommend any specific algorithms in Point Cloud Library that I could look into? &lt;/p&gt;</t>
  </si>
  <si>
    <t>2016-07-06 00:56:50.650000+00:00</t>
  </si>
  <si>
    <t>detection|image-recognition|point-cloud-library|feature-detection|point-clouds</t>
  </si>
  <si>
    <t>Change value of hidden form field to range of entered number</t>
  </si>
  <si>
    <t>&lt;p&gt;i have a simple text input field users put in a number. I need to check which range the number matches (e.g. &gt;10 or &amp;lt;1 ) and save a separate key/value for that range in the database.&lt;/p&gt;
&lt;p&gt;I thought about a hidden field that changes its value as the user enters data but i don't know how to determine the range.&lt;/p&gt;
&lt;p&gt;&lt;em&gt;(I cannot modify the submit button. I use php and jQuery.)&lt;/em&gt;&lt;/p&gt;
&lt;p&gt;Thanks for any help!&lt;/p&gt;</t>
  </si>
  <si>
    <t>2010-07-15 10:12:56.710000+00:00</t>
  </si>
  <si>
    <t>2010-07-15 10:34:35.857000+00:00</t>
  </si>
  <si>
    <t>php|javascript|jquery|forms</t>
  </si>
  <si>
    <t>The best way to implement controller creation strategies in MVC 3</t>
  </si>
  <si>
    <t>&lt;p&gt;I have a controller factory which depending on the route values builds a controller in different ways. These are:&lt;/p&gt;
&lt;ol&gt;
&lt;li&gt;If the route values match with a "module" route it determines the correct type using the route values to calculate the qualified type name. This is, if user types [http://localhost:8080/siijyp/modules/&lt;strong&gt;Personas/Naturales/Documento&lt;/strong&gt;/Display?id=1], the controller factory builds and returns an OIMSIIJYP.Web.*&lt;em&gt;Personas.Naturales.Documento&lt;/em&gt;*Controller&lt;/li&gt;
&lt;li&gt;If the route values match with a "module" route and it also contains a "script" value, the controller factory builds the controller in runtime using Mono.CSharp&lt;/li&gt;
&lt;li&gt;If the route values don��t match with a module, it builds the controller as the &lt;code&gt;DefaultControllerFactory&lt;/code&gt; does it.&lt;/li&gt;
&lt;/ol&gt;
&lt;p&gt;It is rather evident all these &lt;code&gt;if&lt;/code&gt; statements are wrong, I also know there is a &lt;code&gt;IControllerActivator&lt;/code&gt; type which is used for the &lt;code&gt;DefaultControllerFactory&lt;/code&gt; to create a controller given a controller type. But what I don��t know is which is the best way to implement these controller creation strategies in MVC 3. &lt;/p&gt;
&lt;p&gt;Any idea?&lt;/p&gt;
&lt;p&gt;The code:&lt;/p&gt;
&lt;pre&gt;&lt;code&gt;public IController CreateController(RequestContext requestContext, 
    string controllerName)
{
    #region Argument checking
    if (requestContext == null)
{
        throw new ArgumentNullException("requestContext");
    }
    if (string.IsNullOrEmpty(controllerName))
    {
        throw new ArgumentException(
            "ControllerName cannot be null nor empty",     
            "controllerName");
    }
    #endregion
    Type controllerType = null;
    var routeData = requestContext.RouteData;
    if (IsRequestingAModule(routeData))
    {
        var module = routeData.Values["module"];
        var submodule = routeData.Values["submodule"];
        var controllerQualifiedName = string.Format(
            "OIMSIIJYP.Web.{0}.{1}.{2}Controller", module, 
            submodule, controllerName);
        try
        {
            controllerType = Type.GetType(controllerQualifiedName, true, 
                true);
            if (IsRequestingAScriptingBehavior(routeData))
            {
                return GetControllerRuntimeUsingMono(routeData, 
                    controllerName, controllerType);
            }
            else
            {
                return _container.Resolve(controllerType) as IController;
            }
        }
        catch (TypeLoadException)
        {
            throw new HttpException(404, 
                string.Format(CultureInfo.CurrentCulture, 
                "Controller not fount", new object[] {
                    requestContext.HttpContext.Request.Path
                }));
        }
    }
    else
    {
        var controllerTypes = 
            from type in Assembly.GetExecutingAssembly().GetTypes()
            where StringComparer.CurrentCultureIgnoreCase.Compare(
                type.Name, controllerName + "Controller") == 0
            select type;
        switch (controllerTypes.Count())
        {
            case 0:
                throw new HttpException(404, 
                    string.Format(CultureInfo.CurrentCulture, 
                    "Controller not found", new object[] {
                        requestContext.HttpContext.Request.Path
                    }));
            case 1:
                controllerType = controllerTypes.First();
                break;
            default:
                throw UnityControllerFactory.
                CreateAmbiguousControllerException(routeData.Route, 
                    controllerName, controllerTypes.ToList());
        }
    }
    return _container.Resolve(controllerType) as IController;
}
&lt;/code&gt;&lt;/pre&gt;</t>
  </si>
  <si>
    <t>2011-10-23 21:52:46.210000+00:00</t>
  </si>
  <si>
    <t>2012-01-18 07:17:01.013000+00:00</t>
  </si>
  <si>
    <t>2011-12-24 15:24:53.617000+00:00</t>
  </si>
  <si>
    <t>c#|.net|asp.net-mvc-3|design</t>
  </si>
  <si>
    <t>Storing file structure in PHP</t>
  </si>
  <si>
    <t>&lt;p&gt;What is the best way to store a file structure, along with files, say from a Zip file?  Currently each file is a row in the MySQL database, but obviously no structure can be read from that.  I want to avoid storing a binary file.  All files should be plain text.  Each zip/file structure is private to the user whom submitted it.&lt;/p&gt;</t>
  </si>
  <si>
    <t>2009-05-07 09:28:30.460000+00:00</t>
  </si>
  <si>
    <t>2009-05-12 20:34:54.523000+00:00</t>
  </si>
  <si>
    <t>2009-05-07 10:10:30.670000+00:00</t>
  </si>
  <si>
    <t>Crash</t>
  </si>
  <si>
    <t>php|mysql|file|structure</t>
  </si>
  <si>
    <t>Highlighting a dynamically created row</t>
  </si>
  <si>
    <t>&lt;p&gt;I have a table where a row gets added every time I press a "Add" button. I have an "Edit" button which is placed in the first cell of the newly created row. &lt;/p&gt;
&lt;p&gt;I want to highlight the row that is being edited. I know that I can get the current &lt;code&gt;&amp;lt;tr&amp;gt;&lt;/code&gt; element like&lt;/p&gt;
&lt;pre&gt;&lt;code&gt;var par = $(this).parent().parent(); 
&lt;/code&gt;&lt;/pre&gt;
&lt;p&gt;But when I use, &lt;/p&gt;
&lt;pre&gt;&lt;code&gt;par.css('border-color', 'red');
&lt;/code&gt;&lt;/pre&gt;
&lt;p&gt;It does not change the color.
What mistake am I making and how should I highlight that particular row?&lt;/p&gt;</t>
  </si>
  <si>
    <t>2013-07-17 11:49:17.340000+00:00</t>
  </si>
  <si>
    <t>2013-07-17 12:35:06.680000+00:00</t>
  </si>
  <si>
    <t>javascript|jquery|html|jsp</t>
  </si>
  <si>
    <t>Android : How do i pass the Payment details?</t>
  </si>
  <si>
    <t>&lt;p&gt;Am working on &lt;a href="https://www.x.com/developers/paypal/documentation-tools/sdk#6" rel="nofollow noreferrer"&gt;Mobile Express Checkout LIbrary&lt;/a&gt;. I just redirect my app to &lt;code&gt;PayPal&lt;/code&gt; But, i got like this -&lt;/p&gt;
&lt;p&gt;&lt;img src="https://i.stack.imgur.com/RxbA8.png" alt="Transaction Invalid"&gt;&lt;/p&gt;
&lt;p&gt;What can i do for this now? I didn't pass any payment details to &lt;code&gt;PayPal&lt;/code&gt; How do pass it and how do i finished it. Anyone help me to do this?&lt;/p&gt;</t>
  </si>
  <si>
    <t>2012-02-29 13:15:06.683000+00:00</t>
  </si>
  <si>
    <t>2012-03-16 12:18:01.110000+00:00</t>
  </si>
  <si>
    <t>android|paypal</t>
  </si>
  <si>
    <t>Edit a Parent Class from a Child Form</t>
  </si>
  <si>
    <t>&lt;p&gt;Currently, I am able to create multiple Students through my Adult Form by using       accepts_nested_attributes_for :student.&lt;/p&gt;
&lt;p&gt;&lt;strong&gt;But how can I Edit an existing Adult through a Student Form? (So the Opposite, except Edit)&lt;/strong&gt; &lt;/p&gt;
&lt;p&gt;Currently I am able to create more Parents through my Student form, but thats not what I want.&lt;/p&gt;
&lt;p&gt;&lt;strong&gt;MODELS&lt;/strong&gt;&lt;/p&gt;
&lt;pre&gt;&lt;code&gt;class Adult &amp;lt; ActiveRecord::Base  
  has_many :students
  accepts_nested_attributes_for :student
end
class Student &amp;lt; ActiveRecord::Base
  belongs_to :adult
  accepts_nested_attributes_for :adult
end
&lt;/code&gt;&lt;/pre&gt;
&lt;p&gt;&lt;strong&gt;CONTROLLER&lt;/strong&gt;&lt;/p&gt;
&lt;pre&gt;&lt;code&gt;class StudentsController &amp;lt; ApplicationController
  def update
    @adult = Adult.find(params[:adult_id])
    @student = Student.find(params[:id])
    if @student.update_attributes(student_params)
      redirect_to path
    end
  end
    private
    def student_params
      params.require(:student).permit(:adult_id, :school_id, :username, :password, 
                                  :firstName, :middleName, :lastName, :alias,
                                  adult_attributes: [:id, :name])
    end 
end
&lt;/code&gt;&lt;/pre&gt;
&lt;p&gt;&lt;strong&gt;VIEWS&lt;/strong&gt;&lt;/p&gt;
&lt;pre&gt;&lt;code&gt;###HOW CAN I UPDATE THE EXISTING PARENT AS OPPOSE TO CREATING ONE
&amp;lt;%= simple_form_for @student.build_adult do |f| %&amp;gt;
      &amp;lt;h4&amp;gt;Update Parent Information&amp;lt;/h4&amp;gt;
      &amp;lt;%= f.label :firstName, 'First Name' %&amp;gt;
      &amp;lt;%= f.text_field :firstName, placeholder: "Parent's First Name", :class =&amp;gt; "form-control"%&amp;gt;
      &amp;lt;%= f.submit "Save &amp;amp; Continue", class: "btn btn-primary"%&amp;gt;
&amp;lt;% end %&amp;gt;
&lt;/code&gt;&lt;/pre&gt;
&lt;p&gt;&lt;strong&gt;ROUTES&lt;/strong&gt;&lt;/p&gt;
&lt;pre&gt;&lt;code&gt;resources :adult do
  resources :student
end
&lt;/code&gt;&lt;/pre&gt;</t>
  </si>
  <si>
    <t>2014-08-02 02:53:12.987000+00:00</t>
  </si>
  <si>
    <t>2014-08-02 06:28:08.707000+00:00</t>
  </si>
  <si>
    <t>ruby|ruby-on-rails-4|nested-forms|nested-attributes|nested-resources</t>
  </si>
  <si>
    <t>Idiomatic Golang - Readability vs. Runtime Memory Conservation</t>
  </si>
  <si>
    <t>&lt;p&gt;Given the two options (as I see them, feel free to enlighten me please), for instance, in checking equality of two strings, I was wondering whether it is preferred/idiomatic in Go to:&lt;/p&gt;
&lt;p&gt;Assign the two strings to variables in memory, e.g,: &lt;/p&gt;
&lt;pre&gt;&lt;code&gt;var thing01 := strings.ToLower(strings.Replace(line, "\"", "", -1 ))[:lenEval]
var thing02 := strings.Join(p.FieldsOrder[:p.CheckNHeaders], string(p.Delimiter))
if thing01 == thing02 {
    // do stuff...
}
&lt;/code&gt;&lt;/pre&gt;
&lt;p&gt;OR&lt;/p&gt;
&lt;pre&gt;&lt;code&gt;if strings.ToLower(strings.Replace(line, "\"", "", -1 ))[:lenEval] == strings.Join(p.FieldsOrder[:p.CheckNHeaders], string(p.Delimiter)) {
    // do stuff...
}
&lt;/code&gt;&lt;/pre&gt;
&lt;p&gt;Please don't spend time thinking about what &lt;code&gt;thing01&lt;/code&gt; and &lt;code&gt;thing02&lt;/code&gt; accomplish, suffice to say if they are equal strings I'd like to address it.&lt;/p&gt;
&lt;p&gt;The question is, which is preferred? Assigning into memory with (only slightly, granted) improved readability, or to just 'go for it' and check directly in the &lt;code&gt;if&lt;/code&gt; statement at run time?&lt;/p&gt;
&lt;p&gt;If there is a third option I've overlooked, I'd love to know that too. Thanks all!&lt;/p&gt;
&lt;p&gt;&lt;strong&gt;Edit after reading all the great feedback:&lt;/strong&gt;&lt;/p&gt;
&lt;p&gt;There were several enlightening responses, and I thank all who took the time to consider my quesion. Lessons learned:&lt;/p&gt;
&lt;ul&gt;
&lt;li&gt;Just because one doesn't assign to a variable, doesn't save it from
going to the stack (duh).&lt;/li&gt;
&lt;li&gt;Consider readability and maintainability always, for other contributors, and even your future self!&lt;/li&gt;
&lt;li&gt;Use good variable names&lt;/li&gt;
&lt;li&gt;Without advanced knowledge of GC, Compiler, etc. favoring what one things is faster is barking up the wrong tree.&lt;/li&gt;
&lt;/ul&gt;
&lt;p&gt;My revised approach:&lt;/p&gt;
&lt;pre&gt;&lt;code&gt;lineFrontSplit := strings.ToLower(strings.Replace(line, `"`, "", -1 ))[:lenLineEval]
colsFrontSplit := strings.Join(p.FieldsOrder[:p.CheckNHeaders], string(p.Delimiter))
if lineFrontSplit == colsFrontSplit {
    return result, nil
}
&lt;/code&gt;&lt;/pre&gt;
&lt;p&gt;To whoever I annoyed with this apologies, just a newbie looking for insight from the community. If I violated a post guideline please let me know.&lt;/p&gt;
&lt;p&gt;Thanks again all.&lt;/p&gt;</t>
  </si>
  <si>
    <t>2017-10-26 02:53:37.233000+00:00</t>
  </si>
  <si>
    <t>2017-10-26 15:29:43.603000+00:00</t>
  </si>
  <si>
    <t>go|idiomatic</t>
  </si>
  <si>
    <t>Merging 4 tables without common columns/rows</t>
  </si>
  <si>
    <t>&lt;p&gt;I am trying to join 4 tables with different columns(with no common columns) can somebody help me with the syntax &lt;/p&gt;</t>
  </si>
  <si>
    <t>2018-08-21 08:18:17.567000+00:00</t>
  </si>
  <si>
    <t>2018-08-21 08:28:56.537000+00:00</t>
  </si>
  <si>
    <t>Disable escaping newlines in SQLAlchemy query output</t>
  </si>
  <si>
    <t>&lt;p&gt;I have newlines &lt;code&gt;\n&lt;/code&gt; in my MySQL database, and would like my SQLAlchemy query output to NOT escape them to &lt;code&gt;\\n&lt;/code&gt; when I store part of my query into a string.&lt;/p&gt;
&lt;pre&gt;&lt;code&gt;unexecuted = session.query(Muzzle).filter(Muzzle.executed==False).all()
for x in unexecuted:
    if x.message != None:
        message = 'Line 1\n\nLine 2\n\n'+x.message
        print message
&lt;/code&gt;&lt;/pre&gt;
&lt;p&gt;If x.message is stored in my MySQL database as &lt;code&gt;Line 3\n\nLine 4&lt;/code&gt;, then the above code will print:&lt;/p&gt;
&lt;pre&gt;&lt;code&gt;Line 1
Line 2
Line 3\n\nLine 4
&lt;/code&gt;&lt;/pre&gt;
&lt;p&gt;I can &lt;code&gt;from string import replace&lt;/code&gt; and do &lt;code&gt;message = 'Line 1\n\nLine 2\n\n'+x.message.replace("\\n","\n")&lt;/code&gt; to get the formatting I want, but I'd rather not do a replace if I can avoid it. I just want SQLAlchemy to output an unsanitized string. I already sanitize it when I store it into the database (using a php-based frontend), so I don't need it sanitized on the way back out.&lt;/p&gt;
&lt;p&gt;Is there any way to change this setting in SQLAlchemy, or modify how I call the functions in such a way that it disables escapes?&lt;/p&gt;
&lt;p&gt;Thanks!&lt;/p&gt;</t>
  </si>
  <si>
    <t>2014-03-08 01:32:55.390000+00:00</t>
  </si>
  <si>
    <t>python|mysql|sqlalchemy</t>
  </si>
  <si>
    <t>Backbone Collection - Constructor</t>
  </si>
  <si>
    <t>&lt;p&gt;I am passing an array to new collection. Is it possible to filter the array by passing second parameter and check on the attr of the object in the array and create collection only if it pass the filter test.&lt;/p&gt;
&lt;pre&gt;&lt;code&gt;collection = new Backbone.Collection([{name:'xy',age:24},{name:'y',age:35}])
&lt;/code&gt;&lt;/pre&gt;
&lt;p&gt;Can I create a collection only for the object less than 30 years.&lt;/p&gt;</t>
  </si>
  <si>
    <t>2013-08-30 11:55:55.707000+00:00</t>
  </si>
  <si>
    <t>2015-05-14 04:13:15.207000+00:00</t>
  </si>
  <si>
    <t>2013-08-30 12:02:36.517000+00:00</t>
  </si>
  <si>
    <t>backbone.js</t>
  </si>
  <si>
    <t>How to get the distance to a CGPath for hit-testing?</t>
  </si>
  <si>
    <t>&lt;p&gt;I have an open CGPath/UIBezierPath for which I want to detect if the user touches it, i.e. whether a point is within a certain distance from the path. The path is open (i.e. a line/curve, not a shape). It can contain both straight &amp;amp; curved elements. How do I get the distance to the path to hit-test it?&lt;/p&gt;</t>
  </si>
  <si>
    <t>2013-10-19 06:53:31.877000+00:00</t>
  </si>
  <si>
    <t>2017-02-28 17:21:03.797000+00:00</t>
  </si>
  <si>
    <t>2014-10-15 13:37:35.563000+00:00</t>
  </si>
  <si>
    <t>objective-c|core-graphics|cgpath</t>
  </si>
  <si>
    <t>WindowsPhone ListBox increase height during scrolling in my emulator and device as well</t>
  </si>
  <si>
    <t>&lt;p&gt;WindowsPhone ListBox increase height during scrolling in my emulator and device as well.I'm using Stack Panel inside ListBox .&lt;/p&gt;
&lt;p&gt;This is my&lt;code&gt;xaml code&lt;/code&gt;.&lt;/p&gt;
&lt;pre&gt;&lt;code&gt;&amp;lt;DataTemplate x:Name="LstContentTemplate"&amp;gt;
                       &amp;lt;ListBoxItem HorizontalAlignment="Left"  BorderThickness="1" Width="480" BorderBrush="Black" &amp;gt;
                            &amp;lt;Grid Height="Auto"&amp;gt;
                            &amp;lt;Grid.RowDefinitions&amp;gt;
                                &amp;lt;RowDefinition Height="1*"/&amp;gt;
                                &amp;lt;RowDefinition Height="1*"/&amp;gt;
                                &amp;lt;RowDefinition Height="1*"/&amp;gt;
                            &amp;lt;/Grid.RowDefinitions&amp;gt;
                            &amp;lt;Grid Grid.Row="0"&amp;gt;
                                &amp;lt;TextBlock Text="{Binding Path=Groupname}"  Style="{StaticResource PhoneTextNormalStyle}"  FontSize="20" FontFamily="Arial"  Foreground="Black"  HorizontalAlignment="Left"  Name="txtgroupname" VerticalAlignment="Top" Width="480"  /&amp;gt;
                            &amp;lt;/Grid&amp;gt;
                            &amp;lt;Grid Grid.Row="1"&amp;gt;
                                &amp;lt;TextBlock Text="{Binding Path=Name}"  Style="{StaticResource PhoneTextNormalStyle}" TextWrapping="Wrap" Foreground="Black" FontSize="22" HorizontalAlignment="Left"  Name="txtname" VerticalAlignment="Top" Width="480"  /&amp;gt;
                            &amp;lt;/Grid&amp;gt;
                            &amp;lt;Grid  Grid.Row="2"&amp;gt;
                                &amp;lt;TextBlock Text="{Binding Path=Mobile}" Style="{StaticResource PhoneTextNormalStyle}" TextWrapping="Wrap" Foreground="Black" FontSize="22" HorizontalAlignment="Left"  Name="txtmobile" VerticalAlignment="Top" Width="480"  /&amp;gt;
                            &amp;lt;/Grid&amp;gt;       
                            &amp;lt;/Grid&amp;gt;
                        &amp;lt;/ListBoxItem&amp;gt;
                    &amp;lt;/DataTemplate&amp;gt;
                &amp;lt;/ListBox.ItemTemplate&amp;gt;
            &amp;lt;/ListBox&amp;gt;
&lt;/code&gt;&lt;/pre&gt;</t>
  </si>
  <si>
    <t>2013-05-14 09:30:06.197000+00:00</t>
  </si>
  <si>
    <t>2018-03-27 13:21:25.450000+00:00</t>
  </si>
  <si>
    <t>c#|wpf|windows-phone-7|silverlight-4.0|windows-phone-8</t>
  </si>
  <si>
    <t>Public visible custom attribute in maya custom image plane</t>
  </si>
  <si>
    <t>&lt;p&gt;I've been working on a custom image plane for maya, I need to load info from an external file, so I'm trying to create a custom attribute (string) for the user to input the path to the file.&lt;/p&gt;
&lt;p&gt;I've declared this in the &lt;code&gt;customImagePlane.h&lt;/code&gt;:&lt;/p&gt;
&lt;pre&gt;&lt;code&gt;public:
    static  MObject     metaDataFile;
&lt;/code&gt;&lt;/pre&gt;
&lt;p&gt;and initialized it in the &lt;code&gt;initialize&lt;/code&gt; method:&lt;/p&gt;
&lt;pre&gt;&lt;code&gt;MStatus customImagePlane::initialize()
{
    MStatus             stat;
    MFnTypedAttribute   attr;
    MFnStringData       stringFn;
    MObject defmsg  = stringFn.create("Input metadata file path");
    metaDataFile    = attr.create("metaDataFilePath", "datapath", MFnData::kString, defmsg, &amp;amp;stat);
    if(!stat) return stat;
    attr.setHidden          (false  );
    attr.setReadable        (false  );
    attr.setWritable        (true   );
    attr.setStorable        (true   );
    attr.setConnectable     (true   );
    attr.setChannelBox      (false  );
    attr.setInternal        (false  );
    attr.setUsedAsFilename  (true   );
    stat = addAttribute(metaDataFile);
    if (!stat) { stat.perror("addAttribute"); return stat;}
    return MS::kSuccess;
}
&lt;/code&gt;&lt;/pre&gt;
&lt;p&gt;Right now the attribute is visible in the node editor or hypershade, but what I need is it to be visible within the extra attributes of the node so it is easily accesed by the users.&lt;/p&gt;
&lt;p&gt;What am I doing wrong?
Thanks in advance.&lt;/p&gt;</t>
  </si>
  <si>
    <t>2016-05-05 07:17:29.273000+00:00</t>
  </si>
  <si>
    <t>2016-05-12 09:11:51.640000+00:00</t>
  </si>
  <si>
    <t>c++|api|attributes|maya</t>
  </si>
  <si>
    <t>Why my JSF CSS html and body tags are not applied</t>
  </si>
  <si>
    <t>&lt;p&gt;thi is my login css:&lt;/p&gt;
&lt;pre&gt;&lt;code&gt;  html{
    /* fallback */
            background-color: #84AFB8;
    /* Safari 4-5, Chrome 1-9 */
            background: -webkit-gradient(radial, center center, 0, center center, 0, from(#84AFB8), to(#b1d2e1));
    /* Safari 5.1, Chrome 10+ */
            background: -webkit-radial-gradient(circle, #84AFB8, #b1d2e1);
    /* Firefox 3.6+ */
            background: -moz-radial-gradient(circle, #84AFB8, #b1d2e1);
    /* IE 10 */
            background: -ms-radial-gradient(circle, #84AFB8, #b1d2e1);
    /* Opera 11.10+ */
            background: -o-linear-gradient(right, #84AFB8, #b1d2e1);
}
body{
    font-family: Arial, Helvetica, sans-serif;
    font-size: 12px;
    margin: auto auto;
    background-image: url("#{resource['images/activpos_login_background.png']}");
/*  background-color:#b0c4de; */
}
&lt;/code&gt;&lt;/pre&gt;
&lt;p&gt;My login page in xhtml code:&lt;/p&gt;
&lt;pre&gt;&lt;code&gt;&amp;lt;!DOCTYPE html PUBLIC "-//W3C//DTD XHTML 1.0 Transitional//EN"
  "http://www.w3.org/TR/xhtml1/DTD/xhtml1-transitional.dtd"&amp;gt;
&amp;lt;html xmlns="http://www.w3.org/1999/xhtml"
    xmlns:f="http://java.sun.com/jsf/core"
    xmlns:h="http://java.sun.com/jsf/html"
    xmlns:p="http://primefaces.org/ui"
    xmlns:ui="http://java.sun.com/jsf/facelets" &amp;gt;
&amp;lt;h:head&amp;gt;
    &amp;lt;h:outputStylesheet library="css" name="login.css" /&amp;gt;
    &amp;lt;meta http-equiv="Content-Type" content="text/html; charset=UTF-8" /&amp;gt;
&amp;lt;!--    &amp;lt;link rel="shortcut icon" type="image/x-icon" href="http://www.picpanda.com/images/wx4tneinur7acq4drlen.ico" /&amp;gt; --&amp;gt;
&amp;lt;/h:head&amp;gt;
&amp;lt;h:body&amp;gt;
&amp;lt;!-- &amp;lt;ui:composition template="/pages/protected/templates/master.xhtml"&amp;gt; --&amp;gt;
    &amp;lt;div id="mainContainer"&amp;gt;
        &amp;lt;div id="main"&amp;gt;
            &amp;lt;div id="logo" align="center"&amp;gt;
                &amp;lt;h:graphicImage name="images/activpos_logo.png" /&amp;gt;
            &amp;lt;/div&amp;gt;
            &amp;lt;div id="login" align="center"&amp;gt;
                &amp;lt;h:graphicImage name="images/activpos_login_body.png" /&amp;gt;
                &amp;lt;h:form id="loginForm" styleClass="text"&amp;gt;
                    &amp;lt;p:focus context="loginForm" /&amp;gt;
                    &amp;lt;p:growl showDetail="false" life="3000" /&amp;gt;
                    &amp;lt;h:outputLabel value="Please Login" /&amp;gt;
                    &amp;lt;h:panelGrid columns="1"&amp;gt;
                        &amp;lt;br /&amp;gt;
                        &amp;lt;br /&amp;gt;
&amp;lt;!--                        &amp;lt;h:outputLabel value="#{bundle.loginUserName}" /&amp;gt; --&amp;gt;
                        &amp;lt;p:inputText value="#{loginMB.username}" label="Username"
                            id="username" required="true" style="width: 240px;"&amp;gt;
                            &amp;lt;f:validateLength minimum="1" /&amp;gt;
                            &amp;lt;p:watermark for="username" value="Username" /&amp;gt;  
                        &amp;lt;/p:inputText&amp;gt;
                        &amp;lt;br /&amp;gt;
&amp;lt;!--                        &amp;lt;h:outputLabel value="#{bundle.loginPassword}" /&amp;gt; --&amp;gt;
                        &amp;lt;p:password value="#{loginMB.password}" label="Password"
                            id="senha" required="true" autocomplete="off"
                            style="width: 240px;"&amp;gt;
                            &amp;lt;f:validateLength minimum="1" /&amp;gt;
                            &amp;lt;p:watermark for="senha" value="Password" /&amp;gt; 
                        &amp;lt;/p:password&amp;gt;
                        &amp;lt;br /&amp;gt;
                        &amp;lt;p:commandButton action="#{loginMB.login}" value="login" styleClass="loginImage" /&amp;gt;
&amp;lt;!--                            &amp;lt;h:graphicImage name="images/login.png" /&amp;gt; --&amp;gt;
&amp;lt;!--                        &amp;lt;/p:commandButton&amp;gt; --&amp;gt;
                    &amp;lt;/h:panelGrid&amp;gt;
                        &amp;lt;br /&amp;gt;
                        &amp;lt;br /&amp;gt;
                        &amp;lt;p:commandLink action="#{loginMB.displayForgotPassword}"
                            style="color:black;" ajax="false" immediate="true"&amp;gt;
                            &amp;lt;h:outputText value="Forgot password?" style="color:black;font-size:12px;" /&amp;gt;
                        &amp;lt;/p:commandLink&amp;gt;
                &amp;lt;/h:form&amp;gt;
&amp;lt;!--                &amp;lt;h:outputText value="Version 2.4.2" styleClass="version" /&amp;gt; --&amp;gt;
                &amp;lt;/div&amp;gt;
            &amp;lt;/div&amp;gt;
        &amp;lt;/div&amp;gt;
    &amp;lt;div id="footerContainer"&amp;gt;Copyright �� 2014. All rights reserved.&amp;lt;/div&amp;gt;
&amp;lt;!--    &amp;lt;/ui:composition&amp;gt; --&amp;gt;
&amp;lt;/h:body&amp;gt;
&amp;lt;/html&amp;gt;
&lt;/code&gt;&lt;/pre&gt;
&lt;p&gt;the result is page css html and body tags are not loaded.&lt;/p&gt;
&lt;p&gt;But When i clicked the forgot password link, css html and body tags are loaded as expected.&lt;/p&gt;
&lt;pre&gt;&lt;code&gt;public void displayForgotPassword() {
        displayInfoMessageToUser("Please contact support@blah.com");
    }
&lt;/code&gt;&lt;/pre&gt;
&lt;p&gt;I'm taking up almost a day looking what causes it. That's my number one concern. &lt;/p&gt;
&lt;p&gt;and the last minor concern is my css background-image in my login button is not loading properly though I followed &lt;a href="https://stackoverflow.com/questions/8003440/displaying-command-button-with-image-only"&gt;Displaying command button with image only&lt;/a&gt; and here &lt;a href="https://stackoverflow.com/questions/17619707/my-own-primefaces-pcommanbutton-icon"&gt;My own primefaces p:commanButton icon&lt;/a&gt; &lt;/p&gt;
&lt;p&gt;Thanks in advance.&lt;/p&gt;</t>
  </si>
  <si>
    <t>2014-01-17 08:42:03.633000+00:00</t>
  </si>
  <si>
    <t>2017-05-23 12:20:59.513000+00:00</t>
  </si>
  <si>
    <t>css|jsf|primefaces</t>
  </si>
  <si>
    <t>display dates based on week number asp classic</t>
  </si>
  <si>
    <t>&lt;p&gt;I want to display the weeks dates based on a week number that I get from my db.
So if I get week=43 then it would display all 7 dates for that week.
Like this.&lt;/p&gt;
&lt;pre&gt;&lt;code&gt;M=23
T=24
W=25
T=26
F=27
S=28
S=29
&lt;/code&gt;&lt;/pre&gt;
&lt;p&gt;Have tested with a lot of date formating but I can't get it working.
So any input really appreciated, thanks!&lt;/p&gt;</t>
  </si>
  <si>
    <t>2015-09-19 09:04:35.957000+00:00</t>
  </si>
  <si>
    <t>2015-09-19 16:40:23.087000+00:00</t>
  </si>
  <si>
    <t>date|asp-classic|format</t>
  </si>
  <si>
    <t>fbchat Python library instillation error</t>
  </si>
  <si>
    <t>&lt;p&gt;I'm sorry for the long read, and thank you in advance. I've posted all my outputs from CMD, but I paraphrase the main error at the end.&lt;/p&gt;
&lt;p&gt;I'm trying to install the python library fbchat for a virtual assistant program that I am creating, however, I am having some very strange issues trying to pip install this on my Windows 10 pc.&lt;/p&gt;
&lt;p&gt;Below is the output of my command prompt:&lt;/p&gt;
&lt;pre&gt;&lt;code&gt;Microsoft Windows [Version 10.0.14393]
(c) 2016 Microsoft Corporation. All rights reserved.
C:\Users\lukec&amp;gt;pip install fbchat
Requirement already satisfied: fbchat in c:\python27\lib\site-packages\fbchat-0.5.0-py2.7.egg
Requirement already satisfied: requests in c:\python27\lib\site-packages (from fbchat)
Collecting lxml (from fbchat)
  Using cached lxml-3.7.1.tar.gz
Requirement already satisfied: beautifulsoup4 in c:\python27\lib\site-packages\beautifulsoup4-4.5.1-py2.7.egg (from fbchat)
Building wheels for collected packages: lxml
  Running setup.py bdist_wheel for lxml ... error
  Complete output from command c:\python27\python.exe -u -c "import setuptools, tokenize;__file__='c:\\users\\lukec\\appdata\\local\\temp\\pip-build-1ul2r3\\lxml\\setup.py';f=getattr(tokenize, 'open', open)(__file__);code=f.read().replace('\r\n', '\n');f.close();exec(compile(code, __file__, 'exec'))" bdist_wheel -d c:\users\lukec\appdata\local\temp\tmpmna48rpip-wheel- --python-tag cp27:
  Building lxml version 3.7.1.
  Building without Cython.
  ERROR: 'xslt-config' is not recognized as an internal or external command,
  operable program or batch file.
  ** make sure the development packages of libxml2 and libxslt are installed **
  Using build configuration of libxslt
  running bdist_wheel
  running build
  running build_py
  creating build
  creating build\lib.win32-2.7
  creating build\lib.win32-2.7\lxml
  copying src\lxml\builder.py -&amp;gt; build\lib.win32-2.7\lxml
  copying src\lxml\cssselect.py -&amp;gt; build\lib.win32-2.7\lxml
  copying src\lxml\doctestcompare.py -&amp;gt; build\lib.win32-2.7\lxml
  copying src\lxml\ElementInclude.py -&amp;gt; build\lib.win32-2.7\lxml
  copying src\lxml\pyclasslookup.py -&amp;gt; build\lib.win32-2.7\lxml
  copying src\lxml\sax.py -&amp;gt; build\lib.win32-2.7\lxml
  copying src\lxml\usedoctest.py -&amp;gt; build\lib.win32-2.7\lxml
  copying src\lxml\_elementpath.py -&amp;gt; build\lib.win32-2.7\lxml
  copying src\lxml\__init__.py -&amp;gt; build\lib.win32-2.7\lxml
  creating build\lib.win32-2.7\lxml\includes
  copying src\lxml\includes\__init__.py -&amp;gt; build\lib.win32-2.7\lxml\includes
  creating build\lib.win32-2.7\lxml\html
  copying src\lxml\html\builder.py -&amp;gt; build\lib.win32-2.7\lxml\html
  copying src\lxml\html\clean.py -&amp;gt; build\lib.win32-2.7\lxml\html
  copying src\lxml\html\defs.py -&amp;gt; build\lib.win32-2.7\lxml\html
  copying src\lxml\html\diff.py -&amp;gt; build\lib.win32-2.7\lxml\html
  copying src\lxml\html\ElementSoup.py -&amp;gt; build\lib.win32-2.7\lxml\html
  copying src\lxml\html\formfill.py -&amp;gt; build\lib.win32-2.7\lxml\html
  copying src\lxml\html\html5parser.py -&amp;gt; build\lib.win32-2.7\lxml\html
  copying src\lxml\html\soupparser.py -&amp;gt; build\lib.win32-2.7\lxml\html
  copying src\lxml\html\usedoctest.py -&amp;gt; build\lib.win32-2.7\lxml\html
  copying src\lxml\html\_diffcommand.py -&amp;gt; build\lib.win32-2.7\lxml\html
  copying src\lxml\html\_html5builder.py -&amp;gt; build\lib.win32-2.7\lxml\html
  copying src\lxml\html\_setmixin.py -&amp;gt; build\lib.win32-2.7\lxml\html
  copying src\lxml\html\__init__.py -&amp;gt; build\lib.win32-2.7\lxml\html
  creating build\lib.win32-2.7\lxml\isoschematron
  copying src\lxml\isoschematron\__init__.py -&amp;gt; build\lib.win32-2.7\lxml\isoschematron
  copying src\lxml\lxml.etree.h -&amp;gt; build\lib.win32-2.7\lxml
  copying src\lxml\lxml.etree_api.h -&amp;gt; build\lib.win32-2.7\lxml
  copying src\lxml\includes\c14n.pxd -&amp;gt; build\lib.win32-2.7\lxml\includes
  copying src\lxml\includes\config.pxd -&amp;gt; build\lib.win32-2.7\lxml\includes
  copying src\lxml\includes\dtdvalid.pxd -&amp;gt; build\lib.win32-2.7\lxml\includes
  copying src\lxml\includes\etreepublic.pxd -&amp;gt; build\lib.win32-2.7\lxml\includes
  copying src\lxml\includes\htmlparser.pxd -&amp;gt; build\lib.win32-2.7\lxml\includes
  copying src\lxml\includes\relaxng.pxd -&amp;gt; build\lib.win32-2.7\lxml\includes
  copying src\lxml\includes\schematron.pxd -&amp;gt; build\lib.win32-2.7\lxml\includes
  copying src\lxml\includes\tree.pxd -&amp;gt; build\lib.win32-2.7\lxml\includes
  copying src\lxml\includes\uri.pxd -&amp;gt; build\lib.win32-2.7\lxml\includes
  copying src\lxml\includes\xinclude.pxd -&amp;gt; build\lib.win32-2.7\lxml\includes
  copying src\lxml\includes\xmlerror.pxd -&amp;gt; build\lib.win32-2.7\lxml\includes
  copying src\lxml\includes\xmlparser.pxd -&amp;gt; build\lib.win32-2.7\lxml\includes
  copying src\lxml\includes\xmlschema.pxd -&amp;gt; build\lib.win32-2.7\lxml\includes
  copying src\lxml\includes\xpath.pxd -&amp;gt; build\lib.win32-2.7\lxml\includes
  copying src\lxml\includes\xslt.pxd -&amp;gt; build\lib.win32-2.7\lxml\includes
  copying src\lxml\includes\etree_defs.h -&amp;gt; build\lib.win32-2.7\lxml\includes
  copying src\lxml\includes\lxml-version.h -&amp;gt; build\lib.win32-2.7\lxml\includes
  creating build\lib.win32-2.7\lxml\isoschematron\resources
  creating build\lib.win32-2.7\lxml\isoschematron\resources\rng
  copying src\lxml\isoschematron\resources\rng\iso-schematron.rng -&amp;gt; build\lib.win32-2.7\lxml\isoschematron\resources\rng
  creating build\lib.win32-2.7\lxml\isoschematron\resources\xsl
  copying src\lxml\isoschematron\resources\xsl\RNG2Schtrn.xsl -&amp;gt; build\lib.win32-2.7\lxml\isoschematron\resources\xsl
  copying src\lxml\isoschematron\resources\xsl\XSD2Schtrn.xsl -&amp;gt; build\lib.win32-2.7\lxml\isoschematron\resources\xsl
  creating build\lib.win32-2.7\lxml\isoschematron\resources\xsl\iso-schematron-xslt1
  copying src\lxml\isoschematron\resources\xsl\iso-schematron-xslt1\iso_abstract_expand.xsl -&amp;gt; build\lib.win32-2.7\lxml\isoschematron\resources\xsl\iso-schematron-xslt1
  copying src\lxml\isoschematron\resources\xsl\iso-schematron-xslt1\iso_dsdl_include.xsl -&amp;gt; build\lib.win32-2.7\lxml\isoschematron\resources\xsl\iso-schematron-xslt1
  copying src\lxml\isoschematron\resources\xsl\iso-schematron-xslt1\iso_schematron_message.xsl -&amp;gt; build\lib.win32-2.7\lxml\isoschematron\resources\xsl\iso-schematron-xslt1
  copying src\lxml\isoschematron\resources\xsl\iso-schematron-xslt1\iso_schematron_skeleton_for_xslt1.xsl -&amp;gt; build\lib.win32-2.7\lxml\isoschematron\resources\xsl\iso-schematron-xslt1
  copying src\lxml\isoschematron\resources\xsl\iso-schematron-xslt1\iso_svrl_for_xslt1.xsl -&amp;gt; build\lib.win32-2.7\lxml\isoschematron\resources\xsl\iso-schematron-xslt1
  copying src\lxml\isoschematron\resources\xsl\iso-schematron-xslt1\readme.txt -&amp;gt; build\lib.win32-2.7\lxml\isoschematron\resources\xsl\iso-schematron-xslt1
  running build_ext
  building 'lxml.etree' extension
  creating build\temp.win32-2.7
  creating build\temp.win32-2.7\Release
  creating build\temp.win32-2.7\Release\src
  creating build\temp.win32-2.7\Release\src\lxml
  C:\Users\lukec\AppData\Local\Programs\Common\Microsoft\Visual C++ for Python\9.0\VC\Bin\cl.exe /c /nologo /Ox /MD /W3 /GS- /DNDEBUG -Isrc\lxml\includes -Ic:\python27\include -Ic:\python27\PC /Tcsrc\lxml\lxml.etree.c /Fobuild\temp.win32-2.7\Release\src\lxml\lxml.etree.obj -w
  cl : Command line warning D9025 : overriding '/W3' with '/w'
  lxml.etree.c
  src\lxml\includes\etree_defs.h(14) : fatal error C1083: Cannot open include file: 'libxml/xmlversion.h': No such file or directory
  Compile failed: command 'C:\\Users\\lukec\\AppData\\Local\\Programs\\Common\\Microsoft\\Visual C++ for Python\\9.0\\VC\\Bin\\cl.exe' failed with exit status 2
  creating users
  creating users\lukec
  creating users\lukec\appdata
  creating users\lukec\appdata\local
  creating users\lukec\appdata\local\temp
  C:\Users\lukec\AppData\Local\Programs\Common\Microsoft\Visual C++ for Python\9.0\VC\Bin\cl.exe /c /nologo /Ox /MD /W3 /GS- /DNDEBUG -I/usr/include/libxml2 /Tcc:\users\lukec\appdata\local\temp\xmlXPathInitzjpakr.c /Fousers\lukec\appdata\local\temp\xmlXPathInitzjpakr.obj
  xmlXPathInitzjpakr.c
  c:\users\lukec\appdata\local\temp\xmlXPathInitzjpakr.c(1) : fatal error C1083: Cannot open include file: 'libxml/xpath.h': No such file or directory
  *********************************************************************************
  Could not find function xmlCheckVersion in library libxml2. Is libxml2 installed?
  *********************************************************************************
  error: command 'C:\\Users\\lukec\\AppData\\Local\\Programs\\Common\\Microsoft\\Visual C++ for Python\\9.0\\VC\\Bin\\cl.exe' failed with exit status 2
  ----------------------------------------
  Failed building wheel for lxml
  Running setup.py clean for lxml
Failed to build lxml
Installing collected packages: lxml
  Running setup.py install for lxml ... error
    Complete output from command c:\python27\python.exe -u -c "import setuptools, tokenize;__file__='c:\\users\\lukec\\appdata\\local\\temp\\pip-build-1ul2r3\\lxml\\setup.py';f=getattr(tokenize, 'open', open)(__file__);code=f.read().replace('\r\n', '\n');f.close();exec(compile(code, __file__, 'exec'))" install --record c:\users\lukec\appdata\local\temp\pip-cdhadi-record\install-record.txt --single-version-externally-managed --compile:
    Building lxml version 3.7.1.
    Building without Cython.
    ERROR: 'xslt-config' is not recognized as an internal or external command,
    operable program or batch file.
    ** make sure the development packages of libxml2 and libxslt are installed **
    Using build configuration of libxslt
    running install
    running build
    running build_py
    creating build
    creating build\lib.win32-2.7
    creating build\lib.win32-2.7\lxml
    copying src\lxml\builder.py -&amp;gt; build\lib.win32-2.7\lxml
    copying src\lxml\cssselect.py -&amp;gt; build\lib.win32-2.7\lxml
    copying src\lxml\doctestcompare.py -&amp;gt; build\lib.win32-2.7\lxml
    copying src\lxml\ElementInclude.py -&amp;gt; build\lib.win32-2.7\lxml
    copying src\lxml\pyclasslookup.py -&amp;gt; build\lib.win32-2.7\lxml
    copying src\lxml\sax.py -&amp;gt; build\lib.win32-2.7\lxml
    copying src\lxml\usedoctest.py -&amp;gt; build\lib.win32-2.7\lxml
    copying src\lxml\_elementpath.py -&amp;gt; build\lib.win32-2.7\lxml
    copying src\lxml\__init__.py -&amp;gt; build\lib.win32-2.7\lxml
    creating build\lib.win32-2.7\lxml\includes
    copying src\lxml\includes\__init__.py -&amp;gt; build\lib.win32-2.7\lxml\includes
    creating build\lib.win32-2.7\lxml\html
    copying src\lxml\html\builder.py -&amp;gt; build\lib.win32-2.7\lxml\html
    copying src\lxml\html\clean.py -&amp;gt; build\lib.win32-2.7\lxml\html
    copying src\lxml\html\defs.py -&amp;gt; build\lib.win32-2.7\lxml\html
    copying src\lxml\html\diff.py -&amp;gt; build\lib.win32-2.7\lxml\html
    copying src\lxml\html\ElementSoup.py -&amp;gt; build\lib.win32-2.7\lxml\html
    copying src\lxml\html\formfill.py -&amp;gt; build\lib.win32-2.7\lxml\html
    copying src\lxml\html\html5parser.py -&amp;gt; build\lib.win32-2.7\lxml\html
    copying src\lxml\html\soupparser.py -&amp;gt; build\lib.win32-2.7\lxml\html
    copying src\lxml\html\usedoctest.py -&amp;gt; build\lib.win32-2.7\lxml\html
    copying src\lxml\html\_diffcommand.py -&amp;gt; build\lib.win32-2.7\lxml\html
    copying src\lxml\html\_html5builder.py -&amp;gt; build\lib.win32-2.7\lxml\html
    copying src\lxml\html\_setmixin.py -&amp;gt; build\lib.win32-2.7\lxml\html
    copying src\lxml\html\__init__.py -&amp;gt; build\lib.win32-2.7\lxml\html
    creating build\lib.win32-2.7\lxml\isoschematron
    copying src\lxml\isoschematron\__init__.py -&amp;gt; build\lib.win32-2.7\lxml\isoschematron
    copying src\lxml\lxml.etree.h -&amp;gt; build\lib.win32-2.7\lxml
    copying src\lxml\lxml.etree_api.h -&amp;gt; build\lib.win32-2.7\lxml
    copying src\lxml\includes\c14n.pxd -&amp;gt; build\lib.win32-2.7\lxml\includes
    copying src\lxml\includes\config.pxd -&amp;gt; build\lib.win32-2.7\lxml\includes
    copying src\lxml\includes\dtdvalid.pxd -&amp;gt; build\lib.win32-2.7\lxml\includes
    copying src\lxml\includes\etreepublic.pxd -&amp;gt; build\lib.win32-2.7\lxml\includes
    copying src\lxml\includes\htmlparser.pxd -&amp;gt; build\lib.win32-2.7\lxml\includes
    copying src\lxml\includes\relaxng.pxd -&amp;gt; build\lib.win32-2.7\lxml\includes
    copying src\lxml\includes\schematron.pxd -&amp;gt; build\lib.win32-2.7\lxml\includes
    copying src\lxml\includes\tree.pxd -&amp;gt; build\lib.win32-2.7\lxml\includes
    copying src\lxml\includes\uri.pxd -&amp;gt; build\lib.win32-2.7\lxml\includes
    copying src\lxml\includes\xinclude.pxd -&amp;gt; build\lib.win32-2.7\lxml\includes
    copying src\lxml\includes\xmlerror.pxd -&amp;gt; build\lib.win32-2.7\lxml\includes
    copying src\lxml\includes\xmlparser.pxd -&amp;gt; build\lib.win32-2.7\lxml\includes
    copying src\lxml\includes\xmlschema.pxd -&amp;gt; build\lib.win32-2.7\lxml\includes
    copying src\lxml\includes\xpath.pxd -&amp;gt; build\lib.win32-2.7\lxml\includes
    copying src\lxml\includes\xslt.pxd -&amp;gt; build\lib.win32-2.7\lxml\includes
    copying src\lxml\includes\etree_defs.h -&amp;gt; build\lib.win32-2.7\lxml\includes
    copying src\lxml\includes\lxml-version.h -&amp;gt; build\lib.win32-2.7\lxml\includes
    creating build\lib.win32-2.7\lxml\isoschematron\resources
    creating build\lib.win32-2.7\lxml\isoschematron\resources\rng
    copying src\lxml\isoschematron\resources\rng\iso-schematron.rng -&amp;gt; build\lib.win32-2.7\lxml\isoschematron\resources\rng
    creating build\lib.win32-2.7\lxml\isoschematron\resources\xsl
    copying src\lxml\isoschematron\resources\xsl\RNG2Schtrn.xsl -&amp;gt; build\lib.win32-2.7\lxml\isoschematron\resources\xsl
    copying src\lxml\isoschematron\resources\xsl\XSD2Schtrn.xsl -&amp;gt; build\lib.win32-2.7\lxml\isoschematron\resources\xsl
    creating build\lib.win32-2.7\lxml\isoschematron\resources\xsl\iso-schematron-xslt1
    copying src\lxml\isoschematron\resources\xsl\iso-schematron-xslt1\iso_abstract_expand.xsl -&amp;gt; build\lib.win32-2.7\lxml\isoschematron\resources\xsl\iso-schematron-xslt1
    copying src\lxml\isoschematron\resources\xsl\iso-schematron-xslt1\iso_dsdl_include.xsl -&amp;gt; build\lib.win32-2.7\lxml\isoschematron\resources\xsl\iso-schematron-xslt1
    copying src\lxml\isoschematron\resources\xsl\iso-schematron-xslt1\iso_schematron_message.xsl -&amp;gt; build\lib.win32-2.7\lxml\isoschematron\resources\xsl\iso-schematron-xslt1
    copying src\lxml\isoschematron\resources\xsl\iso-schematron-xslt1\iso_schematron_skeleton_for_xslt1.xsl -&amp;gt; build\lib.win32-2.7\lxml\isoschematron\resources\xsl\iso-schematron-xslt1
    copying src\lxml\isoschematron\resources\xsl\iso-schematron-xslt1\iso_svrl_for_xslt1.xsl -&amp;gt; build\lib.win32-2.7\lxml\isoschematron\resources\xsl\iso-schematron-xslt1
    copying src\lxml\isoschematron\resources\xsl\iso-schematron-xslt1\readme.txt -&amp;gt; build\lib.win32-2.7\lxml\isoschematron\resources\xsl\iso-schematron-xslt1
    running build_ext
    building 'lxml.etree' extension
    creating build\temp.win32-2.7
    creating build\temp.win32-2.7\Release
    creating build\temp.win32-2.7\Release\src
    creating build\temp.win32-2.7\Release\src\lxml
    C:\Users\lukec\AppData\Local\Programs\Common\Microsoft\Visual C++ for Python\9.0\VC\Bin\cl.exe /c /nologo /Ox /MD /W3 /GS- /DNDEBUG -Isrc\lxml\includes -Ic:\python27\include -Ic:\python27\PC /Tcsrc\lxml\lxml.etree.c /Fobuild\temp.win32-2.7\Release\src\lxml\lxml.etree.obj -w
    cl : Command line warning D9025 : overriding '/W3' with '/w'
    lxml.etree.c
    src\lxml\includes\etree_defs.h(14) : fatal error C1083: Cannot open include file: 'libxml/xmlversion.h': No such file or directory
    Compile failed: command 'C:\\Users\\lukec\\AppData\\Local\\Programs\\Common\\Microsoft\\Visual C++ for Python\\9.0\\VC\\Bin\\cl.exe' failed with exit status 2
    C:\Users\lukec\AppData\Local\Programs\Common\Microsoft\Visual C++ for Python\9.0\VC\Bin\cl.exe /c /nologo /Ox /MD /W3 /GS- /DNDEBUG -I/usr/include/libxml2 /Tcc:\users\lukec\appdata\local\temp\xmlXPathInitnuupun.c /Fousers\lukec\appdata\local\temp\xmlXPathInitnuupun.obj
    xmlXPathInitnuupun.c
    c:\users\lukec\appdata\local\temp\xmlXPathInitnuupun.c(1) : fatal error C1083: Cannot open include file: 'libxml/xpath.h': No such file or directory
    *********************************************************************************
    Could not find function xmlCheckVersion in library libxml2. Is libxml2 installed?
    *********************************************************************************
    error: command 'C:\\Users\\lukec\\AppData\\Local\\Programs\\Common\\Microsoft\\Visual C++ for Python\\9.0\\VC\\Bin\\cl.exe' failed with exit status 2
    ----------------------------------------
Command "c:\python27\python.exe -u -c "import setuptools, tokenize;__file__='c:\\users\\lukec\\appdata\\local\\temp\\pip-build-1ul2r3\\lxml\\setup.py';f=getattr(tokenize, 'open', open)(__file__);code=f.read().replace('\r\n', '\n');f.close();exec(compile(code, __file__, 'exec'))" install --record c:\users\lukec\appdata\local\temp\pip-cdhadi-record\install-record.txt --single-version-externally-managed --compile" failed with error code 1 in c:\users\lukec\appdata\local\temp\pip-build-1ul2r3\lxml\
&lt;/code&gt;&lt;/pre&gt;
&lt;p&gt;At the end, it says I'm getting error code one, and right before that, it says "        Could not find function xmlCheckVersion in library libxml2. Is libxml2 installed?"&lt;/p&gt;
&lt;pre&gt;&lt;code&gt;*********************************************************************************
    Could not find function xmlCheckVersion in library libxml2. Is libxml2 installed?
*********************************************************************************
    error: command 'C:\\Users\\lukec\\AppData\\Local\\Programs\\Common\\Microsoft\\Visual C++ for Python\\9.0\\VC\\Bin\\cl.exe' failed with exit status 2
    ----------------------------------------
Command "c:\python27\python.exe -u -c "import setuptools, tokenize;__file__='c:\\users\\lukec\\appdata\\local\\temp\\pip-build-1ul2r3\\lxml\\setup.py';f=getattr(tokenize, 'open', open)(__file__);code=f.read().replace('\r\n', '\n');f.close();exec(compile(code, __file__, 'exec'))" install --record c:\users\lukec\appdata\local\temp\pip-cdhadi-record\install-record.txt --single-version-externally-managed --compile" failed with error code 1 in c:\users\lukec\appdata\local\temp\pip-build-1ul2r3\lxml\
&lt;/code&gt;&lt;/pre&gt;
&lt;p&gt;I've tried looking at how to install libxml2 on windows 10 but with no luck. When I download the latest version from &lt;a href="http://xmlsoft.org/downloads.html" rel="nofollow noreferrer"&gt;here&lt;/a&gt;, I have trouble installing the module with python. (I unzip the file, go into it, and locate a setup.py, but get the error below:)&lt;/p&gt;
&lt;pre&gt;&lt;code&gt;C:\Users\lukec\Downloads\libxml2-2.9.4\libxml2-2.9.4\python&amp;gt;python setup.py install
failed to find headers for libxml2: update includes_dir
&lt;/code&gt;&lt;/pre&gt;
&lt;p&gt;Any ideas? I would really appreciate any help, I've made this a project to do over school break and would like to have all functionality done before I go back! I've found another slack page a while back but can't seem to find it again, but it's instructions were a little to vague for me. :(&lt;/p&gt;
&lt;p&gt;Thank you again and I hope for any suggestions on what to do.&lt;/p&gt;</t>
  </si>
  <si>
    <t>2016-12-30 03:43:45.007000+00:00</t>
  </si>
  <si>
    <t>2016-12-30 16:25:49.387000+00:00</t>
  </si>
  <si>
    <t>How to use VC++ copy every file from flash drive to paste in folder and format flash drive?</t>
  </si>
  <si>
    <t>&lt;p&gt;I want to build easy clean virus in flash drive by First, copy every file in flash drive to paste in another folder. After that, format flash drive and copy file from folder back to flash drive. I use VC++ MFC. I try to find about copy and format drive function but I'm not found the code for copy all file. So, I try to run command line in system() function but when I run &lt;/p&gt;
&lt;blockquote&gt;
  &lt;p&gt;system("format f: /Q");&lt;/p&gt;
&lt;/blockquote&gt;
&lt;p&gt;It need to press enter. &lt;strong&gt;I want to use VC++ format drive with out press anykey and It will very good if not show window of DOS.&lt;/strong&gt; please help me.&lt;/p&gt;</t>
  </si>
  <si>
    <t>2013-02-01 15:48:02.750000+00:00</t>
  </si>
  <si>
    <t>2013-02-01 19:06:25.087000+00:00</t>
  </si>
  <si>
    <t>c|visual-c++|command-line</t>
  </si>
  <si>
    <t>printing structs in C++</t>
  </si>
  <si>
    <t>&lt;p&gt;I'm trying to print 3 attributes from a struct.  Why won't they all print? They will print 2 at a time, but not all three together.&lt;/p&gt;</t>
  </si>
  <si>
    <t>2016-06-04 04:53:03.490000+00:00</t>
  </si>
  <si>
    <t>2016-07-04 04:58:29.793000+00:00</t>
  </si>
  <si>
    <t>c++|printing</t>
  </si>
  <si>
    <t>concourse-lite "no route to host"</t>
  </si>
  <si>
    <t>&lt;p&gt;After following the 5 minutes tutorial, when doing &lt;code&gt;bosh create-env concourse-lite.yml&lt;/code&gt; I get the following error&lt;/p&gt;
&lt;pre&gt;&lt;code&gt;Deploying:
  Applying the agent state:
    Sending apply spec to agent:
      Sending 'get_task' to the agent:
        Performing request to agent:
          Performing POST request:
            Post https://mbus:&amp;lt;redacted&amp;gt;@192.168.100.4:6868/agent: dial tcp 192.168.100.4:6868: getsockopt: no route to host
Exit code 1
&lt;/code&gt;&lt;/pre&gt;
&lt;p&gt;Any ideas on what can be going on ?&lt;/p&gt;
&lt;p&gt;Thanks!&lt;/p&gt;</t>
  </si>
  <si>
    <t>2017-12-28 10:17:49.337000+00:00</t>
  </si>
  <si>
    <t>concourse</t>
  </si>
  <si>
    <t>Xamarin Forms SQLite Update</t>
  </si>
  <si>
    <t>&lt;p&gt;I have installed the nuget package &lt;a href="https://github.com/oysteinkrog/SQLite.Net-PCL" rel="nofollow"&gt;sqlite-net-pcl&lt;/a&gt; and I want to insert or update depending on the text on the button:&lt;/p&gt;
&lt;pre&gt;&lt;code&gt; SQLiteConnection database = DependencyService.Get&amp;lt;ISQLite&amp;gt;().GetConnection();
 database.CreateTable&amp;lt;Announcement&amp;gt;(); 
 var announcement = new Announcement { AnnouncementTitle = Title, AnnouncementDate = Date, AnnouncementText = Message };
 if (text == "Save") {
     if (database.Insert(announcement) != -1) {
         System.Diagnostics.Debug.WriteLine("INSERTED");
     }
 }
 else {
    if (database.Update(announcement) &amp;gt; 0) {
       System.Diagnostics.Debug.WriteLine("UPDATED");
    }
 }
&lt;/code&gt;&lt;/pre&gt;
&lt;p&gt;When I want to save it print INSERTED and I can see the new item in my list but when it comes to update it doesn't print anything and I don't get an error. I also tried the async methods and it didn't work&lt;/p&gt;
&lt;p&gt;Thanks&lt;/p&gt;</t>
  </si>
  <si>
    <t>2016-10-26 10:39:34.633000+00:00</t>
  </si>
  <si>
    <t>2016-10-26 11:40:26.083000+00:00</t>
  </si>
  <si>
    <t>c#|sqlite|xamarin.forms|insert-update</t>
  </si>
  <si>
    <t>Creating a nested OR statement using NHibernate Criteria API</t>
  </si>
  <si>
    <t>&lt;p&gt;So I love learning new things about NHibernate because it truly is very flexible and makes my life easy except for where i'm stuck at right now ;) . So far I haven't had to do very complex queries, and this one isn't complex either, but I feel that the most commonly used methods and object types won't cover this problem.&lt;/p&gt;
&lt;p&gt;Here is what I want to query:&lt;/p&gt;
&lt;pre&gt;&lt;code&gt;SELECT _Table1.UserID, _Table1.ColorID, _Table1.AppID FROM _Table1
INNER JOIN _Table2 ON _Table2.AppID = _Table1.AppID 
WHERE _Table1.ColorID= @param0
AND (
      _Table2.WindowID = @param1 OR
      _Table2.WindowID = @param2 OR
      _Table2.WindowID = @param3 OR
      ................ = @param(N - 1)
    ) 
&lt;/code&gt;&lt;/pre&gt;
&lt;p&gt;and here is what I have using the criteria API&lt;/p&gt;
&lt;pre&gt;&lt;code&gt;private IList&amp;lt;Table1Entity&amp;gt; FetchListByWindowId(int colorID, List&amp;lt;int&amp;gt; listOfWindowIDs)
{
    var list = CurrentSession.CreateCriteria&amp;lt;Table1Entity&amp;gt;()
                 .Add(Restrictions.Eq("ColorID", colorID))
                 .CreateCriteria("Table2EntityList");
    foreach (var item in listOfWindowIDs)
    {
        list.GetCriteriaByPath("Table2EntityList")
            .Add(Restrictions.Eq("WindowID", Int32.Parse(item)
    }
}
&lt;/code&gt;&lt;/pre&gt;
&lt;p&gt;The mapping for table one includes 4 properties UserID, ColorID, AppID, and a HasMany to the Table2 entity.&lt;/p&gt;
&lt;pre&gt;&lt;code&gt;HasMany&amp;lt;Table2Entity&amp;gt;(x =&amp;gt; x.Table2EntityList)
     .KeyColumns.Add("AppID")
     .Not.LazyLoad()
     .Inverse()
     .Cascade.None();
&lt;/code&gt;&lt;/pre&gt;
&lt;p&gt;From the full day I've put into searching for a solution, I don't think there is an easy way to explicitly say "Make these expressions OR" (yes I have looked at Expression.OR and that's not what I want).&lt;/p&gt;
&lt;p&gt;The query NHibernate is giving me is exactly what I want except that I need to replace some "ANDs" with "ORs"&lt;/p&gt;
&lt;p&gt;Thanks, and sorry if this turns out to be very trivial. I also want to apologize for the vagueness of my code, but I deal with sensitive data. So all variable names and method names and the like had to be adjusted.&lt;/p&gt;
&lt;p&gt;EDIT:
The query that NHibernate is currently giving me:&lt;/p&gt;
&lt;pre&gt;&lt;code&gt;SELECT _Table1.UserID, _Table1.ColorID, _Table1.AppID FROM _Table1
INNER JOIN _Table2 ON _Table2.AppID = _Table1.AppID 
WHERE _Table1.ColorID= @param0
AND (
      _Table2.WindowID = @param1
      AND _Table2.WindowID = @param2 
      AND _Table2.WindowID = @param3
      AND ................ = @param(N - 1)
    ) 
&lt;/code&gt;&lt;/pre&gt;</t>
  </si>
  <si>
    <t>2012-02-15 19:28:35.007000+00:00</t>
  </si>
  <si>
    <t>2012-02-15 21:46:32.127000+00:00</t>
  </si>
  <si>
    <t>2012-02-15 20:31:59.960000+00:00</t>
  </si>
  <si>
    <t>c#|sql-server-2008|nhibernate|nested|criteria-api</t>
  </si>
  <si>
    <t>"Fatal error during installation." SP1 VS 2010</t>
  </si>
  <si>
    <t>&lt;p&gt;I'm facing this issue since past week and tried various solutions I found on the internet. None of those worked. So here's to my last resort.&lt;/p&gt;
&lt;p&gt;Whenever I try to install SP1 for VS 2010 I get this error. I even tried installing it using ISO file but result's the same. &lt;/p&gt;
&lt;p&gt;Here's the log file content:&lt;/p&gt;
&lt;pre&gt;&lt;code&gt;OS Version = 6.1.7601, Platform 2, Service Pack 1
OS Description = Windows 7 - x64 Ultimate Edition Service Pack 1
CommandLine = "G:\Setup.exe" 
Using Simultaneous Download and Install mechanism
Operation: Installing
Package Name = Microsoft Visual Studio 2010 Service Pack 1
Package Version = 10.0.40219
User Experience Data Collection Policy: UserControlled
Number of applicable items: 11
Summary Information:
SetupUtility
Service Pack 1 Package
WCF RIA Services V1.0 SP1
Microsoft Team Foundation Server 2010 Object Model - ENU
Microsoft Visual Studio 2010 Performance Collection Tools SP1 - ENU
Microsoft Visual Studio 2010 IntelliTrace Collection (x64)
Microsoft Visual Studio 2010 Ultimate - ENU
Microsoft Visual Studio 2010 ADO.NET Entity Framework Tools
Dotfuscator Software Services - Community Edition
VSTO 4.0 Runtime x64
Visual Studio Tools for Office
Microsoft SharePoint Developer Tools
Exe (G:\SetupUtility.exe) succeeded.
Exe Log File: dd_SetupUtility.txt
MSI (G:\VS10sp1_x86.msi) Installation succeeded. Msi Log: Microsoft     Visual Studio 2010 Service Pack 1_20150303_120544506-MSI_VS10sp1_x86.msi.txt
MSI (G:\RiaServices.msi) Installation failed. Msi Log: Microsoft Visual     Studio 2010 Service Pack 1_20150303_120544506-    MSI_RiaServices.msi.txt
MSI (G:\VS10sp1_x86.msi) Uninstall succeeded. Msi Log: Microsoft Visual     Studio 2010 Service Pack 1_20150303_120544506-    MSI_VS10sp1_x86.msi.txt
Final Result: Installation failed with error code: (0x80070643), "Fatal error during installation. " (Elapsed time: 0 00:01:47).
&lt;/code&gt;&lt;/pre&gt;</t>
  </si>
  <si>
    <t>2015-03-03 07:14:09.237000+00:00</t>
  </si>
  <si>
    <t>2015-09-22 18:00:44.503000+00:00</t>
  </si>
  <si>
    <t>user2814080</t>
  </si>
  <si>
    <t>.net|visual-studio-2010|servicepacks</t>
  </si>
  <si>
    <t>How to use an Arduino Uno as an FTDI programmer?</t>
  </si>
  <si>
    <t>&lt;p&gt;Good evening, I've got an &lt;strong&gt;Arduino Uno&lt;/strong&gt; board and I recently wanted to purchase an &lt;strong&gt;Ethernet Shield&lt;/strong&gt; extension, in order to set up a small webserver. Unfortunately I ordered the wrong item and got a seperate &lt;strong&gt;Arduino Ethernet&lt;/strong&gt; board now, which can't be programmed as easily as an Arduino Uno board and needs to be used seperately.&lt;/p&gt;
&lt;p&gt;As you can see in the image below, I can't remove the atmega from my Uno board as shown in some tutorials on the internet and thus I wasn't able to use it as an ISP yet.&lt;/p&gt;
&lt;p&gt;My question is can I use this Arduino Uno (R3 probably) board to program the Ethernet one without having to spend additional money on sort of an FTDI programmer (or programmer cable)?&lt;/p&gt;
&lt;p&gt;I attempted to connect the &lt;strong&gt;RX&lt;/strong&gt;, &lt;strong&gt;TX&lt;/strong&gt;, &lt;strong&gt;GND&lt;/strong&gt; and &lt;strong&gt;5V&lt;/strong&gt; pins of the boards since those are apparently programmed via RX/TX anyway, but that attempt failed paltry. ;-)&lt;/p&gt;
&lt;p&gt;Perhaps you MCU pros can help a broski out.&lt;/p&gt;
&lt;p&gt;&lt;strong&gt;Disclaimer:&lt;/strong&gt; Not a troll question, I've just got no idea what I'm doing here lol.&lt;/p&gt;
&lt;p&gt;&lt;img src="https://i.stack.imgur.com/8gTvC.jpg" alt="Enter image description here"&gt;&lt;/p&gt;
&lt;p&gt;&lt;strong&gt;&lt;em&gt;(Downscaled for web view, full size image &lt;a href="https://i.stack.imgur.com/SeMJk.jpg" rel="noreferrer"&gt;here&lt;/a&gt;)&lt;/em&gt;&lt;/strong&gt;&lt;/p&gt;</t>
  </si>
  <si>
    <t>2013-08-21 16:30:37.333000+00:00</t>
  </si>
  <si>
    <t>2013-12-31 15:02:44.973000+00:00</t>
  </si>
  <si>
    <t>How to post a status update to Sina Weibo via OAuth2?</t>
  </si>
  <si>
    <t>&lt;p&gt;I'm trying to post a &lt;a href="http://open.weibo.com/wiki/2/statuses/update/en" rel="nofollow"&gt;status update&lt;/a&gt; to the Chinese microblogging website Sina Weibo, via PHP/cURL and OAuth2.
I'm running into this error:&lt;/p&gt;
&lt;blockquote&gt;
  &lt;p&gt;{"error":"auth
  faild!","error_code":21301,"request":"/2/statuses/update.json"}&lt;/p&gt;
&lt;/blockquote&gt;
&lt;p&gt;My PHP:&lt;/p&gt;
&lt;pre&gt;&lt;code&gt;&amp;lt;?php
$ch = curl_init('https://api.weibo.com/2/statuses/update.json');
$headers = array(
'Authorization: Bearer '.$access_token,  
'Content-Type: application/x-www-form-urlencoded');
$postData = array('access_token' =&amp;gt; '2.00x123456789', 'status' =&amp;gt; 'hello');
curl_setopt_array($ch, array(
CURLOPT_SSL_VERIFYPEER =&amp;gt; FALSE,
CURLOPT_SSL_VERIFYHOST =&amp;gt; TRUE,
CURLOPT_POST =&amp;gt; TRUE,
CURLOPT_RETURNTRANSFER =&amp;gt; TRUE,
CURLOPT_HTTPHEADER =&amp;gt; $headers,
CURLOPT_POSTFIELDS =&amp;gt; $postData
));
$response = curl_exec($ch);
echo $response;
curl_close($ch);        
?&amp;gt;
&lt;/code&gt;&lt;/pre&gt;
&lt;p&gt;I authorized the app with the OAuth2 scope &lt;code&gt;all&lt;/code&gt; and the token is valid.
What could be the reason for the error?&lt;/p&gt;</t>
  </si>
  <si>
    <t>2014-02-25 17:36:46.443000+00:00</t>
  </si>
  <si>
    <t>2014-02-25 17:55:49.713000+00:00</t>
  </si>
  <si>
    <t>php|curl|oauth-2.0|weibo|sinaweibo</t>
  </si>
  <si>
    <t>Accessing static member externally and through inheritance c++</t>
  </si>
  <si>
    <t>&lt;p&gt;I have a class that houses a &lt;code&gt;ID3D11Device&lt;/code&gt; member that I'd like to make &lt;code&gt;static&lt;/code&gt;, since for now, I want the &lt;code&gt;ID3D11Device&lt;/code&gt;to be accessed by multiple &lt;code&gt;Entity&lt;/code&gt; class instances. The problem is, I'm unable to access the &lt;code&gt;Direct3D&lt;/code&gt; class, housing the &lt;code&gt;ID3D11Device&lt;/code&gt; static member outside of it's object without directly instantiating the &lt;code&gt;Direct3D&lt;/code&gt; class.&lt;/p&gt;
&lt;p&gt;Since multiple classes inherit from the &lt;code&gt;Direct3D&lt;/code&gt; class (Which in turn inherits from a &lt;code&gt;WindowsClass&lt;/code&gt; for &lt;code&gt;hwnd&lt;/code&gt; detail), I'd like to keep it as a base class, as to keep access with all classes inheriting from &lt;code&gt;Direct3D&lt;/code&gt; as this example proposes:&lt;/p&gt;
&lt;pre&gt;&lt;code&gt;class Direct3D: WindowsClass{
public:
    Direct3D();
    ~Direct3D();
    static ID3D11Device* Device;
}
&lt;/code&gt;&lt;/pre&gt;
&lt;p&gt;And an inherited class:&lt;/p&gt;
&lt;pre&gt;&lt;code&gt;class EntityType: Direct3D{
public:
    EntityType();
    ~EntityType();
    void SomeDeviceDependentFunction();
}
&lt;/code&gt;&lt;/pre&gt;
&lt;p&gt;Where the member is defined as:&lt;/p&gt;
&lt;pre&gt;&lt;code&gt;void EntityType::SomeDeviceDependentFunction(){
//Perform some action calling Direct3D::Device. 
}
&lt;/code&gt;&lt;/pre&gt;
&lt;p&gt;Note that the class &lt;code&gt;Direct3D&lt;/code&gt; is defined in &lt;code&gt;Direct3D.h&lt;/code&gt;, &lt;code&gt;EntityType&lt;/code&gt; is defined in &lt;code&gt;EntityType.h&lt;/code&gt;, and so on. So everything looks gravy in concept until I go to compile and receive the dreaded error:&lt;/p&gt;
&lt;p&gt;&lt;code&gt;Error  52  error LNK2001: unresolved external symbol "public: static struct ID3D11Device * Direct3d::Device" (?Device@Direct3d@@2PAUID3D11Device@@A)   C:\Us...tions.obj   Win32Project1&lt;/code&gt;&lt;/p&gt;
&lt;p&gt;And:&lt;/p&gt;
&lt;p&gt;&lt;code&gt;Error  40  error LNK2005: "class std::vector&amp;lt;struct IndexVertexKey,class std::allocator&amp;lt;struct IndexVertexKey&amp;gt; &amp;gt; Geometry" (?Geometry@@3V?$vector@UIndexVertexKey@@V?$allocator@UIndexVertexKey@@@std@@@std@@A) already defined in D3DPipeline.obj C:\Use...nagement.obj   Win32Project1&lt;/code&gt;&lt;/p&gt;
&lt;p&gt;(Please note that the compile errors here do not relate directly to the examples given above, but are caused by them.)&lt;/p&gt;
&lt;p&gt;To summarize, how can I control inherited classes where they are loosely coupled, (object to object) or where I can reference includes safely without dying of cross-references?&lt;/p&gt;</t>
  </si>
  <si>
    <t>2016-03-04 16:58:09.127000+00:00</t>
  </si>
  <si>
    <t>2016-03-05 01:30:47.847000+00:00</t>
  </si>
  <si>
    <t>2016-03-04 17:06:08.877000+00:00</t>
  </si>
  <si>
    <t>c++|inheritance|static|include|directx</t>
  </si>
  <si>
    <t>How to access Code Behind Functions in a WebMethod?</t>
  </si>
  <si>
    <t>&lt;blockquote&gt;
  &lt;p&gt;&lt;strong&gt;Possible Duplicate:&lt;/strong&gt;&lt;br&gt;
  &lt;a href="https://stackoverflow.com/questions/4951248/accessing-code-behind-functions-from-webmethod"&gt;Accessing code behind functions from WebMethod&lt;/a&gt;  &lt;/p&gt;
&lt;/blockquote&gt;
&lt;p&gt;I have following WebMethod, which i'm calling through Json. Its working fine. &lt;/p&gt;
&lt;pre&gt;&lt;code&gt;   [System.Web.Services.WebMethod]
public static string CheckUserName(string userName)
{
    string returnValue = string.Empty;
    try
    {
        string consString = ConfigurationManager.AppSettings["cn"].ToString();
        SqlConnection conn = new SqlConnection(consString);
        SqlCommand cmd = new SqlCommand("UsernameCheck", conn);
        cmd.CommandType = CommandType.StoredProcedure;
        cmd.Parameters.AddWithValue("@username", userName.Trim());
        conn.Open();
        returnValue = cmd.ExecuteScalar().ToString();
        conn.Close();
    }
    catch
    {
        returnValue = "error";
    }
    return returnValue;
}
&lt;/code&gt;&lt;/pre&gt;
&lt;p&gt;But as we know, we can't access Page control and code behind functions in Static Functions.&lt;/p&gt;
&lt;p&gt;But here i have to access a a code behind function in WebMethod. i.e&lt;/p&gt;
&lt;pre&gt;&lt;code&gt;public void test()
  {
   }
&lt;/code&gt;&lt;/pre&gt;
&lt;p&gt;Please help how can i access "test" function in webmethod. In test function i have used two repeater control and datatable. &lt;/p&gt;
&lt;p&gt;Thank You.&lt;/p&gt;</t>
  </si>
  <si>
    <t>2012-06-21 04:08:06.233000+00:00</t>
  </si>
  <si>
    <t>2012-06-21 06:42:12.193000+00:00</t>
  </si>
  <si>
    <t>2017-05-23 12:04:41.153000+00:00</t>
  </si>
  <si>
    <t>user1321748</t>
  </si>
  <si>
    <t>c#|asp.net|web-services|webmethod</t>
  </si>
  <si>
    <t>How to rollback the TFS "keep local changes" choice</t>
  </si>
  <si>
    <t>&lt;p&gt;We are using Team Foundation Server as source code management tool.&lt;br/&gt;
I've checked a source file out and done some changes while other developers have checked in theirs.&lt;br/&gt;
Then I've got latest version of that file so TFS asked me to solve the conflict and I've wrongly chosen to "keep local changes". The right choice would have been to merge the differences.&lt;br/&gt;
Now for TFS the conflict is resolved and I can't rollback the choice I've done as a mistake.&lt;br/&gt;
If I choose the "Undo pending changes" then I'll lose all my local changes.&lt;br/&gt;
If I get latest version again TFS says that "All files are up to date".&lt;br/&gt;
How can I go back and make TFS ask me to resolve the conflict again?&lt;/p&gt;
&lt;p&gt;Thanks.&lt;/p&gt;
&lt;p&gt;&lt;strong&gt;UPDATE&lt;/strong&gt;&lt;/p&gt;
&lt;p&gt;I've just tried the second suggestion of Dylan Smith and did the following steps. &lt;br&gt;1) Looked at the workspace changeset number of the file&lt;br&gt;2) Made a backup copy of the file &lt;br&gt;3) Made the "undo pending changes" &lt;br&gt;4) Deleted the file from its folder &lt;br&gt;5) Got the specific version by changeset previously noted &lt;br&gt;6) Overwrote the file with the backup copy (that was writable) &lt;br&gt;7) Got latest version of the file &lt;br&gt;8) Chose the "Checkout file and automerge" option. &lt;br&gt;The final result was TFS triggering this error message : &lt;em&gt;"Error  The following exception was encountered. Program.cs cannot be merged. Please retry with another resolution option."&lt;/em&gt;&lt;/p&gt;</t>
  </si>
  <si>
    <t>2014-03-13 11:29:37.513000+00:00</t>
  </si>
  <si>
    <t>2014-03-14 13:54:11.717000+00:00</t>
  </si>
  <si>
    <t>version-control|tfs</t>
  </si>
  <si>
    <t>Rolling back changes in python if error occurs</t>
  </si>
  <si>
    <t>&lt;p&gt;I have a script that does many things, including unziping files and creating folders (using os.system and bash if that matters). 
Now, when a error occurs half way through the compilation, folders are left all over the place.
I would like to make a function that says:&lt;/p&gt;
&lt;p&gt;if error occurs:
         os.system("rm -rf folder1 folder2)&lt;/p&gt;
&lt;p&gt;Is there a if error statement? As far as I know python kills itself if there is a code error.&lt;/p&gt;</t>
  </si>
  <si>
    <t>2015-02-28 11:39:24.410000+00:00</t>
  </si>
  <si>
    <t>2015-02-28 11:46:40.913000+00:00</t>
  </si>
  <si>
    <t>python|bash</t>
  </si>
  <si>
    <t>issue in accessing object javascript getter</t>
  </si>
  <si>
    <t>&lt;p&gt;I am writing getter and setters dynamically. my code is buggy. I need help in correcting it.&lt;/p&gt;
&lt;p&gt;Portion of my code looks like following:&lt;/p&gt;
&lt;pre&gt;&lt;code&gt;var a = {};
var myArray = ["abc", "xyz", "bbb"];
for (var i = 0; i &amp;lt; myArray.length: i++) {
    var tempVar = myArray[i];
    Object.defineProperty(this, tempVar, {
        get: function () {
            var ret = $.extend(true, {}, a[tempVar]);
            return ret;
        },
        set: function (intObj) {
            a[intObj.type] = intObj;
        }
    });
}
&lt;/code&gt;&lt;/pre&gt;
&lt;p&gt;The problem of mine is there in get function I want to access value of tempVar but I am not able to access it.&lt;/p&gt;
&lt;p&gt;While defining it is not even going in get function.&lt;/p&gt;
&lt;p&gt;And while using it is going in get function but the tempVar will be last value of array only.&lt;/p&gt;
&lt;p&gt;If some body can guide me in this. It would be great.&lt;/p&gt;</t>
  </si>
  <si>
    <t>2014-05-09 23:47:56.183000+00:00</t>
  </si>
  <si>
    <t>2014-05-10 00:31:36.997000+00:00</t>
  </si>
  <si>
    <t>2014-05-09 23:48:43.300000+00:00</t>
  </si>
  <si>
    <t>javascript|getter|defineproperty</t>
  </si>
  <si>
    <t>How to add each element of a tuple or list by a fixed value?</t>
  </si>
  <si>
    <t>&lt;p&gt;I have a tuple representing RGB color. My goal is to make it go from black &lt;code&gt;(0, 0, 0)&lt;/code&gt; to white &lt;code&gt;(255, 255, 255)&lt;/code&gt; in one second by adding a fixed value in each frame. How would I code this in a function?&lt;/p&gt;
&lt;p&gt;Here's the update function:&lt;/p&gt;
&lt;pre&gt;&lt;code&gt;def update(self, dt):
        now = pygame.time.get_ticks() / 1000
        if now - self._spawn_time &amp;gt;= BALL_WAIT_TIME: 
            self.rect = self.calcnewpos(dt)
            self.handle_collision()
        else:
            # ANIMATION HERE
&lt;/code&gt;&lt;/pre&gt;</t>
  </si>
  <si>
    <t>2013-09-29 23:13:36.627000+00:00</t>
  </si>
  <si>
    <t>2013-09-29 23:50:18.930000+00:00</t>
  </si>
  <si>
    <t>2013-09-29 23:35:52.043000+00:00</t>
  </si>
  <si>
    <t>python|pygame|tuples</t>
  </si>
  <si>
    <t>want to play an audio only once when user tap on option menu item</t>
  </si>
  <si>
    <t>&lt;p&gt;i want to play an audio  only once when clicked on option menu item. When user next time tap on the same item  the audio will be stop i think on that but can't find any solution help me to resolve my problem. here is my code. when user alternately tap on the item the audio will play and stop alternately. &lt;/p&gt;
&lt;pre&gt;&lt;code&gt;public boolean onCreateOptionsMenu(Menu menu) 
{
    // TODO Auto-generated method stub
    MenuInflater menuInflater= getMenuInflater();
    menuInflater.inflate(R.menu.menu, menu);
    return true;
}
@Override
public boolean onOptionsItemSelected(MenuItem item)
{
    if (item.getItemId()== R.id.item1)
    {
        Intent intent = new Intent(AthravaShirshaActivity.this, EnglishExpln.class);
        startActivity(intent);
    }
    if(item.getItemId()== R.id.item2)
    {
        MediaPlayer mp= MediaPlayer.create(AthravaShirshaActivity.this, R.raw.mantra);
        mp.start();
        mp.setLooping(false);
        mp.setOnCompletionListener(new OnCompletionListener() 
        {
            @Override
            public void onCompletion(MediaPlayer mp)
            {
                mp.stop();
            }
        });
        item.setIcon(android.R.drawable.ic_media_pause);
    }
    return true;
} 
&lt;/code&gt;&lt;/pre&gt;</t>
  </si>
  <si>
    <t>2012-07-05 16:38:48.983000+00:00</t>
  </si>
  <si>
    <t>2012-07-05 18:47:35.757000+00:00</t>
  </si>
  <si>
    <t>MongoDb $where not accepting javascript function</t>
  </si>
  <si>
    <t>&lt;p&gt;In the MongoDb (v4.0) docs it says we can &lt;a href="https://docs.mongodb.com/v4.0/reference/operator/query/where/#where" rel="nofollow noreferrer"&gt;pass a javascript function&lt;/a&gt; to a where clause. I would expect the following trivial example to return zero docs...&lt;/p&gt;
&lt;pre&gt;&lt;code&gt;let receipts = 
    await db
        .collection&amp;lt;IReceipt&amp;gt;("receipt_txs")
        .find({$where: function () { return false; } } )
        .toArray();
&lt;/code&gt;&lt;/pre&gt;
&lt;p&gt;However this returns every doc.&lt;/p&gt;
&lt;p&gt;The following syntax works, but for &lt;em&gt;operational reasons&lt;/em&gt; i would rather use the above syntax.&lt;/p&gt;
&lt;pre&gt;&lt;code&gt;let receipts = 
    await db
        .collection&amp;lt;IReceipt&amp;gt;("receipt_txs")
        .find({$where: "function () { return false; }" } )
        .toArray();
let receipts = 
    await db
        .collection&amp;lt;IReceipt&amp;gt;("receipt_txs")
        .find({$where: "false" } )
        .toArray();
&lt;/code&gt;&lt;/pre&gt;
&lt;p&gt;Can anyone help me to understand where I'm going wrong? The docs are quite clear, and this syntax has been &lt;a href="https://docs.mongodb.com/v2.2/reference/operator/query/where/#where" rel="nofollow noreferrer"&gt;valid since v2&lt;/a&gt; so I'm sure it can't be a bug.&lt;/p&gt;</t>
  </si>
  <si>
    <t>2018-08-30 16:13:47.120000+00:00</t>
  </si>
  <si>
    <t>2018-08-30 16:31:08.860000+00:00</t>
  </si>
  <si>
    <t>mongodb|mongodb-query</t>
  </si>
  <si>
    <t>Re-position uilabel</t>
  </si>
  <si>
    <t>&lt;p&gt;I wanted the "number" &amp;amp; "status" to display on the left if there is not QRCode display (constraints has been set for image &amp;amp; labels.)&lt;/p&gt;
&lt;p&gt;Result without QRCode:&lt;br&gt;
&lt;img src="https://i.stack.imgur.com/nJkbV.png" alt="enter image description here"&gt;.&lt;/p&gt;
&lt;p&gt;The result with QRCode will be:&lt;br&gt;
&lt;img src="https://i.stack.imgur.com/upzo5.png" alt="enter image description here"&gt;&lt;/p&gt;</t>
  </si>
  <si>
    <t>2017-07-12 08:23:03.190000+00:00</t>
  </si>
  <si>
    <t>2017-07-17 12:58:29.583000+00:00</t>
  </si>
  <si>
    <t>2017-07-12 08:27:29.933000+00:00</t>
  </si>
  <si>
    <t>ios|objective-c|xcode|uilabel|constraints</t>
  </si>
  <si>
    <t>AS2 array gets changed when other array is passed to function?</t>
  </si>
  <si>
    <t>&lt;p&gt;i'm building an Othello AI and ran in to an odd AS2 problem. &lt;/p&gt;
&lt;p&gt;When setting a temporary array(arr_temp) equal to the return of a function(timesTen();) by passing the initial array(arr_nums) to it. &lt;/p&gt;
&lt;p&gt;Why does it change the initial array as well?&lt;/p&gt;
&lt;p&gt;Easiest way i could find to recreate my problem:&lt;/p&gt;
&lt;pre&gt;&lt;code&gt;arr_nums = [0,1,2,3,4,5,6,7,8,9,10];
timesTen = function(deltaArr){
    for(i = 0; i &amp;lt; deltaArr.length; i ++){
        deltaArr[i] *= 10;
    }
    return(deltaArr);
}
test = function(){
    arr_temp = timesTen(arr_nums);
    trace('temp: ' + arr_temp);
    trace('nums: ' + arr_nums);
}
test();
&lt;/code&gt;&lt;/pre&gt;
&lt;p&gt;Above code will trace the following:&lt;/p&gt;
&lt;pre&gt;&lt;code&gt;temp: 0,10,20,30,40,50,60,70,80,90,100
nums: 0,10,20,30,40,50,60,70,80,90,100
&lt;/code&gt;&lt;/pre&gt;
&lt;p&gt;Preferred trace:&lt;/p&gt;
&lt;pre&gt;&lt;code&gt;temp: 0,10,20,30,40,50,60,70,80,90,100
nums: 0,1,2,3,4,5,6,7,8,9,10
&lt;/code&gt;&lt;/pre&gt;
&lt;p&gt;Even if i don't pass arr_nums and change test as below it will generate the same output:&lt;/p&gt;
&lt;pre&gt;&lt;code&gt;test = function(){
    arr_temp = arr_nums;
    arr_temp = timesTen(arr_temp);
    trace('arr_temp: ' + arr_temp);
    trace('arr_nums: ' + arr_nums);
}
&lt;/code&gt;&lt;/pre&gt;
&lt;p&gt;Been trying, testing and searching desperately for 2 days now and still got no clue what's wrong and how to fix it?&lt;/p&gt;
&lt;p&gt;Any ideas are greatly appreciated! &lt;/p&gt;</t>
  </si>
  <si>
    <t>2015-09-17 12:27:25.907000+00:00</t>
  </si>
  <si>
    <t>2015-09-17 12:43:43.623000+00:00</t>
  </si>
  <si>
    <t>arrays|loops|return|actionscript-2|trace</t>
  </si>
  <si>
    <t>multipart/form-data using alamofire</t>
  </si>
  <si>
    <t>&lt;p&gt;I am making an .post API call and I need to use multipart/form-data. I know how to make the call using JSON but I am not familiar with multipart/form-data. Using JSON, it is a super easy call. Just create a type parameters:&lt;/p&gt;
&lt;pre&gt;&lt;code&gt;var parameters:Parameters = [:]
parameters["username"] = emailTextField.text!
parameters["password"] = passwordTextField.text!
Alamofire.request(url, method: .post, parameters: parameters, encoding: JSONEncoding.default, headers: headers).responseJSON { (response) in
    //Code here 
}
&lt;/code&gt;&lt;/pre&gt;
&lt;p&gt;How would we write this using form data. What is the easiest way to do this? I don't need to upload any files or anything. All I will ever be doing is making calls with extremely simple items like above. What is the cleanest way to do this using form data. I am sure this is an extremely basic question and I looked around for help on stack overflow but I only see this being used for more advanced call with files. I just want to know how to do this in the simplest way possible as essentially a replacement for JSON calls. &lt;/p&gt;</t>
  </si>
  <si>
    <t>2017-08-15 01:18:21.867000+00:00</t>
  </si>
  <si>
    <t>2018-03-29 07:22:28.147000+00:00</t>
  </si>
  <si>
    <t>2017-08-15 02:09:43.660000+00:00</t>
  </si>
  <si>
    <t>ios|swift|alamofire</t>
  </si>
  <si>
    <t>ARKit Perspective Correction</t>
  </si>
  <si>
    <t>&lt;p&gt;I'm working on a project with &lt;code&gt;ARKit&lt;/code&gt; and I'm trying to do a perspective correction of the &lt;code&gt;ARFrame.capturedImage&lt;/code&gt; to orient a piece of paper sitting on a detected plane so I can feed that into a &lt;code&gt;CoreML&lt;/code&gt; model which expects images to be taken from directly overhead.&lt;/p&gt;
&lt;p&gt;&lt;code&gt;ARKit&lt;/code&gt; gives me the device orientation relative to the plane (&lt;code&gt;ARCamera.transform&lt;/code&gt;, &lt;code&gt;ARCamera.eulerAngles&lt;/code&gt;, and &lt;code&gt;ARCamera.projectionMatrix&lt;/code&gt; all look promising).&lt;/p&gt;
&lt;p&gt;So I have the orientation of the camera (and I know the plane is horizontal since that's all &lt;code&gt;ARKit&lt;/code&gt; detects right now).. but I can't quite figure out how to create a &lt;code&gt;GLKMatrix4&lt;/code&gt; that will perform the correct perspective correction.&lt;/p&gt;
&lt;p&gt;Originally I thought it would be as easy as transforming by the inverse of &lt;code&gt;ARCamera.projectionMatrix&lt;/code&gt; but that doesn't appear to work at all; I'm not entirely sure what that matrix is describing.. it doesn't seem to change much based on the device orientation.&lt;/p&gt;
&lt;p&gt;I've tried creating my own matrix using &lt;code&gt;GLKMatrix4Rotate&lt;/code&gt; and the roll/pitch/yaw but that didn't work.. I couldn't even get it working with a single axis of rotation.&lt;/p&gt;
&lt;p&gt;I found &lt;code&gt;GLKMatrix4MakePerspective&lt;/code&gt;, &lt;code&gt;GLKMatrix4MakeOrtho&lt;/code&gt;, and &lt;code&gt;GLKMatrix4MakeFrustum&lt;/code&gt; which seem to do perspective transforms but I can't figure out how to take the information I have and translate it to the inputs of those functions to make the proper perspective transformation.&lt;/p&gt;
&lt;p&gt;&lt;em&gt;Edit:&lt;/em&gt;
As an example to better explain what I'm trying to do, I used the &lt;code&gt;Perspective Warp&lt;/code&gt; tool in Photoshop to transform an example image; what I want to know is how to come up with a matrix that will perform a similar transform given the info I have about the scene.&lt;/p&gt;
&lt;p&gt;&lt;a href="https://i.stack.imgur.com/uSZ15.png" rel="nofollow noreferrer"&gt;&lt;img src="https://i.stack.imgur.com/uSZ15.png" alt="enter image description here"&gt;&lt;/a&gt;&lt;/p&gt;</t>
  </si>
  <si>
    <t>2017-08-03 21:12:18.607000+00:00</t>
  </si>
  <si>
    <t>2017-08-17 14:46:19.367000+00:00</t>
  </si>
  <si>
    <t>2017-08-03 22:44:26.457000+00:00</t>
  </si>
  <si>
    <t>ios|opengl-es|3d|perspectivecamera|arkit</t>
  </si>
  <si>
    <t>How can I access the cell of the table in jquery</t>
  </si>
  <si>
    <t>&lt;p&gt;&lt;strong&gt;How Can I access the cell of the rows of the table (JQuery)&lt;/strong&gt; &lt;/p&gt;
&lt;pre&gt;&lt;code&gt;    for(i=0; i&amp;lt;6; i++)
                {
                if(document.getElementById(myData[i]).value !=0)
                {
                var nameInput = document.getElementById(myData[i]).name;
                var Quan = document.getElementById(myData[i]).value;
                //Create a new row with an ID
                var newRow = $('&amp;lt;tr /&amp;gt;').attr('id', 'row' + rowNumber);
                //Add some HTML to the row
                newRow.html('&amp;lt;td&amp;gt;' + nameInput + '&amp;lt;/td&amp;gt;&amp;lt;td&amp;gt;' + Quan + '&amp;lt;/td&amp;gt;');
                //Append the new row to the body of the #myTable table
                $('#myTable tbody').append(newRow);
                //Iterate row number
                rowNumber++;
                }
                }
&lt;/code&gt;&lt;/pre&gt;
&lt;p&gt;I'm creating the table dynamically and want to use the previous value of the cell to add in to the new one. Can you please guide how to do this? &lt;/p&gt;</t>
  </si>
  <si>
    <t>2012-07-27 10:18:33.243000+00:00</t>
  </si>
  <si>
    <t>2012-07-27 10:32:34.950000+00:00</t>
  </si>
  <si>
    <t>How to store an object in the viewstate?</t>
  </si>
  <si>
    <t>&lt;p&gt;I am using EWS to develop my email client. I found that if I store ItemId in viewstate it will cause an exception says: &lt;/p&gt;
&lt;blockquote&gt;
  &lt;p&gt;Type 'Microsoft.Exchange.WebServices.Data.ItemId' in Assembly 'Microsoft.Exchange.WebServices, Version=14.0.0.0, Culture=neutral, PublicKeyToken=31bf3856ad364e35' is not marked as serializable.  &lt;/p&gt;
&lt;/blockquote&gt;
&lt;p&gt;If I store &lt;code&gt;ItemId&lt;/code&gt; as string like:&lt;/p&gt;
&lt;pre&gt;&lt;code&gt;ViewState["itemId"] = id.ToString();
&lt;/code&gt;&lt;/pre&gt;
&lt;p&gt;and then try to cast back, &lt;/p&gt;
&lt;pre&gt;&lt;code&gt;ItemId id = (ItemId)ViewState["itemId"];
&lt;/code&gt;&lt;/pre&gt;
&lt;p&gt;it says I can not convert from string to &lt;code&gt;ItemId&lt;/code&gt;. Any idea?&lt;/p&gt;</t>
  </si>
  <si>
    <t>2011-09-27 20:01:27.923000+00:00</t>
  </si>
  <si>
    <t>2016-10-14 15:42:41.383000+00:00</t>
  </si>
  <si>
    <t>2011-09-27 20:07:58.397000+00:00</t>
  </si>
  <si>
    <t>c#|asp.net|viewstate</t>
  </si>
  <si>
    <t>parallel 2D convolution using openMP</t>
  </si>
  <si>
    <t>&lt;p&gt;I'm attempting to implement 2D convolution in C. I have 2 implementations: first one is sequential and the second one is a parallel implementation using openMP.
The problem is that the runtime for parallel code is always more than the runtime for the sequential code. The original algorithm was implemented in C++ using std::vector and It works fine, but I'm trying to implement It in C using pointers and dynamic memory allocation.&lt;/p&gt;
&lt;p&gt;Here's the steps taken in the algorithm:&lt;/p&gt;
&lt;p&gt;1- read input_matrix and kernel from separate files.&lt;/p&gt;
&lt;p&gt;2- compute convolution&lt;/p&gt;
&lt;p&gt;3- write the result to a file.&lt;/p&gt;
&lt;p&gt;I use dynamic memory allocation for the input_matrix, kernel, and output_matrix. Border columns and border rows are assumed to be neighbors, and kernels are assumed to have odd number of rows and columns.&lt;/p&gt;
&lt;p&gt;Here's the sequential convolution:&lt;/p&gt;
&lt;pre&gt;&lt;code&gt;int index1, index2, a, b;
    for(int z = 0; z&amp;lt;rows*columns;++z)
        *(output_matrix + z) = 0;
    clock_t begin = clock();
    for(int x=0;x&amp;lt;rows;++x){
        for(int y=0;y&amp;lt;columns;++y){
            for(int i=0;i&amp;lt;krows;++i){
                for(int j=0;j&amp;lt;kcolumns;++j){
                    a=x+i-krows/2;  
                    b=y+j-kcolumns/2;                   
                    if(a&amp;lt;0)
                        index1=rows+a;
                    else if(a&amp;gt;rows-1)
                        index1=a-rows;
                    else 
                        index1=a;
                    if(b&amp;lt;0)
                        index2=columns+b;
                    else if(b&amp;gt;columns-1)
                        index2=b-columns;
                    else 
                        index2=b;
                    output_matrix[x*columns+y]+=input_matrix[index1*columns+index2]*kernel_matrix[i*kcolumns+j];
                }
            }
        }
    }
    clock_t end = clock();
    printf("Sequential runtime = %f\n", (double)(end - begin) / CLOCKS_PER_SEC);
&lt;/code&gt;&lt;/pre&gt;
&lt;p&gt;And here is the parallel code for convolution:&lt;/p&gt;
&lt;pre&gt;&lt;code&gt;int index1, index2, a, b,x,y;
for(int z = 0; z&amp;lt;rows*columns;++z)
    *(output_matrix + z) = 0;
clock_t begin = clock();
#pragma omp parallel
# pragma omp for private(x,y,a, b, index1, index2) 
for(int z=0;z&amp;lt;rows*columns;++z){
    x=z/columns;
    y=z%columns;
    for(int i=0;i&amp;lt;krows;++i){
        for(int j=0;j&amp;lt;kcolumns;++j){
            a=x+i-krows/2;  
            b=y+j-kcolumns/2;                   
            if(a&amp;lt;0)
                index1=rows+a;
            else if(a&amp;gt;rows-1)
                index1=a-rows;
            else 
                index1=a;
            if(b&amp;lt;0)
                index2=columns+b;
            else if(b&amp;gt;columns-1)
                index2=b-columns;
            else 
                index2=b;
            output_matrix[x*columns+y]+=input_matrix[index1*columns+index2]*kernel_matrix[i*kcolumns+j];
        }
    }
}
clock_t end = clock();
printf("Parallel runtime using OMP= %f\n", (double)(end - begin) / CLOCKS_PER_SEC);
&lt;/code&gt;&lt;/pre&gt;</t>
  </si>
  <si>
    <t>2017-06-12 22:27:05.737000+00:00</t>
  </si>
  <si>
    <t>2017-06-12 22:28:30.667000+00:00</t>
  </si>
  <si>
    <t>c|parallel-processing|openmp</t>
  </si>
  <si>
    <t>vertical menu in css not formatting correctly</t>
  </si>
  <si>
    <t>&lt;p&gt;I am trying to show the menu as follows&lt;/p&gt;
&lt;pre&gt;&lt;code&gt;|  HOME  |
|  GAMES |
| PLAYERS|
|SCHEDULE|
&lt;/code&gt;&lt;/pre&gt;
&lt;p&gt;The problem is that my menu is showing like this&lt;/p&gt;
&lt;pre&gt;&lt;code&gt;|  HOME  || GAMES |
|PLAYERS||SCHEDULE|
&lt;/code&gt;&lt;/pre&gt;
&lt;p&gt;and also.. how can I set the width of it to be consistent?, right now it takes only the length of the word inside of |HOME| but i would like to set this to a fix number.. I am new to css please help&lt;/p&gt;
&lt;pre&gt;&lt;code&gt;.#tabshor {
    width:100%;
    font-size:50%;
    line-height:5px;
    }
#tabshor ul {
    margin:-30px;
    padding:150px 0px 0px 0px;
    line-height:10px;
    }
#tabshor li {
    display:block;
    margin:0;
    padding:5;
    }
#tabshor a {
    float:left;
    background:url("../images/tableft.gif") no-repeat left top;
    margin:0;
    padding:0 0 0 3px;
    text-decoration:none;
    }
#tabshor a span {
    float:left;
    display:block;
    background:url("../images/tabright.gif") no-repeat right top;
    padding:10px 20px 20px 10px;
    color:#FFF;
    }
#tabshor a span {float:none;}
#tabshor a:hover span {
    color:#FFF;
    }
#tabshor a:hover{
    background-position:0% -42px;
    }
#tabshor a:hover span {
    background-position:100% -42px;
    }
div#tabshor&amp;gt;ul&amp;gt;li {   
        display:block; 
        position:relative;
        float:left;
        list-style:none;
        left:50px;
    }
 div#tabshor&amp;gt;ul&amp;gt;li ul{
            position:absolute; display:none;
            list-style:none;
            left:100px;    
        }
 div#tabshor&amp;gt;ul&amp;gt;li&amp;gt;a{
            display:block;
        }
  div#tabshor&amp;gt;ul&amp;gt;li:hover ul{
      display:block;  
      z-index:500; 
      width:50%;
      margin:10px 0px 0px -20px;    
      width:100%;
      }
div#tabshor ul li ul a{
    display:block;
    width: 50px;
}
div#tabshor ul li a:hover{
     background:red;
     font-style: oblique;
}
&lt;/code&gt;&lt;/pre&gt;
&lt;p&gt;HERE IS THE HTML&lt;/p&gt;
&lt;pre&gt;&lt;code&gt; &amp;lt;div id="left_banner" class="divleftside"&amp;gt;
    &amp;lt;div id="tabshor"&amp;gt;
        &amp;lt;ul&amp;gt;
            &amp;lt;li&amp;gt;&amp;lt;a href="index.html"&amp;gt;&amp;lt;span&amp;gt;HOME&amp;lt;/span&amp;gt;&amp;lt;/a&amp;gt;&amp;lt;/li&amp;gt;
            &amp;lt;li&amp;gt;&amp;lt;a href="#"&amp;gt;&amp;lt;span&amp;gt;GAMES&amp;lt;/span&amp;gt;&amp;lt;/a&amp;gt;&amp;lt;/li&amp;gt;
            &amp;lt;li&amp;gt;&amp;lt;a href="#"&amp;gt;&amp;lt;span&amp;gt;PLAYERS&amp;lt;/span&amp;gt;&amp;lt;/a&amp;gt;
                &amp;lt;ul&amp;gt;
                    &amp;lt;li&amp;gt;&amp;lt;a href="PLAYEERS.html"&amp;gt;&amp;lt;span&amp;gt;PLAYERS&amp;lt;/span&amp;gt;&amp;lt;/a&amp;gt;&amp;lt;/li&amp;gt;
                    &amp;lt;li&amp;gt;&amp;lt;a href="#"&amp;gt;&amp;lt;span&amp;gt;SOCCER&amp;lt;/span&amp;gt;&amp;lt;/a&amp;gt;&amp;lt;/li&amp;gt;
                    &amp;lt;li&amp;gt;&amp;lt;a href="#"&amp;gt;&amp;lt;span&amp;gt;BASKETBALL&amp;lt;/span&amp;gt;&amp;lt;/a&amp;gt;&amp;lt;/li&amp;gt;               
                &amp;lt;/ul&amp;gt;
            &amp;lt;/li&amp;gt;
            &amp;lt;li&amp;gt;&amp;lt;a href="#"&amp;gt;&amp;lt;span&amp;gt;COURTS&amp;lt;/span&amp;gt;&amp;lt;/a&amp;gt;&amp;lt;/li&amp;gt;
            &amp;lt;li&amp;gt;&amp;lt;a href="#"&amp;gt;&amp;lt;span&amp;gt;REFEREES&amp;lt;/span&amp;gt;&amp;lt;/a&amp;gt;&amp;lt;/li&amp;gt;
            &amp;lt;li&amp;gt;&amp;lt;a href="#"&amp;gt;&amp;lt;span&amp;gt;ABOUT US&amp;lt;/span&amp;gt;&amp;lt;/a&amp;gt;&amp;lt;/li&amp;gt;
            &amp;lt;li&amp;gt;&amp;lt;a href="#"&amp;gt;&amp;lt;span&amp;gt;CONTACT US&amp;lt;/span&amp;gt;&amp;lt;/a&amp;gt;&amp;lt;/li&amp;gt;
            &amp;lt;li&amp;gt;&amp;lt;a href="#"&amp;gt;&amp;lt;span&amp;gt;REGISTER&amp;lt;/span&amp;gt;&amp;lt;/a&amp;gt;&amp;lt;/li&amp;gt;
        &amp;lt;/ul&amp;gt;
    &amp;lt;/div&amp;gt;
       &amp;lt;/div&amp;gt;
&lt;/code&gt;&lt;/pre&gt;</t>
  </si>
  <si>
    <t>2011-09-22 03:27:33.583000+00:00</t>
  </si>
  <si>
    <t>2011-09-22 04:07:10.970000+00:00</t>
  </si>
  <si>
    <t>2011-09-22 03:54:01.650000+00:00</t>
  </si>
  <si>
    <t>css</t>
  </si>
  <si>
    <t>How to recreate windows form application when main window is closed</t>
  </si>
  <si>
    <t>&lt;p&gt;I have windows forms app. When it's closed the main window is disposed and then when user click on tray window is recreated - it works. However I have werid problem when I try to bring application back when using FileSystemWatcher. Idea is simple, when file is changed application is brought back. However in this case application appears but hangs and then dissapears. The shape of window comes back but is unresponsive, moving mouse on window shows like app is "thinking" or "hanging", the app doesn't have icon on taskbar.
My guess is that this is connected with threads/synchronization but I have no idea how to make it work again. I tried many different things connected with threading but failed. I cannot create this window again in UI thread because as I understand I can write &lt;code&gt;_mainWindow.BeginInvoke&lt;/code&gt; but I can't do that before I create this form.
I have created the minimal working example that demonstrates the issue. It is available at &lt;a href="https://gitlab.com/virtual92/getting-forms-up" rel="nofollow noreferrer"&gt;https://gitlab.com/virtual92/getting-forms-up&lt;/a&gt; or here:&lt;/p&gt;
&lt;p&gt;Program.cs&lt;/p&gt;
&lt;pre&gt;&lt;code&gt;using System;
using System.Collections.Generic;
using System.IO;
using System.Linq;
using System.Threading;
using System.Threading.Tasks;
using System.Windows.Forms;
namespace GettingFormsUp
{
    static class Program
    {
        private static bool hideFlag = true;
        [STAThread]
        static void Main()
        {
            Application.EnableVisualStyles();
            Application.SetCompatibleTextRenderingDefault(false);
            var initApplicationContext = new InitApplicationContext();
            Console.WriteLine();
            var fileSystemWatcher = new FileSystemWatcher(Path.GetFullPath("../.."), "watcher");
            fileSystemWatcher.Changed += (sender, args) =&amp;gt;
            {
                Console.WriteLine("Watched");
                initApplicationContext.Show();
            };
            fileSystemWatcher.EnableRaisingEvents = true;
            Application.Run(initApplicationContext);
        }
        private class InitApplicationContext : ApplicationContext
        {
            private static MainWindow _mainWindow;
            public InitApplicationContext()
            {
                NewForm();
            }
            private void NewForm()
            {
                Console.WriteLine("Creating new MainWindow");
                _mainWindow = new MainWindow();
                _mainWindow.Invoke((MethodInvoker) delegate
                {
                    _mainWindow.Show(); 
                });
            }
            public void Show()
            {
                if (_mainWindow == null || _mainWindow.IsDisposed)
                {
                    NewForm();
                }
                else if (!_mainWindow.Visible)
                {
                    _mainWindow.BeginInvoke((MethodInvoker) delegate
                    {
                        Console.WriteLine("showing");
                        _mainWindow.Show();
                    });
                }
            }
            public void Delete()
            {
                if (_mainWindow != null &amp;amp;&amp;amp; !_mainWindow.IsDisposed)
                {
                    _mainWindow.Dispose();
                }
            }
        }
    }
}
&lt;/code&gt;&lt;/pre&gt;
&lt;p&gt;MainWindow.cs&lt;/p&gt;
&lt;pre&gt;&lt;code&gt;using System;
using System.Collections.Generic;
using System.ComponentModel;
using System.Data;
using System.Drawing;
using System.Linq;
using System.Text;
using System.Threading.Tasks;
using System.Windows.Forms;
namespace GettingFormsUp
{
    public class MainWindow : Form
    {
        public MainWindow()
        {
            CreateHandle();
            InitializeComponent();
        }
        private System.ComponentModel.IContainer components = null;
        protected override void Dispose(bool disposing)
        {
            if (disposing &amp;amp;&amp;amp; (components != null))
            {
                components.Dispose();
            }
            base.Dispose(disposing);
        }
        private void InitializeComponent()
        {
            this.components = new System.ComponentModel.Container();
            this.AutoScaleMode = System.Windows.Forms.AutoScaleMode.Font;
            this.Text = "Form1";
        }
    }
}
&lt;/code&gt;&lt;/pre&gt;
&lt;p&gt;How can I make it work?&lt;/p&gt;</t>
  </si>
  <si>
    <t>2018-02-06 22:02:49.380000+00:00</t>
  </si>
  <si>
    <t>2018-02-06 23:49:28.110000+00:00</t>
  </si>
  <si>
    <t>c#|.net|multithreading|winforms</t>
  </si>
  <si>
    <t>How to support multiple language in a Linux C/C++ program?</t>
  </si>
  <si>
    <t>&lt;p&gt;For example, in this simplest hello world program:&lt;/p&gt;
&lt;pre&gt;&lt;code&gt;#include &amp;lt;iostream&amp;gt;
int main()
{
    std::cout&amp;lt;&amp;lt;"Hello World!"&amp;lt;&amp;lt;std::endl;
    return 0;
}
&lt;/code&gt;&lt;/pre&gt;
&lt;p&gt;I'd like to see French if user's environment &lt;code&gt;LANG&lt;/code&gt; is set to &lt;code&gt;fr_FR&lt;/code&gt;, it might looks like:&lt;/p&gt;
&lt;pre&gt;&lt;code&gt;$ ./a.out
Hello World!
$ LANG=fr_FR.utf8
$ ./a.out
Bonjour tout le monde!
&lt;/code&gt;&lt;/pre&gt;
&lt;p&gt;Is there a guideline of how to archieve this in Linux?&lt;/p&gt;</t>
  </si>
  <si>
    <t>2012-08-03 05:10:50.380000+00:00</t>
  </si>
  <si>
    <t>2012-08-03 10:32:13.127000+00:00</t>
  </si>
  <si>
    <t>2012-08-03 07:23:29.170000+00:00</t>
  </si>
  <si>
    <t>c++|c|linux|locale</t>
  </si>
  <si>
    <t>How do Vim's Control-O and Control-I work?</t>
  </si>
  <si>
    <t>&lt;p&gt;What do they do, and how do you use them? Any tips / tricks would also be appreciated.&lt;/p&gt;</t>
  </si>
  <si>
    <t>2010-10-21 07:52:58.497000+00:00</t>
  </si>
  <si>
    <t>2016-09-21 14:59:37.420000+00:00</t>
  </si>
  <si>
    <t>vim|keyboard-shortcuts</t>
  </si>
  <si>
    <t>How to download csv file using fast csv in node js</t>
  </si>
  <si>
    <t>&lt;p&gt;I want to export my data into csv file so for that purpose i used &lt;code&gt;fast-csv&lt;/code&gt; in node js. its working fine my code is &lt;/p&gt;
&lt;pre&gt;&lt;code&gt;var csv = require("fast-csv");
app.get('/file/exportToExcel', function(req, res) {
        var whereCondi = {
            'Id': req.query.id,
        }
        var response = {};
        table.find(whereCondi, function(err, tableData) {
            if (err) {
                response.status = 400;
                response.message = err.message;
                res.send(response);
            } else {
                var csvStream = csv.createWriteStream({headers: true}),
                writableStream = fs.createWriteStream("code.csv");
                writableStream.on("finish", function() {
                });
                csvStream.pipe(writableStream);
                for (var i = 0; i &amp;lt; tableData.length; i++) {
                    csvStream.write({allcodes: tableData[i].code});
                }
                csvStream.end();
            }
        });
    });
&lt;/code&gt;&lt;/pre&gt;
&lt;p&gt;but the problem is its saving that csv file in my root folder i want to download that csv file when user click on export to excel please help me.&lt;/p&gt;</t>
  </si>
  <si>
    <t>2015-12-05 11:59:35.310000+00:00</t>
  </si>
  <si>
    <t>2015-12-05 12:13:50.473000+00:00</t>
  </si>
  <si>
    <t>node.js|csv</t>
  </si>
  <si>
    <t>Choppy/skippy sound when streaming from flash media server.</t>
  </si>
  <si>
    <t>&lt;p&gt;I'm having an issue streaming mp3 files form flash media server where the sound will be very choppy. When polled every second the newStream.time property has kind of crazy numbers like 1,3,6,8,10 always skipping a second or two. Raising the buffertime seems to help the problem but not fix it. Any ideas?&lt;/p&gt;
&lt;p&gt;Thanks very much.&lt;/p&gt;</t>
  </si>
  <si>
    <t>2011-12-22 03:48:33.020000+00:00</t>
  </si>
  <si>
    <t>2017-08-07 07:23:54.880000+00:00</t>
  </si>
  <si>
    <t>flash|actionscript-3|streaming|flash-media-server</t>
  </si>
  <si>
    <t>Promises for going through URLS</t>
  </si>
  <si>
    <t>&lt;p&gt;I'm trying to figure out a way to process through a dynamic number of URLS. The idea is to have a while run until we reach the limit of whatever we are searching for - let's say URLS for example. &lt;/p&gt;
&lt;pre&gt;&lt;code&gt;    return new Promise(function(resolve, reject) {
        var links = [];
        var uri = feed.uri;
        var promise;
        var loadMore = true;
        var waiting = false;
        var page;
        while(loadMore) {
            if(!waiting) {
                waiting = true;
                promise = getListings(uri, feed, limit);
                promise.then(function(result) {
                    for (var i = 0; i &amp;lt; result.length; i++) {
                        if(links.length &amp;lt; limit) {
                            links.push(result[i]);
                        }
                    }
                    if(links.length &amp;lt; limit) {
                        // Load Pagination
                        uri = paginator.process(uri, feed, opts);
                        waiting = false;
                    } else {
                        resolve(links);
                        loadMore = false;
                    }
                }); 
            } 
        }
});
&lt;/code&gt;&lt;/pre&gt;
&lt;p&gt;This is currently what I've got but it's not running correctly. What I need it to do is go through the original URL and then continute to go through the next page, adding the URLS to the link list. You can assume that paginator works and returns the next URL for that specific website (ex. www.google.com/page2) getListings works fine and returns an array of links.&lt;/p&gt;
&lt;p&gt;How would I be able to chain these promises so it can go through any number of pages (if they exist), and return the full array of links that it finds?&lt;/p&gt;
&lt;p&gt;I can't seem to be able to change the loadMore variable to false when the limit is reached inside of promise.then(). I would like it to be able to go through the first URL and then the next URL until the limit is reached. &lt;/p&gt;
&lt;p&gt;I appreciate any resources or ideas on how to put this together.&lt;/p&gt;</t>
  </si>
  <si>
    <t>2015-06-03 20:45:39.513000+00:00</t>
  </si>
  <si>
    <t>2015-06-04 08:13:07.807000+00:00</t>
  </si>
  <si>
    <t>javascript|web-scraping|promise</t>
  </si>
  <si>
    <t>How to change top-level scope variables in AngularJS nested controllers?</t>
  </si>
  <si>
    <t>&lt;p&gt;On a page, I have the following structure:&lt;/p&gt;
&lt;ul&gt;
&lt;li&gt;layoutController (in the js controller: $scope.currentProject = "" )
&lt;ul&gt;
&lt;li&gt;{{ currentProject.Name }}&lt;/li&gt;
&lt;li&gt;projectListController - (in the js controller, I populate the value of $scope.currentProject with an object)&lt;/li&gt;
&lt;/ul&gt;&lt;/li&gt;
&lt;/ul&gt;
&lt;p&gt;The problem is that once I set the new value, {{ currentProject.Name }} remains blank.&lt;/p&gt;
&lt;p&gt;What's missing?&lt;/p&gt;</t>
  </si>
  <si>
    <t>2014-06-06 16:14:42.403000+00:00</t>
  </si>
  <si>
    <t>2014-06-06 16:20:00.067000+00:00</t>
  </si>
  <si>
    <t>Eclipse Warning with Exported Activity Permission</t>
  </si>
  <si>
    <t>&lt;p&gt;I have this in my Android manifest:&lt;/p&gt;
&lt;pre&gt;&lt;code&gt;   &amp;lt;activity
        android:name=".Planner"
        android:label="---" &amp;gt;
        &amp;lt;intent-filter&amp;gt;
            &amp;lt;action android:name="com.---.---.PLANNER" /&amp;gt;
            &amp;lt;category android:name="android.intent.category.DEFAULT" /&amp;gt;
        &amp;lt;/intent-filter&amp;gt;
    &amp;lt;/activity&amp;gt;
&lt;/code&gt;&lt;/pre&gt;
&lt;p&gt;But I get the warning in Eclipse: &lt;code&gt;Exported Activity Does not Require Permission&lt;/code&gt; &lt;/p&gt;
&lt;p&gt;So I rework it to be like this:&lt;/p&gt;
&lt;pre&gt;&lt;code&gt; &amp;lt;activity
            android:name=".Planner"
            android:label="---" /&amp;gt;
&lt;/code&gt;&lt;/pre&gt;
&lt;p&gt;Warning goes away, but it force closes once this Activity is brought up.  Here is LogCat:&lt;/p&gt;
&lt;pre&gt;&lt;code&gt;11-29 19:22:03.569: E/AndroidRuntime(434): FATAL EXCEPTION: main
11-29 19:22:03.569: E/AndroidRuntime(434): android.content.ActivityNotFoundException: No Activity found to handle Intent { act=com.---.---.PLANNER }
11-29 19:22:03.569: E/AndroidRuntime(434):  at android.app.Instrumentation.checkStartActivityResult(Instrumentation.java:1409)
11-29 19:22:03.569: E/AndroidRuntime(434):  at android.app.Instrumentation.execStartActivity(Instrumentation.java:1379)
11-29 19:22:03.569: E/AndroidRuntime(434):  at android.app.Activity.startActivityForResult(Activity.java:2827)
11-29 19:22:03.569: E/AndroidRuntime(434):  at android.app.Activity.startActivity(Activity.java:2933)
11-29 19:22:03.569: E/AndroidRuntime(434):  at com.---.---.ManageDebts$3.onClick(ManageDebts.java:135)
11-29 19:22:03.569: E/AndroidRuntime(434):  at android.view.View.performClick(View.java:2485)
11-29 19:22:03.569: E/AndroidRuntime(434):  at android.view.View$PerformClick.run(View.java:9080)
11-29 19:22:03.569: E/AndroidRuntime(434):  at android.os.Handler.handleCallback(Handler.java:587)
11-29 19:22:03.569: E/AndroidRuntime(434):  at android.os.Handler.dispatchMessage(Handler.java:92)
11-29 19:22:03.569: E/AndroidRuntime(434):  at android.os.Looper.loop(Looper.java:123)
11-29 19:22:03.569: E/AndroidRuntime(434):  at android.app.ActivityThread.main(ActivityThread.java:3683)
11-29 19:22:03.569: E/AndroidRuntime(434):  at java.lang.reflect.Method.invokeNative(Native Method)
11-29 19:22:03.569: E/AndroidRuntime(434):  at java.lang.reflect.Method.invoke(Method.java:507)
11-29 19:22:03.569: E/AndroidRuntime(434):  at com.android.internal.os.ZygoteInit$MethodAndArgsCaller.run(ZygoteInit.java:839)
11-29 19:22:03.569: E/AndroidRuntime(434):  at com.android.internal.os.ZygoteInit.main(ZygoteInit.java:597)
11-29 19:22:03.569: E/AndroidRuntime(434):  at dalvik.system.NativeStart.main(Native Method)
&lt;/code&gt;&lt;/pre&gt;
&lt;p&gt;Here is line 135:&lt;/p&gt;
&lt;pre&gt;&lt;code&gt;startActivity(new Intent("com.---.---.PLANNER"));
&lt;/code&gt;&lt;/pre&gt;</t>
  </si>
  <si>
    <t>2012-11-30 03:23:50.780000+00:00</t>
  </si>
  <si>
    <t>2012-11-30 03:37:41.447000+00:00</t>
  </si>
  <si>
    <t>android|android-manifest</t>
  </si>
  <si>
    <t>JIRA Query Language display result</t>
  </si>
  <si>
    <t>&lt;p&gt;I want to display the issue's name, key, created date, resolved date and the team. How can I do that? &lt;/p&gt;
&lt;p&gt;I have created the JQL in index.php. &lt;/p&gt;
&lt;p&gt;&lt;pre&gt;
    require 'vendor/autoload.php';&lt;/p&gt;
&lt;code&gt;    use JiraRestApi\Issue\IssueService;
    $jql = 'project in (MGBUGS) AND resolved &amp;gt;= startOfWeek("-6") AND resolved &amp;lt;= endOfWeek("-5") AND "MaGIC Team" = Tech';
    try {
        $issueService = new IssueService();
        $ret = $issueService-&amp;gt;search($jql);
        var_dump($ret);
    } catch (JiraException $e) {
        $this-&amp;gt;assertTrue(false, 'testSearch Failed : '.$e-&amp;gt;getMessage());
    }
?&amp;gt;
&lt;/code&gt;&lt;/pre&gt;
&lt;p&gt;&lt;/p&gt;</t>
  </si>
  <si>
    <t>2016-06-30 03:22:05.667000+00:00</t>
  </si>
  <si>
    <t>2016-07-26 14:16:43.947000+00:00</t>
  </si>
  <si>
    <t>2016-06-30 05:27:52.217000+00:00</t>
  </si>
  <si>
    <t>php|jira-rest-api|jql</t>
  </si>
  <si>
    <t>Iterate a json string present in angularjs using ng-repeat</t>
  </si>
  <si>
    <t>&lt;p&gt;I have the below Json string in $scope.product in Angularjs controller.
How should I print all the individual components using ng-repeat directive.&lt;/p&gt;
&lt;p&gt;I have the following ng-repeat inside &lt;/p&gt;
&lt;pre&gt;&lt;code&gt;&amp;lt;div class="col-xs-3 " style="margin-right:-50px;" ng-repeat="(key, value) in product"&amp;gt;
{{key}}{{value}}
&amp;lt;/div&amp;gt;
&lt;/code&gt;&lt;/pre&gt;
&lt;p&gt;JSON String:&lt;/p&gt;
&lt;pre&gt;&lt;code&gt;[{
    "productId": "9970QYPMNAUUI",
    "productName": "Micca Speck 1080p Full-HD Ultra Portable",
    "imageUrl": "../../content/s3/images/99738A3AY55HN.jpg"
}, {
    "productId": "9970DLYKLAO8O",
    "productName": "iPhone 5 32GB",
    "imageUrl": "../../content/s3/images/9973CC9QJ7XOW.jpg"
}, {
    "productId": "9970GHW4ERO8O",
    "productName": "Samsung Galaxy Victory ",
    "imageUrl": "../../content/s3/images/9973KNOTXLB8C.jpg"
}, {
    "productId": "9970JK68GH02G",
    "productName": "Lenovo B590 Windows 7 Pentium",
    "imageUrl": "../../content/s3/images/9973LTDFXM6MY.jpg"
}, {
    "productId": "9970JX847GH2G",
    "productName": "HP 15.6-Inch Laptop PC",
    "imageUrl": "../../content/s3/images/9973L8S10MOZZ.jpg"
}, {
    "productId": "9970QYPOYUUIO",
    "productName": "Xbox 360 4GB",
    "imageUrl": "../../content/s3/images/9973954F3RCJE.jpg"
}, {
    "productId": "9970QYPTYHJUI",
    "productName": "KDLINKS HD720 Extreme FULL HD 1080P 3D Media Player",
    "imageUrl": "../../content/s3/images/9973A2GF2V26I.jpg"
}, {
    "productId": "9970GBBHVOB62",
    "productName": "Sony VAIO 17",
    "imageUrl": "../../content/s3/images/9973X27JIUUWO.jpg"
}, {
    "productId": "9970GBBHVOB61",
    "productName": "Sony VAIO ",
    "imageUrl": "../../content/s3/images/99737ANCLHGS7.jpg"
}, {
    "productId": "9970DLNMQ8819",
    "productName": "Upper Body Workout Bar",
    "imageUrl": "../../content/s3/images/99732QXRBCYBK.jpg"
}, {
    "productId": "9970DLXEVOQ01",
    "productName": "Google Chromecast",
    "imageUrl": "../../content/s3/images/9973GRKFEWUU1.jpg"
}, {
    "productId": "9970GHWY7898O",
    "productName": "Moto G - Boost",
    "imageUrl": "../../content/s3/images/9973JESH8RK2K.jpg"
}, {
    "productId": "9970DHT7VF02G",
    "productName": "Asus X551CA 16-Inch Laptop",
    "imageUrl": "../../content/s3/images/9973FO1ZIO1NW.jpg"
}, {
    "productId": "9970DLYTQCG0O",
    "productName": "iPhone 4",
    "imageUrl": "../../content/s3/images/99738H7DFFI8L.jpg"
}, {
    "productId": "9970GBBHVOB6O",
    "productName": "Samsung Chromebook ",
    "imageUrl": "../../content/s3/images/9973PID3L1XQL.jpg"
}, {
    "productId": "9970QYU8G9SHU",
    "productName": "Samsung Galaxy S III",
    "imageUrl": "../../content/s3/images/9973MBIC078EN.jpg"
}, {
    "productId": "9970DLMTQ882G",
    "productName": "Home Gym",
    "imageUrl": "../../content/s3/images/9973DXZK5G7JL.jpg"
}, {
    "productId": "9970DLNMQ890O",
    "productName": "Bowflex Dumbbells",
    "imageUrl": "../../content/s3/images/9973DXZRZQWFR.jpg"
}, {
    "productId": "9970QYPO0HJKU",
    "productName": "Xbox 360 4GB",
    "imageUrl": "../../content/s3/images/9973UTFBEJ7LB.jpg"
}, {
    "productId": "9970DLYTGTYW9",
    "productName": "iPhone 5 16 GB",
    "imageUrl": "../../content/s3/images/9973SRFC4A04H.jpg"
}, {
    "productId": "9970DLHQWE90O",
    "productName": "Keystone Fridge",
    "imageUrl": "../../content/s3/images/9973V7JQG7KJJ.jpg"
}, {
    "productId": "9970DLLA9NQ01",
    "productName": "Sony Playstation 4",
    "imageUrl": "../../content/s3/images/9973E2L9RGNZY.jpg"
}, {
    "productId": "9970DLXEVOQ0O",
    "productName": "Nikon Cool pix",
    "imageUrl": "../../content/s3/images/9973XPXQJVH4N.jpg"
}, {
    "productId": "9970QYPO0HUIO",
    "productName": "Xbox 360 250GB",
    "imageUrl": "../../content/s3/images/9973741XWV5WO.jpg"
}, {
    "productId": "9970G1H2J3K90",
    "productName": "Toshiba C55-A5281 16 Inch Laptop",
    "imageUrl": "../../content/s3/images/9973G3TCB7X8W.jpg"
}]
&lt;/code&gt;&lt;/pre&gt;
&lt;p&gt;Any help would be appreciated.&lt;/p&gt;</t>
  </si>
  <si>
    <t>2014-03-06 00:57:24.437000+00:00</t>
  </si>
  <si>
    <t>2015-04-13 17:22:31.400000+00:00</t>
  </si>
  <si>
    <t>ORA-06550: NUMBER precision constraint must be in range (1 .. 38) on entity framework</t>
  </si>
  <si>
    <t>&lt;p&gt;I'm blocked with an error here, basically I have a table already created before and for this table i created an auto-increment (using the next Trigger/Sequence); before continue i have to say that this table has already information inside, i don't know if can be an issue: &lt;/p&gt;
&lt;pre&gt;&lt;code&gt;CREATE SEQUENCE  "schema"."sequenceNAme"  MINVALUE 1 MAXVALUE 1.00000000000000E+27 INCREMENT BY 1 START WITH 1 NOCACHE  NOORDER  NOCYCLE ;
create or replace TRIGGER T_unique BEFORE INSERT ON table_id
FOR EACH ROW 
BEGIN
  &amp;lt;&amp;lt;COLUMN_SEQUENCES&amp;gt;&amp;gt;
  BEGIN
    IF :NEW.idcolumn IS NULL THEN
      SELECT sequenceNAme.NEXTVAL INTO :NEW.idcolumn FROM DUAL;
    END IF;
  END COLUMN_SEQUENCES;
END;
&lt;/code&gt;&lt;/pre&gt;
&lt;p&gt;the &lt;code&gt;DataType&lt;/code&gt; for this ID is &lt;code&gt;Float&lt;/code&gt;;&lt;/p&gt;
&lt;p&gt;When I tried to  insert into the table from oracle, it works fine.&lt;/p&gt;
&lt;pre&gt;&lt;code&gt;insert into table_id values(null,'Tigrex','test','TestSystem');
&lt;/code&gt;&lt;/pre&gt;
&lt;p&gt;this generates the auto increment correctly&lt;/p&gt;
&lt;p&gt;Then I included it into the code using Entity framework. it looks like the next: 
&lt;a href="https://i.stack.imgur.com/xpy0j.png" rel="nofollow noreferrer"&gt;&lt;img src="https://i.stack.imgur.com/xpy0j.png" alt="enter image description here"&gt;&lt;/a&gt;&lt;/p&gt;
&lt;p&gt;but when i create the object, and save i receive the next error:&lt;/p&gt;
&lt;pre&gt;&lt;code&gt;ORA-06550: line 2, column 26:
PLS-00216: NUMBER precision constraint must be in range (1 .. 38)
ORA-06550: line 0, column 0:
PLS-00707: unsupported construct or internal error [2604]
ORA-06550: line 4, column 21:
PL/SQL: ORA-06544: PL/SQL: internal error, arguments: [2604], [], [], [], [], [], [], []
ORA-06550: line 4, column 1:
PL/SQL: SQL Statement ignored
ORA-06550: line 0, column 0:
PLS-00707: unsupported construct or internal error [2604]
ORA-06550: line 10, column 45:
PL/SQL: ORA-06544: PL/SQL: internal error, arguments: [2604], [], [], [], [], [], [], []
ORA-06550: line 9, column 14:
&lt;/code&gt;&lt;/pre&gt;
&lt;p&gt;what I tried is, change the type into Entity framework to &lt;code&gt;Int32&lt;/code&gt;, also change the &lt;code&gt;precision&lt;/code&gt; to 20 (just to check), but I still receiving the same error.&lt;/p&gt;
&lt;p&gt;Any idea? &lt;/p&gt;
&lt;p&gt;My next idea is create a new table, but wont be the best solution.&lt;/p&gt;
&lt;p&gt;Thanks, &lt;/p&gt;</t>
  </si>
  <si>
    <t>2017-02-09 11:05:55.713000+00:00</t>
  </si>
  <si>
    <t>c#|oracle|entity-framework</t>
  </si>
  <si>
    <t>C compiler and C99 standard</t>
  </si>
  <si>
    <t>&lt;p&gt;Which C compilers can compile C99 compliant source?  &lt;/p&gt;</t>
  </si>
  <si>
    <t>2011-05-15 18:40:46.867000+00:00</t>
  </si>
  <si>
    <t>2016-01-31 10:22:20.537000+00:00</t>
  </si>
  <si>
    <t>c|c99</t>
  </si>
  <si>
    <t>Regex with .find(), no results</t>
  </si>
  <si>
    <t>&lt;p&gt;I'm trying to change &lt;code&gt;id&lt;/code&gt; and &lt;code&gt;name&lt;/code&gt; attributes on a page. The code I'm using is this:&lt;/p&gt;
&lt;pre&gt;&lt;code&gt;var img = new RegExp( 'id*="launch_pad_image_slide_\d"', g ) ;
$('.slider-data').each(function(){
    $(this).find(img).attr( 'id', 'random stuff' );
});             
&lt;/code&gt;&lt;/pre&gt;
&lt;p&gt;The assumption is the &lt;code&gt;.find&lt;/code&gt; function should pick up the whole &lt;code&gt;id&lt;/code&gt; inside:&lt;/p&gt;
&lt;pre&gt;&lt;code&gt;id="launch_pad_image_slide_2"
&lt;/code&gt;&lt;/pre&gt;
&lt;p&gt;...but it does not work.&lt;/p&gt;
&lt;p&gt;5 hours on this, and burned out. Suggestions? Basically every time a field is deleted, jQuery has to loop through them and number their &lt;code&gt;id&lt;/code&gt;/&lt;code&gt;name&lt;/code&gt; attributes properly to avoid doubles.&lt;/p&gt;</t>
  </si>
  <si>
    <t>2012-12-19 11:50:00.423000+00:00</t>
  </si>
  <si>
    <t>2012-12-19 11:54:30.153000+00:00</t>
  </si>
  <si>
    <t>javascript|jquery|regex</t>
  </si>
  <si>
    <t>How can i convert my recursive DP solution to iterative DP?</t>
  </si>
  <si>
    <t>&lt;p&gt;Suppose, I have a word "SALADS". I have to find out the number of ways I can remove letters from this word so that it would become a palindrome. Two ways that differ due to order of removing letters are considered the same. Answer for "SALADS" is 15.&lt;/p&gt;
&lt;p&gt;I've solve it using recursive DP.&lt;/p&gt;
&lt;pre&gt;&lt;code&gt;string S;
int DP[65][65];
int DFS(int l, int r)
{
    if(l==r) return 1;
    if(l&amp;gt;r) return 0;
    if(DP[l][r]!=-1) return DP[l][r];
    DP[l][r]=0;
    if(S[l]==S[r])
    {
       return DP[l][r] = 1 + DFS(l+1, r) + DFS(l, r-1);
    }
    else
    {
       return DP[l][r] = DFS(l+1, r) + DFS(l, r-1) - DFS(l+1, r-1);
    }
}
int main()
{
    S = "SALADS";
    DFS(0, S.size()-1);
}
&lt;/code&gt;&lt;/pre&gt;
&lt;p&gt;How can i solve this problem using iterative DP?&lt;/p&gt;</t>
  </si>
  <si>
    <t>2014-12-13 10:17:59.720000+00:00</t>
  </si>
  <si>
    <t>2015-01-21 22:22:07.843000+00:00</t>
  </si>
  <si>
    <t>dynamic-programming|iteration</t>
  </si>
  <si>
    <t>iPad Default.png splashscreen in multitasking mode</t>
  </si>
  <si>
    <t>&lt;p&gt;I have an iPhone application and some problems with multitasking and fast-app switching. 
When I run it on iPhone all works fine. When I runs it first time it show my Default.png image and after that my home view. I do sometheng, for example, go to another view. Then I push home button and it go in suspend mode and when i run it again it starts righ from state I leave it, without showing Default.png image.
But when I run it on iPad, it always show me Default.png image, no matter is it first run or run from suspend mode. How can I remove it like on iPhone?&lt;/p&gt;
&lt;p&gt;UIApplicationExitsOnSuspend in Info.plist is NO.&lt;/p&gt;
&lt;p&gt;P.S. Sorry for the bad English.&lt;/p&gt;
&lt;p&gt;P.P.S. Of course, there are simular iOS version 4.2 on both devices.&lt;/p&gt;</t>
  </si>
  <si>
    <t>2011-11-29 11:00:50.550000+00:00</t>
  </si>
  <si>
    <t>2012-01-13 14:51:03.887000+00:00</t>
  </si>
  <si>
    <t>2011-11-29 11:21:05.877000+00:00</t>
  </si>
  <si>
    <t>iphone|ios|ipad</t>
  </si>
  <si>
    <t>How to find out the exact issue in Qt</t>
  </si>
  <si>
    <t>&lt;p&gt;I installed above qt version 5.5.0 in my host system and created app. Using angstrom cross compiler i cross compiled the created app. After cross compilation i copied the executable using pen drive and paste in &lt;code&gt;/opt&lt;/code&gt; folder target folder. &lt;/p&gt;
&lt;p&gt;If i run like &lt;code&gt;./MyApp -qws&lt;/code&gt; , it is successfully running but not display anything , because there is no QWS api for Qt version 5. &lt;/p&gt;
&lt;p&gt;If i run like &lt;code&gt;./MyApp -platform eglfs&lt;/code&gt; , I get the error like &lt;code&gt;QWSSocket::connectToLocalFile could not connect:: Connection refused&lt;/code&gt; .&lt;/p&gt;
&lt;p&gt;How to find out exact problem and resolve it?&lt;/p&gt;</t>
  </si>
  <si>
    <t>2015-11-04 08:20:49.430000+00:00</t>
  </si>
  <si>
    <t>2015-11-27 07:26:57.087000+00:00</t>
  </si>
  <si>
    <t>2015-11-04 08:42:28.813000+00:00</t>
  </si>
  <si>
    <t>qt</t>
  </si>
  <si>
    <t>Why buffer overflow copying a string?</t>
  </si>
  <si>
    <t>&lt;p&gt;I'm learning C and I don't understand why I get a buffer overflow copying the string. &lt;/p&gt;
&lt;pre&gt;&lt;code&gt;pathValue = getenv("PATH");    
pathlength = strlen(pathValue);
pathValue2 = malloc(sizeof(pathValue));
strncpy(pathValue2, pathValue, pathlength);
&lt;/code&gt;&lt;/pre&gt;
&lt;p&gt;Can you tell me how it should be done?&lt;/p&gt;</t>
  </si>
  <si>
    <t>2015-05-19 16:26:55.357000+00:00</t>
  </si>
  <si>
    <t>2015-05-19 16:48:20.423000+00:00</t>
  </si>
  <si>
    <t>c|string</t>
  </si>
  <si>
    <t>InterfaceError: Unable to acquire Oracle environment handle; ORACLE_HOME is correct and SQL*Plus will connect</t>
  </si>
  <si>
    <t>&lt;p&gt;I'm getting the standard "DLL load failed; module not found" error when trying to import cx_Oracle.  I have the proper instant client installed, the paths are all correct... running Dependency Walker tells me I'm missing the following .dll's
MSVCR90, GPSVC, IESHIMS.&lt;/p&gt;
&lt;p&gt;I'm running the instant client for Oracle 11g and Python 2.7.  Anyone have any ideas?  Most of the answers I have found entail an incorrect path, but that doesn't seem to be the case... additionally, I can't find any of those .dll's anywhere else on my system.  &lt;/p&gt;
&lt;p&gt;EDIT:
I ended up installing Oracle XE 11g (32 bit); both Python 2.7 and the cx_Oracle are also 32 bit (I should also add that I'm on Windows).  cx_Oracle now installs cleanly; however upon connection I receive an error:&lt;/p&gt;
&lt;pre&gt;&lt;code&gt;InterfaceError: Unable to acquire Oracle environment handle
&lt;/code&gt;&lt;/pre&gt;
&lt;p&gt;The ORACLE_HOME path is correct, as is the bin in the PATH folder... &lt;/p&gt;</t>
  </si>
  <si>
    <t>2012-11-27 17:26:10.073000+00:00</t>
  </si>
  <si>
    <t>2017-07-12 14:23:26.017000+00:00</t>
  </si>
  <si>
    <t>2012-11-27 21:45:54.527000+00:00</t>
  </si>
  <si>
    <t>python|oracle|cx-oracle</t>
  </si>
  <si>
    <t>Flask login "remember_me" does not work with Flask-WTF CSRF</t>
  </si>
  <si>
    <t>&lt;p&gt;I've been scratching my head for the last couple days, trying to figure out an appropriate fix for this issue.&lt;/p&gt;
&lt;p&gt;I'm using Flask-Login with Flask-WTF. Upon logging in, I am able to submit all POST requests to CSRF protected forms through Flask-WTF, and everything works as expected.&lt;/p&gt;
&lt;p&gt;However, if "Remember_Me" has been set (thus placing a remember me cookie on the client side) and a close and restart my browser, on visiting the form two things happen:&lt;/p&gt;
&lt;p&gt;1 - Flask Login captures from the remember me cookie, correctly logging
    in and authenticating.&lt;/p&gt;
&lt;p&gt;2 -  Attempmting to POST any data, either Ajax or
    through a form, Flask-WTF fails CSRF validation, due to line 86 in
    Flask-WTF/csrf.py&lt;/p&gt;
&lt;pre&gt;&lt;code&gt;if field_name not in session:
  raise ValidationError('The CSRF session token is missing.')
&lt;/code&gt;&lt;/pre&gt;
&lt;p&gt;This is I'm guessing expected behaviour, as the session token doesn't theoretically exist for a remembered session, as Flask-Login pulls the user ID out of the remember_me cookie. &lt;/p&gt;
&lt;p&gt;Anyone come across this issue at all? I have no idea how to go about sorting this - I don't want to disable CSRF protection, nor allowing remember_me tokens.&lt;/p&gt;
&lt;p&gt;Is there some way I can refresh the session token on successful retrieval from the cookie?&lt;/p&gt;</t>
  </si>
  <si>
    <t>2017-08-25 07:26:12.383000+00:00</t>
  </si>
  <si>
    <t>flask|flask-wtforms|flask-login</t>
  </si>
  <si>
    <t>Unselect the selected rows in DataGrid</t>
  </si>
  <si>
    <t>&lt;p&gt;I am maintaining a legacy VB window application. I have datagrid (not datagridview), I select a row by right click, but when i right click on some other rows, that row also shows selected, I just need only one row to be selected, not both. I use DataGrid1.Select(currentSelectedRow), which will select the row. there is second method unselect, but that required row number. When I move the mouse, row number changes. Is there any reset or any other way to reset the datagrid row selection. Thanks in advance&lt;/p&gt;</t>
  </si>
  <si>
    <t>2012-05-29 22:33:06.267000+00:00</t>
  </si>
  <si>
    <t>2012-06-04 21:33:03.800000+00:00</t>
  </si>
  <si>
    <t>2012-05-29 23:28:39.883000+00:00</t>
  </si>
  <si>
    <t>vb6</t>
  </si>
  <si>
    <t>Free (deleting) allocated memory from the function readdir</t>
  </si>
  <si>
    <t>&lt;p&gt;I am using the C programming language in the Linux environment to read the files in a directory. I have include &lt;code&gt;#include&amp;lt;dirent.h&amp;gt;&lt;/code&gt; in my code and am using the function &lt;code&gt;readdir()&lt;/code&gt;.&lt;/p&gt;
&lt;p&gt;According to the Linux page online it says not to call &lt;code&gt;free()&lt;/code&gt; on the resulting pointer to a &lt;code&gt;dirent&lt;/code&gt; structure because it may be allocated on the stack.&lt;/p&gt;
&lt;p&gt;Can you help me understand how that works? I don't understand why we would not have to delete the &lt;code&gt;struct dirent&lt;/code&gt;. When is it deleted and who deletes it?&lt;/p&gt;
&lt;p&gt;&lt;a href="http://linux.die.net/man/3/readdir" rel="noreferrer"&gt;Here&lt;/a&gt; is the excerpt I am talking about:&lt;/p&gt;
&lt;blockquote&gt;
  &lt;p&gt;On success, &lt;code&gt;readdir()&lt;/code&gt; returns a pointer to a &lt;code&gt;dirent&lt;/code&gt; structure. (This structure may be statically allocated; do not attempt to &lt;code&gt;free(3)&lt;/code&gt; it.) If the end of the directory stream is reached, &lt;code&gt;NULL&lt;/code&gt; is returned and &lt;code&gt;errno&lt;/code&gt; is not changed. If an error occurs, &lt;code&gt;NULL&lt;/code&gt; is returned and &lt;code&gt;errno&lt;/code&gt; is set appropriately. &lt;/p&gt;
&lt;/blockquote&gt;</t>
  </si>
  <si>
    <t>2015-12-31 19:18:24.130000+00:00</t>
  </si>
  <si>
    <t>2015-12-31 22:51:31.807000+00:00</t>
  </si>
  <si>
    <t>2015-12-31 19:43:08.950000+00:00</t>
  </si>
  <si>
    <t>c|linux|stack|malloc|free</t>
  </si>
  <si>
    <t>Can we create gridview as custom server control</t>
  </si>
  <si>
    <t>&lt;p&gt;I am trying to create simple grid view custom server control but it do not render.&lt;/p&gt;
&lt;p&gt;namespace GridViewServerControl1 
{&lt;/p&gt;
&lt;pre&gt;&lt;code&gt;[ToolboxData("&amp;lt;{0}:GridViewServerControl1 runat=server&amp;gt;&amp;lt;/{0}:GridViewServerControl1&amp;gt;")]
public class GridViewServerControl1 : CompositeControl
{
    GridView grd;
    protected override void CreateChildControls()
    {
        grd = new GridView();
        grd.ID = "rgd";
        this.Controls.Add(grd);
    }
    public override void RenderControl(HtmlTextWriter writer)
    {
        grd.RenderControl(writer);
    }
}
&lt;/code&gt;&lt;/pre&gt;
&lt;p&gt;}&lt;/p&gt;</t>
  </si>
  <si>
    <t>2016-06-17 12:30:36.053000+00:00</t>
  </si>
  <si>
    <t>Disambiguating resources with same predicate in JSON-LD</t>
  </si>
  <si>
    <t>&lt;p&gt;I'm having trouble figuring out how to disambiguate resources that use the same predicate in advance. I'm an RDF novice, so please excuse my terminology: I'll try to explain what I mean with examples.&lt;/p&gt;
&lt;p&gt;I have an &lt;code&gt;Interview&lt;/code&gt; resource/model with a (simplified) context like this:&lt;/p&gt;
&lt;pre&gt;&lt;code&gt;{
  "id": {
    "@id": "http://purl.org/dc/terms/identifier"
  },
  "interviewers": {
    "@id": "http://purl.org/dc/terms/contributor",
    "@type": "@id",
    "@container": "@set"
  },
  "title": {
    "@id": "http://purl.org/dc/terms/title"
  },
  "interviewees": {
    "@id": "http://purl.org/dc/terms/contributor",
    "@type": "@id",
    "@container": "@set"
  }
}
&lt;/code&gt;&lt;/pre&gt;
&lt;p&gt;My &lt;code&gt;Interviewer&lt;/code&gt; and &lt;code&gt;Interviewee&lt;/code&gt; resources have contexts like this:&lt;/p&gt;
&lt;pre&gt;&lt;code&gt;{
  "id": {
    "@id": "http://purl.org/dc/terms/identifier"
  },
  "name": {
    "@id": "info:repository/ive/name"
  }
}
&lt;/code&gt;&lt;/pre&gt;
&lt;p&gt;I then create a resource that looks like this:&lt;/p&gt;
&lt;pre&gt;&lt;code&gt;{
  "id": "06bad25f-83c1-4ee5-b055-0cb87d4c06be",
  "interviewers": [
    {
      "id": "b0c262ce-7eb3-47f2-b212-a0e71cca0c92",
      "name": "Somebody",
      "@context": {
        ...
      },
      "@id": "urn:uuid:b0c262ce-7eb3-47f2-b212-a0e71cca0c92",
      "@type": [
        "http://id.loc.gov/vocabulary/relators/ivr"
      ]
    }
  ],
  "title": "Interview with So and So",
  "interviewees": [
    {
      "id": "bd6bb9ec-f417-4f81-af69-e3d191e3f73b",
      "name": "A third person",
      "gender": "male",
      "@context": {
        ...
      },
      "@id": "urn:uuid:bd6bb9ec-f417-4f81-af69-e3d191e3f73b",
      "@type": [
        "http://id.loc.gov/vocabulary/relators/ive"
      ]
    }
  ],
  "@context": {
    ...
  },
  "@id": "urn:uuid:06bad25f-83c1-4ee5-b055-0cb87d4c06be",
  "@type": [
    "info:repository/interview"
  ]
}
&lt;/code&gt;&lt;/pre&gt;
&lt;p&gt;Everything is good, and I can store this "object" to my repository (I'm using RDF.rb libraries). However, problems arise when I then try to extract the object and "re-serialize" it. For example (excuse the Ruby code),&lt;/p&gt;
&lt;pre&gt;&lt;code&gt;query = repository.query(:subject =&amp;gt; RDF::URI(uri))
JSON.parse(query.dump(:jsonld, :context =&amp;gt; Interview.context))
&lt;/code&gt;&lt;/pre&gt;
&lt;p&gt;These lines extract relevant statements from the repository, and then mash them into a JSON-LD "resource" with the appropriate context. However, both interviewees and interviewers are moved into the &lt;code&gt;interviewees&lt;/code&gt; attribute.&lt;/p&gt;
&lt;p&gt;Of course, this makes perfect sense, since both &lt;code&gt;interviewers&lt;/code&gt; and &lt;code&gt;interviewees&lt;/code&gt; are related to the &lt;code&gt;interview&lt;/code&gt; resource with the &lt;code&gt;dc:contributor&lt;/code&gt; predicate (they are only distinguished by their individual  types).&lt;/p&gt;
&lt;p&gt;I need to make the &lt;code&gt;dump&lt;/code&gt; process aware of the related resource types, but I don't know of any way to add that information to the interview's context. &lt;/p&gt;
&lt;p&gt;I don't know if this is even possible according to the current JSON-LS specs. &lt;a href="https://github.com/json-ld/json-ld.org/issues/247" rel="nofollow noreferrer"&gt;This issue&lt;/a&gt; seems like it might be relevant, but I don't really know enough about RDF/JSON-LD to know for sure.&lt;/p&gt;
&lt;p&gt;I could use different predicates for &lt;code&gt;interviewers&lt;/code&gt; and &lt;code&gt;interviewees&lt;/code&gt;, but it doesn't seem like I should have to do so. Any suggestions?&lt;/p&gt;
&lt;p&gt;Note: I've also asked this question at &lt;a href="https://web.archive.org/web/20160628032901/http://answers.semanticweb.com:80/questions/26047/disambiguating-resources-with-same-predicate-in-json-ld" rel="nofollow noreferrer"&gt;answers.semanticweb.com&lt;/a&gt;.&lt;/p&gt;
&lt;p&gt;&lt;strong&gt;ADDITIONAL INFORMATION&lt;/strong&gt;&lt;/p&gt;
&lt;p&gt;I've modeled my &lt;code&gt;contributor&lt;/code&gt; relations in this way (where an &lt;code&gt;interviewer&lt;/code&gt; is a &lt;code&gt;contributor&lt;/code&gt; with a type &lt;code&gt;http://id.loc.gov/vocabulary/relators/ivr&lt;/code&gt;) based on one of the the recommended ways for qualifying DC properties. For example, one can express a MESH subject on a resource like:&lt;/p&gt;
&lt;pre&gt;&lt;code&gt;&amp;lt;rdf:Description&amp;gt;
  &amp;lt;dc:subject&amp;gt;
    &amp;lt;dcterms:MESH&amp;gt;
      &amp;lt;rdf:value&amp;gt;D08.586.682.075.400&amp;lt;/rdf:value&amp;gt;
      &amp;lt;rdfs:label&amp;gt;Formate Dehydrogenase&amp;lt;/rdfs:label&amp;gt;
    &amp;lt;/dcterms:MESH&amp;gt;
  &amp;lt;/dc:subject&amp;gt;
&amp;lt;/rdf:Description&amp;gt;
&lt;/code&gt;&lt;/pre&gt;
&lt;p&gt;Suppose I had:&lt;/p&gt;
&lt;pre&gt;&lt;code&gt;&amp;lt;rdf:Description&amp;gt;
  &amp;lt;dc:subject&amp;gt;
    &amp;lt;dcterms:MESH&amp;gt;
      &amp;lt;rdf:value&amp;gt;D08.586.682.075.400&amp;lt;/rdf:value&amp;gt;
      &amp;lt;rdfs:label&amp;gt;Formate Dehydrogenase&amp;lt;/rdfs:label&amp;gt;
    &amp;lt;/dcterms:MESH&amp;gt;
  &amp;lt;/dc:subject&amp;gt;
  &amp;lt;dc:subject&amp;gt;
    &amp;lt;dcterms:LCSH&amp;gt;
      &amp;lt;rdf:value&amp;gt;Formate Dehydrogenase&amp;lt;/rdf:value&amp;gt;
    &amp;lt;/dcterms:LCSH&amp;gt;
  &amp;lt;/dc:subject&amp;gt;
&amp;lt;/rdf:Description&amp;gt;
&lt;/code&gt;&lt;/pre&gt;
&lt;p&gt;I would like to be able to reference a &lt;code&gt;lcsh_subjects&lt;/code&gt; "property", where &lt;code&gt;lcsh_subjects&lt;/code&gt; represents those nodes that are related to the resource with &lt;code&gt;dc:subject&lt;/code&gt; AND that have type &lt;code&gt;dcterms:LCSH&lt;/code&gt;. However, I realize that I'm probably thinking about JSON-LD model the wrong way.&lt;/p&gt;</t>
  </si>
  <si>
    <t>2014-01-17 19:19:13.660000+00:00</t>
  </si>
  <si>
    <t>2017-10-28 13:01:36.080000+00:00</t>
  </si>
  <si>
    <t>ruby|rdf|json-ld</t>
  </si>
  <si>
    <t>How to recover an integer from an ActiveSupport::Duration object</t>
  </si>
  <si>
    <t>&lt;p&gt;How can I recover the integer corresponding to an ActiveSupport::Duration object?&lt;/p&gt;
&lt;p&gt;At the same time, is it possible to recover the type of time duration?&lt;/p&gt;
&lt;p&gt;exemple:&lt;/p&gt;
&lt;pre&gt;&lt;code&gt;foo = 2.day
bar = foo.duration_integer  # expected "2"
baz = foo.duration_type     # expected "day" or "days"
&lt;/code&gt;&lt;/pre&gt;</t>
  </si>
  <si>
    <t>2015-02-21 15:10:36.573000+00:00</t>
  </si>
  <si>
    <t>2015-08-26 17:44:34.237000+00:00</t>
  </si>
  <si>
    <t>ruby-on-rails-4|duration|activesupport</t>
  </si>
  <si>
    <t>Filter QTreeView to return nodes when matching with root OR child node</t>
  </si>
  <si>
    <t>&lt;p&gt;I have a QTreeVIew populated with data via a &lt;code&gt;QAbstractItemModel&lt;/code&gt;, i can filter the view using &lt;code&gt;QSortFilterProxyModel.setFilterRegExp&lt;/code&gt; but if my filter string doesnt match the root node, non of the matches among the child nodes are returned. In other words, the string I'm using to look for matches among the nodes, have to match the root nodes for anything to be returned.&lt;/p&gt;
&lt;p&gt;What i would like to do is to have all nodes with their respective parents and childnodes to return to the QTreeView when there is a match. The tree below shows what result i would like to have returned to the QTreeView when i search for &lt;code&gt;cat&lt;/code&gt;&lt;/p&gt;
&lt;pre&gt;&lt;code&gt;Animals
   cats
Cats
   kittens
   cat
       cats
       mice
       lice
Cars
   fantasy cars
       Catmobile
&lt;/code&gt;&lt;/pre&gt;
&lt;p&gt;When i search for cat now, all that is returned is&lt;/p&gt;
&lt;pre&gt;&lt;code&gt;Cats
   cats
       cats
&lt;/code&gt;&lt;/pre&gt;</t>
  </si>
  <si>
    <t>2017-05-11 19:59:15.407000+00:00</t>
  </si>
  <si>
    <t>2018-04-24 13:15:34.590000+00:00</t>
  </si>
  <si>
    <t>python-3.x|filtering|pyqt5|qtreeview</t>
  </si>
  <si>
    <t>iframe not loading the contents from ajax response</t>
  </si>
  <si>
    <t>&lt;p&gt;I have issue with an &lt;code&gt;iframe&lt;/code&gt; when loading the contents received as AJAX &lt;code&gt;GET&lt;/code&gt; response. Let me explain my issue in details:&lt;/p&gt;
&lt;p&gt;The Ajax request process well and get response data very fine, but when i load the contents in iframe inside fancybox i get Following issue in browser.&lt;/p&gt;
&lt;pre&gt;&lt;code&gt;The requested URL /new/&amp;lt;div id="wrapper"&amp;gt;&amp;lt;div id="header"&amp;gt;&amp;lt;div class="top_gradient"&amp;gt;&amp;lt;/div&amp;gt; &amp;lt;div class="topInfo-inner floatLeft"&amp;gt; &amp;lt;div class="topTitleSmall floatLeft" id="packetdeals"&amp;gt; &amp;lt;input type="button" name="snelzoeken" id="button" class="btn btn-success" value="Packet Deals" /&amp;gt; &amp;lt;/div&amp;gt; &amp;lt;div class="topTitleSmall" id="exchangeRates"&amp;gt;&amp;lt;div class="floatLeft"&amp;gt; &amp;lt;input type="button" name="snelzoeken" id="button" class="btn btn-success" value="Room Types" /&amp;gt; &amp;lt;/div&amp;gt; &amp;lt;/div&amp;gt; &amp;lt;div class="language"&amp;gt; &amp;lt;ul class="language-flags"&amp;gt; &amp;lt;li&amp;gt;&amp;lt;img hspace="3" border="0" title="Nederlands" alt="Nederland" src="img/flag_nl_small.png"&amp;gt;&amp;lt;/li&amp;gt; &amp;lt;li&amp;gt;&amp;lt;img hspace="3" border="0" title="Dutch" alt="Dutch" src="img/flag_du_small.png"&amp;gt;&amp;lt;/li&amp;gt; &amp;lt;li&amp;gt;&amp;lt;img hspace="3" border="0" title="English" alt="English" src="img/flag_en_small.png"&amp;gt;&amp;lt;/li&amp;gt; &amp;lt;li&amp;gt;&amp;lt;img hspace="3" border="0" title="French" alt="French" src="img/flag_fr_small.png"&amp;gt;&amp;lt;/li&amp;gt; &amp;lt;/ul&amp;gt; &amp;lt;/div&amp;gt; &amp;lt;/div&amp;gt; &amp;lt;div class="floatLeft" id="dateSelection"&amp;gt; &amp;lt;div class="search-wrapper"&amp;gt; &amp;lt;div class="search"&amp;gt; &amp;lt;ul&amp;gt; &amp;lt;li&amp;gt; &amp;lt;div&amp;gt; &amp;lt;a href=" was not found on this server.
&lt;/code&gt;&lt;/pre&gt;
&lt;p&gt;Following is the code I'm using for request and to get the response inside &lt;code&gt;iframe&lt;/code&gt; fancybox.&lt;/p&gt;
&lt;pre&gt;&lt;code&gt;$.fancybox.showLoading();
$.ajax({
  type: "POST",
  cache: false,
  async:false,
 url: url, // preview.php
  data: $('#'+frmname).serializeArray(), // all form fields
  success: function (data, textStatus, request) {
    // on success, post (preview) returned data in fancybox
    $.fancybox(data, {
      // fancybox API options
      fitToView: false,
     type:'iframe',
      autoSize: false,
      closeClick: false,
      openEffect: 'none',
      closeEffect: 'none'
    }); // fancybox
  } // success
});
&lt;/code&gt;&lt;/pre&gt;</t>
  </si>
  <si>
    <t>2014-02-05 07:08:55.127000+00:00</t>
  </si>
  <si>
    <t>2014-02-05 07:35:29.607000+00:00</t>
  </si>
  <si>
    <t>jquery|ajax|iframe|fancybox</t>
  </si>
  <si>
    <t>How to make a loadable dll to use tcl code functionality by any program</t>
  </si>
  <si>
    <t>&lt;p&gt;I have created a GUI using tcl. I want to make some of the core functionalities of the tcl code available to be used by any program which supports dll. For that i have taken a very simple tcl code example, which adds two integer numbers and i have written a c wrapper function to use this functionality. This is working  for me. Now how can i create a dll for these two c and tcl files, so that any program can use this addition functionality by simply loading the dll.&lt;/p&gt;
&lt;p&gt;Here is my simple tcl code : &lt;/p&gt;
&lt;pre&gt;&lt;code&gt;/* Filename : simple_addition.tcl */
#!/usr/bin/env tclsh8.5
proc add_two_nos { } {
set a 10
set b 20
set c [expr { $a + $b } ]
puts " c is $c ......."
}
&lt;/code&gt;&lt;/pre&gt;
&lt;p&gt;And here is my c wrapper function which uses the above tcl addition functionality :&lt;/p&gt;
&lt;pre&gt;&lt;code&gt;#include &amp;lt;tcl.h&amp;gt;
#include &amp;lt;tclDecls.h&amp;gt;
#include &amp;lt;tclPlatDecls.h&amp;gt;
#include &amp;lt;stdio.h&amp;gt;
#include &amp;lt;stdlib.h&amp;gt;
#include &amp;lt;string.h&amp;gt;
int main (int argc, char **argv) {
    Tcl_Interp *interp;
    int code;
    char *result;
    printf("inside main function \n");
    Tcl_FindExecutable(argv[0]);
    interp = Tcl_CreateInterp();
    code = Tcl_Eval(interp, "source simple_addition.tcl; add_two_nos");
    /* Retrieve the result... */
    result = Tcl_GetString(Tcl_GetObjResult(interp));
    /* Check for error! If an error, message is result. */
    if (code == TCL_ERROR) {
    fprintf(stderr, "ERROR in script: %s\n", result);
    exit(1);
    }
    /* Print (normal) result if non-empty; we'll skip handling encodings for now */
    if (strlen(result)) {
    printf("%s\n", result);
    }
    /* Clean up */
    Tcl_DeleteInterp(interp);
    exit(0);
}
&lt;/code&gt;&lt;/pre&gt;
&lt;p&gt;This c wrapper is working fine for me and gives correct results.&lt;/p&gt;
&lt;p&gt;Now I want to create a dll file, so that if i include that dll to any program that supports dll, it should be able to use this addition functionality of the above tcl code. Can anybody please tell me the way i can do it. Please help me. I am new to this dll concept.&lt;/p&gt;</t>
  </si>
  <si>
    <t>2012-12-18 09:03:27.787000+00:00</t>
  </si>
  <si>
    <t>2012-12-18 15:02:00.863000+00:00</t>
  </si>
  <si>
    <t>dll|tcl</t>
  </si>
  <si>
    <t>UITextView UIResponderStandardEditActions Text Formatting Toggle State</t>
  </si>
  <si>
    <t>&lt;p&gt;How do I determine the current state of the &lt;a href="https://developer.apple.com/documentation/uikit/uiresponderstandardeditactions" rel="nofollow noreferrer"&gt;UIResponderStandardEditActions&lt;/a&gt; for text formatting? For example, if I do the following:&lt;/p&gt;
&lt;pre&gt;&lt;code&gt;[textView toggleBoldface:nil];
&lt;/code&gt;&lt;/pre&gt;
&lt;p&gt;How do I query the textView to find out if the state of bold is now on or off? This is for just a cursor with no selection (i.e. range length is 0). As such, enumerateAttribute doesn't seem to work. &lt;/p&gt;
&lt;p&gt;Thank you.&lt;/p&gt;</t>
  </si>
  <si>
    <t>2012-10-23 17:19:37.910000+00:00</t>
  </si>
  <si>
    <t>2017-09-30 00:59:50.510000+00:00</t>
  </si>
  <si>
    <t>ios|ios6|uitextview|toggle|uiresponder</t>
  </si>
  <si>
    <t>Render part of a webusercontrol in different location on content page</t>
  </si>
  <si>
    <t>&lt;p&gt;Given this webusercontrol:&lt;/p&gt;
&lt;pre&gt;&lt;code&gt;&amp;lt;%@ Control Language="C#" AutoEventWireup="true" CodeFile="Comments.ascx.cs" Inherits="Controls_Fresh_Comments" %&amp;gt;
Hello World!
&amp;lt;asp:PlaceHolder runat="server" ID="Javascript"&amp;gt;
    &amp;lt;script&amp;gt;
        alert("Hello!");
    &amp;lt;/script&amp;gt;
&amp;lt;/asp:PlaceHolder&amp;gt;
&lt;/code&gt;&lt;/pre&gt;
&lt;p&gt;And this on my master page:&lt;/p&gt;
&lt;pre&gt;&lt;code&gt;&amp;lt;asp:ContentPlaceHolder runat="server" ID="JSContent"/&amp;gt;
&lt;/code&gt;&lt;/pre&gt;
&lt;p&gt;How can I make the &lt;code&gt;Javascript&lt;/code&gt; content in the webusercontrol render into the &lt;code&gt;JSContent&lt;/code&gt; content placeholder?&lt;/p&gt;
&lt;p&gt;For good practise and performance, I wish to have control over where the Javascript is rendered on the page.  I'm looking for a solution which doesn't require me to modify anything outside of the webusercontrol.&lt;/p&gt;
&lt;p&gt;Is this possible?&lt;/p&gt;</t>
  </si>
  <si>
    <t>2012-09-07 16:27:50.483000+00:00</t>
  </si>
  <si>
    <t>2012-09-10 12:53:46.860000+00:00</t>
  </si>
  <si>
    <t>asp.net|webforms|webusercontrol</t>
  </si>
  <si>
    <t>Call the element in a list</t>
  </si>
  <si>
    <t>&lt;pre&gt;&lt;code&gt;&amp;gt;str(testdata[1])
 List of 1
 $ :'data.frame':   10640 obs. of  13 variables:
   ..$ logprice      : num [1:10640] 12.3 12.1 13.1 14 12.5 ...
   ..$ bedrooms      : int [1:10640] 3 2 3 4 3 3 3 4 3 4 ...
&lt;/code&gt;&lt;/pre&gt;
&lt;p&gt;I skipped the rest of 11 variables. My question is, how to call out the "logprice" in this data set,
&lt;code&gt;testdata[1]$logprice&lt;/code&gt; doesn't work&lt;/p&gt;</t>
  </si>
  <si>
    <t>2018-03-28 22:09:32.400000+00:00</t>
  </si>
  <si>
    <t>2018-03-28 22:20:44.090000+00:00</t>
  </si>
  <si>
    <t>main UI thread is hanging when i am using Background Worker to fill the datagrid</t>
  </si>
  <si>
    <t>&lt;p&gt;I am developing a UI for network analyzer. I am using WPF. In my UI, i need to to update the incoming packets into a datagrid. so here i am using a background worker class. Now the filling of Datagrid is being done by background worker( i am filling datagrid in process_changed event handler). Now i need to generate a click event once i clicked on row of datagrid and it prompts to another tab to give description... now the issue is, 
1) when i use sleep(50) the the click event is working fine.
2) if change the sleep value to 10, the click event in datagrid is working upto 17000 rows, later whole UI is not working, but the filling of datagrid is working&lt;/p&gt;
&lt;pre&gt;&lt;code&gt; public DatagridUsercontrol()
    {
        InitializeComponent();
    }
    public DatagridUsercontrol(MainWindow _parent)
    {
        InitializeComponent();
        mainParent = _parent;
        worker.WorkerReportsProgress = true;
        worker.DoWork += worker_DoWork;
        worker.ProgressChanged += worker_ProgressChanged;
        worker.WorkerSupportsCancellation = true;
        worker.RunWorkerCompleted += worker_RunWorkerCompleted;
    }
    private void Start_click(object sender, RoutedEventArgs e)
    {
        datagrid1.Items.Clear();
        packdata packda = new packdata();
        packda.allocatememory(mainParent.counttab_display-2/*mainParent.i-1*/);
        worker.RunWorkerAsync();
        StartCapture.IsEnabled = false;
        StopCapture.IsEnabled = true;
    }
    private void Stop_click(object sender, RoutedEventArgs e)
    {
        worker.CancelAsync();
        StopCapture.IsEnabled = false;
        //StartCapture.IsEnabled = true;
    }
    private void Capopt_Click(object sender, RoutedEventArgs e)
    {
        mainParent.CaptureOptions_Click(sender, e);
    }
        //[DllImport("CapturePackets.dll")]
       //  static extern packetinformation getheader( out byte[] data,  int size);
    void worker_DoWork(object sender, DoWorkEventArgs e)
    {
       // int max = (int)e.Argument;
        int result = 0;
        Byte[] a2 = null; int j=0;
        for(int i = 0; ; i++)
        {
            packetinformation packetinfo = new packetinformation();
            packdata pack= new packdata();
            //arrayofdata a2 = new arrayofdata();
           // Byte[] a2 = { 0xC4, 0x00, 0x78, 0x00, 0xA8, 0x54, 0xB2, 0xA7, 0x61, 0x11, 0x00, 0x00, 0x00, 0x00 };
            /* Data to pass*/
            if (i % 2 == 0)
            {
               switch(j)
               {
                   case 0:
                    {
                        a2 = new Byte[] { 0xC4, 0x00, 0x78, 0x00, 0xA8, 0x54, 0xB2, 0xA7, 0x61, 0x11, 0x00, 0x00, 0x00, 0x00 }; //CTS
                        j++;
                        break;
                    }
                   case 1:
                    {
                        a2 = new Byte[] { 0xC0, 0x00, 0x3A, 0x11, 0x00, 0x11, 0x22, 0x33, 0x44, 0x55, 0xFF, 0xFF, 0xFF, 0xFF, 0xFF, 0xFF, 0x00, 0x11, 0x22, 0x33, 0x44, 0x55, 0x20, 0xEF, 0x06, 0x00, 0x00, 0x00, 0x00, 0x00 };//Deauthentication
                        j++;
                        break;
                    }
                   case 2:
                    {
                        a2 = new Byte[] {0x88,0x01,0x2C,0x00,0x00,0x21,0x1B,0x64,0xF1,0xBF,0x00,0x03,0x7F,0x40,0x83,0x99,0xFF,0xFF,0xFF,0xFF,0xFF,0xFF,0x10,0x00,0x00,0x00,0xAA,0xAA,0x03,0x00,0x00,0x00,0x08,0x06,0x00,0x01,0x08,0x00,0x06,0x04,
                          0x00,0x01,0x00,0x03,0x7F,0x40,0x83,0x99,0xC0,0xA8,0x05,0x66,0x00,0x00,0x00,0x00,0x00,0x00,0xC0,0xA8,0x05,0x0F,0x00,0x00,0x00,0x00};// ARP
                        j++;
                        break;
                    }
                   case 3:
                    {
                        a2 = new Byte[] {0x00,0x00,0x00,0x00,0xFF,0xFF,0xFF,0xFF,0xFF,0xFF,0x00,0x11,0x22,0x33,0x44,0x55,0x00,0x11,0x22,0x33,0x44,0x55,0x00,0x00,0x80,0x61,0x59,0x14,0x00,0x00,0x00,0x00,0x64,0x00,0x31,0x04,0x00,0x0B,0x4E,0x45,
                         0x54,0x47,0x45,0x41,0x52,0x5F,0x31,0x32,0x33,0x01,0x08,0x82,0x84,0x8B,0x96,0x0C,0x12,0x18,0x24,0x03,0x01,0x03,0x05,0x04,0x02,0x03,0x00,0x00,0x07,0x06,0x55,0x53,0x49,0x01,0x0B,0x1B,0x2A,0x01,0x00,0x32,
                         0x04,0x30,0x48,0x60,0x6C,0xDD,0x18,0x00,0x50,0xF2,0x02,0x01,0x01,0x0E,0x00,0x03,0xA4,0x00,0x00,0x27,0xA4,0x00,0x00,0x42,0x43,0x5E,0x00,0x62,0x32,0x2F,0x00,0x30,0x14,0x01,0x00,0x00,0x0F,0xAC,0x04,0x01,
                         0x00,0x00,0x0F,0xAC,0x04,0x01,0x00,0x00,0x0F,0xAC,0x01,0x01,0x00,0xDD,0x09,0x00,0x03,0x7F,0x01,0x01,0x00,0x00,0xFF,0x7F,0xDD,0x0A,0x00,0x03,0x7F,0x04,0x01,0x00,0x00,0x00,0x00,0x00,0x00,0x00,0x00,0x00};
                        j = 0;
                        break;
                    }
                }
             }
            else
            {
                a2 = new Byte[] {0x88,0x01,0x2C,0x00,0x00,0x21,0x1B,0x64,0xF1,0xBF,0x00,0x03,0x7F,0x40,0x83,0x99,0xFF,0xFF,0xFF,0xFF,0xFF,0xFF,0x10,0x00,0x00,0x00,0xAA,0xAA,0x03,0x00,0x00,0x00,0x08,0x06,0x00,0x01,0x08,0x00,0x06,0x04,
                0x00,0x01,0x00,0x03,0x7F,0x40,0x83,0x99,0xC0,0xA8,0x05,0x66,0x00,0x00,0x00,0x00,0x00,0x00,0xC0,0xA8,0x05,0x0F,0x00,0x00,0x00,0x00}; 
            }
            packetinfo=pack.getheader(a2,mainParent.counttab_display-2);
            result++;
            //int progressPercentage = Convert.ToInt32(((double)i / max) * 100);
            (sender as BackgroundWorker).ReportProgress(i,packetinfo);
            System.Threading.Thread.Sleep(50);
            /* with out the following code it wont cancel an background worker thread*/
            if (worker.CancellationPending)
            {
                e.Cancel = true;
                return;
            }
        }
       // e.Result = result;
    }
   // packetinformation packinfo1 = new packetinformation();
    void worker_ProgressChanged(object sender, ProgressChangedEventArgs e)
    {
        //System.Threading.Thread.Sleep(2000);
        int i = e.ProgressPercentage;
        packetinformation packinfo1 = new packetinformation();
        packinfo1 = (packetinformation)e.UserState;
        Packet_add_Datagrid(packinfo1,i);
    }
&lt;/code&gt;&lt;/pre&gt;
&lt;p&gt;i am not understanding where is issue is happening. can anyone suggest me?&lt;/p&gt;
&lt;p&gt;Here I am pasting a partial code of packet_add_Datagrid()...&lt;/p&gt;
&lt;pre&gt;&lt;code&gt; public void Packet_add_Datagrid(packetinformation packinfo1,int i)
    {
       // datagrid1.Items.Add(new test() { sno = 1, name = "ssss" });
      Byte Type = Convert.ToByte(packinfo1.version &amp;amp; 0x0C);
        string packetType;
        Byte SubType = Convert.ToByte(packinfo1.version &amp;amp; 0xF0);
        string packetSubType;
        packetType = "Null"; //here you need to assign a initial value otherwise it wont work
        packetSubType = "Null";
        {
      // here I did a parsing logics for all packets of WLAN
        }
      /* Here I used a code a to make a scrollbar to show the current entry of datagrid*/
            if (datagrid1.Items.Count &amp;gt; 0)
                {
                    var border = VisualTreeHelper.GetChild(datagrid1, 0) as Decorator;
                    if (border != null)
                    {
                        var scroll = border.Child as ScrollViewer;
                        if (scroll != null)
                        {
                            scroll.ScrollChanged += datagrid1_ScrollChanged;
                        }
                    }
                }
                }
&lt;/code&gt;&lt;/pre&gt;
&lt;p&gt;the code for the datagrid1_ScrollChanged event is below&lt;/p&gt;
&lt;pre&gt;&lt;code&gt; public Boolean AutoScroll=true;
    private void datagrid1_ScrollChanged(object sender, ScrollChangedEventArgs e)
    {
           var border = VisualTreeHelper.GetChild(datagrid1, 0) as Decorator;
           if (border != null)
           {
               var scroll = border.Child as ScrollViewer;
        // User scroll event : set or unset autoscroll mode
             if (e.ExtentHeightChange == 0)
                 {     // Content unchanged : user scroll event
            if (scroll.VerticalOffset == scroll.ScrollableHeight)
                     {   // Scroll bar is in bottom
                // Set autoscroll mode
                AutoScroll = true;
            }
                     else
            {   // Scroll bar isn't in bottom
                // Unset autoscroll mode
                AutoScroll = false;
            }
        }
        // Content scroll event : autoscroll eventually
        if (AutoScroll &amp;amp;&amp;amp; e.ExtentHeightChange != 0)
        {   // Content changed and autoscroll mode set
            // Autoscroll
            scroll.ScrollToVerticalOffset(scroll.ExtentHeight);
        }
      }
    }
&lt;/code&gt;&lt;/pre&gt;
&lt;p&gt;thank you,
sathish &lt;/p&gt;</t>
  </si>
  <si>
    <t>2015-03-12 04:44:40.743000+00:00</t>
  </si>
  <si>
    <t>2015-03-13 06:09:48.643000+00:00</t>
  </si>
  <si>
    <t>c#|wpf|multithreading|datagrid</t>
  </si>
  <si>
    <t>Internationalizing Title/Meta Tags ok or bad practice?</t>
  </si>
  <si>
    <t>&lt;p&gt;Is there a problem if I have both English and Chinese versions of the same title/meta tags under the same exact url? I detect the language the user has set for the browser (through the http header "accept-language" field) and change the titles/meta tags based on the language set. I get a large percentage of my traffic from China and felt this was a better-localized user experience for those users BUT I have no idea how Google would view this. My gut feeling tells me that this is not good for SEO. &lt;/p&gt;
&lt;p&gt;Baidu.com, a major Chinese search engine, does in fact pick up my translated tags however for other US based sites it does not translate their English title/meta tags into Chinese. I would think Chinese users are less likely to click on those.&lt;/p&gt;
&lt;p&gt;Creating sub domains and or separate domains for other countries is not an option at this point. That being said should I only have one language (English) for my title/meta tags to avoid any search engine issues?&lt;/p&gt;
&lt;p&gt;Thanks for any advice / wisdom you can offer. Really hoping to get clarity on best practices. &lt;/p&gt;
&lt;p&gt;Thanks all!&lt;/p&gt;</t>
  </si>
  <si>
    <t>2013-02-07 19:51:47.053000+00:00</t>
  </si>
  <si>
    <t>2013-07-23 20:26:26.450000+00:00</t>
  </si>
  <si>
    <t>2013-02-07 21:58:52.663000+00:00</t>
  </si>
  <si>
    <t>internationalization|seo</t>
  </si>
  <si>
    <t>Wrong character encoding from form 2-3% of the time</t>
  </si>
  <si>
    <t>&lt;p&gt;I have a form in PHP that submits data to MySQL.&lt;/p&gt;
&lt;p&gt;Looking at the data in the database, I can see that around 2-3% of the rows contain international characters that are encoded incorrectly, e.g. "Gu��r��n" displays as "Gu����r����n".&lt;/p&gt;
&lt;p&gt;But, another user might submit the same characters just a few minutes later, and in that case, the characters are encoded correctly&lt;/p&gt;
&lt;p&gt;So it seems the encoding is dependent on the computer that is used or some other factor that I am unaware of.&lt;/p&gt;
&lt;p&gt;In the head of the HTML, I have this:&lt;/p&gt;
&lt;pre&gt;&lt;code&gt;&amp;lt;meta charset="ISO-8859-1"&amp;gt;
&lt;/code&gt;&lt;/pre&gt;
&lt;p&gt;The form has this:&lt;/p&gt;
&lt;pre&gt;&lt;code&gt;&amp;lt;form autocomplete="on" method="post" action="index.php" id="form1" accept-charset="ISO-8859-1"&amp;gt;
&lt;/code&gt;&lt;/pre&gt;
&lt;p&gt;The MySQL columns are set to latin1_swedish_ci.&lt;/p&gt;
&lt;p&gt;Is there something else I should be doing to make this work for everybody?&lt;/p&gt;
&lt;p&gt;&lt;strong&gt;Edit: since it was marked as duplicate&lt;/strong&gt;
I can't find an answer to this question anywhere else. I've read through lots of info on character encoding, which led me to having the setup I currently have, but that doesn't explain why 2-3% of the data is behaving differently from the rest.&lt;/p&gt;</t>
  </si>
  <si>
    <t>2018-10-19 18:12:08.220000+00:00</t>
  </si>
  <si>
    <t>2018-10-21 04:28:01.313000+00:00</t>
  </si>
  <si>
    <t>2018-10-19 19:33:14.597000+00:00</t>
  </si>
  <si>
    <t>php|mysql|forms|character-encoding</t>
  </si>
  <si>
    <t>How to split array in php with 2 strings?</t>
  </si>
  <si>
    <t>&lt;p&gt;How to split array with &lt;code&gt;,&lt;/code&gt; in 2 parts so that that can be used as 2 strings in php?&lt;/p&gt;
&lt;p&gt;I am getting this kind of array you can view image with this list.
I want to split this array to post id and title in separate columns.&lt;/p&gt;
&lt;pre&gt;&lt;code&gt;&amp;lt;li  id="recordsArray_'.$value['id'].','.$value['title'].'"&amp;gt;&amp;lt;/li&amp;gt;
&lt;/code&gt;&lt;/pre&gt;
&lt;p&gt;&lt;a href="https://i.stack.imgur.com/QMBQN.png" rel="nofollow noreferrer"&gt;&lt;img src="https://i.stack.imgur.com/QMBQN.png" alt="enter image description here"&gt;&lt;/a&gt;&lt;/p&gt;</t>
  </si>
  <si>
    <t>2018-07-02 11:30:40.360000+00:00</t>
  </si>
  <si>
    <t>2018-07-02 12:00:36.877000+00:00</t>
  </si>
  <si>
    <t>2018-07-02 11:32:45.203000+00:00</t>
  </si>
  <si>
    <t>php|arrays</t>
  </si>
  <si>
    <t>Can someone explain this: 0.2 + 0.1 = 0.30000000000000004?</t>
  </si>
  <si>
    <t>&lt;blockquote&gt;
  &lt;p&gt;&lt;strong&gt;Possible Duplicate:&lt;/strong&gt;&lt;br&gt;
  &lt;a href="https://stackoverflow.com/questions/56947/how-is-floating-point-stored-when-does-it-matter"&gt;How is floating point stored? When does it matter?&lt;/a&gt;  &lt;/p&gt;
&lt;/blockquote&gt;
&lt;p&gt;Why does the following occur in the Python Interpreter?&lt;/p&gt;
&lt;pre&gt;&lt;code&gt;&amp;gt;&amp;gt;&amp;gt; 0.1+0.1+0.1-0.3
5.551115123125783e-17
&amp;gt;&amp;gt;&amp;gt; 0.1+0.1
0.2
&amp;gt;&amp;gt;&amp;gt; 0.2+0.1
0.30000000000000004
&amp;gt;&amp;gt;&amp;gt; 0.3-0.3
0.0
&amp;gt;&amp;gt;&amp;gt; 0.2+0.1
0.30000000000000004
&amp;gt;&amp;gt;&amp;gt; 
&lt;/code&gt;&lt;/pre&gt;
&lt;p&gt;Why doesn't &lt;code&gt;0.2 + 0.1 = 0.3&lt;/code&gt;?&lt;/p&gt;</t>
  </si>
  <si>
    <t>2011-09-25 10:44:07.407000+00:00</t>
  </si>
  <si>
    <t>2016-09-05 01:56:49.843000+00:00</t>
  </si>
  <si>
    <t>2017-05-23 10:29:08.987000+00:00</t>
  </si>
  <si>
    <t>python|python-3.x|math</t>
  </si>
  <si>
    <t>How to remove \n from a list element?</t>
  </si>
  <si>
    <t>&lt;p&gt;I'm trying to get Python to a read line from a .txt file and write the elements of the first line into a list. The elements in the file were tab- separated so I used &lt;code&gt;split("\t")&lt;/code&gt; to separate the elements. Because the .txt file has a lot of elements I saved the data found in each line into a separate list.&lt;/p&gt;
&lt;p&gt;The problem I currently have is that it's showing each list like this:&lt;/p&gt;
&lt;pre&gt;&lt;code&gt;['Name1', '7.3', '6.9', '6.6', '6.6', '6.1', '6.4', '7.3\n']
&lt;/code&gt;&lt;/pre&gt;
&lt;p&gt;How can I remove &lt;code&gt;\n&lt;/code&gt; from the last element of the list and make it just &lt;code&gt;'7.3'&lt;/code&gt;?&lt;/p&gt;</t>
  </si>
  <si>
    <t>2010-10-03 11:12:25.260000+00:00</t>
  </si>
  <si>
    <t>2017-12-29 18:50:40.893000+00:00</t>
  </si>
  <si>
    <t>2015-06-17 13:27:01.817000+00:00</t>
  </si>
  <si>
    <t>python|list|newline</t>
  </si>
  <si>
    <t>Get the actual NSData from ALAsset (Everytime I get bigger image size)</t>
  </si>
  <si>
    <t>&lt;p&gt;What I'm trying to do is getting NSData from ALAsset (Image), The size of the image on the disk is 75 KB but when I'm trying to get the NSData from that asset it returns NSData with very bigger size, My question is "How to return the 75KB data not the bigger size from the image"&lt;/p&gt;
&lt;p&gt;My code:&lt;/p&gt;
&lt;pre&gt;&lt;code&gt;ALAssetRepresentation* representation = [asset defaultRepresentation];
CGFloat scale  = 1;
UIImage* image = [UIImage imageWithCGImage:[representation fullResolutionImage]
                                             scale:scale orientation:orientation];
NSData *data = UIImagePNGRepresentation(image);
&lt;/code&gt;&lt;/pre&gt;</t>
  </si>
  <si>
    <t>2014-02-20 02:15:14.787000+00:00</t>
  </si>
  <si>
    <t>2015-12-22 19:25:06.590000+00:00</t>
  </si>
  <si>
    <t>ios|iphone|objective-c</t>
  </si>
  <si>
    <t>Flash Professional IDE Deletes All ActionScript. What Now?</t>
  </si>
  <si>
    <t>&lt;h2&gt;Question&lt;/h2&gt;
&lt;p&gt;When the Flash Professional IDE crashes, how do you view error information to decipher what went wrong with the application itself? (i.e., how do you view the errors that stem from bugs in Flash, itself, as opposed to code)?&lt;/p&gt;
&lt;hr&gt;
&lt;h2&gt;Background&lt;/h2&gt;
&lt;p&gt;Often, when the Flash Professional IDE has an internal bug/error during publishing, it provides no information about it. Instead, it just deletes all the actionscript from the file, resulting in a movie that just flickers because all frames are set to play. That's an insane way to deal with errors!!&lt;/p&gt;
&lt;p&gt;Typically what happens is it successfully creates a SWF file that contains only graphics and no code. At the same time, it always fails to create the SWC file, which is the only thing I need. Since the resulting SWF file contains no ActionScript of any kind, including class links, it's completely useless. &lt;/p&gt;
&lt;p&gt;I'm lost as to what to do about this.  I publish certain files and everything just flickers (because there are no &lt;code&gt;stop()&lt;/code&gt; calls anymore).&lt;/p&gt;
&lt;p&gt;At times, the error can be as simple as a typo in code.  Often, the error is some other obscure internal bug in Flash Professional.  Sometimes, I convert the same file to CS4 and everything works without modification! In other cases, I don't have that luxury.  In CS5, I see this behavior significantly more often than I did in CS4 and it's starting to drive me up the wall. &lt;/p&gt;
&lt;p&gt;Also, note the output and compiler error windows have no information. The only way I know something is wrong is 1) the SWC is missing 2) experience from having seen this kind awful error handling for years.&lt;/p&gt;
&lt;hr&gt;
&lt;h2&gt;Summary&lt;/h2&gt;
&lt;p&gt;At times, I can't publish from the IDE because of bugs in Flash Professional (i.e., not code). Often, when those errors occur, there is no information about it; the only symptom is a flickering movie (Because all actionscript is deleted).&lt;/p&gt;
&lt;blockquote&gt;
  &lt;p&gt;What can I do to get some kind of insight into why the IDE is "crashing?"&lt;/p&gt;
&lt;/blockquote&gt;
&lt;p&gt;I wouldn't mind the crashing so much if Adobe AT LEAST gave some error logs or &lt;strong&gt;&lt;em&gt;something&lt;/em&gt;&lt;/strong&gt; to work with so I can address the problems.  This is driving me crazy.&lt;/p&gt;
&lt;p&gt;Note: I run OS X 10.6.6, Flash CS5 v11.0.2.489 with the latest debug version of the flash player. However, this behavior occurs in all versions of Flash on all platforms.&lt;/p&gt;</t>
  </si>
  <si>
    <t>2011-03-16 19:51:49.230000+00:00</t>
  </si>
  <si>
    <t>2011-03-16 22:55:09.423000+00:00</t>
  </si>
  <si>
    <t>flash|actionscript|flash-cs5</t>
  </si>
  <si>
    <t>Pandas to_json turning index into string</t>
  </si>
  <si>
    <t>&lt;p&gt;The pandas &lt;code&gt;to_json&lt;/code&gt; function for some reason is converting the index of the dataframe into strings. Is there a way to avoid this?&lt;/p&gt;
&lt;pre&gt;&lt;code&gt;&amp;gt;&amp;gt;&amp;gt; import pandas as pd
&amp;gt;&amp;gt;&amp;gt; df = pd.DataFrame({"a" : [1,2,3], "b" : [2,3,4]})
&amp;gt;&amp;gt;&amp;gt; df.to_json(orient = "index")
'{"0":{"a":1,"b":2},"1":{"a":2,"b":3},"2":{"a":3,"b":4}}'
&amp;gt;&amp;gt;&amp;gt; import json
&amp;gt;&amp;gt;&amp;gt; json.loads(df.to_json(orient="index"))
{'2': {'a': 3, 'b': 4}, '1': {'a': 2, 'b': 3}, '0': {'a': 1, 'b': 2}}
&amp;gt;&amp;gt;&amp;gt; 
&lt;/code&gt;&lt;/pre&gt;</t>
  </si>
  <si>
    <t>2017-05-23 05:56:14.960000+00:00</t>
  </si>
  <si>
    <t>2017-05-23 06:22:23.650000+00:00</t>
  </si>
  <si>
    <t>MASM errors on Build in VS10</t>
  </si>
  <si>
    <t>&lt;p&gt;The attached code is a supplied source for a SaveGame cleaner.
The only thing that is not clear is the entry point, which has been set as main.
But the decompiler at [&lt;a href="http://www.onlinedisassembler.com/odaweb/]" rel="nofollow"&gt;http://www.onlinedisassembler.com/odaweb/]&lt;/a&gt; gave something like _start.
The first codeblock is&lt;/p&gt;
&lt;pre&gt;&lt;code&gt;; SaveTool V 1.13
_______________________________________________________________________________________
[true 1    false 0    NULL 0]
[FilterStrings: B$  'Save Files', 0, '*.ess', 0
                0,0,0]
*Error  6   error A2044: invalid character in file  SaveCleaner.asm 12  1*  SaveCleanerNextline
   [UserFileFilter: 0 #50] [ChoosenFile: 0 #64]
[OFN_FILEMUSTEXIST 01000  OFN_PATHMUSTEXIST 0800     OFN_LONGNAMES 0200000
 OFN_EXPLORER 080000      OFN_HIDEREADONLY 04]
[OFN_FLAGS        OFN_FILEMUSTEXIST+OFN_PATHMUSTEXIST+OFN_LONGNAMES+OFN_HIDEREADONLY+OFN_EXPLORER]
[OpenFileNameStructure:  len  hwndFileOwner: 0  OF_hInstance: 0  FilterStrings
                         0  0 1 FullChoosenFile 200 ChoosenFile
                         80  NULL  OpenFileTitle  OFN_FLAGS
                         nFileOffsetinChoosenFile: W$ 0  nFileExtensioninChoosenFile: 0
                         DefaultExtension: D$ NULL
                         HookCustomData:  NULL  HookProcPtr: NULL  HookTemplateName: 0 0   0 0 ]
[OpenFileTitle:        'Open .ess file' 0]
*Error  6   error A2044: invalid character in file  SaveCleaner.asm 12  1      SaveCleanerNextline*
[FullChoosenFile: 0 #64] [&amp;lt;16 algn: 0]
   __________________________________________________________________________________________
&lt;/code&gt;&lt;/pre&gt;
&lt;p&gt;The complete codeblock is too large for posting here so it can be downloaded (right click) at [&lt;a href="http://www.ozemail.com.au/~lmstearn/files/SaveTool-source.asm]" rel="nofollow"&gt;http://www.ozemail.com.au/~lmstearn/files/SaveTool-source.asm]&lt;/a&gt;
The config has been set correctly to compile the code but comes up with a mass of errors. &lt;/p&gt;
&lt;blockquote&gt;
  &lt;p&gt;SaveCleaner.asm(142): error A2008: syntax error : 
  SaveCleaner.asm(156): error A2044: invalid character in file
  SaveCleaner.asm(158): fatal error A1012: error count exceeds 100; stopping assembly
  C:\Program Files (x86)\MSBuild\Microsoft.Cpp\v4.0\BuildCustomizations\masm.targets(49,5): &gt;error MSB3721: The command "ml.exe /c /nologo /Zi /Fo"Debug\SaveCleaner.obj" /I &gt;"C:\masm32\lib" /I "C:\masm32\include" /I "C:\masm32\macros" /W3 /errorReport:prompt  &gt;/TaSaveCleaner.asm" exited with code 1.&lt;/p&gt;
&lt;/blockquote&gt;
&lt;p&gt;What is missed in the VS setup?&lt;/p&gt;</t>
  </si>
  <si>
    <t>2014-10-25 13:13:01.910000+00:00</t>
  </si>
  <si>
    <t>2014-10-28 08:50:43.793000+00:00</t>
  </si>
  <si>
    <t>2014-10-27 10:16:55.547000+00:00</t>
  </si>
  <si>
    <t>visual-studio-2010|assembly|syntax|compilation|masm</t>
  </si>
  <si>
    <t>Kendo Grid Data Not Binding</t>
  </si>
  <si>
    <t>&lt;p&gt;I'm trying to bind a Kendo Grid with data from SQL. The table appears but is not populated with any data. I cannot figure out what is wrong. I appreciate all help!&lt;/p&gt;
&lt;p&gt;This is my Controller:&lt;/p&gt;
&lt;pre&gt;&lt;code&gt;public ActionResult Test()
{
    return View();
}
[HttpGet]
public ActionResult Test_Read([DataSourceRequest] DataSourceRequest request)
{
    return Json(GetCountries().ToDataSourceResult(request), JsonRequestBehavior.AllowGet);
}
[NonAction]
private IQueryable&amp;lt;CountryViewModel&amp;gt; GetCountries()
{
    return from user in database.Countries
           select new CountryViewModel
           {
               Id = user.Id,
               Name = user.Name,
           };
}
&lt;/code&gt;&lt;/pre&gt;
&lt;p&gt;This is my ViewModel:&lt;/p&gt;
&lt;pre&gt;&lt;code&gt;public class CountryViewModel
{
    public int Id { get; set; }
    public string Name { get; set; }
}
&lt;/code&gt;&lt;/pre&gt;
&lt;p&gt;This is the model auto generated by Entity Model Data Wizard:&lt;/p&gt;
&lt;pre&gt;&lt;code&gt;public partial class Country
{
    public Country()
    {
        this.Cities = new HashSet&amp;lt;City&amp;gt;();
        this.Regions = new HashSet&amp;lt;Region&amp;gt;();
    }
    public int Id { get; set; }
    public string Name { get; set; }
    public System.DateTime CreatedDate { get; set; }
    public virtual ICollection&amp;lt;City&amp;gt; Cities { get; set; }
    public virtual ICollection&amp;lt;Region&amp;gt; Regions { get; set; }
}
&lt;/code&gt;&lt;/pre&gt;
&lt;p&gt;This is the View:&lt;/p&gt;
&lt;pre&gt;&lt;code&gt;@(Html.Kendo().Grid&amp;lt;Traveler.Models.CountryViewModel&amp;gt;()
      .Name("grid")
      .DataSource(dataSource =&amp;gt; dataSource
          .Ajax()
          .PageSize(20)
          .Model(model =&amp;gt; model.Id(p =&amp;gt; p.Id))
          .Read(read =&amp;gt; read.Action("Test_Read", "Home").Type(HttpVerbs.Get))
       )
      .Columns(columns =&amp;gt;
      {
          columns.Bound(user =&amp;gt; user.Id).Width(100);
          columns.Bound(user =&amp;gt; user.Name).Width(100);
      })
      .Pageable()
      .Sortable()
      .ColumnMenu()
      .Resizable(resize =&amp;gt; resize.Columns(true))
      .Scrollable()
      .HtmlAttributes(new { style = "height:100%;" })
      .Filterable()
      .Reorderable(reorder =&amp;gt; reorder.Columns(true))
      .ColumnMenu()
      .Pageable(p =&amp;gt; p.Enabled(true).Input(true).PageSizes(new[] { 10, 20, 50 }).Refresh(true))
)
&lt;/code&gt;&lt;/pre&gt;</t>
  </si>
  <si>
    <t>2015-08-23 21:17:22.597000+00:00</t>
  </si>
  <si>
    <t>2015-08-26 11:13:04.853000+00:00</t>
  </si>
  <si>
    <t>2015-08-24 21:26:02.493000+00:00</t>
  </si>
  <si>
    <t>asp.net-mvc|kendo-ui|kendo-grid|kendo-asp.net-mvc</t>
  </si>
  <si>
    <t>Matlab join elements of matrix</t>
  </si>
  <si>
    <t>&lt;p&gt;I have n x m matrix with binary data, something like this:&lt;/p&gt;
&lt;pre&gt;&lt;code&gt;A=   2     2     2     2
     3     3     3     3
     0     0     0     0
     0     0     0     0
     3     3     3     3
     2     2     2     2
     0     0     0     0
     1     1     1     1
&lt;/code&gt;&lt;/pre&gt;
&lt;p&gt;I want to join every &lt;em&gt;x&lt;/em&gt; element of every row in &lt;em&gt;A&lt;/em&gt;, to get matrix like:&lt;/p&gt;
&lt;pre&gt;&lt;code&gt;x=2
A= 22   22
   33   33
   00   00
   00   00
   33   33
   22   22
   00   00
   11   11
&lt;/code&gt;&lt;/pre&gt;
&lt;p&gt;Can you help with that?&lt;/p&gt;</t>
  </si>
  <si>
    <t>2018-10-12 12:53:25.457000+00:00</t>
  </si>
  <si>
    <t>2018-10-12 13:16:48.220000+00:00</t>
  </si>
  <si>
    <t>Why the image disappear when participating in the Facebook note builder you select the link to the image through Meta Code</t>
  </si>
  <si>
    <t>&lt;p&gt;when i share a link from my website on facebook , i don't find Image which i selected to desperate to other users &lt;img src="https://i.stack.imgur.com/TvvLs.png" alt="when share facebook link i dosnt see "&gt;&lt;/p&gt;
&lt;pre&gt;&lt;code&gt;&amp;lt;meta property="og:image:height" content="240"&amp;gt;
&amp;lt;meta property="og:image:width" content="440"&amp;gt;
&lt;/code&gt;&lt;/pre&gt;
&lt;p&gt;&lt;/p&gt;</t>
  </si>
  <si>
    <t>2015-03-28 17:27:54.557000+00:00</t>
  </si>
  <si>
    <t>2015-03-29 13:38:29.810000+00:00</t>
  </si>
  <si>
    <t>2015-03-28 17:51:55.940000+00:00</t>
  </si>
  <si>
    <t>php|facebook|share</t>
  </si>
  <si>
    <t>Delegated functions not working outside of UIViewController</t>
  </si>
  <si>
    <t>&lt;p&gt;I'm using the Startscream Websocket framework. Everything works fine as long as I keep all of the code in a &lt;code&gt;UIViewController&lt;/code&gt; as seen &lt;a href="https://github.com/daltoniam/Starscream/blob/master/examples/SimpleTest/SimpleTest/ViewController.swift" rel="nofollow noreferrer"&gt;here&lt;/a&gt;. But as soon as a create a wrapper class for Startscream all of the delegated functions stop working. Also my local websocket server is not getting a connection.&lt;/p&gt;
&lt;p&gt;How can I get the code working inside a wrapper class?&lt;/p&gt;
&lt;p&gt;&lt;em&gt;MyService.swift:&lt;/em&gt;&lt;/p&gt;
&lt;pre&gt;&lt;code&gt;import Starscream
public class MyService: WebSocketDelegate {
    var socket = WebSocket(url: URL(string: "ws://localhost:3900/websocket")!)
    func connect() {
        socket.delegate = self
        socket.connect()
        print("Connecting")
    }
    // MARK: Websocket Delegate Methods.
    public func websocketDidConnect(socket: WebSocket) {
        print("websocket is connected")
    }
    public func websocketDidDisconnect(socket: WebSocket, error: NSError?) {
        if let e = error {
            print("websocket is disconnected: \(e.localizedDescription)")
        } else {
            print("websocket disconnected")
        }
    }
    public func websocketDidReceiveMessage(socket: WebSocket, text: String) {
        print("Received text: \(text)")
    }
    public func websocketDidReceiveData(socket: WebSocket, data: Data) {
        print("Received data: \(data.count)")
    }
    // MARK: Write Text Action
    @IBAction func writeText(_ sender: UIBarButtonItem) {
        socket.write(string: "hello there!")
    }
    // MARK: Disconnect Action
    @IBAction func disconnect(_ sender: UIBarButtonItem) {
        if socket.isConnected {
            sender.title = "Connect"
            socket.disconnect()
        } else {
            sender.title = "Disconnect"
            socket.connect()
        }
    }
}
&lt;/code&gt;&lt;/pre&gt;
&lt;p&gt;&lt;em&gt;ViewController.swift:&lt;/em&gt;&lt;/p&gt;
&lt;pre&gt;&lt;code&gt;import UIKit
class ViewController: UIViewController {
    override func viewDidLoad() {
        super.viewDidLoad()
        let service = MyService()
        service.connect()
    }
}
&lt;/code&gt;&lt;/pre&gt;</t>
  </si>
  <si>
    <t>2017-08-13 12:46:34.713000+00:00</t>
  </si>
  <si>
    <t>2017-08-13 13:48:25.890000+00:00</t>
  </si>
  <si>
    <t>Generating hfc-key-store cryptomaterial without Fabric-CA</t>
  </si>
  <si>
    <t>&lt;p&gt;.hfc-key-store wallet used by HFC SDK uses user certificates generated by Fabric-CA to connect to Fabric platform.&lt;/p&gt;
&lt;p&gt;Is there a way to generate these certificates without Fabric-CA?&lt;/p&gt;
&lt;p&gt;I assume it would involve re-purposing of Org user certificates generated by cryptogen. However, I would appreciate if someone can point me to a documentation that tells how to do it.&lt;/p&gt;</t>
  </si>
  <si>
    <t>2017-11-12 09:48:30.473000+00:00</t>
  </si>
  <si>
    <t>Dynamic model filter in Laravel's Eloquent</t>
  </si>
  <si>
    <t>&lt;p&gt;I'm looking for a way to make a dynamic &amp;amp; global model filter in Laravel.
I'm imagining a function like the following in my User.php model:&lt;/p&gt;
&lt;pre&gt;&lt;code&gt;public function filter() {
    return ($someVariable === true);
}
&lt;/code&gt;&lt;/pre&gt;
&lt;p&gt;Whenever I do a query using Eloquent's query builder, I only want users to show up in the collection when the filter above returns true. I would have thought a feature like that existed, but a quick look at the documentation suggests otherwise. Or did I miss it?&lt;/p&gt;</t>
  </si>
  <si>
    <t>2018-01-20 23:53:21.987000+00:00</t>
  </si>
  <si>
    <t>2018-01-22 21:22:19.347000+00:00</t>
  </si>
  <si>
    <t>php|mysql|laravel|eloquent</t>
  </si>
  <si>
    <t>Custom listview row focus issue android</t>
  </si>
  <si>
    <t>&lt;p&gt;I have trying to solve this problem from last few days but no success. I have gone through lot of solution that are already available but non is working for me. I have customer list view and custom row. I am using simple cursor adaptor to populate the list view. In my custom row I have three images view and one text view. one of the view is click able that open the popup window and row navigate to next fragment. My problem is that click able image does not respond until I select the whole row. When I select row it become click able. &lt;/p&gt;
&lt;p&gt;row   &lt;/p&gt;
&lt;pre&gt;&lt;code&gt;     &amp;lt;ImageView
         android:id="@+id/iv_LvRow_speedmap_PIcon"
         android:layout_width="0dip"
         android:layout_height="50dip"
         android:layout_weight="0.20"
         android:contentDescription="@string/todo"
         android:paddingLeft="10dip"
         android:src="@drawable/arrow4" /&amp;gt;
     &amp;lt;TextView
         android:id="@+id/tv_LVRow_SpeedMap_PDesc"
         android:layout_width="0dip"
         android:layout_height="50dip"
         android:layout_weight="0.60"
         android:ellipsize="none"
         android:gravity="center_vertical|center_horizontal"
         android:scrollHorizontally="true"
         android:singleLine="true"
         android:text="@string/textview"
         android:textColor="@color/black"
         android:textSize="14sp" /&amp;gt;
      &amp;lt;ImageView
          android:id="@+id/ib_LvRow_SpeedMap_InfoIcon"
          android:layout_width="0dip"
          android:layout_height="50dip"
          android:layout_weight="0.10"
          android:clickable="true"
          android:contentDescription="@string/todo"
          android:duplicateParentState="false"
          android:focusable="false"
          android:focusableInTouchMode="false"
          android:src="@drawable/info_icon" /&amp;gt;
     &amp;lt;ImageView
         android:id="@+id/imgView_ArrowImg_speedMap"
         android:layout_width="0dip"
         android:layout_height="50dip"
         android:layout_weight="0.10"
         android:contentDescription="@string/todo"
         android:src="@drawable/arrow4" /&amp;gt;
&amp;lt;/LinearLayout&amp;gt;
ListView lv = getListView();
    //  lv.setItemsCanFocus(true);
    //  lv.setClickable(true);
    //  lv.setFocusable(true);
        lv.setOnItemClickListener(new OnItemClickListener() {
            @Override
            public void onItemClick(AdapterView&amp;lt;?&amp;gt; arg0, View v, int arg2,
                    long arg3) {
                final String where = "id = " + Long.toString(arg3);
                ImageView iv = (ImageView) v
                        .findViewById(R.id.ib_LvRow_SpeedMap_InfoIcon);
                // iv.setClickable(true);
                // iv.setFocusable(true);
                iv.setOnClickListener(new OnClickListener() {
                    @Override
                    public void onClick(View v) {
                        System.out.println("id2");
                        String[] projection = { "name", "description" };
                        String selection = where;
                        Cursor cursor = null;
                        cursor = getActivity().getContentResolver().query(
                                DatabaseContentProvider.CONTENT_URI_CONCERNS,
                                projection, selection, null, null);
                        cursor.moveToFirst();
                        if (cursor.getCount() &amp;gt; 0) {
                            String name = cursor.getString(cursor
                                    .getColumnIndex("name"));
                            System.out.println("name" + name);
                            String description = cursor.getString(cursor
                                    .getColumnIndex("description"));
                            System.out.println("description" + description);
                            info(name, description, v);
                        }
                    }
                });
            }
        });
&lt;/code&gt;&lt;/pre&gt;</t>
  </si>
  <si>
    <t>2012-10-12 11:32:36.200000+00:00</t>
  </si>
  <si>
    <t>2012-10-14 01:37:30.783000+00:00</t>
  </si>
  <si>
    <t>How can I convert a PNG file to PDF using java?</t>
  </si>
  <si>
    <t>&lt;p&gt;Are there any open source libraries that I can use?&lt;/p&gt;</t>
  </si>
  <si>
    <t>2011-12-02 19:59:39.840000+00:00</t>
  </si>
  <si>
    <t>2017-05-17 15:54:10.150000+00:00</t>
  </si>
  <si>
    <t>java|pdf|png</t>
  </si>
  <si>
    <t>How could the existence of pseudo debug strings cause a difference in functionality?</t>
  </si>
  <si>
    <t>&lt;p&gt;If I have these sprinkled throughout my code:&lt;/p&gt;
&lt;pre&gt;&lt;code&gt;MessageBox.Show("See a format exception yet? #1");//todo: remove
&lt;/code&gt;&lt;/pre&gt;
&lt;p&gt;(there are 7 of these, numbered from 1..7, most of which display (1,2,5,6,7))&lt;/p&gt;
&lt;p&gt;I end up with one err msg ("&lt;em&gt;Exception: Cannot find table 0 Location: frmFunction.SetPlatypus&lt;/em&gt;")&lt;/p&gt;
&lt;p&gt;If I comment out all of those, I end up with a different err msg ("&lt;em&gt;Exception: FormatException Location frmFunction.getDuckbillRecord&lt;/em&gt;")&lt;/p&gt;
&lt;p&gt;How could this be? Shouldn't the existence/display of such an information msg have no effect on the way the code executes/the path it takes, etc.?&lt;/p&gt;
&lt;p&gt;Note: getDuckbillRecord() is where all of the MessageBoxes are.&lt;/p&gt;
&lt;h2&gt;UPDATE&lt;/h2&gt;
&lt;p&gt;Using RT's suggestions as motivation, I came up with this:&lt;/p&gt;
&lt;pre&gt;&lt;code&gt;public static StringBuilder LogMsgs = new StringBuilder();
    public static void ExceptionHandler(Exception ex, string location)
    {
        try
        {
            LogMsgs.Append(string.Format("{0}\r\n", ex.Message)); //TODO: Comment out before deploying?
            DateTime dt = DateTime.Now;
            string timeAsStr = string.Format("{0}_{1}_{2}_{3}.txt", dt.Hour, dt.Minute, dt.Second, dt.Millisecond);
            using (StreamWriter file = new StreamWriter(timeAsStr))
            {
                file.WriteLine(LogMsgs.ToString());
            }
            . . .
//in the problematic code, replacing the MessageBox.Show() calls:
    TTBT.LogMsgs.Append("Made it to location 1 in frmOverFunction.GetDuckbillRecord()\r\n");
&lt;/code&gt;&lt;/pre&gt;
&lt;p&gt;...and it did help - the exception is reached right after the first of 7 "code waypoints," so there's something rotten in that particular Denmark, apparently.&lt;/p&gt;
&lt;h2&gt;UPDATE 2&lt;/h2&gt;
&lt;p&gt;After the rare experience of being able to run the app without crashing somewhere, I realized I also need that file-writing code in the main form's OnClosing() event - being in the global exception handler had worked for awhile - I wasn't expecting a clean termination of the app to ever occur again, I guess.&lt;/p&gt;</t>
  </si>
  <si>
    <t>2013-03-26 18:44:08.020000+00:00</t>
  </si>
  <si>
    <t>2013-03-26 23:36:08.070000+00:00</t>
  </si>
  <si>
    <t>c#|compact-framework|windows-ce|messagebox|formatexception</t>
  </si>
  <si>
    <t>Removing last line in a file iPhone iOS</t>
  </si>
  <si>
    <t>&lt;p&gt;How can I remove last line in a file in iOS.&lt;/p&gt;
&lt;p&gt;Below is the code that let's me go to the end of file but then I don't know how to remove that last line. &lt;/p&gt;
&lt;pre&gt;&lt;code&gt;NSArray *paths = NSSearchPathForDirectoriesInDomains (NSDocumentDirectory, NSUserDomainMask, YES);
NSString *documentsDirectory = [paths objectAtIndex:0];
//make a file name to write the data to using the documents directory:
NSString *file = [NSString stringWithFormat:@"%@/%@.daa", documentsDirectory, MFILE_NAME];
NSFileHandle *aFileHandle = [NSFileHandle fileHandleForWritingAtPath:file]; 
//setting aFileHandle to write at the end of the file
[aFileHandle truncateFileAtOffset:[aFileHandle seekToEndOfFile]];
&lt;/code&gt;&lt;/pre&gt;
&lt;p&gt;Thanks for your help.&lt;/p&gt;</t>
  </si>
  <si>
    <t>2011-02-28 13:11:26.627000+00:00</t>
  </si>
  <si>
    <t>2014-10-16 15:08:03.640000+00:00</t>
  </si>
  <si>
    <t>iphone|ios|file-io</t>
  </si>
  <si>
    <t>Read only lines that contain certain specific string and apply regex on them</t>
  </si>
  <si>
    <t>&lt;p&gt;Here's my code: I have a script that reads a file but in my file not all the lines are similar and I'd like to extract informations only from lines that have &lt;code&gt;I DOC O:&lt;/code&gt;.&lt;/p&gt;
&lt;p&gt;I've tried with an if condition but it still doesn't work when there are lines where regex aren't matching:  &lt;/p&gt;
&lt;pre&gt;&lt;code&gt;#!/usr/bin/env python 
# -*- coding: utf-8 -*-
import re 
def extraire(data):
    ms = re.match(r'(\S+).*?(O:\S+).*(R:\S+).*mid:(\d+)', data) # heure &amp;amp; mid 
    return {'Heure':ms.group(1), 'mid':ms.group(2),"Origine":ms.group(3),"Destination":ms.group(4)}
tableau = []  
fichier = open("/home/TEST/file.log")
f = fichier.readlines() 
for line in f: 
    if (re.findall(".*I Doc O:.*",line)):     
    tableau = [extraire(line) for line in f ]
print tableau
fichier.close()
&lt;/code&gt;&lt;/pre&gt;
&lt;p&gt;And here's an example of some lines of my file here i want first and fourth lines..: &lt;/p&gt;
&lt;pre&gt;&lt;code&gt;01:09:25.258 mta         Messages       I Doc O:NVS:SMTP/alarm@yyy.xx R:NVS:SMS/+654811 mid:6261
01:09:41.965 mta         Messages       I Rep O:NVS:SMTP/alarmes.techniques@xxx.de R:NVS:SMS/+455451 mid:6261
01:09:41.965 mta         Messages       I Rep 6261 OK, Accepted (ID: 26)
08:14:14.469 mta         Messages       I Doc O:NVS:SMTP/alarm@xxxx.en R:NVS:SMS/+654646 mid:6262
08:14:30.630 mta         Messages       I Rep O:NVS:SMTP/alarm@azea.er R:NVS:SMS/+33688704859 mid:6262
08:14:30.630 mta         Messages       I Rep 6262 OK, Accepted (ID: 28)
&lt;/code&gt;&lt;/pre&gt;</t>
  </si>
  <si>
    <t>2013-04-18 14:01:16.400000+00:00</t>
  </si>
  <si>
    <t>2013-04-18 14:58:39.373000+00:00</t>
  </si>
  <si>
    <t>2013-04-18 14:21:11.527000+00:00</t>
  </si>
  <si>
    <t>python|regex|readfile|readlines</t>
  </si>
  <si>
    <t>What's the best way to do looping animations?</t>
  </si>
  <si>
    <t>&lt;p&gt;The key word is looping. I'm thinking I would have two functions for an animation, such as a pulse. Is this the best way to make it loop?&lt;/p&gt;
&lt;pre&gt;&lt;code&gt;-(void)animationPart1 {
    //Do first half of animation here, pulse in, the animation is 0.3 seconds long
    [NSTimer scheduledTimerWithTimeInterval:0.3 target:self selector:@selector(animationPart2) userInfo:nil repeats:NO];
}
-(void)animationPart2 {
    //Do second half of animation here, pulse out, the animation is 0.3 seconds long
    [NSTimer scheduledTimerWithTimeInterval:0.3 target:self selector:@selector(animationPart1) userInfo:nil repeats:NO];
}
&lt;/code&gt;&lt;/pre&gt;
&lt;p&gt;I'm new to animations, so thanks for your help!&lt;/p&gt;</t>
  </si>
  <si>
    <t>2011-08-29 17:32:39.017000+00:00</t>
  </si>
  <si>
    <t>2011-08-29 17:49:25.367000+00:00</t>
  </si>
  <si>
    <t>iphone|objective-c|ios|ipad|animation</t>
  </si>
  <si>
    <t>Pinging/Connecting windows PC in the same network from a Linux PC in the same network</t>
  </si>
  <si>
    <t>&lt;p&gt;I have Ubuntu 12.04 Linux machine and I have created a local network from the Windows machine (Windows Server 2008 installed on it) .With this network I can connect among the windows machines but I am not able to enter into this network from a Linux machine.More over I have an android device which is also connected in this network ( shows in the settings) but I am not able to ping it as well from the Linux machine.
Is there any network discovery machine option in Linux which I have to enable.&lt;/p&gt;
&lt;p&gt;On Pinging another Ip Address I get this : &lt;/p&gt;
&lt;pre&gt;&lt;code&gt;From &amp;lt;ip address&amp;gt; icmp_seq = 1 Destination Net Unreachable .
&lt;/code&gt;&lt;/pre&gt;
&lt;p&gt;There is no proxy settings.&lt;/p&gt;</t>
  </si>
  <si>
    <t>2015-03-10 09:17:18.363000+00:00</t>
  </si>
  <si>
    <t>2015-06-10 11:06:57.183000+00:00</t>
  </si>
  <si>
    <t>2015-03-10 09:28:41.173000+00:00</t>
  </si>
  <si>
    <t>android|linux|windows|networking|lan</t>
  </si>
  <si>
    <t>How to build docker image with local package inside folder with main.go?</t>
  </si>
  <si>
    <t>&lt;p&gt;I'm trying docker build -t test_1 . , but have this err: &lt;/p&gt;
&lt;blockquote&gt;
  &lt;p&gt;package docker_test/mult: unrecognized import path "docker_test/mult"
  (import path does not begin with hostname)&lt;/p&gt;
  &lt;p&gt;The command '/bin/sh -c go get -d -v ./...' returned a non-zero code: 1&lt;/p&gt;
&lt;/blockquote&gt;
&lt;p&gt;My dockerfile (path  /gowork/src/Dockerfile):&lt;/p&gt;
&lt;pre&gt;&lt;code&gt;FROM golang:1.9.1
COPY ./docker_test/mult /go/src/app
WORKDIR go/src/app
COPY ./docker_test/main.go .
RUN go get -d -v ./...
RUN go install -v ./...
CMD ["app"]
ENTRYPOINT ["app", "-f=7", "-s=9"]
&lt;/code&gt;&lt;/pre&gt;
&lt;p&gt;main.go (path: gowork/src/docker_test/main.go)&lt;/p&gt;
&lt;pre&gt;&lt;code&gt;package main
import (
    "docker_test/mult"
    "fmt"
)
func main() {
    fmt.Println("From different pkg")
    mult.Multiple()
}
&lt;/code&gt;&lt;/pre&gt;
&lt;p&gt;mult.go (path: gowork/src/docker_test/mult/mult.go)&lt;/p&gt;
&lt;pre&gt;&lt;code&gt;package mult
import (
    "flag"
    "fmt"
)
func Multiple() {
    first := flag.Int("f", 0, "placeholder")
    second := flag.Int("s", 0, "placeholder")
    flag.Parse()
    out := (*first) * (*second)
    fmt.Println(out)
}
&lt;/code&gt;&lt;/pre&gt;</t>
  </si>
  <si>
    <t>2018-04-19 06:46:49.207000+00:00</t>
  </si>
  <si>
    <t>2018-04-19 09:16:00.357000+00:00</t>
  </si>
  <si>
    <t>docker|go|docker-build</t>
  </si>
  <si>
    <t>How to do partial page update with jQuery?</t>
  </si>
  <si>
    <t>&lt;p&gt;I have navigation menu. When clicked, only page content div should be updated from html content file (that in the server) without doing a full page refresh.&lt;/p&gt;
&lt;p&gt;How can I achieve this using jQuery?&lt;/p&gt;</t>
  </si>
  <si>
    <t>2010-10-23 05:10:09.487000+00:00</t>
  </si>
  <si>
    <t>2018-06-07 07:45:45.423000+00:00</t>
  </si>
  <si>
    <t>detecting deprecated functions in C++</t>
  </si>
  <si>
    <t>&lt;p&gt;In a C++ project documented with Doxygen, I have marked some functions as \deprecated in the Doxygen comments. Is there any way to use these comments (with Doxygen or another tool) in order to detect that another non-deprecated function is calling a deprecated one ? (The project is pretty big and going through all the classes would take a lot of time).&lt;/p&gt;
&lt;p&gt;Thanks&lt;/p&gt;</t>
  </si>
  <si>
    <t>2012-10-11 12:27:06.133000+00:00</t>
  </si>
  <si>
    <t>2014-08-05 07:06:57.073000+00:00</t>
  </si>
  <si>
    <t>c++|doxygen|deprecated</t>
  </si>
  <si>
    <t>Including a file in an included folder's parent directory fails</t>
  </si>
  <si>
    <t>&lt;p&gt;I have included a folder that contains some classes, in my &lt;code&gt;.htaccess&lt;/code&gt; file.&lt;/p&gt;
&lt;p&gt;Somewhere deeper under &lt;code&gt;public_html&lt;/code&gt; I'm including a PHP file from this folder. Works fine, the &lt;code&gt;include_path&lt;/code&gt; is in effect.&lt;/p&gt;
&lt;p&gt;But if I write something like this:&lt;/p&gt;
&lt;pre&gt;&lt;code&gt;require_once '../DB.php';
&lt;/code&gt;&lt;/pre&gt;
&lt;p&gt;it fails?&lt;/p&gt;
&lt;p&gt;This file is just above the included folder, why can't the PHP engine find it?&lt;/p&gt;</t>
  </si>
  <si>
    <t>2013-06-24 21:54:04.930000+00:00</t>
  </si>
  <si>
    <t>2013-06-24 22:03:01.383000+00:00</t>
  </si>
  <si>
    <t>php|directory|relative-path|include-path</t>
  </si>
  <si>
    <t>UploadiFive uploading speed</t>
  </si>
  <si>
    <t>&lt;p&gt;I'm using UploadiFive (HTML5 version, not a Flash) as my upload engine. It working great, but there is any way to show the uploading speed? Seems Uploadify (Flash version) have this feature. Thanks in advance!&lt;/p&gt;</t>
  </si>
  <si>
    <t>2013-07-21 08:21:17.867000+00:00</t>
  </si>
  <si>
    <t>jquery|html5|file-upload|uploadify</t>
  </si>
  <si>
    <t>Laravel 4 Use/get the route name in my controller</t>
  </si>
  <si>
    <t>&lt;p&gt;I just started learning Laravel but i can't seem to get a thing done. Because i'm a beginner i don't know where to search for. But this is the idea: &lt;/p&gt;
&lt;ul&gt;
&lt;li&gt;I have one controller for my CMS pages.&lt;/li&gt;
&lt;li&gt;I have an existing db with content with the fields Id - Title - Alias&lt;/li&gt;
&lt;li&gt;&lt;p&gt;The 'Alias' is used to build the URL (like: &lt;a href="http://site.tld/about-us" rel="nofollow"&gt;http://site.tld/about-us&lt;/a&gt;) and i use it like this in my routing:&lt;/p&gt;
&lt;pre&gt;&lt;code&gt;Route::get('about-us', array('uses' =&amp;gt; 'CmsController@showByAlias'));
Route::get('article-1-title', array('uses' =&amp;gt; 'CmsController@showByAlias'));
&lt;/code&gt;&lt;/pre&gt;&lt;/li&gt;
&lt;/ul&gt;
&lt;p&gt;I can get everything to work the easy way, but i need to have things more dynamic. What i want to know is: How do i get the Id from the database using the route title (i.e. 'about-us' or 'article-1-title')?&lt;/p&gt;</t>
  </si>
  <si>
    <t>2013-12-12 09:09:36.550000+00:00</t>
  </si>
  <si>
    <t>2014-08-04 05:14:54.550000+00:00</t>
  </si>
  <si>
    <t>laravel|laravel-routing</t>
  </si>
  <si>
    <t>How to pass JsonObject as a parameter in a function using evaluateJavascript() in Qt</t>
  </si>
  <si>
    <t>&lt;p&gt;Well I have updated my Qt version to version 5 (Latest release).&lt;/p&gt;
&lt;p&gt;I have to pass a JsonObject as a parameter.&lt;/p&gt;
&lt;p&gt;I am using this statement to pass the argument :&lt;/p&gt;
&lt;pre&gt;&lt;code&gt;QString dnames = QString("getNameList(%1)").arg(data);  
&lt;/code&gt;&lt;/pre&gt;
&lt;p&gt;here data is the JSON object, and it doesn't compiles and throws type Casting error.&lt;/p&gt;
&lt;p&gt;Please if someone provide me an alternative how to pass this JsonObject as a parameter to the above function.&lt;/p&gt;
&lt;pre&gt;&lt;code&gt;m_d-&amp;gt;m_webView-&amp;gt;page()-&amp;gt;mainFrame-&amp;gt;evaluateJavascript(dnames);
&lt;/code&gt;&lt;/pre&gt;</t>
  </si>
  <si>
    <t>2012-11-02 10:08:51.337000+00:00</t>
  </si>
  <si>
    <t>2012-11-23 11:39:11.237000+00:00</t>
  </si>
  <si>
    <t>json|qt</t>
  </si>
  <si>
    <t>Update Parse deviceToken AFTER registration</t>
  </si>
  <si>
    <t>&lt;p&gt;Currently I'm sitting with quite a few empty deviceToken fields. I figured out this is because there was an issue with adding groups before a installation object was created - it would block the subsequent creation efforts.&lt;/p&gt;
&lt;p&gt;What I'm trying to do now is get that deviceToken again and update it in Parse but the problem is, &lt;code&gt;didRegisterForRemoteNotificationsWithDeviceToken&lt;/code&gt; is never run again after the first time...&lt;/p&gt;
&lt;p&gt;Any way to get the device token AFTER the initial call to &lt;code&gt;didRegisterForRemoteNotificationsWithDeviceToken&lt;/code&gt;?&lt;/p&gt;</t>
  </si>
  <si>
    <t>2015-07-14 11:22:10.700000+00:00</t>
  </si>
  <si>
    <t>2015-09-06 14:04:08.353000+00:00</t>
  </si>
  <si>
    <t>ios|swift|parse.com|push-notification|apple-push-notifications</t>
  </si>
  <si>
    <t>Can we pass session scope list in jsp to a do get url servlet request?</t>
  </si>
  <si>
    <t>&lt;p&gt;I have a JSP which has a session scope list from one servlet. Now I am calling another servlet through a doget url and want to pas that list. Is that possible to do? Here is my jsp code:&lt;/p&gt;
&lt;pre&gt;&lt;code&gt; &amp;lt;display:table name="sessionScope.ActivationDetailList"
                        id="ActivationDetailReport" defaultsort="1" defaultorder="ascending"
                        pagesize="&amp;lt;%= recordsPerPage %&amp;gt;" cellspacing="0" cellpadding="3"
                        requestURI="/activationDetail.do" export="true"
                        class="data_table width_full" style="margin-left:20px;"&amp;gt;
                        &amp;lt;%-- &amp;lt;display:setProperty name="export.csv" value="true" /&amp;gt; 
                        &amp;lt;display:setProperty name="export.excel" value="true" /&amp;gt;   
                        &amp;lt;display:setProperty name="export.excel.filename" value="ActivationDetailReport.xls" /&amp;gt;   
                        &amp;lt;display:setProperty name="export.csv.filename" value="ActivationDetailReport.csv" /&amp;gt;               
                        &amp;lt;display:setProperty name="export.xml.filename" value="ActivationDetailReport.xml" /&amp;gt; --%&amp;gt; 
                         --%&amp;gt;&amp;lt;display:column property="creationDate" title="Request Start Date" /&amp;gt;
                        &amp;lt;display:column property="plan" title="Plan" /&amp;gt;
                        &amp;lt;display:column property="txnCount" title="Total" /&amp;gt;
                        &amp;lt;display:column property="user" title="User ID" /&amp;gt;
                        &amp;lt;display:column property="activationType" title="Activation Type" /&amp;gt;
                        &amp;lt;display:column property="status" title="Transaction Status" /&amp;gt;
                        &amp;lt;display:column property="product" title="Product" /&amp;gt;
                    &amp;lt;display:setProperty name="paging.banner.placement" value="bottom"/&amp;gt;
                        &amp;lt;display:setProperty name="export.csv" value="true" /&amp;gt; 
                        &amp;lt;display:setProperty name="export.excel" value="true" /&amp;gt; 
                        &amp;lt;display:setProperty name="export.pdf.filename" value="ActivationDetailReport.xls" /&amp;gt;
                        &amp;lt;display:setProperty name="export.csv.filename" value="ActivationDetailReport.csv" /&amp;gt;  
                        &amp;lt;display:setProperty name="export.excel.filename" value="ActivationDetailReport.xls" /&amp;gt;   
                        &amp;lt;display:setProperty name="export.xml.filename" value="ActivationDetailReport.xml" /&amp;gt;
                        &amp;lt;/display:table&amp;gt; 
                    &amp;lt;img src="ChartViewer?list=ActivationDetailList"  border=0 usemap="#imageMap"&amp;gt;`enter code here`
&lt;/code&gt;&lt;/pre&gt;</t>
  </si>
  <si>
    <t>2017-03-01 00:48:51.420000+00:00</t>
  </si>
  <si>
    <t>2017-03-01 09:21:15.930000+00:00</t>
  </si>
  <si>
    <t>jsp|servlets</t>
  </si>
  <si>
    <t>How to start working with SAX, DOM, JAXP and JDOM</t>
  </si>
  <si>
    <t>&lt;p&gt;I am currently getting started with XML and Java. The author says that I will need DOM, SAX, JAXP and JDOM to work with the examples given.  &lt;/p&gt;
&lt;p&gt;The book states that DOM and SAX come bundled with a parser of your choice, in my case Xerses-J. I have downloaded Xerses-J (&lt;code&gt;xerses-1_4_4&lt;/code&gt;) jar file.  &lt;/p&gt;
&lt;p&gt;so Question 1 : &lt;em&gt;If I want to get started with XML and Java in Eclipse, I will only have to add the jar file xerses.jar to the build path?&lt;/em&gt;  &lt;/p&gt;
&lt;p&gt;Moving on to JAXP, the book says that JAXP comes with most parsers, not all. So, &lt;em&gt;I want to know if it comes with Xerses-J. If not, what do I need to do?&lt;/em&gt;  &lt;/p&gt;
&lt;p&gt;Now, finally for JDOM. The book says that JDOM comes as a separate bundle. I downloaded it. I just need to include jdom.jar file in the build, again, right ?  &lt;/p&gt;
&lt;p&gt;I know the questions are silly but, yeah those are the questions :)&lt;/p&gt;</t>
  </si>
  <si>
    <t>2013-04-08 15:11:09.410000+00:00</t>
  </si>
  <si>
    <t>2013-04-08 15:26:50.647000+00:00</t>
  </si>
  <si>
    <t>2013-04-08 15:16:49.120000+00:00</t>
  </si>
  <si>
    <t>java|dom|sax|jdom|jaxp</t>
  </si>
  <si>
    <t>Why setTimeout outputs numbers not in order added</t>
  </si>
  <si>
    <t>&lt;p&gt;I have the following code:&lt;/p&gt;
&lt;pre&gt;&lt;code&gt;function wait(ms) {
    var start = +(new Date());
    while (new Date() - start &amp;lt; ms);
}
(function() {
    setTimeout(function(){console.log(2)}, 1000);
    setTimeout(function(){console.log(3)}, 0);
    setTimeout(function(){console.log(4)}, 0);
    wait(2000); //!!! blocking events processing here
})();
&lt;/code&gt;&lt;/pre&gt;
&lt;p&gt;It outputs:&lt;/p&gt;
&lt;pre&gt;&lt;code&gt;3
4
2
&lt;/code&gt;&lt;/pre&gt;
&lt;p&gt;I've read somewhere that &lt;code&gt;setTimeout&lt;/code&gt; adds function to the &lt;a href="https://developer.mozilla.org/en/docs/Web/JavaScript/EventLoop"&gt;event queue&lt;/a&gt;, and then when this function is the first in the chain it checks whether the specified amount of time has passed, if not, it postpones execution. Under this logic I expected the above code to output: &lt;code&gt;2,3,4&lt;/code&gt; since &lt;code&gt;wait()&lt;/code&gt; function blocks event chaining processing and a call stack completes and a browser finally has time to process functions added through setTimeout, all three functions are placed in the queue in the order added and 1000 have already passed for the first function, so a browser can take it and execute, but it waits for the functions added second and third. Why? Where is the error in my logic?&lt;/p&gt;</t>
  </si>
  <si>
    <t>2016-04-05 08:47:53.500000+00:00</t>
  </si>
  <si>
    <t>2016-04-05 08:57:22.657000+00:00</t>
  </si>
  <si>
    <t>view all data related in xml file c#</t>
  </si>
  <si>
    <t>&lt;p&gt;what i want to do is it appear all related data from selected xml file. i already declare the node path to be search which is &lt;code&gt;XmlNodeList xnList = xml.SelectNodes("/Patient/Patient/Name");&lt;/code&gt;. However, my output only display the last data and not the overall data for path needed.&lt;/p&gt;
&lt;p&gt;This is my xml file.&lt;/p&gt;
&lt;pre&gt;&lt;code&gt;   &amp;lt;Patient&amp;gt; 
  &amp;lt;Patient&amp;gt;
    &amp;lt;LevelPriority&amp;gt;0&amp;lt;/LevelPriority&amp;gt;
    &amp;lt;Name&amp;gt;w&amp;lt;/Name&amp;gt;
    &amp;lt;Id&amp;gt;1&amp;lt;/Id&amp;gt; 
  &amp;lt;/Patient&amp;gt;      
  &amp;lt;Patient&amp;gt;
    &amp;lt;LevelPriority&amp;gt;0&amp;lt;/LevelPriority&amp;gt;
    &amp;lt;Name&amp;gt;asf&amp;lt;/Name&amp;gt;
    &amp;lt;Id&amp;gt;2&amp;lt;/Id&amp;gt; 
  &amp;lt;/Patient&amp;gt; 
  &amp;lt;Patient&amp;gt;
    &amp;lt;LevelPriority&amp;gt;0&amp;lt;/LevelPriority&amp;gt;
    &amp;lt;Name&amp;gt;add&amp;lt;/Name&amp;gt;
    &amp;lt;Id&amp;gt;3&amp;lt;/Id&amp;gt;        
&amp;lt;/Patient&amp;gt;
&lt;/code&gt;&lt;/pre&gt;
&lt;p&gt;and this is my output.&lt;/p&gt;
&lt;p&gt;&lt;img src="https://i.stack.imgur.com/JCE86.png" alt="enter image description here"&gt;&lt;/p&gt;
&lt;p&gt;what i want it to appear is:&lt;/p&gt;
&lt;blockquote&gt;
  &lt;p&gt;w
  asf
  add&lt;/p&gt;
&lt;/blockquote&gt;
&lt;p&gt;rather than just the last data &lt;code&gt;add&lt;/code&gt;.&lt;/p&gt;
&lt;p&gt;this is my code in viewForm.&lt;/p&gt;
&lt;pre&gt;&lt;code&gt;namespace SliceLink
{
    public partial class ViewForm : Form
    {           
        public Form3()
        {
            InitializeComponent();
            XmlDocument xml = new XmlDocument();            
            xml.Load("C:\\Users\\HDAdmin\\Documents\\SliceEngine\\SliceEngine\\bin\\Debug\\saya.xml");
            XmlNodeList xnList = xml.SelectNodes("/Patient/Patient/Name");            
            foreach (XmlNode xn in xnList)
            {
                string name = xn.InnerText;                   
                textBox1.Text = name;
            }
        }
    }
}
&lt;/code&gt;&lt;/pre&gt;
&lt;p&gt;how to make it view the for all the data required?&lt;/p&gt;</t>
  </si>
  <si>
    <t>2012-08-07 08:50:15.683000+00:00</t>
  </si>
  <si>
    <t>2012-08-07 08:53:07.643000+00:00</t>
  </si>
  <si>
    <t>c#|xml</t>
  </si>
  <si>
    <t>Error when trying to create foreign key for table in SQL?</t>
  </si>
  <si>
    <t>&lt;p&gt;I am creating a Screen Table: &lt;/p&gt;
&lt;pre&gt;&lt;code&gt;CREATE TABLE SCREEN(
BRANCHID CHAR(2) NOT NULL,
SCREENID CHAR(2) NOT NULL,
SCREENCACPACITY NUMBER(3),
CONSTRAINT SCREEN_PK PRIMARY KEY(BRANCHID, SCREENID),
CONSTRAINT SCREEN_FK FOREIGN KEY(BRANCHID) REFERENCES BRANCH(BRANCHID));
&lt;/code&gt;&lt;/pre&gt;
&lt;p&gt;But when I create a Sessions Table: &lt;/p&gt;
&lt;pre&gt;&lt;code&gt;CREATE TABLE SESSIONS(
SESSIONID CHAR(4) NOT NULL,
BRANCHID CHAR(2) NOT NULL,
SCREENID CHAR(2) NOT NULL,
MOVIEID CHAR(2) NOT NULL,
SESSIONDATE DATE,
SESSIONPRICE NUMBER(4,2),
CONSTRAINT SESSIONS_PK PRIMARY KEY(SESSIONID),
CONSTRAINT SESSIONS_FK1 FOREIGN KEY(BRANCHID) REFERENCES BRANCH(BRANCHID),
CONSTRAINT SESSIONS_FK2 FOREIGN KEY(SCREENID) REFERENCES SCREEN(SCREENID),
CONSTRAINT SESSIONS_FK3 FOREIGN KEY(MOVIEID) REFERENCES MOVIE(MOVIEID));
&lt;/code&gt;&lt;/pre&gt;
&lt;p&gt;I get an "no matching unique or primary key for this column-list" error. I know the error is with the Screen table, as I have tried all Foreign Keys on their own, and Screen was the only one that gave me the error. So, when I try to run the complete script, it doesnt work because of Screen. &lt;/p&gt;
&lt;p&gt;Branch and Movie Screen have been made and are more or less the same as Screen. Help pl0x&lt;/p&gt;</t>
  </si>
  <si>
    <t>2016-09-27 05:23:41.230000+00:00</t>
  </si>
  <si>
    <t>2016-09-27 05:34:43.053000+00:00</t>
  </si>
  <si>
    <t>AlarmManager responding at wrong time</t>
  </si>
  <si>
    <t>&lt;p&gt;Sorry if answered before, but i looked everywhere but didn't get the proper solution&lt;/p&gt;
&lt;p&gt;I am using  AlarmManager to automatically fire a notification at 9am everyday, but when i try to run it on emulator it executes immediately, and every half hour (31-32min to be precise) after that instead of only once at 9am everyday.&lt;/p&gt;
&lt;p&gt;Any ideas why? help appreciated.&lt;/p&gt;
&lt;p&gt;code is as below:&lt;/p&gt;
&lt;pre&gt;&lt;code&gt;public class Home extends Activity {
@Override
protected void onCreate(Bundle savedInstanceState) {
    super.onCreate(savedInstanceState);
    setContentView(R.layout.activity_bsheet);
    notificationAlert(savedInstanceState);
}
    private void notificationAlert(Bundle savedInstanceState) {
    AlarmManager manager;
    PendingIntent pendingIntent;
    Intent intent=new Intent(Home.this, Notify.class);
    manager=(AlarmManager)getSystemService(ALARM_SERVICE);
    pendingIntent=PendingIntent.getService(Home.this,
            0, intent, 0);
    GregorianCalendar gcal = new GregorianCalendar();
    gcal.set(Calendar.HOUR_OF_DAY, 9);
    gcal.set(Calendar.MINUTE, 0);
    gcal.set(Calendar.SECOND, 0);
    gcal.set(Calendar.MILLISECOND, 0);
    long initTime = gcal.getTimeInMillis();
    manager.setRepeating(AlarmManager.RTC_WAKEUP, initTime,
            24*60*60*1000, pendingIntent);
}
}
&lt;/code&gt;&lt;/pre&gt;
&lt;p&gt;cheers,&lt;/p&gt;
&lt;p&gt;&lt;strong&gt;EDIT:&lt;/strong&gt; my intention is that, once the app is installed, it fires this alarm at 9am. i have put the alarm in the onCreate, so im not sure if the alarm is only being created everytime i start the app and something weird is happening when i hide the app... again insight would be appreciated!&lt;/p&gt;</t>
  </si>
  <si>
    <t>2013-07-18 12:47:44.073000+00:00</t>
  </si>
  <si>
    <t>2013-07-19 07:34:54.890000+00:00</t>
  </si>
  <si>
    <t>2013-07-19 07:04:12.460000+00:00</t>
  </si>
  <si>
    <t>java|android|alarmmanager|android-notifications</t>
  </si>
  <si>
    <t>PHP - Recursive function using same variable as the last call</t>
  </si>
  <si>
    <t>&lt;p&gt;I'm using a recursive function inside a class. The function change the value of a variable &lt;code&gt;$estados&lt;/code&gt;. In the first call, everything is ok, in the second call the function change the values of the variable of the last call of the function.&lt;/p&gt;
&lt;p&gt;This is my code. &lt;/p&gt;
&lt;pre&gt;&lt;code&gt;class Trab3Code
{
    public function fechoEpsilon($automato, $estado)
    {
        $estados = $automato-&amp;gt;transicao($estado, '&amp;amp;');
        $fechos = array();
        if (!empty($estados)) {
            foreach ($estados as $elemento) {
                $fechos[] = $this-&amp;gt;fechoEpsilon($automato, $elemento);
            }
        }
        $estados[] = $estado;
        return array_unique(array_merge($estados, $fechos));
    }
}
&lt;/code&gt;&lt;/pre&gt;
&lt;p&gt;I get the new values of the &lt;code&gt;$estado&lt;/code&gt; variable from a function of the &lt;code&gt;$automato&lt;/code&gt; variable. The return of the function is a array. In the first run, everything is ok. In the second run, the return of the function will be a empty array, and that overrides the previously value of the first run.&lt;/p&gt;
&lt;p&gt;Can anyone help me?&lt;/p&gt;
&lt;p&gt;---EDIT---&lt;/p&gt;
&lt;p&gt;The first call of my function is &lt;code&gt;fechoEpsilon($automato, 0)&lt;/code&gt;.
That being said the value of &lt;code&gt;$estados&lt;/code&gt; should contain at least:&lt;/p&gt;
&lt;pre&gt;&lt;code&gt;array(
    0 =&amp;gt; 1
    1 =&amp;gt; 3
)
&lt;/code&gt;&lt;/pre&gt;
&lt;p&gt;Which is the result of the first call
But what I'm getting is a empty array. Or a array with only the &lt;code&gt;0&lt;/code&gt; value, which is setted in this line&lt;/p&gt;
&lt;pre&gt;&lt;code&gt;$estados[] = $estado;
&lt;/code&gt;&lt;/pre&gt;
&lt;p&gt;Sorry if it looks to complicated, this a work about automatas. The &lt;code&gt;fechoEpsilon&lt;/code&gt; function calculate the Epsilon Closure of a state inside the automata. &lt;/p&gt;
&lt;p&gt;And I know that the value is changing, don't know how, but it is. If I dump the value of the variable over the call, it will change, and in the end, my final value is the one from the last call, which is a empty array. 
Sorry about the static method call, was my mistake, I was using with &lt;code&gt;$this&lt;/code&gt;. I updated the code.&lt;/p&gt;</t>
  </si>
  <si>
    <t>2016-04-14 22:06:28.393000+00:00</t>
  </si>
  <si>
    <t>2016-04-15 16:27:44.953000+00:00</t>
  </si>
  <si>
    <t>2016-04-15 02:16:19.957000+00:00</t>
  </si>
  <si>
    <t>php|arrays|recursion</t>
  </si>
  <si>
    <t>How can I set the liquibase.properties path ignore the OS?</t>
  </si>
  <si>
    <t>&lt;p&gt;I want to put my liquibase.properties to another local folder. such as: c:\opt\liquibase\config&lt;/p&gt;
&lt;p&gt;And I hope the path can ignore the OS.&lt;/p&gt;
&lt;p&gt;So in my pom.xml, &lt;/p&gt;
&lt;pre&gt;&lt;code&gt;&amp;lt;plugin&amp;gt;
    &amp;lt;groupId&amp;gt;org.liquibase&amp;lt;/groupId&amp;gt;
    &amp;lt;artifactId&amp;gt;liquibase-maven-plugin&amp;lt;/artifactId&amp;gt;
    &amp;lt;version&amp;gt;3.1.1&amp;lt;/version&amp;gt;
    &amp;lt;configuration&amp;gt;
      &amp;lt;propertyFile&amp;gt;\opt\liquibase\config&amp;lt;/propertyFile&amp;gt;
    &amp;lt;/configuration&amp;gt;
  &amp;lt;/plugin&amp;gt;
&lt;/code&gt;&lt;/pre&gt;
&lt;p&gt;But it doesn't work, I must add the prefix "C:" to path.&lt;/p&gt;
&lt;p&gt;Is there any way to set the path but ignore the OS?&lt;/p&gt;</t>
  </si>
  <si>
    <t>2014-07-30 16:05:38.057000+00:00</t>
  </si>
  <si>
    <t>2014-07-30 18:13:27.190000+00:00</t>
  </si>
  <si>
    <t>Extracting typescript exports to json file using gulp</t>
  </si>
  <si>
    <t>&lt;p&gt;I have several typescript files, some of them export a certain var - named APIS - which is an array of objects.
I want to extract the values of all of these exports, and pipe them to a json file using gulp.&lt;/p&gt;
&lt;p&gt;For example, I have a folder named services, with 3 files: service1.ts, service2.ts, service3.ts.&lt;/p&gt;
&lt;p&gt;&lt;strong&gt;service1.ts:&lt;/strong&gt;&lt;/p&gt;
&lt;pre&gt;&lt;code&gt;...
export const APIS = [ { "field1" : "blabla" } ];
&lt;/code&gt;&lt;/pre&gt;
&lt;p&gt;&lt;strong&gt;service2.ts:&lt;/strong&gt;&lt;/p&gt;
&lt;pre&gt;&lt;code&gt;...
export const APIS = [ { "field2" : "yadayada" }, { "field3" : "yadabla" } ];
&lt;/code&gt;&lt;/pre&gt;
&lt;p&gt;&lt;strong&gt;service3.ts:&lt;/strong&gt; - does not export the APIS var.&lt;/p&gt;
&lt;p&gt;I want to use gulp in oder create a json file that looks something like this:&lt;/p&gt;
&lt;pre&gt;&lt;code&gt;[ { "field1" : "blabla" }, { "field2" : "yadayada" }, { "field3" : "yadabla" } ]
&lt;/code&gt;&lt;/pre&gt;
&lt;p&gt;&lt;strong&gt;gulpfile.js&lt;/strong&gt; - the ??? is a placeholder for the missing code.&lt;/p&gt;
&lt;pre&gt;&lt;code&gt;gulp.task('default', function () {
    return gulp.src('.../services/*.ts')
            .pipe(???)
            .pipe(concat('export.json'))
            .pipe(gulp.dest('./test'));
});
&lt;/code&gt;&lt;/pre&gt;
&lt;p&gt;I'm new to both typescript &amp;amp; gulp, so I'm not sure how to achieve this... any ideas? :)&lt;/p&gt;
&lt;p&gt;&lt;strong&gt;EDIT:&lt;/strong&gt; So, I understand that there's no OOTB solution for this, and I need to writer my own task / plugin. I'm not really sure how to achieve that, though.
Ideally, what I want is to find a gulp plugin (or a combination of plugins) that can handle ts / js files as objects with properties. Then I can extract the var I need from the file.&lt;/p&gt;
&lt;p&gt;I couldn't really find something like that, only string manipulation plugins - Treating my ts file as a string and using search with regex seems overly complicated to me. Is there something I'm missing here? is there a more straight-forward way to do this?&lt;/p&gt;</t>
  </si>
  <si>
    <t>2016-04-25 14:15:08.167000+00:00</t>
  </si>
  <si>
    <t>2016-04-28 08:15:04.530000+00:00</t>
  </si>
  <si>
    <t>2016-04-26 12:57:11.050000+00:00</t>
  </si>
  <si>
    <t>javascript|angularjs|json|typescript|gulp</t>
  </si>
  <si>
    <t>Having trouble getting elements to change in HTML</t>
  </si>
  <si>
    <t>&lt;p&gt;I've already run my code through a validator, so there are no syntax errors, but I can't figure out what's going on. Nothing I do changes the "p" elements in my code. I've tried styling the p class. I've tried wrapping them in a "div" tag and stylizing that, but it just seems to keep inheriting the body properties. If I want to style the text at all, I have to do it through the body properties. &lt;/p&gt;
&lt;p&gt;Here's the HTML.&lt;/p&gt;
&lt;pre&gt;&lt;code&gt;&amp;lt;div id="topBar"&amp;gt;&amp;lt;img src="images/logo.png" alt="Escaping Shapes"/&amp;gt;&amp;lt;/div&amp;gt;
&amp;lt;div id="rope"&amp;gt;&amp;lt;img src="images/rope2.png" alt="Bottom of logo border"/&amp;gt;&amp;lt;/div&amp;gt;
  &amp;lt;p&amp;gt;Yarrrrgh! Shapes be escaping from below the surface of the Web! Push'em back down below the page as fast as ye can!&amp;lt;/p&amp;gt;
  &amp;lt;p class="bold"&amp;gt;Your time: &amp;lt;span id="time"&amp;gt;(not attempted yet)&amp;lt;/span&amp;gt;&amp;lt;/p&amp;gt;
&amp;lt;div id="box"&amp;gt;
&amp;lt;/div&amp;gt;
&lt;/code&gt;&lt;/pre&gt;
&lt;p&gt;Here's the CSS for the body:&lt;/p&gt;
&lt;pre&gt;&lt;code&gt;body {
        width: 100%;
        font-family: Verdana, Geneva, sans-serif;
        margin: 0;
        background-color: #ecf0f1;
        font-weight: bold;
        text-align: center;
    }
&lt;/code&gt;&lt;/pre&gt;
&lt;p&gt;Here's the CSS for the "p" element that does NOTHING for me lol.&lt;/p&gt;
&lt;pre&gt;&lt;code&gt;  p {
        position: relative;
        font-weight: bold;
        width: 20px;
        margin: auto;
        text-align: center;
    }
&lt;/code&gt;&lt;/pre&gt;
&lt;p&gt;Not sure what's going on, but any help would be greatly appreciated. I can provide more of my code if necessary.&lt;/p&gt;
&lt;p&gt;&lt;strong&gt;EDIT&lt;/strong&gt; My Entire CSS:&lt;/p&gt;
&lt;pre&gt;&lt;code&gt;    body {
        width: 100%;
        font-family: Verdana, Geneva, sans-serif;
        margin: 0;
        background-color: #ecf0f1;
        font-weight: bold;
        text-align: center;
    }
    #topBar {
        background-color: #2980b9;
        height: 120px;
        width: 100%;
        position: relative;
    }
        #topBar img {
            display: block;
            margin: 0 auto;
            width: 600px;
            position: relative;
            top: 25px;
            left: -85px;
        }
    #box {
        background-color: #0ff;
        height: 150px;
        width: 150px;
        display: none;
        position: relative;
        top: 0;
        margin-top: 0;
        margin-bottom: 10px;
        opacity: 0.9;
        box-shadow: 10px 10px 5px #7e7e7e;
        -webkit-transition:all 0.1s linear;
        -moz-transition:all 0.1s linear ;
        -ms-width:all 0.1s linear ;
        -o-width:all 0.1s
    }
    #box:active {
        box-shadow: none;
        top: 10px;
        margin-bottom: 0;
       -webkit-transform:scale(0.25, 0.25);
       -moz-transform:scale(0.25, 0.25) ;
       -ms-width:scale(0.25, 0.25) ;
       -o-width:scale(0.25, 0.25) ;
    }
    #box:hover {
        opacity: 1;
    }
    #rope {
        background-repeat: repeat-x;
        background-image: url(images/rope2.png);
        width: 100%;
        position: relative;
        top: -25px;
    .bold {
        font-weight: bold;
    }
     p {
        position: relative;
        font-weight: bold;
        width: 20px;
        margin: auto;
        text-align: center;
    }
&lt;/code&gt;&lt;/pre&gt;</t>
  </si>
  <si>
    <t>2015-02-22 03:03:34.663000+00:00</t>
  </si>
  <si>
    <t>2015-02-22 03:35:12.897000+00:00</t>
  </si>
  <si>
    <t>2015-02-22 03:15:53.527000+00:00</t>
  </si>
  <si>
    <t>Can I keep old keys linked to new keys when making a copy in SQL?</t>
  </si>
  <si>
    <t>&lt;p&gt;I am trying to copy a record in a table and change a few values with a stored procedure in SQL Server 2005. This is simple, but I also need to copy relationships in other tables with the new primary keys. As this proc is being used to batch copy records, I've found it difficult to store some relationship between old keys and new keys.
Right now, I am grabbing new keys from the batch insert using OUTPUT INTO. 
ex:&lt;/p&gt;
&lt;pre&gt;&lt;code&gt;INSERT INTO table
 (column1, column2,...)
 OUTPUT INSERTED.PrimaryKey INTO @TableVariable
 SELECT column1, column2,...
&lt;/code&gt;&lt;/pre&gt;
&lt;p&gt;Is there a way like this to easily get the old keys inserted at the same time I am inserting new keys (to ensure I have paired up the proper corresponding keys)?&lt;/p&gt;
&lt;p&gt;I know cursors are an option, but I have never used them and have only heard them referenced in a horror story fashion. I'd much prefer to use OUTPUT INTO, or something like it.&lt;/p&gt;</t>
  </si>
  <si>
    <t>2013-05-02 01:04:44.940000+00:00</t>
  </si>
  <si>
    <t>2015-07-21 10:28:01.263000+00:00</t>
  </si>
  <si>
    <t>2013-05-02 14:36:59.600000+00:00</t>
  </si>
  <si>
    <t>sql|sql-server|primary-key|output</t>
  </si>
  <si>
    <t>flask render_template returning blank page/empty response</t>
  </si>
  <si>
    <t>&lt;p&gt;I am programming a relatively straight forward web application in Flask. I have used flask for about a year now, and have never had this issue before.&lt;/p&gt;
&lt;p&gt;In my '/create_user' function, the render_template response is always blank (even when I use the more explicit make_response function).&lt;/p&gt;
&lt;p&gt;Here is the relevant view &amp;amp; jinja2 template:
&lt;a href="https://gist.github.com/ianseyer/848332cea6f7ef1f69c2" rel="nofollow"&gt;https://gist.github.com/ianseyer/848332cea6f7ef1f69c2&lt;/a&gt;&lt;/p&gt;</t>
  </si>
  <si>
    <t>2014-05-07 05:41:52.687000+00:00</t>
  </si>
  <si>
    <t>2014-05-07 05:43:12.727000+00:00</t>
  </si>
  <si>
    <t>python|flask|werkzeug</t>
  </si>
  <si>
    <t>How to add a custom RESTful route to a Rails app?</t>
  </si>
  <si>
    <t>&lt;p&gt;I'm reading these two pages&lt;/p&gt;
&lt;ol&gt;
&lt;li&gt;&lt;a href="http://api.rubyonrails.org/classes/ActionController/Resources.html#M000522" rel="noreferrer"&gt;&lt;code&gt;resources&lt;/code&gt;&lt;/a&gt;&lt;/li&gt;
&lt;li&gt;&lt;a href="http://guides.rubyonrails.org/routing.html#adding-more-restful-actions" rel="noreferrer"&gt;&lt;code&gt;Adding more RESTful actions&lt;/code&gt;&lt;/a&gt;&lt;/li&gt;
&lt;/ol&gt;
&lt;p&gt;The Rails Guides page shows&lt;/p&gt;
&lt;pre&gt;&lt;code&gt;map.resources :photos, :new =&amp;gt; { :upload =&amp;gt; :post }
&lt;/code&gt;&lt;/pre&gt;
&lt;p&gt;And its corresponding URL&lt;/p&gt;
&lt;pre&gt;&lt;code&gt;/photos/upload
&lt;/code&gt;&lt;/pre&gt;
&lt;p&gt;This looks wonderful.&lt;/p&gt;
&lt;hr&gt;
&lt;p&gt;My &lt;code&gt;routes.rb&lt;/code&gt; shows this&lt;/p&gt;
&lt;pre&gt;&lt;code&gt;map.resources :users, :new =&amp;gt; { :signup =&amp;gt; :get, :register =&amp;gt; :post }
&lt;/code&gt;&lt;/pre&gt;
&lt;p&gt;When I do: &lt;code&gt;[~/my_app]$ rake routes&lt;/code&gt;&lt;/p&gt;
&lt;p&gt;I see the two new routes added&lt;/p&gt;
&lt;pre&gt;&lt;code&gt;  signup_new_user GET    /users/new/signup(.:format)
register_new_user POST   /users/new/register(.:format)
&lt;/code&gt;&lt;/pre&gt;
&lt;p&gt;&lt;strong&gt;Note&lt;/strong&gt; the inclusion of &lt;code&gt;/new&lt;/code&gt;! I &lt;strong&gt;don't&lt;/strong&gt; want that. I just want &lt;code&gt;/users/signup&lt;/code&gt; and &lt;code&gt;/users/register&lt;/code&gt; (as described in the Rails Routing Guide).&lt;/p&gt;
&lt;p&gt;Any help?&lt;/p&gt;</t>
  </si>
  <si>
    <t>2010-04-14 04:48:27.937000+00:00</t>
  </si>
  <si>
    <t>2016-10-21 16:19:57.747000+00:00</t>
  </si>
  <si>
    <t>2012-11-26 04:48:50.227000+00:00</t>
  </si>
  <si>
    <t>ruby-on-rails|rest|routing</t>
  </si>
  <si>
    <t>JQuery Mobile - Refreshing a Button After Changing It's Content</t>
  </si>
  <si>
    <t>&lt;p&gt;Is there a reason why the click handler is removed from my button after calling the &lt;code&gt;button()&lt;/code&gt; method on it. I am changing the content of my buttons, and as a result I need to refresh them. I noticed refresh does not work, so I tried the &lt;code&gt;button&lt;/code&gt; method.&lt;/p&gt;
&lt;p&gt;This will restyle my "button", but I lose my &lt;code&gt;click&lt;/code&gt; event.&lt;/p&gt;
&lt;p&gt;How can I accomplish both?&lt;/p&gt;
&lt;p&gt;&lt;a href="http://jsfiddle.net/RQZG8/2/" rel="nofollow"&gt;http://jsfiddle.net/RQZG8/2/&lt;/a&gt;&lt;/p&gt;
&lt;p&gt;And here is the code:&lt;/p&gt;
&lt;pre class="lang-js prettyprint-override"&gt;&lt;code&gt;$("[data-role=button]").html("hello world").button();
$("[data-role=button]").click(function(){
    alert("i have been clicked");
});
&lt;/code&gt;&lt;/pre&gt;
&lt;p&gt;My big issue is that I have a &lt;code&gt;div&lt;/code&gt; which is acting as a button. I want to change the content of the &lt;code&gt;div&lt;/code&gt;, but I want to be able to have it continue to look like a button while keeping it's behavior.&lt;/p&gt;</t>
  </si>
  <si>
    <t>2013-01-18 23:16:53.870000+00:00</t>
  </si>
  <si>
    <t>2013-01-19 05:52:27.233000+00:00</t>
  </si>
  <si>
    <t>2013-01-19 04:12:58.073000+00:00</t>
  </si>
  <si>
    <t>jquery-mobile</t>
  </si>
  <si>
    <t>Repository is growing at rapid rate at some point - I have no idea why</t>
  </si>
  <si>
    <t>&lt;p&gt;At some point, we see a HUGE increase of the diskspace occupied by AEM's repository. This usually occurs when Google Search Engine is visiting the site.&lt;/p&gt;
&lt;p&gt;At this point, we have no idea at all why this is happening. We do see quite a lot of hits from GSE.&lt;/p&gt;
&lt;p&gt;When the Tar PM Optimization is ran, the diskspace occupied is being freed.&lt;/p&gt;</t>
  </si>
  <si>
    <t>2015-08-14 13:57:11.133000+00:00</t>
  </si>
  <si>
    <t>2015-08-14 13:59:50.703000+00:00</t>
  </si>
  <si>
    <t>adobe|cq5|aem|jcr</t>
  </si>
  <si>
    <t>How to make text black in preferences.xml, so that I don't have white text on a white background?</t>
  </si>
  <si>
    <t>&lt;p&gt;I created a basic implementation of a settings menu, using this &lt;a href="http://developer.android.com/guide/topics/ui/settings.html" rel="nofollow noreferrer"&gt;android developer guide&lt;/a&gt;. As you can see from the gif at the bottom, is that the text is showing up white, and I have a white background. Is there a way to set the theme to light or something, so that the text is readable? &lt;/p&gt;
&lt;p&gt;Any help is much appreciated thanks. &lt;/p&gt;
&lt;p&gt;Preferences.xml&lt;/p&gt;
&lt;pre&gt;&lt;code&gt;&amp;lt;PreferenceScreen xmlns:android="http://schemas.android.com/apk/res/android"&amp;gt;
    &amp;lt;PreferenceScreen
        android:key="test_key"
        android:title="@string/button.preference.unit"
        android:persistent="true"&amp;gt;
        &amp;lt;ListPreference
            android:key="test_list_key"
            android:defaultValue="1"
            android:entries="@array/testListArray"
            android:entryValues="@array/testListValues" /&amp;gt;
    &amp;lt;/PreferenceScreen&amp;gt;
&amp;lt;/PreferenceScreen&amp;gt;
&lt;/code&gt;&lt;/pre&gt;
&lt;p&gt;SettingsActivity.java&lt;/p&gt;
&lt;pre&gt;&lt;code&gt;public class SettingsActivity extends AppCompatActivity {
    @Override
    protected void onCreate(Bundle savedInstanceState) {
        super.onCreate(savedInstanceState);
        setContentView(R.layout.activity_settings);
        initToolbar();
        // Display the fragment as the main content.
        getFragmentManager().beginTransaction()
                .replace(R.id.fragment_container, new SettingsFragment())
                .commit();
    }
    private void initToolbar() {
        Toolbar mToolbar = (Toolbar) findViewById(R.id.toolbar);
        setSupportActionBar(mToolbar);
        getSupportActionBar().setDisplayShowHomeEnabled(true);
        getSupportActionBar().setDisplayHomeAsUpEnabled(true);
    }
    public static class SettingsFragment extends PreferenceFragment {
        @Override
        public void onCreate(Bundle savedInstanceState) {
            super.onCreate(savedInstanceState);
            // Load the preferences from an XML resource
            addPreferencesFromResource(R.xml.preferences);
        }
    }
}
&lt;/code&gt;&lt;/pre&gt;
&lt;p&gt;activity_settings.xml&lt;/p&gt;
&lt;pre&gt;&lt;code&gt;&amp;lt;LinearLayout xmlns:android="http://schemas.android.com/apk/res/android"
    android:orientation="vertical"
    android:layout_width="match_parent"
    android:layout_height="match_parent"&amp;gt;
    &amp;lt;include layout="@layout/toolbar"/&amp;gt;
    &amp;lt;FrameLayout
        android:id="@+id/fragment_container"
        android:layout_width="match_parent"
        android:layout_height="match_parent"
        /&amp;gt;
&amp;lt;/LinearLayout&amp;gt;
&lt;/code&gt;&lt;/pre&gt;
&lt;p&gt;&lt;a href="https://i.stack.imgur.com/Au563.gif" rel="nofollow noreferrer"&gt;&lt;img src="https://i.stack.imgur.com/Au563.gif" alt="enter image description here"&gt;&lt;/a&gt;&lt;/p&gt;</t>
  </si>
  <si>
    <t>2015-10-06 17:49:54.863000+00:00</t>
  </si>
  <si>
    <t>2015-10-06 18:38:06.930000+00:00</t>
  </si>
  <si>
    <t>android|xml|android-preferences</t>
  </si>
  <si>
    <t>Backward compatibility of ewmvar in pandas</t>
  </si>
  <si>
    <t>&lt;p&gt;It seems that the &lt;code&gt;ewmvar&lt;/code&gt; is not always backward compatible. When using the settings &lt;code&gt;bias=True&lt;/code&gt; in both pandas 0.14.1 and 0.15.2, we obtain the same result. However, when &lt;code&gt;bias=False&lt;/code&gt;, as is the default, the results are no longer the same.&lt;/p&gt;
&lt;p&gt;Is there a way to stay compatible in this case? I would like to make sure that it does. &lt;/p&gt;
&lt;pre&gt;&lt;code&gt;s = Series(range(1, 11))
ewmvar(s, span=19, bias=False)
&lt;/code&gt;&lt;/pre&gt;
&lt;p&gt;Gives in pandas 0.14.1:&lt;/p&gt;
&lt;pre&gt;&lt;code&gt;0   -2.343804e-16
1    2.631579e-01
2    6.998135e-01
3    1.307082e+00
4    2.080978e+00
5    3.016467e+00
6    4.107530e+00
7    5.347237e+00  
8    6.727838e+00
9    8.240851e+00
&lt;/code&gt;&lt;/pre&gt;
&lt;p&gt;However in pandas 0.15.2:&lt;/p&gt;
&lt;pre&gt;&lt;code&gt;0         NaN
1    0.500000
2    0.998155
3    1.658692
4    2.477992
5    3.451425
6    4.573407
7    5.837471
8    7.236344
9    8.762037
&lt;/code&gt;&lt;/pre&gt;
&lt;p&gt;Thank you for any insights. The alternative is I set up my own ewmvar.&lt;/p&gt;</t>
  </si>
  <si>
    <t>2015-01-14 10:15:33.213000+00:00</t>
  </si>
  <si>
    <t>2015-01-14 11:11:38.803000+00:00</t>
  </si>
  <si>
    <t>Does PostQuitMessage() goes into WM_DESTROY or WM_CLOSE?</t>
  </si>
  <si>
    <t>&lt;p&gt;I am trying to create a very basic window using the Win32 API and it's been a long time since I've done this.&lt;/p&gt;
&lt;p&gt;I think my message loop is okay, but when I close the opened window, the application is still running. It looks like the message loop never gets a &lt;code&gt;WM_QUIT&lt;/code&gt; message. However, I am calling &lt;code&gt;PostQuitMessage&lt;/code&gt; and a message box confirms I called it.&lt;/p&gt;
&lt;p&gt;What is wrong with this minimalist code?&lt;/p&gt;
&lt;pre&gt;&lt;code&gt;#include &amp;lt;Windows.h&amp;gt;
LRESULT CALLBACK window_proc(HWND hwnd, UINT msg,
        WPARAM w_param, LPARAM l_param) {
    switch (msg) {
    case WM_DESTROY:
        MessageBox(NULL, L"destroy", L"info", MB_OK);
        PostQuitMessage(0);
        break;
    default:
        return DefWindowProc(hwnd, msg, w_param, l_param);
    }
    return 0;
}
int CALLBACK WinMain(HINSTANCE h_instance, HINSTANCE h_prev_instance,
        LPSTR cmd_line, int n_cmd_show) {
    WNDCLASS wnd_class;
    HWND hwnd;
    MSG msg;
    BOOL ret;
    wnd_class.cbClsExtra = 0;
    wnd_class.cbWndExtra = 0;
    wnd_class.hbrBackground = (HBRUSH) GetStockObject(BLACK_BRUSH);
    wnd_class.hCursor = LoadCursor(NULL, IDC_ARROW);
    wnd_class.hIcon = LoadIcon(NULL, IDI_APPLICATION);
    wnd_class.hInstance = h_instance;
    wnd_class.lpfnWndProc = window_proc;
    wnd_class.lpszClassName = L"MyWindowClass";
    wnd_class.lpszMenuName = NULL;
    wnd_class.style = 0;
    if (!RegisterClass(&amp;amp;wnd_class)) {
        MessageBox(NULL, L"cannot register window class",
            L"error", MB_OK | MB_ICONERROR);
    }
    hwnd = CreateWindow(
        L"MyWindowClass",
        L"",
        WS_OVERLAPPEDWINDOW | WS_VISIBLE,
        CW_USEDEFAULT,
        CW_USEDEFAULT,
        CW_USEDEFAULT,
        CW_USEDEFAULT,
        NULL,
        NULL,
        h_instance,
        NULL
    );
    while ((ret = GetMessage(&amp;amp;msg, hwnd, 0, 0)) != 0) {
        if (ret == -1) {
            MessageBox(NULL, L"error", L"", MB_OK);
        } else {
            TranslateMessage(&amp;amp;msg);
            DispatchMessage(&amp;amp;msg);
        }
    }
    MessageBox(NULL, L"quitting now", L"info", MB_OK);
    return msg.wParam;
}
&lt;/code&gt;&lt;/pre&gt;
&lt;p&gt;The &lt;code&gt;GetMessage&lt;/code&gt; doc says the function returns 0 when it reads a &lt;code&gt;WM_QUIT&lt;/code&gt; message. Howcome &lt;code&gt;PostQuitMessage&lt;/code&gt; is called and &lt;code&gt;GetMessage&lt;/code&gt; never returns 0?&lt;/p&gt;
&lt;p&gt;Thank you, Win32 gurus.&lt;/p&gt;</t>
  </si>
  <si>
    <t>2013-01-26 03:31:08.730000+00:00</t>
  </si>
  <si>
    <t>2013-01-26 06:43:03.070000+00:00</t>
  </si>
  <si>
    <t>Mac Java Crashed Error</t>
  </si>
  <si>
    <t>&lt;p&gt;I am using a OS X v 10.8.4 with Java 1.6.0_51 installed.When i try to open Jdeveloper java application it crash upon loading. I got the following message in the log file &lt;/p&gt;
&lt;pre&gt;&lt;code&gt; com.apple.launchd.peruser.501[131]: ([0x0-0x53053].com.oracle.JDeveloper[680]) Exited with code: 2
&lt;/code&gt;&lt;/pre&gt;
&lt;p&gt;Is this what might be causing the crash?&lt;/p&gt;</t>
  </si>
  <si>
    <t>2013-08-09 13:17:20.850000+00:00</t>
  </si>
  <si>
    <t>2013-08-09 23:11:53.483000+00:00</t>
  </si>
  <si>
    <t>2013-08-09 13:25:38.903000+00:00</t>
  </si>
  <si>
    <t>java|macos|crash|jdeveloper</t>
  </si>
  <si>
    <t>geckodriver windows authentication</t>
  </si>
  <si>
    <t>&lt;p&gt;I am upgrading my tests to use Selenium 3.4.0.  Running the test with the latest chrome driver I have no problems, when I configure the tests to use geckodriver I receive a windows Authentication Required dialog:&lt;/p&gt;
&lt;p&gt;&lt;a href="https://i.stack.imgur.com/JRSTH.png" rel="nofollow noreferrer"&gt;screenshot&lt;/a&gt;&lt;/p&gt;
&lt;p&gt;Here is my configuration for the FirefoxDriver:&lt;/p&gt;
&lt;pre&gt;&lt;code&gt;System.setProperty("webdriver.gecko.driver", "./drivers/geckodriver.exe");
driver = new FirefoxDriver();
&lt;/code&gt;&lt;/pre&gt;
&lt;p&gt;The console output shows the following:&lt;/p&gt;
&lt;pre&gt;&lt;code&gt;1498596765531   geckodriver INFO    Listening on 127.0.0.1:40330
1498596766187   geckodriver::marionette INFO    Starting browser \\?
\C:\Program Files (x86)\Mozilla Firefox\firefox.exe with args ["-
marionette"]
:
 no] Stack trace: FileUtils_getDir()@resource://gre/modules/FileUtils.jsm:70 
&amp;lt; FileUtils_getFile()@resource://gre/modules/FileUtils.jsm:42 &amp;lt; 
validateBlocklist()@resource://gre/modules/AddonManager.jsm:674 &amp;lt; 
startup()@resource://gre/modules/AddonManager.jsm:837 &amp;lt; 
startup()@resource://gre/modules/AddonManager.jsm:3145 &amp;lt; 
observe()@resource://gre/components/addonManager.js:65
1498596767838   Marionette  INFO    Listening on port 50529
JavaScript error: resource://gre/modules/AddonManager.jsm, line 2572: 
NS_ERROR_NOT_INITIALIZED: AddonManager is not initialized
Jun 27, 2017 1:52:48 PM org.openqa.selenium.remote.ProtocolHandshake 
createSession
INFO: Detected dialect: W3C
&lt;/code&gt;&lt;/pre&gt;
&lt;p&gt;I am not sure why I am getting this javascript error:&lt;/p&gt;
&lt;pre&gt;&lt;code&gt;JavaScript error: resource://gre/modules/AddonManager.jsm, line 2572: NS_ERROR_NOT_INITIALIZED: AddonManager is not initialized
&lt;/code&gt;&lt;/pre&gt;
&lt;p&gt;Any reason why the geckodriver is causing the windows authentication dialog to appear? &lt;/p&gt;
&lt;p&gt;The website is an internal application that use kerberos for authentication.&lt;/p&gt;</t>
  </si>
  <si>
    <t>2017-06-27 21:11:29.560000+00:00</t>
  </si>
  <si>
    <t>2017-10-12 18:52:19.960000+00:00</t>
  </si>
  <si>
    <t>2017-06-27 22:52:24.933000+00:00</t>
  </si>
  <si>
    <t>selenium|geckodriver</t>
  </si>
  <si>
    <t>Regular Expression to match string after specific word until dot</t>
  </si>
  <si>
    <t>&lt;p&gt;I have a string &lt;/p&gt;
&lt;pre&gt;&lt;code&gt;Da��ikliai. Nepavojingas. Savyb��s: Geltonas ekstrahuojamas i�� kurkumos, neapalo ��aknies. Arba gaunamas sintez��s b��du.
&lt;/code&gt;&lt;/pre&gt;
&lt;p&gt;and I want to match a word after static string &lt;code&gt;Savyb��s&lt;/code&gt;. until first dot. &lt;/p&gt;
&lt;p&gt;So my output should be:&lt;/p&gt;
&lt;pre&gt;&lt;code&gt;Geltonas ekstrahuojamas i�� kurkumos, neapalo ��aknies
&lt;/code&gt;&lt;/pre&gt;
&lt;p&gt;Here what I try so far&lt;/p&gt;
&lt;pre&gt;&lt;code&gt;"/^Savyb��s=*$/"
&lt;/code&gt;&lt;/pre&gt;
&lt;p&gt;but this doesn't give any results.&lt;/p&gt;</t>
  </si>
  <si>
    <t>2015-12-10 17:18:10.650000+00:00</t>
  </si>
  <si>
    <t>2015-12-11 02:33:04.193000+00:00</t>
  </si>
  <si>
    <t>php|regex</t>
  </si>
  <si>
    <t>Using Response.ContentType="Application/pdf"</t>
  </si>
  <si>
    <t>&lt;p&gt;Is it possible to output a pdf on the fly using:&lt;/p&gt;
&lt;pre&gt;&lt;code&gt;Response.ContentType="Application/pdf"
&lt;/code&gt;&lt;/pre&gt;
&lt;p&gt;I have a table full of php variables that I want to output in the pdf using the method above. How would I create the pdf when the user clicks a button on the website and display the content from the table?&lt;/p&gt;
&lt;p&gt;UPDATE:
Using html2pdf I'm getting the following error:&lt;/p&gt;
&lt;pre&gt;&lt;code&gt;Warning: Cannot modify header information - headers already sent by (output started at /home/medilogi/public_html/v1/wp-content/themes/default/header.php:8) in /home/medilogi/public_html/v1/wp-content/themes/default/html2pdf/_tcpdf_5.0.002/tcpdf.php on line 6122
TCPDF ERROR: Some data has already been output to browser, can't send PDF file
&amp;lt;?php
$content = "test";
require_once(dirname(__FILE__).'/html2pdf/html2pdf.class.php');
$html2pdf = new HTML2PDF('P', 'A4', 'en');
$html2pdf-&amp;gt;WriteHTML($content);
$html2pdf-&amp;gt;Output('example.pdf');
?&amp;gt;
&lt;/code&gt;&lt;/pre&gt;</t>
  </si>
  <si>
    <t>2011-12-05 09:43:08.727000+00:00</t>
  </si>
  <si>
    <t>2011-12-05 11:15:06.767000+00:00</t>
  </si>
  <si>
    <t>php|pdf|pdf-generation</t>
  </si>
  <si>
    <t>Column output have query in it how can i execute it with current resultset in SQL Server</t>
  </si>
  <si>
    <t>&lt;p&gt;My column contains a query (SQL text), how can I execute that with current resultset in SQL Server?&lt;/p&gt;
&lt;p&gt;&lt;img src="https://i.stack.imgur.com/zp8sC.png" alt="Question given below in image"&gt;&lt;/p&gt;</t>
  </si>
  <si>
    <t>2018-05-10 11:43:08.880000+00:00</t>
  </si>
  <si>
    <t>2018-05-10 13:12:22.113000+00:00</t>
  </si>
  <si>
    <t>sql-server|tsql|dynamic</t>
  </si>
  <si>
    <t>Is NSUserDefaults threadsafe</t>
  </si>
  <si>
    <t>&lt;p&gt;I know that documentation says that it is, and i know that this subject was already under discussion but I have an interesting stack result and I cant conclude anything else but that &lt;code&gt;[NSUserDefaults standardUserDefaults]&lt;/code&gt; is not threadsafe. So I will post my crash log and hope that somebody sees something that I can't...&lt;/p&gt;
&lt;p&gt;Crashed Thread&lt;/p&gt;
&lt;pre&gt;&lt;code&gt;    ... 
    libdispatch.dylib 0x3ab53d67 _dispatch_client_callout + 23
    libdispatch.dylib 0x3ab65e73 _dispatch_barrier_sync_f_invoke + 27
    CoreFoundation 0x302b470d CFPreferencesAppSynchronize + 265       
    Foundation 0x30151b01 -[NSUserDefaults(NSUserDefaults) synchronize] + 25
    MyApp 0x0009df8b -[AppDelegate applicationDidEnterBackground:] (AppDelegate.m:178)
    ...
    MyApp 0x0005344b main (main.m:17)
    MyApp 0x000533f8 start + 40
&lt;/code&gt;&lt;/pre&gt;
&lt;p&gt;some other thread&lt;/p&gt;
&lt;pre&gt;&lt;code&gt;    ...
    CoreFoundation 0x302bc13f _CFXPreferencesSetValue + 107
    CoreFoundation 0x302bc039 CFPreferencesSetAppValue + 41
    Foundation 0x30c76935 -[NSUserDefaults(NSUserDefaults) setObject:forKey:] + 61
    MyApp 0x000b2e9d -[AppData parserDidEndDocument:] (AppData.m:1013)
   ...
&lt;/code&gt;&lt;/pre&gt;
&lt;p&gt;Parts of the stack have been cut out and substituted with "..." cause its just too long and irrelevant for the subject. App crashes with message:&lt;/p&gt;
&lt;blockquote&gt;
  &lt;p&gt;&lt;em&gt;*&lt;/em&gt; Collection &amp;lt;__NSDictionaryM: 0x15a04ae0&gt; was mutated while being enumerated.
  ....&lt;/p&gt;
&lt;/blockquote&gt;
&lt;p&gt;Code: 
AppDelegate: -&gt; crached thread...&lt;/p&gt;
&lt;pre&gt;&lt;code&gt;    - (void)applicationDidEnterBackground:(UIApplication *)application
    {
        [[NSUserDefaults standardUserDefaults] synchronize];
    }
&lt;/code&gt;&lt;/pre&gt;
&lt;p&gt;MyClass: -&gt;second thread:&lt;/p&gt;
&lt;pre&gt;&lt;code&gt;    -(void)parserDidEndDocument:(NSXMLParser *)parser {
    ...
        [[NSUserDefaults standardUserDefaults] setObject:arr forKey:@"savedStations"];
        [[NSUserDefaults standardUserDefaults] setObject:[NSDate date] forKey:@"lastUpdateDate"];
        [[NSUserDefaults standardUserDefaults] setBool:YES forKey:@"alreadyLoaded"];
    ...
    }
&lt;/code&gt;&lt;/pre&gt;
&lt;p&gt;I have this crash in couple of other cases, it always includes some writing to user defaults in one thread and synchronizeing in other thread that crashes.. If anyone has some other explanation I would be very greatfull... &lt;/p&gt;</t>
  </si>
  <si>
    <t>2013-10-21 09:42:26.697000+00:00</t>
  </si>
  <si>
    <t>2015-04-10 22:11:59.493000+00:00</t>
  </si>
  <si>
    <t>2013-10-21 10:01:25.643000+00:00</t>
  </si>
  <si>
    <t>iphone|ios|thread-safety|nsuserdefaults</t>
  </si>
  <si>
    <t>How can I turn a string into a list in Python?</t>
  </si>
  <si>
    <t>&lt;p&gt;How can I turn a string (like &lt;code&gt;'hello'&lt;/code&gt;) into a list (like &lt;code&gt;[h,e,l,l,o]&lt;/code&gt;)?&lt;/p&gt;</t>
  </si>
  <si>
    <t>2011-09-22 23:08:41.773000+00:00</t>
  </si>
  <si>
    <t>2016-10-11 13:41:49.610000+00:00</t>
  </si>
  <si>
    <t>2011-09-22 23:11:43.790000+00:00</t>
  </si>
  <si>
    <t>python|string|list</t>
  </si>
  <si>
    <t>Efficiently rendering an Occupancy Grid in Java Swing</t>
  </si>
  <si>
    <t>&lt;p&gt;First off, please accept my apologies if this question is basic, I mainly have knowledge of C# but am forced to use Java for this particular project!&lt;/p&gt;
&lt;p&gt;I'm trying to implement a GUI to display an &lt;a href="http://en.wikipedia.org/wiki/Occupancy_grid_mapping" rel="nofollow"&gt;occupancy grid&lt;/a&gt; based on robot sensor data. The occupancy grid will be quite large, perhaps up to 1500x1500 grid squares representing real-world area of around 10cm2 per grid cell. &lt;/p&gt;
&lt;p&gt;Each grid square will simply store an Enumerable status, for example:&lt;/p&gt;
&lt;ul&gt;
&lt;li&gt;Unknown&lt;/li&gt;
&lt;li&gt;Unoccupied&lt;/li&gt;
&lt;li&gt;Occupied&lt;/li&gt;
&lt;li&gt;Robot&lt;/li&gt;
&lt;/ul&gt;
&lt;p&gt;I would simply like to find the best way to render this as a grid, using different colour squares to depict different grid cell status'.&lt;/p&gt;
&lt;p&gt;I have implemented a naive, basic algorithm to draw squares and grid lines, however it performs VERY badly on larger occupancy grids. Other code in the class redraws the window every 0.5s as new sensor data is collected, I suspect the reason for the very poor performance is the fact that i am rendering EVERY cell EVERY time. Is there an easy way i can selectively render these cells, should I wrap each cell in an observable class? &lt;/p&gt;
&lt;p&gt;My current implementation:&lt;/p&gt;
&lt;pre&gt;&lt;code&gt;@Override
public void paint(Graphics g) {
    Graphics2D g2 = (Graphics2D) g;
    int width = getSize().width;
    int height = getSize().height;
    int rowHeight = height / (rows);
    int colWidth = width / (columns);
    //Draw Squares
    for (int row = 0; row &amp;lt; rows; row++) {
        for (int col = 0; col &amp;lt; columns; col++) {
            switch (this.grid[row][col]) {
                case Unexplored:
                    g.setColor(Color.LIGHT_GRAY);
                    break;
                case Empty:
                    g.setColor(Color.WHITE);
                    break;
                case Occupied:
                    g.setColor(Color.BLACK);
                    break;
                case Robot:
                    g.setColor(Color.RED);
                    break;
            }
            g.drawRect(col * colWidth, height - ((row + 1) * rowHeight), colWidth,     rowHeight);
            g.fillRect(col * colWidth, height - ((row + 1) * rowHeight), colWidth,     rowHeight);
        }
    }
    int k;
    if (outline) {
        g.setColor(Color.black);
        for (k = 0; k &amp;lt; rows; k++) {
            g.drawLine(0, k * rowHeight, width, k * rowHeight);
        }
        for (k = 0; k &amp;lt; columns; k++) {
            g.drawLine(k * colWidth, 0, k * colWidth, height);
        }
    }
}
 private void setRefresh() {
    Action updateUI = new AbstractAction() {
        boolean shouldDraw = false;
        public void actionPerformed(ActionEvent e) {
            repaint();
        }
    };
    new Timer(updateRate, updateUI).start();
}
&lt;/code&gt;&lt;/pre&gt;
&lt;p&gt;Please help! Thanks in advance.&lt;/p&gt;</t>
  </si>
  <si>
    <t>2012-02-12 19:33:26.230000+00:00</t>
  </si>
  <si>
    <t>2012-02-13 11:29:10.917000+00:00</t>
  </si>
  <si>
    <t>2012-02-13 06:05:08.320000+00:00</t>
  </si>
  <si>
    <t>java|swing|graphics|robotics</t>
  </si>
  <si>
    <t>Format the date in textbox JSP</t>
  </si>
  <si>
    <t>&lt;p&gt;I have date type Java object. I want to display that in textbox, allow the user to change it, submit that along with the form. I am attaching the datepicker using class date with the textbox to take the input from user. But I want to set some initial value in the texbox from datevar in specified format. How can specify the format ?&lt;/p&gt;
&lt;pre&gt;&lt;code&gt;&amp;lt;td&amp;gt;&amp;lt;p&amp;gt;Date: &amp;lt;input type="text" class= "date" name = "date" value = "${dateVar}"/&amp;gt;&amp;lt;/p&amp;gt;&amp;lt;/td&amp;gt;
&lt;/code&gt;&lt;/pre&gt;
&lt;p&gt;I have used the format for label as following: &lt;/p&gt;
&lt;pre&gt;&lt;code&gt;&amp;lt;td&amp;gt;&amp;lt;fmt:formatDate value="${dateVar}" pattern="MM-dd-yyyy" /&amp;gt;&amp;lt;/td&amp;gt;
&lt;/code&gt;&lt;/pre&gt;
&lt;p&gt;Can I do something like that for my textbox as well ?&lt;/p&gt;</t>
  </si>
  <si>
    <t>2013-06-26 20:34:29.803000+00:00</t>
  </si>
  <si>
    <t>2013-06-26 23:36:57.263000+00:00</t>
  </si>
  <si>
    <t>jsp|datetime|textbox|datepicker|date-formatting</t>
  </si>
  <si>
    <t>Validation fileds from ajax request [Laravel 5]</t>
  </si>
  <si>
    <t>&lt;p&gt;Here is my validation request :rules&lt;/p&gt;
&lt;pre&gt;&lt;code&gt;&amp;lt;?php
namespace App\Http\Requests;
use App\Http\Requests\Request;
use Illuminate\Support\Facades\Auth;
class UpdateCommentRequest extends Request {
    /**
     * Determine if the user is authorized to make this request.
     *
     * @return bool
     */
    public function authorize() {
        return true;
    }
    /**
     * Get the validation rules that apply to the request.
     *
     * @return array
     */
    public function rules() {
        $user = Auth::user()-&amp;gt;id;
        return [
            'comment' =&amp;gt; 'required|between:15,600',
            'projectID' =&amp;gt; "required|exists:project_group,project_id,user_id,$user|numeric",
            'order' =&amp;gt; "required|numeric",
            'level' =&amp;gt; "required|numeric"
        ];
    }
}
&lt;/code&gt;&lt;/pre&gt;
&lt;p&gt;And in my model I have like this:&lt;/p&gt;
&lt;pre&gt;&lt;code&gt;public function apiUpdateComment(UpdateCommentRequest $request){
    $comment = Comment::find(Input::get("order"));
    $comment-&amp;gt;text = Input::get('comment');
    if($comment-&amp;gt;save()){
        return 'success';
    }
 }
&lt;/code&gt;&lt;/pre&gt;
&lt;p&gt;This fileds I need to validate agins rules array:&lt;/p&gt;
&lt;pre&gt;&lt;code&gt;    array(
        'comment' =&amp;gt; Input::get('comment'),
        'projectID' =&amp;gt; Input::get('projectID'),
        'order' =&amp;gt; Input::get("order"),
        'level' =&amp;gt; Input::get("level"),
    );
&lt;/code&gt;&lt;/pre&gt;
&lt;p&gt;I need to check if all rules are ok and then update comment... Anyone can help?&lt;/p&gt;</t>
  </si>
  <si>
    <t>2015-09-27 16:07:42.563000+00:00</t>
  </si>
  <si>
    <t>2015-09-27 16:28:40.953000+00:00</t>
  </si>
  <si>
    <t>ajax|laravel|laravel-5</t>
  </si>
  <si>
    <t>Objects creation lifetime in Asp.net MVC5</t>
  </si>
  <si>
    <t>&lt;blockquote&gt;
  &lt;p&gt;Controllers are created per request in Asp.net MVC, this is a fact. &lt;/p&gt;
&lt;/blockquote&gt;
&lt;p&gt;My question is: 
what is the best practice for for creating common objects (Logger, Localizer, Configurator) that are used in the web application, possible methods from my knowledge are:&lt;/p&gt;
&lt;ol&gt;
&lt;li&gt;Create the object per request then dispose it at the end of the request.&lt;/li&gt;
&lt;li&gt;Create the object at the beginning of user session then dispose it at the end of the session.&lt;/li&gt;
&lt;li&gt;Create only one object for the entire application and dispose it at application shutdown.&lt;/li&gt;
&lt;/ol&gt;</t>
  </si>
  <si>
    <t>2016-04-10 08:47:16.703000+00:00</t>
  </si>
  <si>
    <t>2016-04-10 10:20:51.770000+00:00</t>
  </si>
  <si>
    <t>2016-04-10 08:53:32.473000+00:00</t>
  </si>
  <si>
    <t>asp.net|asp.net-mvc|asp.net-mvc-4|asp.net-mvc-5</t>
  </si>
  <si>
    <t>SimpleXMLElement value to int</t>
  </si>
  <si>
    <t>&lt;p&gt;I have problem with SimpleXMLElement.
This is var_dump one of my SimpleXML position:&lt;/p&gt;
&lt;pre&gt;&lt;code&gt;object(SimpleXMLElement)#42 (4) 
{ 
    ["nazwa_waluty"] =&amp;gt; string(14) "rubel rosyjski" 
    ["przelicznik"]  =&amp;gt; string(1)  "1" 
    ["kod_waluty"]   =&amp;gt; string(3)  "RUB" 
    ["kurs_sredni"]  =&amp;gt; string(6)  "0,0514" 
}
&lt;/code&gt;&lt;/pre&gt;
&lt;p&gt;and I don't know how to get "kurs_sredni" as an intiger.&lt;br&gt;
I tried &lt;code&gt;(int) $position-&amp;gt;kurs_sredni&lt;/code&gt; but it doesn't work.&lt;br&gt;
Any suggestions?&lt;/p&gt;
&lt;p&gt;EDIT:
This is my method. I would like to get "kurs_sredni" as a float:&lt;/p&gt;
&lt;pre&gt;&lt;code&gt;public function getExchangeRate($currency)
    {
        $filename = 'LastA.xml';
        $filepath = Mage::getBaseDir('base') . '/media/exchangerate/' . $filename;
        $exchangeRateXml = simplexml_load_file($filepath);
        foreach($exchangeRateXml-&amp;gt;pozycja as $position){
            if ($position-&amp;gt;kod_waluty == $currency) {
                var_dump((float) $position-&amp;gt;kurs_sredni);die();
            }
        }
    }
&lt;/code&gt;&lt;/pre&gt;
&lt;p&gt;and var_dump returns 0&lt;/p&gt;</t>
  </si>
  <si>
    <t>2016-02-07 23:07:05.217000+00:00</t>
  </si>
  <si>
    <t>2016-02-07 23:23:07.693000+00:00</t>
  </si>
  <si>
    <t>php|simplexml</t>
  </si>
  <si>
    <t>ExtJs 4.2 Store issue with rawData</t>
  </si>
  <si>
    <t>&lt;p&gt;I am calling store , but while i print its data it says &lt;code&gt;undefined&lt;/code&gt; &lt;/p&gt;
&lt;pre&gt;&lt;code&gt;var store1 = Ext.create('Store1', {storeId: 'headerId'}).load({
     params: {
        gridFlag: 'gridHeader'
    }
});
   console.log(Ext.getStore(this.storeId).proxy.reader.rawData);
&lt;/code&gt;&lt;/pre&gt;</t>
  </si>
  <si>
    <t>2014-01-09 15:41:19.797000+00:00</t>
  </si>
  <si>
    <t>2014-01-11 19:05:16.687000+00:00</t>
  </si>
  <si>
    <t>extjs|extjs4.2</t>
  </si>
  <si>
    <t>IllegalStateException: DecorView has already been added to the window manager</t>
  </si>
  <si>
    <t>&lt;p&gt;I have a keyboard app in android, which extends the &lt;code&gt;InputMethodService&lt;/code&gt; class and builds the view on it. Here is the &lt;code&gt;onCreateInputView&lt;/code&gt; for the same.&lt;/p&gt;
&lt;pre&gt;&lt;code&gt;@Override
public View onCreateInputView() {
    mContext = this;
    if (layout == null) {
        layout = getSearchViewLayout();
    }
    return layout;
}
&lt;/code&gt;&lt;/pre&gt;
&lt;p&gt;The problem is it sometimes (very few times and not in my device) produces the following crash log. In the crash log, there is no reference to any files/lines from my code and only gives this log below.&lt;/p&gt;
&lt;pre&gt;&lt;code&gt;Exception java.lang.IllegalStateException: View DecorView@1d4ba90[InputMethod] has already been added to the window manager.
android.view.WindowManagerGlobal.addView (WindowManagerGlobal.java:319)
android.view.WindowManagerImpl.addView (WindowManagerImpl.java:94)
android.app.Dialog.show (Dialog.java:319)
android.inputmethodservice.InputMethodService.showWindowInner (InputMethodService.java:1658)
android.inputmethodservice.InputMethodService.showWindow (InputMethodService.java:1590)
android.inputmethodservice.InputMethodService$InputMethodImpl.showSoftInput (InputMethodService.java:442)
android.inputmethodservice.IInputMethodWrapper.executeMessage (IInputMethodWrapper.java:206)
com.android.internal.os.HandlerCaller$MyHandler.handleMessage (HandlerCaller.java:37)
android.os.Handler.dispatchMessage (Handler.java:102)
android.os.Looper.loop (Looper.java:165)
android.app.ActivityThread.main (ActivityThread.java:6365)
java.lang.reflect.Method.invoke (Method.java)
&lt;/code&gt;&lt;/pre&gt;
&lt;p&gt;I tried to catch the error in several places within my code but with no luck!&lt;/p&gt;
&lt;p&gt;I have also identified from the firebase crash reporting logs that crash only happens when users try to switch back and forth between keyboards. &lt;/p&gt;
&lt;p&gt;Can anyone shed light to as to what is happening?. How do I solve it or Where exactly should I put a try-catch? (If that is the last option)&lt;/p&gt;</t>
  </si>
  <si>
    <t>2018-07-07 13:29:02.230000+00:00</t>
  </si>
  <si>
    <t>2018-10-08 10:25:17.810000+00:00</t>
  </si>
  <si>
    <t>android|keyboard|android-softkeyboard|custom-keyboard|android-windowmanager</t>
  </si>
  <si>
    <t>Reverse animation on mouseout after mouseover using Jquery</t>
  </si>
  <si>
    <t>&lt;p&gt;I want to create animation like when I mouseover on one div, another div will fade in from top and  when I mouseout from div that animated div will fade out to top. I have written below code for this but not able to give effect fade out to top.&lt;/p&gt;
&lt;p&gt;&lt;div class="snippet" data-lang="js" data-hide="false" data-console="true" data-babel="false"&gt;_x000D_
&lt;div class="snippet-code"&gt;_x000D_
&lt;pre class="snippet-code-js lang-js prettyprint-override"&gt;&lt;code&gt;$('.hotspot').mouseover(function () {_x000D_
  $('.hotspotDesc').addClass('HotspotDesc-FadeIn')_x000D_
  $('.hotspotDesc').show();_x000D_
})_x000D_
$('.hotspot').mouseleave(function () {_x000D_
  $('.hotspotDesc').addClass('HotspotDesc-FadeOut')_x000D_
  $('.hotspotDesc').hide();_x000D_
})&lt;/code&gt;&lt;/pre&gt;_x000D_
&lt;pre class="snippet-code-css lang-css prettyprint-override"&gt;&lt;code&gt;.hotspotDesc {_x000D_
    -webkit-animation-duration: 1s;_x000D_
    animation-duration: 1s;_x000D_
    -webkit-animation-fill-mode: both;_x000D_
    animation-fill-mode: both;_x000D_
    _x000D_
}_x000D_
_x000D_
.HotspotDesc-FadeIn {_x000D_
    _x000D_
    animation-name:HotspotDesc-FadeIn;_x000D_
    -webkit-animation-name:HotspotDesc-FadeIn;_x000D_
}_x000D_
_x000D_
.HotspotDesc-FadeOut {_x000D_
    _x000D_
    animation-name:HotspotDesc-FadeOut;_x000D_
    -webkit-animation-name:HotspotDesc-FadeOut;_x000D_
}_x000D_
_x000D_
_x000D_
@-webkit-keyframes HotspotDesc-FadeIn {_x000D_
  from {_x000D_
    opacity: 0;_x000D_
    -webkit-transform: translate3d(0, -10%, 0);_x000D_
    transform: translate3d(0, -10%, 0);_x000D_
  }_x000D_
_x000D_
  to {_x000D_
    opacity: 1;_x000D_
    -webkit-transform: none;_x000D_
    transform: none;_x000D_
  }_x000D_
}_x000D_
_x000D_
@keyframes HotspotDesc-FadeIn {_x000D_
  from {_x000D_
    opacity: 0;_x000D_
    -webkit-transform: translate3d(0, -10%, 0);_x000D_
    transform: translate3d(0, -10%, 0);_x000D_
  }_x000D_
_x000D_
  to {_x000D_
    opacity: 1;_x000D_
    -webkit-transform: none;_x000D_
    transform: none;_x000D_
  }_x000D_
}_x000D_
_x000D_
@-webkit-keyframes HotspotDesc-FadeOut {_x000D_
  from {_x000D_
    opacity: 1;_x000D_
    -webkit-transform: translate3d(0, 10%, 0);_x000D_
    transform: translate3d(0, 10%, 0);_x000D_
  }_x000D_
_x000D_
  to {_x000D_
    opacity: 0;_x000D_
    -webkit-transform: none;_x000D_
    transform: none;_x000D_
  }_x000D_
}_x000D_
_x000D_
@keyframes HotspotDesc-FadeOut {_x000D_
  from {_x000D_
    opacity: 1;_x000D_
    -webkit-transform: translate3d(0, 10%, 0);_x000D_
    transform: translate3d(0, 10%, 0);_x000D_
  }_x000D_
_x000D_
  to {_x000D_
    opacity: 0;_x000D_
    -webkit-transform: none;_x000D_
    transform: none;_x000D_
  }_x000D_
}&lt;/code&gt;&lt;/pre&gt;_x000D_
&lt;pre class="snippet-code-html lang-html prettyprint-override"&gt;&lt;code&gt;&amp;lt;script src="https://ajax.googleapis.com/ajax/libs/jquery/2.1.1/jquery.min.js"&amp;gt;&amp;lt;/script&amp;gt;_x000D_
_x000D_
&amp;lt;div class="hotspot"&amp;gt;_x000D_
  Hover me_x000D_
&amp;lt;/div&amp;gt;_x000D_
_x000D_
&amp;lt;div class="hotspotDesc" style="display:none;"&amp;gt;_x000D_
  Description will come here...._x000D_
&amp;lt;/div&amp;gt;&lt;/code&gt;&lt;/pre&gt;_x000D_
&lt;/div&gt;_x000D_
&lt;/div&gt;_x000D_
&lt;/p&gt;</t>
  </si>
  <si>
    <t>2016-12-28 10:07:59.127000+00:00</t>
  </si>
  <si>
    <t>2016-12-28 11:44:49.210000+00:00</t>
  </si>
  <si>
    <t>2016-12-28 10:25:22.010000+00:00</t>
  </si>
  <si>
    <t>jquery|html|css|css3|animation</t>
  </si>
  <si>
    <t>How to get the Selected index and value of a radio button inside an unorderd list using javascript</t>
  </si>
  <si>
    <t>&lt;p&gt;I have an unordered list that has a radio button. I want to get the ID of the checked radio button.&lt;/p&gt;
&lt;p&gt;Here's the HTML:&lt;/p&gt;
&lt;pre&gt;&lt;code&gt;&amp;lt;ul class="class1"&amp;gt;
 &amp;lt;li&amp;gt;
  &amp;lt;label id="id1"&amp;gt;
   &amp;lt;input id="id1A" type="radio" value="2" name="name1" onchange="say(); return false;"&amp;gt;
   &amp;lt;span class="className1"&amp;gt;Some Text1&amp;lt;/span&amp;gt;
  &amp;lt;/label&amp;gt;
 &amp;lt;/li&amp;gt;
 &amp;lt;li&amp;gt;
  &amp;lt;label id="id2"&amp;gt;
   &amp;lt;input id="id2A" type="radio" value="1" name="name1" onchange="say(); return false;"&amp;gt;
   &amp;lt;span class="className1"&amp;gt;Some Text2&amp;lt;/span&amp;gt;
  &amp;lt;/label&amp;gt;
 &amp;lt;/li&amp;gt;
&amp;lt;/ul&amp;gt;
&amp;lt;ul class="class2"&amp;gt;
 &amp;lt;li&amp;gt;
  &amp;lt;label id="id21"&amp;gt;
   &amp;lt;input id="id21A" type="radio" value="2" name="name2" onchange="say(); return false;"&amp;gt;
   &amp;lt;span class="className21"&amp;gt;Some Text21&amp;lt;/span&amp;gt;
  &amp;lt;/label&amp;gt;
 &amp;lt;/li&amp;gt;
 &amp;lt;li&amp;gt;
  &amp;lt;label id="id2"&amp;gt;
   &amp;lt;input id="id22A" type="radio" value="1" name="name2" onchange="say(); return false;"&amp;gt;
   &amp;lt;span class="className21"&amp;gt;Some Text22&amp;lt;/span&amp;gt;
  &amp;lt;/label&amp;gt;
 &amp;lt;/li&amp;gt;
&amp;lt;/ul&amp;gt;
&lt;/code&gt;&lt;/pre&gt;
&lt;p&gt;And here is the Javascript:&lt;/p&gt;
&lt;pre&gt;&lt;code&gt;&amp;lt;script type="text/javascript"&amp;gt;
function say() {
    var firstChild = document.getElementsByClassName('class1');
        firstChild = Array.prototype.slice.call(firstChild);
        for(var j =0; j &amp;lt; parent.length; j++){  
            var firstChildElem = firstChild;
            for (var x = 0; x &amp;lt; secondChild.length; x ++) {
                if (secondChild[x].checked) {
                    alert("You checked " + secondChild[w]);             
                }
            }
        }
&amp;lt;/script&amp;gt;
&lt;/code&gt;&lt;/pre&gt;
&lt;p&gt;But this script doesn't work.&lt;/p&gt;</t>
  </si>
  <si>
    <t>2012-05-04 17:05:43.283000+00:00</t>
  </si>
  <si>
    <t>2015-10-20 00:23:13.090000+00:00</t>
  </si>
  <si>
    <t>javascript|select|radio-button</t>
  </si>
  <si>
    <t>Url refresh and reload not working after removing # sign from url angularjs</t>
  </si>
  <si>
    <t>&lt;blockquote&gt;
  &lt;p&gt;My app.js&lt;/p&gt;
&lt;/blockquote&gt;
&lt;pre&gt;&lt;code&gt;app.config(['$routeProvider','$locationProvider', function($routeProvider,$locationProvider) {
    $routeProvider.
    when('/', {
        templateUrl: 'interests.html',
        controller: 'InterestsController'
    })
    .when('/interests',{
        templateUrl: 'interests.html',
        controller: 'InterestsController'
    })
    .when('/subjects',{
        templateUrl: 'subjects.html',
        controller: 'SubjectsController'
    })
    .when('/prequalification',{
        templateUrl: 'prequalification.html',
        controller: 'PreQualificationController'
    })
    .when('/qualification',{
        templateUrl: 'qualification.html',
        controller: 'QualificationController'
    })
    .when('/personalinfo',{
        templateUrl: 'personalinfo.html',
        controller: 'PersonalInfoController'
    })
    .otherwise({
        redirectTo : '/interests'
    });
    if(window.history &amp;amp;&amp;amp; window.history.pushState){
        $locationProvider.html5Mode(true);
    }
}]);
&lt;/code&gt;&lt;/pre&gt;
&lt;blockquote&gt;
  &lt;p&gt;In index.html file. Path to index.html file: localhost:8080/cf/. All of the other views also resides with index.html&lt;/p&gt;
&lt;/blockquote&gt;
&lt;pre&gt;&lt;code&gt;&amp;lt;base href="/cf/"&amp;gt;
&lt;/code&gt;&lt;/pre&gt;
&lt;blockquote&gt;
  &lt;p&gt;.htaccess file content(path to .htaccess file: localhost:8080/cf/.htaccess)&lt;/p&gt;
&lt;/blockquote&gt;
&lt;pre&gt;&lt;code&gt;&amp;lt;ifModule mod_rewrite.c&amp;gt;
    RewriteEngine on
    # Don't rewrite files or directories
    RewriteCond %{REQUEST_FILENAME} -f [OR]
    RewriteCond %{REQUEST_FILENAME} -d
    RewriteRule ^ - [L]
    RewriteRule ^ cf/index.html [L]
&amp;lt;/ifModule&amp;gt;
&lt;/code&gt;&lt;/pre&gt;
&lt;blockquote&gt;
  &lt;p&gt;Path to my project folder on server is: localhost:8080/cf. I have various rules in .htaccess file from other posts of stackoverflow but nothing is working. When even i reload or refresh the page, i get 404. With out refreshing and reloading everything is working fine. Please help!!!&lt;/p&gt;
&lt;/blockquote&gt;</t>
  </si>
  <si>
    <t>2016-09-20 17:05:06.690000+00:00</t>
  </si>
  <si>
    <t>2017-04-28 06:46:58.717000+00:00</t>
  </si>
  <si>
    <t>angularjs|url-rewriting|pretty-urls</t>
  </si>
  <si>
    <t>Should this function ("isEmpty") check whether the Object has no parameter?</t>
  </si>
  <si>
    <t>&lt;p&gt;I have a function called &lt;code&gt;isEmpty&lt;/code&gt;. Here's what it looks like:&lt;/p&gt;
&lt;pre&gt;&lt;code&gt;/**
 * Returns true when the argument is empty.
 * 
 * We define empty as:
 * - undefined
 * - null
 * - a string with length 0
 * - an array with length 0
 * - an object with no parameters: consider this?
 **/
function isEmpty(arg) {
    return (arg === null) ||
        (arg === undefined) ||
        ((typeof (arg) === 'string') ? arg.length === 0 : false) ||
        ((Array.isArray(arg)) ? arg.length === 0 : false);
}
&lt;/code&gt;&lt;/pre&gt;
&lt;p&gt;I am wondering, would it be useful to return true also when an object has no parameter (&lt;code&gt;{}&lt;/code&gt;)?&lt;/p&gt;</t>
  </si>
  <si>
    <t>2017-09-03 02:42:41.210000+00:00</t>
  </si>
  <si>
    <t>2017-09-03 04:57:04.827000+00:00</t>
  </si>
  <si>
    <t>javascript|function</t>
  </si>
  <si>
    <t>Data not being able to be moved in PHP</t>
  </si>
  <si>
    <t>&lt;p&gt;I hope you are doing great. Ok, I had this script that used to work. When I added the file input. It started not to work. I checked my lines and all. it should make since but I don't know why it's not working. I hope you can help me with this. Thanks in advance :D
&lt;br /&gt;Useful pieces of my code:
&lt;br /&gt;My executing code:&lt;/p&gt;
&lt;pre&gt;&lt;code&gt;&amp;lt;?php
    include 'Header.php';
    include 'debugging.php';
    ?&amp;gt;
&amp;lt;link rel="stylesheet" href="style.css"&amp;gt;
&amp;lt;style&amp;gt;
    form {
        background-color: #FFFFC2;
    }
    .div_1 
    {
        height: 87vh;
    }
&amp;lt;/style&amp;gt;
        &amp;lt;br&amp;gt;
        &amp;lt;br&amp;gt;
        &amp;lt;div class="div_1"&amp;gt;
        &amp;lt;div id="div_2"&amp;gt;
        &amp;lt;br&amp;gt;
        &amp;lt;h1&amp;gt;User Registration&amp;lt;/h1&amp;gt;
        &amp;lt;!--this is an HTML form to allow the user to input data and submit the webpage by clicking the button--&amp;gt;  
        &amp;lt;form action="Sign_Up.php" method="post"&amp;gt;
            &amp;lt;fieldset&amp;gt;
                &amp;lt;p&amp;gt;&amp;lt;b&amp;gt;Enter Username&amp;lt;/b&amp;gt;
                    &amp;lt;input type="text" name="UserName" size="20" value="" /&amp;gt;
                &amp;lt;p&amp;gt;&amp;lt;b&amp;gt;Enter First Name&amp;lt;/b&amp;gt;
                    &amp;lt;input type="text" name="FName" size="20" value="" /&amp;gt;
                &amp;lt;p&amp;gt;&amp;lt;b&amp;gt;Enter Last Name (Optional)&amp;lt;/b&amp;gt;
                    &amp;lt;input type="text" name="LName" size="20" value="" /&amp;gt;
                &amp;lt;p&amp;gt;&amp;lt;b&amp;gt;Enter Email&amp;lt;/b&amp;gt;
                    &amp;lt;input type="email" name="Email" size="50" value="" /&amp;gt;
                &amp;lt;p&amp;gt;&amp;lt;b&amp;gt;Enter Password&amp;lt;/b&amp;gt;
                    &amp;lt;input type="password" name="Password" size="10" value="" /&amp;gt;
                &amp;lt;p&amp;gt;&amp;lt;b&amp;gt;Select Profile Picture&amp;lt;/b&amp;gt;
                    &amp;lt;input type="file" name="Image" size='70' value="" /&amp;gt;
                &amp;lt;p&amp;gt;&amp;lt;b&amp;gt;Enter Date of Birth (Optional)&amp;lt;/b&amp;gt;
                    &amp;lt;input type="date" name="DOB" size="10" value="" /&amp;gt;
                &amp;lt;div align="center"&amp;gt;
                    &amp;lt;input type ="submit" value ="Register" /&amp;gt;
                &amp;lt;/div&amp;gt;  
                &amp;lt;input type="hidden" name="submitted" value="1" /&amp;gt;
            &amp;lt;/fieldset&amp;gt;
        &amp;lt;/form&amp;gt;   
        &amp;lt;/div&amp;gt;
        &amp;lt;/div&amp;gt;
        &amp;lt;?php
//this section of code is PHP to validate the contents of the form controls and populate an array 
//with error messages
        if (isset($_POST['submitted'])) {
//declare variables to store the uploaded data
            $username = '';
            $dob = '';
            $fn = '';
            $ln = '';
            $Email = '';
            $Password = '';
            $errors = array();
            if (empty($_POST['UserName']))
                $errors[] = 'You must enter a username';
            else 
                $username = trim($_POST['UserName']);
            if (empty($_POST['FName']))
                $errors[] = 'You must enter a first name';
            else 
                $fn = trim($_POST['FName']);
            if (empty($_POST['Email'])) {
                $errors[] = 'You must enter an email';
            } elseif (!filter_var($_POST['Email'], FILTER_VALIDATE_EMAIL)) {
                $emailErr = "Invalid email format";
            } else
                $Email = trim($_POST['Email']);
            if (empty($_POST['Password']))
                $errors[] = 'You must enter a Password';
            else
                $Email = trim($_POST['Password']);
            $ln = trim($_POST['LName']);
            $dob = trim($_POST['DOB']);
            if (empty($errors)) {
//no errors so try and connect to the DB  
         include 'User.php';
        $user= new DO_User();
        $user-&amp;gt;firstName = trim($_POST['FName']);
        $user-&amp;gt;lastName = trim( $_POST['LName']);
        $user-&amp;gt;userName = trim( $_POST['UserName']);
        $user-&amp;gt;email = trim($_POST['Email']);
        $user-&amp;gt;password = trim($_POST['Password']);
        $user-&amp;gt;dob = trim( $_POST['DOB']);
        if( isset($_FILES['ImageFile']['name']) )
    {
        $user-&amp;gt;image = $_FILES['ImageFile']['name'];
    }
        $errors = $user-&amp;gt;isValid();
        if(empty($errors))
        {
            if($user-&amp;gt;save())
            {
                echo '&amp;lt;div class="div_1"&amp;gt;&amp;lt;div id="div_2"&amp;gt;'.
                        '&amp;lt;h1&amp;gt;Thank you&amp;lt;/h1&amp;gt;&amp;lt;p&amp;gt;'.$user-&amp;gt;userName.' you are now registered&amp;lt;/p&amp;gt;&amp;lt;/div&amp;gt;&amp;lt;/div&amp;gt;';
            }
            else 
            {
                echo '&amp;lt;p class="error"&amp;gt; Oh dear. There was an error&amp;lt;/p&amp;gt;';
                echo '&amp;lt;p class = "error"&amp;gt;' . mysqli_error($user-&amp;gt;dbc) .'&amp;lt;/p&amp;gt;';
            }
        }
/***** students to add code here *****/ 
/*********END OF CODE TO BE ADDED*****************/
      }
      else{
        echo '&amp;lt;p class="error"&amp;gt; Error &amp;lt;/p&amp;gt;';
        foreach($errors as $msg)
            echo " - $msg&amp;lt;br /&amp;gt; ";
      }
        }
//include the footer html file
include 'Footer.php';
?&amp;gt;
&lt;/code&gt;&lt;/pre&gt;
&lt;p&gt;My class code:&lt;/p&gt;
&lt;pre&gt;&lt;code&gt;    &amp;lt;?php
//author malcolm.mckenzie
include_once "DBConn.php";
class DO_User extends DBConn {
    private $tableName = 'Users_1';
    //attributes to represent table columns
    public $firstName;
    public $lastName;
    public $email;
    public $userName;
    public $dob;
    public $password;
    public $image;
    //variable to store validation errors
    public $errorMsg;
    //public $dbc=null;
    public function DO_User() {
        $this-&amp;gt;getDBConnection();
    }
    public function get($userName) {
        if ($this-&amp;gt;getDBConnection()) {
            $q = 'SELECT * FROM Users_1 WHERE UserName=' . $userName;
            $r = mysqli_query($this-&amp;gt;dbc, $q);
            if ($r) {
                $row = mysqli_fetch_array($r); 
                $this-&amp;gt;userName = $row['UserName'];
                $this-&amp;gt;firstName = $row['FName'];
                $this-&amp;gt;lastName = $row['LName'];
                $this-&amp;gt;email = $row['Email'];
                $this-&amp;gt;dob = $row['DOB'];
                $this-&amp;gt;password = $row['Password'];
                $this-&amp;gt;image = $row['Image'];
                return true;
            }
            else
                $this-&amp;gt;displayError($q);
        }
        else
            echo '&amp;lt;p class="error"&amp;gt;Could not connect to database&amp;lt;/p&amp;gt;';
        return false;
    }
    public function save() {
        if ($this-&amp;gt;getDBConnection()) {
            //escape any special characters
            $this-&amp;gt;firstName = mysqli_real_escape_string($this-&amp;gt;dbc, $this-&amp;gt;firstName);
            $this-&amp;gt;lastName = mysqli_real_escape_string($this-&amp;gt;dbc, $this-&amp;gt;lastName);
            $this-&amp;gt;userName = mysqli_real_escape_string($this-&amp;gt;dbc, $this-&amp;gt;userName);
            $this-&amp;gt;email = mysqli_real_escape_string($this-&amp;gt;dbc, $this-&amp;gt;email);
            $this-&amp;gt;dob = mysqli_real_escape_string($this-&amp;gt;dbc, $this-&amp;gt;dob);
            $this-&amp;gt;password = mysqli_real_escape_string($this-&amp;gt;dbc, $this-&amp;gt;password);
            $this-&amp;gt;image = mysqli_real_escape_string($this-&amp;gt;dbc, $this-&amp;gt;image);
            /*if ($this-&amp;gt;userName == null) {*/
                $q = "INSERT INTO Users_1 (FName, LName, UserName, DOB, Email, Password, Image) values" .
                        "('" . $this-&amp;gt;firstName . "','" . $this-&amp;gt;lastName . "','" . $this-&amp;gt;userName . "', '". 
                        $this-&amp;gt;dob . "','" . $this-&amp;gt;email ."','". $this-&amp;gt;password . "','". $this-&amp;gt;image ."')";
            /*} else {
                $q = "update Users_1 set FName='" . $this-&amp;gt;firstName . "', LName='" . $this-&amp;gt;lastName .
                        "',Email='" . $this-&amp;gt;email . "', Password='" . $this-&amp;gt;password . "' where userName = '" . $this-&amp;gt;userName . "'";
            }*/
            //   $q = "call SaveUser2($this-&amp;gt;userId,'$this-&amp;gt;firstName','$this-&amp;gt;lastName','$this-&amp;gt;email','$this-&amp;gt;password')";
            $r = mysqli_query($this-&amp;gt;dbc, $q);
            if (!$r) {
                $this-&amp;gt;displayError($q);
                return false;
            }
            return true;
        } else {
            echo '&amp;lt;p class="error"&amp;gt;Could not connect to database&amp;lt;/p&amp;gt;';
            return false;
        }
        return true;
    }
//end of function
    public function delete() {
        if ($this-&amp;gt;getDBConnection()) {
            $q = "DELETE FROM Users_1 WHERE userName=" . mysql_escape_string($this-&amp;gt;userName);
            $r = mysqli_query($this-&amp;gt;dbc, $q);
            if (!$r) {
                $this-&amp;gt;displayError($q);
                return false;
            }
            return true;
        } else {
            echo '&amp;lt;p class="error"&amp;gt;Could not connect to database&amp;lt;/p&amp;gt;';
            return false;
        }
    }
    public function validateFields() {
        return $errors;
    }
    public function isValid() {
        //declare array to hold any errors messages  
        $errors = array();
        if (empty($this-&amp;gt;firstName))
            $errors[] = 'You must enter first name';
        if (empty($this-&amp;gt;userName))
            $errors[] = 'You must enter last name';
        else {
            if (!$this-&amp;gt;validUserName())
                $errors[] = 'This username is already registered';
        }
        if (empty($this-&amp;gt;email))
            $errors[] = 'You must enter email';
        else {
            if (!$this-&amp;gt;validEmail())
                $errors[] = 'This email address is already registered';
        }
        if (empty($this-&amp;gt;password))
            $errors[] = 'You must enter password';
        if (empty($this-&amp;gt;image))
            $errors[] = 'You must enter image path';
        return $errors;
    }
    public function validEmail() {
        if ($this-&amp;gt;getDBConnection()) {
            $q = "SELECT userName FROM Users_1 WHERE Email='" . mysqli_escape_string($this-&amp;gt;dbc, $this-&amp;gt;email) . "'";
            $r = mysqli_query($this-&amp;gt;dbc, $q);
            if ($r) {
                while ($row = mysqli_fetch_array($r)) {
                    $userName = $row[0];
                    //we have found a record that has this email - if it is not the current user the the email
                    //must be registered to someone else
                    if ($userName != $this-&amp;gt;userName)
                        return false;
                }
            } else {
                $this-&amp;gt;displayError($q);
                return false;
            }
        } else {
            echo '&amp;lt;p class="error"&amp;gt;Could not connect to database&amp;lt;/p&amp;gt;';
            return false;
        }
        return true;
    }
    public function validUserName() {
        if ($this-&amp;gt;getDBConnection()) {
            $q = "SELECT userName FROM Users_1 WHERE userName ='" . mysqli_escape_string($this-&amp;gt;dbc, $this-&amp;gt;userName) . "'";
            $r = mysqli_query($this-&amp;gt;dbc, $q);
            if ($r) {
                while ($row = mysqli_fetch_array($r)) {
                    $userName = $row[0];
                    //we have found a record that has this email - if it is not the current user the the email
                    //must be registered to someone else
                    if ($userName != $this-&amp;gt;userName)
                        return false;
                }
            } else {
                $this-&amp;gt;displayError($q);
                return false;
            }
        } else {
            echo '&amp;lt;p class="error"&amp;gt;Could not connect to database&amp;lt;/p&amp;gt;';
            return false;
        }
        return true;
    }
    public function getUserFullName() {
        if ($this-&amp;gt;getDBConnection()) {
            $q = "SELECT CONCAT(FName, ' ', LName) from Users_1 where UserName = $this-&amp;gt;userName";
            $r = mysqli_query($this-&amp;gt;dbc, $q);
            if($r){
              $row = mysqli_fetch_array($r);
              return $row[0];
            }
            else {
                $this-&amp;gt;displayError($q);
                return false;
            }
        }
        return false;
    }
    private function displayError($q) {
        echo '&amp;lt;p class="error"&amp;gt;' . $q . '&amp;lt;/p&amp;gt;';
        echo '&amp;lt;p class="error"&amp;gt;A database error occurred&amp;lt;/p&amp;gt;';
        echo '&amp;lt;p class="error"&amp;gt;' . mysqli_error($this-&amp;gt;dbc) . '&amp;lt;/p&amp;gt;';
    }
}
//end of class decl
?&amp;gt;
&lt;/code&gt;&lt;/pre&gt;</t>
  </si>
  <si>
    <t>2016-03-20 03:33:43.167000+00:00</t>
  </si>
  <si>
    <t>2016-03-20 07:02:51.300000+00:00</t>
  </si>
  <si>
    <t>2016-03-20 04:07:48.380000+00:00</t>
  </si>
  <si>
    <t>Which main steps must be undertaken to successfully port freertos to an embedded platform?</t>
  </si>
  <si>
    <t>&lt;p&gt;I have several years experience with microcontroller programming. Freertos provides the necessary code to port to a set of microcontrollers. I would like to port Freertos to an embedded system which is not supported. &lt;/p&gt;
&lt;p&gt;Which main steps have to be undertaken in order to successfully port freertos to another embedded system? (for example: what initialization steps should absolutely be done in port.c etc...) I have read the freertos page about porting, but it is still pretty vague.&lt;/p&gt;</t>
  </si>
  <si>
    <t>2016-11-08 21:32:03.777000+00:00</t>
  </si>
  <si>
    <t>2017-02-26 11:43:50.427000+00:00</t>
  </si>
  <si>
    <t>operating-system|real-time|microcontroller|freertos</t>
  </si>
  <si>
    <t>componentWillMount check on undefined before api request will resolve</t>
  </si>
  <si>
    <t>&lt;p&gt;I have a component that triggers some methods that depend on async API  request. I use componentWillmount to check some props. If this prop is &lt;code&gt;true&lt;/code&gt; I trigger some function otherwise false. But the problem is, that first time the prop is &lt;code&gt;undefined&lt;/code&gt;, only after some time it will become &lt;code&gt;false&lt;/code&gt; or &lt;code&gt;true&lt;/code&gt;. How to check it and wait until request resolved? &lt;/p&gt;
&lt;pre&gt;&lt;code&gt;componentWillMount = () =&amp;gt; {
  this.props.init(parseInt(this.props.tagId, 16), this.props.accessToken);
  if (!this.props.notFound &amp;amp;&amp;amp; !this.props.person) this.props.onFreeTag();
};
&lt;/code&gt;&lt;/pre&gt;</t>
  </si>
  <si>
    <t>2018-05-11 08:19:49.263000+00:00</t>
  </si>
  <si>
    <t>2018-05-11 08:41:06.117000+00:00</t>
  </si>
  <si>
    <t>2018-05-11 08:30:38.393000+00:00</t>
  </si>
  <si>
    <t>javascript|reactjs|ecmascript-6|react-lifecycle</t>
  </si>
  <si>
    <t>Problem with passing vector of pointers to objects to member function of another object</t>
  </si>
  <si>
    <t>&lt;p&gt;I have a vector of pointers to Mouse objects called 'mice'.
I'm passing the mice to the cat by reference.&lt;/p&gt;
&lt;pre&gt;&lt;code&gt;vector &amp;lt;Mouse*&amp;gt; mice;
Cat * c;
c-&amp;gt;lookForMouse(&amp;amp;mice);
&lt;/code&gt;&lt;/pre&gt;
&lt;p&gt;And here's my lookForMouse() member function&lt;/p&gt;
&lt;pre&gt;&lt;code&gt;void Cat::lookForMouse(vector &amp;lt;Mouse*&amp;gt; *mice)
{
  ...
}
&lt;/code&gt;&lt;/pre&gt;
&lt;p&gt;And now to the problem!  Within the function above, I can't seem to access my mice.  This below will not work&lt;/p&gt;
&lt;pre&gt;&lt;code&gt;mice[i]-&amp;gt;isActive();
&lt;/code&gt;&lt;/pre&gt;
&lt;p&gt;The error message I receive suggests to use mice[i].isActive(), but this throws an error saying isActive() is not a member of std::vector&amp;lt;_Ty&gt; ...&lt;/p&gt;
&lt;p&gt;This works though...&lt;/p&gt;
&lt;pre&gt;&lt;code&gt;vector &amp;lt;Mouse*&amp;gt; miceCopy = *mice;
miceCopy[i]-&amp;gt;isActive();
&lt;/code&gt;&lt;/pre&gt;
&lt;p&gt;I understand that I shouldn't be creating another vector of mice here, it defeats the whole point of passing it by reference  (let me know if I'm wrong)...&lt;/p&gt;
&lt;p&gt;Why can't I do mice[i]-&gt;isActive() What should I be doing?&lt;/p&gt;
&lt;p&gt;Thanks for your time and help :D&lt;/p&gt;
&lt;p&gt;James.&lt;/p&gt;</t>
  </si>
  <si>
    <t>2010-04-15 13:42:26.070000+00:00</t>
  </si>
  <si>
    <t>2010-04-15 14:51:31.763000+00:00</t>
  </si>
  <si>
    <t>How can I reuse a HBITMAP handle?</t>
  </si>
  <si>
    <t>&lt;p&gt;I have to draw a bitmap multiple times. It's loaded from file. I can reload it every time I have to use it in &lt;code&gt;SelectObject&lt;/code&gt; the following way:&lt;/p&gt;
&lt;pre&gt;&lt;code&gt;void drawBitmap(HWND hWnd, int xPos, int yPos) {
    HBITMAP hBmp = (HBITMAP) LoadImage(NULL, "image.bmp", IMAGE_BITMAP, 0, 0, LR_LOADFROMFILE);
    HDC hDC = GetDC(hWnd);
    HDC hdcMem = CreateCompatibleDC(hDC);
    SelectObject(hdcMem, hBmp);
    BitBlt(hDC, xPos, yPos, 7, 7, hdcMem, 0, 0, SRCCOPY);
}
drawBitmap(hMainWnd, 0, 0);
drawBitmap(hMainWnd, 14, 0);
drawBitmap(hMainWnd, 28, 0);
&lt;/code&gt;&lt;/pre&gt;
&lt;p&gt;But is it also possible to do something like this?&lt;/p&gt;
&lt;pre&gt;&lt;code&gt;HBITMAP hBmp = (HBITMAP) LoadImage(NULL, "image.bmp", IMAGE_BITMAP, 0, 0, LR_LOADFROMFILE);
void drawBitmap(HWND hWnd, int xPos, int yPos) {
    HBITMAP hBmp2 = hBmp;
    HDC hDC = GetDC(hWnd);
    HDC hdcMem = CreateCompatibleDC(hDC);
    SelectObject(hdcMem, hBmp2);
    BitBlt(hDC, xPos, yPos, 7, 7, hdcMem, 0, 0, SRCCOPY);
}
drawBitmap(hMainWnd, 0, 0);
drawBitmap(hMainWnd, 14, 0);
drawBitmap(hMainWnd, 28, 0);
&lt;/code&gt;&lt;/pre&gt;
&lt;p&gt;But this only draws one bitmap...&lt;/p&gt;
&lt;p&gt;MSDN says:&lt;/p&gt;
&lt;blockquote&gt;
  &lt;p&gt;The &lt;code&gt;SelectObject&lt;/code&gt; function selects an
  object into the specified device
  context (DC). The new object replaces
  the previous object of the same type.&lt;/p&gt;
&lt;/blockquote&gt;
&lt;p&gt;So maybe my &lt;code&gt;hBmp&lt;/code&gt; is wasted after &lt;code&gt;SelectObject&lt;/code&gt; is called. But I copied it into &lt;code&gt;hBmp2&lt;/code&gt; first, then what's the problem?&lt;/p&gt;</t>
  </si>
  <si>
    <t>2011-06-05 06:36:00.597000+00:00</t>
  </si>
  <si>
    <t>2011-06-05 06:43:20.657000+00:00</t>
  </si>
  <si>
    <t>c|winapi</t>
  </si>
  <si>
    <t>Having external django application using bootstrap without touching templates?</t>
  </si>
  <si>
    <t>&lt;p&gt;I am using &lt;code&gt;django-allauth&lt;/code&gt; application. It has got many views built-in, but none has been configured to use &lt;code&gt;bootstrap&lt;/code&gt; (ie, &lt;code&gt;CSS&lt;/code&gt; &lt;code&gt;class="form-control"&lt;/code&gt; is missing in forms).&lt;/p&gt;
&lt;p&gt;There are many python libraries to add this &lt;code&gt;CSS&lt;/code&gt; class in forms (&lt;code&gt;django-bootstrap4&lt;/code&gt;, &lt;code&gt;django-widget-tweaks&lt;/code&gt;, &lt;code&gt;django-bootstrap-form&lt;/code&gt;, etc...) but all of these require to have access to the template in order to add specific tags or filters.&lt;/p&gt;
&lt;p&gt;As &lt;code&gt;django-allauth&lt;/code&gt; has got many views, I do not want to override all corresponding templates to add these specific tags/filters; It will be a lot of work and will be awful to maintain when upgrading to another &lt;code&gt;django-allauth&lt;/code&gt; version. &lt;/p&gt;
&lt;p&gt;Actually, the only solution I found is to write a middleware that parses and patches &lt;code&gt;HTML&lt;/code&gt; code to add &lt;code&gt;bootstrap&lt;/code&gt; &lt;code&gt;CSS&lt;/code&gt; classes. It works with all views without having to touch any templates. The main drawback is that it is &lt;code&gt;CPU&lt;/code&gt; expensive.&lt;/p&gt;
&lt;p&gt;Do you know a library that can add &lt;code&gt;bootstrap&lt;/code&gt; &lt;code&gt;CSS&lt;/code&gt; classes to forms without having to modify templates and is not based on &lt;code&gt;HTML&lt;/code&gt; parsing ?&lt;/p&gt;</t>
  </si>
  <si>
    <t>2018-08-09 09:15:11.147000+00:00</t>
  </si>
  <si>
    <t>2018-08-09 11:36:48.840000+00:00</t>
  </si>
  <si>
    <t>Is it possible to play a tone via the Ear Speaker with Headphone in?</t>
  </si>
  <si>
    <t>&lt;p&gt;I am making an android app for testing phones and I need to be able to play a tone via the earphone speaker while headphones are plugged in.  I am able to get the tone to play via the ear speaker when the headphones are not plugged in, but not when they are plugged in.  Is there anyway to get my tone to play via the ear speaker when the headphones are plugged in?  I will include the code that works without the headphones in.  &lt;/p&gt;
&lt;pre&gt;&lt;code&gt;    mp = MediaPlayer.create(getApplicationContext(), R.raw.tone_1ghz_5sec);
    mp.setAudioStreamType(AudioManager.STREAM_MUSIC);
    audioManager.setMode(AudioManager.MODE_IN_COMMUNICATION);
    //set to false for through headphones
    audioManager.setSpeakerphoneOn(false);
    mp.start();
&lt;/code&gt;&lt;/pre&gt;
&lt;p&gt;In other activities, I used the audio system class to force the speakers, is this the key here?&lt;/p&gt;</t>
  </si>
  <si>
    <t>2016-11-29 13:32:30.193000+00:00</t>
  </si>
  <si>
    <t>2016-11-29 19:02:21.690000+00:00</t>
  </si>
  <si>
    <t>2016-11-29 13:36:37.707000+00:00</t>
  </si>
  <si>
    <t>Jersey Client to save response from REST Call into custom object</t>
  </si>
  <si>
    <t>&lt;p&gt;My &lt;code&gt;REST&lt;/code&gt; service outputs   &lt;code&gt;@Produces(MediaType.APPLICATION_XML)&lt;/code&gt;. This is converted from:&lt;/p&gt;
&lt;pre&gt;&lt;code&gt;ArrayList&amp;lt;CoffeeOrder&amp;gt; orders = new ArrayList&amp;lt;CoffeeOrder&amp;gt;();
GenericEntity&amp;lt;ArrayList&amp;lt;CoffeeOrder&amp;gt; &amp;gt; entity = new GenericEntity&amp;lt;ArrayList&amp;lt;CoffeeOrder&amp;gt; &amp;gt;(orders) {};
 ....
return Response.status(Response.Status.OK).entity(entity).build();  
&lt;/code&gt;&lt;/pre&gt;
&lt;p&gt;&lt;code&gt;Example&lt;/code&gt;:&lt;/p&gt;
&lt;pre&gt;&lt;code&gt;&amp;lt;coffeeOrders&amp;gt;
  &amp;lt;coffeeOrder&amp;gt;
    &amp;lt;id&amp;gt;2&amp;lt;/id&amp;gt;
    &amp;lt;links&amp;gt;http://localhost:9080/cs9322.ass2/rest/coffee/2&amp;lt;/links&amp;gt;
    &amp;lt;links&amp;gt;http://localhost:9080/cs9322.ass2/rest/payment/2&amp;lt;/links&amp;gt;
  &amp;lt;/coffeeOrder&amp;gt;
&amp;lt;coffeeOrder&amp;gt;
  &amp;lt;id&amp;gt;1&amp;lt;/id&amp;gt;
  &amp;lt;links&amp;gt;http://localhost:9080/cs9322.ass2/rest/coffee/1&amp;lt;/links&amp;gt;
  &amp;lt;links&amp;gt;http://localhost:9080/cs9322.ass2/rest/payment/1&amp;lt;/links&amp;gt;
&amp;lt;/coffeeOrder&amp;gt;
&lt;/code&gt;&lt;/pre&gt;
&lt;p&gt;                              &lt;/p&gt;
&lt;p&gt;In my &lt;code&gt;client&lt;/code&gt;, I want to call this service and save the response as an &lt;code&gt;ArrayList&amp;lt;CoffeeOrder&amp;gt;&lt;/code&gt;.&lt;/p&gt;
&lt;p&gt;&lt;code&gt;CoffeeOrder&lt;/code&gt; looks something like this:&lt;/p&gt;
&lt;pre&gt;&lt;code&gt;public class CoffeeOrder {
   private String id;
   private ArrayList&amp;lt;String&amp;gt; links = new ArrayList&amp;lt;String&amp;gt;();
   ...
}
&lt;/code&gt;&lt;/pre&gt;
&lt;p&gt;Is there a way that I can fill this object with the response from the &lt;code&gt;REST&lt;/code&gt; request?&lt;/p&gt;
&lt;p&gt;Thank you for your help!&lt;/p&gt;</t>
  </si>
  <si>
    <t>2014-10-18 01:41:56.753000+00:00</t>
  </si>
  <si>
    <t>2014-10-18 03:37:57.413000+00:00</t>
  </si>
  <si>
    <t>2014-10-18 02:12:10.357000+00:00</t>
  </si>
  <si>
    <t>user2268507</t>
  </si>
  <si>
    <t>java|rest|jersey</t>
  </si>
  <si>
    <t>How can I make bash select an empty colum?</t>
  </si>
  <si>
    <t>&lt;p&gt;I have two tables in a database which allows each email address in the database to upload a maximum of 14 files. How can I make bash select an empty column to allow the upload of a file?&lt;/p&gt;
&lt;p&gt;Thanks in advance.&lt;/p&gt;
&lt;p&gt;The two tables are called uploadid and uploadurl.&lt;/p&gt;
&lt;p&gt;Here are the two tables:&lt;/p&gt;
&lt;p&gt;&lt;strong&gt;Table 1 - Upload IDs (Upload Names)&lt;/strong&gt;&lt;/p&gt;
&lt;pre&gt;&lt;code&gt;+----------------+--------------+------+-----+---------+-------+
| Field          | Type         | Null | Key | Default | Extra |
+----------------+--------------+------+-----+---------+-------+
| email_address  | varchar(256) | NO   | PRI | NULL    |       |
| 1_upload_id    | varchar(256) | YES  |     | NULL    |       |
| 2_upload_id    | varchar(256) | YES  |     | NULL    |       |
| 3_upload_id    | varchar(256) | YES  |     | NULL    |       |
| 4_upload_id    | varchar(256) | YES  |     | NULL    |       |
| 5_upload_id    | varchar(256) | YES  |     | NULL    |       |
| 6_upload_id    | varchar(256) | YES  |     | NULL    |       |
| 7_upload_id    | varchar(256) | YES  |     | NULL    |       |
| 8_upload_id    | varchar(256) | YES  |     | NULL    |       |
| 9_upload_id    | varchar(256) | YES  |     | NULL    |       |
| 10_upload_id   | varchar(256) | YES  |     | NULL    |       |
| 11_upload_id   | varchar(256) | YES  |     | NULL    |       |
| 12_upload_id   | varchar(256) | YES  |     | NULL    |       |
| 13_upload_id   | varchar(256) | YES  |     | NULL    |       |
| 14_upload_id   | varchar(256) | YES  |     | NULL    |       |
+----------------+--------------+------+-----+---------+-------+
&lt;/code&gt;&lt;/pre&gt;
&lt;p&gt;&lt;strong&gt;Table 2 - Upload URLs (Link of the uploaded file)&lt;/strong&gt;&lt;/p&gt;
&lt;pre&gt;&lt;code&gt;+----------------+--------------+------+-----+---------+-------+
| Field          | Type         | Null | Key | Default | Extra |
+----------------+--------------+------+-----+---------+-------+
| email_address  | varchar(256) | NO   | PRI | NULL    |       |
| 1_upload_url   | varchar(256) | YES  |     | NULL    |       |
| 2_upload_url   | varchar(256) | YES  |     | NULL    |       |
| 3_upload_url   | varchar(256) | YES  |     | NULL    |       |
| 4_upload_url   | varchar(256) | YES  |     | NULL    |       |
| 5_upload_url   | varchar(256) | YES  |     | NULL    |       |
| 6_upload_url   | varchar(256) | YES  |     | NULL    |       |
| 7_upload_url   | varchar(256) | YES  |     | NULL    |       |
| 8_upload_url   | varchar(256) | YES  |     | NULL    |       |
| 9_upload_url   | varchar(256) | YES  |     | NULL    |       |
| 10_upload_url  | varchar(256) | YES  |     | NULL    |       |
| 11_upload_url  | varchar(256) | YES  |     | NULL    |       |
| 12_upload_url  | varchar(256) | YES  |     | NULL    |       |
| 13_upload_url  | varchar(256) | YES  |     | NULL    |       |
| 14_upload_url  | varchar(256) | YES  |     | NULL    |       |
+----------------+--------------+------+-----+---------+-------+
&lt;/code&gt;&lt;/pre&gt;</t>
  </si>
  <si>
    <t>2014-04-15 20:39:12.643000+00:00</t>
  </si>
  <si>
    <t>2014-04-15 22:57:30.417000+00:00</t>
  </si>
  <si>
    <t>mysql|sql|bash</t>
  </si>
  <si>
    <t>Getting Active directory users in Sharepoint 2010</t>
  </si>
  <si>
    <t>&lt;p&gt;How can we take the user's details from active directory in SharePoint 2010. I have one requirement, which has the functionality to send the mail to all the users who are listed in particular column in share point list. These column has the type of Single line of text (displaying display-name of the User). I need to retrieve each users information from AD by passing this display name without adding any LDAP connection string anywhere. Is it possible? if it possible, please help me to sort out this issue.&lt;/p&gt;</t>
  </si>
  <si>
    <t>2013-12-27 05:28:27.260000+00:00</t>
  </si>
  <si>
    <t>2013-12-27 19:08:30.233000+00:00</t>
  </si>
  <si>
    <t>c#|sharepoint|sharepoint-2010|active-directory</t>
  </si>
  <si>
    <t>Time stamp conversion in php</t>
  </si>
  <si>
    <t>&lt;p&gt;Something I've been trying to work out for a while now without any success is how to convert time stamps in php and by that I mean take the time stamp and convert it from&lt;/p&gt;
&lt;pre&gt;&lt;code&gt;Posted: 2014-03-13 01:13:10
&lt;/code&gt;&lt;/pre&gt;
&lt;p&gt;to&lt;/p&gt;
&lt;pre&gt;&lt;code&gt;Posted: 7 days ago
&lt;/code&gt;&lt;/pre&gt;
&lt;p&gt;Is there a PHP function that can do this? As when I'm pulling JSON data from the Facebook Graph API search obviously it is just a plain time stamp and I want to convert it so it says .... days, or hours or minutes or seconds ago etc...&lt;/p&gt;
&lt;p&gt;Any help would be appreciated! Thanks!&lt;/p&gt;</t>
  </si>
  <si>
    <t>2014-03-20 01:25:19.523000+00:00</t>
  </si>
  <si>
    <t>2014-03-20 01:37:12.093000+00:00</t>
  </si>
  <si>
    <t>php|facebook-graph-api|timestamp</t>
  </si>
  <si>
    <t>Error in self written code for factorial of a number in c++</t>
  </si>
  <si>
    <t>&lt;p&gt;Please point out the error in below code :
     #include 
     using namespace std;&lt;/p&gt;
&lt;pre&gt;&lt;code&gt; int factorial(int n) {
     int f=1;
     factorial(0)=1;
     factorial(1)=1;
     while(n&amp;gt;=0)
     {
         f=f*factorial(n);
         n=n-1;
     }
     return f;
 }
 int main() {
     cout &amp;lt;&amp;lt; factorial(5);
 }
&lt;/code&gt;&lt;/pre&gt;
&lt;p&gt;In the compiler, I am getting the error "lvalue required as left operand of the assignment factorial(0)=1;"&lt;/p&gt;
&lt;p&gt;I am unable to understand the above error. Please explain.&lt;/p&gt;</t>
  </si>
  <si>
    <t>2016-04-26 17:53:00.783000+00:00</t>
  </si>
  <si>
    <t>2016-04-26 20:58:26.830000+00:00</t>
  </si>
  <si>
    <t>WearableListenerService not starting on release/production</t>
  </si>
  <si>
    <t>&lt;p&gt;I'am maintaining a project that has a a wearable subproject. I was fixing some bugs on it, and it was working fine.&lt;/p&gt;
&lt;p&gt;However the app behaves very weird on &lt;code&gt;Release configurations&lt;/code&gt;. &lt;/p&gt;
&lt;ol&gt;
&lt;li&gt;&lt;p&gt;The MainAcitivty that implements &lt;code&gt;MessageApi.MessageListener&lt;/code&gt;, has a method &lt;code&gt;onMessageReceived&lt;/code&gt; which is never called. However when i create a sublclass of a &lt;code&gt;WearableListenerService&lt;/code&gt; the &lt;code&gt;onMessageReceived&lt;/code&gt; works fine. &lt;/p&gt;&lt;/li&gt;
&lt;li&gt;&lt;p&gt;The WearableListenerService on the Handheld is never awaken. I'am outputting logs, but the &lt;code&gt;onMessageReceived&lt;/code&gt; is never called, which makes the communication between the two devices a mess.&lt;/p&gt;&lt;/li&gt;
&lt;/ol&gt;
&lt;p&gt;The biggest &lt;code&gt;?&lt;/code&gt; i have in my head is that how it can work when i run it on debug, but not when i sign it and make a release version.&lt;/p&gt;
&lt;p&gt;I'am not getting any noticeable error messages from the log or anything, and i have double checked that the package name is the same for both of the apps. &lt;/p&gt;
&lt;p&gt;Any help that will guide me to a solution is much appreciated, thank you. &lt;/p&gt;</t>
  </si>
  <si>
    <t>2016-02-24 09:49:01.620000+00:00</t>
  </si>
  <si>
    <t>2016-02-26 15:56:45.260000+00:00</t>
  </si>
  <si>
    <t>android|wear-os|android-wear-data-api</t>
  </si>
  <si>
    <t>How to read index based json in c# and convert it into object?</t>
  </si>
  <si>
    <t>&lt;p&gt;It is the MVC 5 application consuming web service. Web service having the method to return the JSON data of string in following format.&lt;/p&gt;
&lt;pre&gt;&lt;code&gt; [WebMethod]
 [ScriptMethod(ResponseFormat = ResponseFormat.Json)]
 public string GetCompanyData()
 {
        string jsonData = "[{\"1\":\"Message-Type\"},{\"28\":\"KEM\",\"3\":\"COMPANY1\",\"6\":\"218\",\"21\":\"6.8\",\"14\":\"33543\",\"16\":\"7188572.3\"},";
        jsonData +="{\"28\":\"KEM\",\"3\":\"COMPANY2\",\"6\":\"224.5\",\"21\":\"4.5\",\"14\":\"19058\",\"16\":\"4246936\"},";
        jsonData +="{\"28\":\"KEM\",\"3\":\"COMPANY3\",\"6\":\"79.9\",\"21\":\"3.4\",\"14\":\"81418\",\"16\":\"6320237.5\"},";
        jsonData +="{\"28\":\"KEM\",\"3\":\"COMPANY4\",\"6\":\"87\",\"21\":\"2.5\",\"14\":\"42277\",\"16\":\"3654459\"},";
        jsonData +="{\"28\":\"KEM\",\"3\":\"COMPANY5\",\"6\":\"103\",\"21\":\"2.3\",\"14\":\"1735\",\"16\":\"177450.4\"},";
        jsonData +="{\"28\":\"KEM\",\"3\":\"COMPANY6\",\"6\":\"108.1\",\"21\":\"2.1\",\"14\":\"269165\",\"16\":\"29039148.4\"},";
        jsonData +="{\"28\":\"KEM\",\"3\":\"COMPANY7\",\"6\":\"95.9\",\"21\":\"1.2\",\"14\":\"313\",\"16\":\"29479.7\"},";
        jsonData +="{\"28\":\"KEM\",\"3\":\"COMPANY8\",\"6\":\"51.1\",\"21\":\"1\",\"14\":\"117208\",\"16\":\"5954460.6\"},";
        jsonData +="{\"28\":\"KEM\",\"3\":\"COMPANY9\",\"6\":\"73.6\",\"21\":\"0.9\",\"14\":\"161593\",\"16\":\"11856197.6\"},";
        jsonData +="{\"28\":\"KEM\",\"3\":\"COMPANY10\",\"6\":\"40.1\",\"21\":\"0.55\",\"14\":\"220241\",\"16\":\"8782243.3\"}]";
        return jsonData;
  }
&lt;/code&gt;&lt;/pre&gt;
&lt;p&gt;Trying to convert this into the object list. &lt;/p&gt;
&lt;pre&gt;&lt;code&gt; In controller :
  JavaScriptSerializer json_serializer = new JavaScriptSerializer();
  var companyDataList = json_serializer.Deserialize&amp;lt;List&amp;lt;object&amp;gt;&amp;gt;(svc.GetCompanyData())
&lt;/code&gt;&lt;/pre&gt;
&lt;p&gt;This is working fine. But there is iteration in JSON where, need to be perform the unboxing to custom object. Since keys are integer based unable to read data from JSON.
But generating JSON is having int as keys, so unable to read specific data.
How to read such JSON data.
Edited : Tried with Newtonsoft&lt;/p&gt;
&lt;pre&gt;&lt;code&gt;object[] objectArray = JsonConvert.DeserializeObject&amp;lt;object[]&amp;gt;(JsonConvert.SerializeObject(companyDataList ));
&lt;/code&gt;&lt;/pre&gt;
&lt;p&gt;But underlying list of data is resulting in immediate window like (for first ):&lt;/p&gt;
&lt;pre&gt;&lt;code&gt;objIndex
{
  "28": "KEM",
  "3": "COMPANY1",
  "6": "218",
  "21": "6.8",
  "14": "33543",
  "16": "7188572.3"
}
    base: {
  "28": "KEM",
  "3": "COMPANY1",
  "6": "218",
  "21": "6.8",
  "14": "33543",
  "16": "7188572.3"
}
    Type: Object
&lt;/code&gt;&lt;/pre&gt;
&lt;p&gt;&lt;strong&gt;ANSWER:&lt;/strong&gt;&lt;/p&gt;
&lt;p&gt;Added following class to extend :&lt;/p&gt;
&lt;pre&gt;&lt;code&gt; public static class Extensions
    {
        public static T ToObject&amp;lt;T&amp;gt;(this IDictionary&amp;lt;string, object&amp;gt; source, Dictionary&amp;lt;string, string&amp;gt; sourceDictionary)
          where T : class, new()
        {
            T someObject = new T();
            Type someObjectType = someObject.GetType();
            foreach (KeyValuePair&amp;lt;string, object&amp;gt; item in source)
            {
                if (sourceDictionary.Keys.Contains(item.Key) &amp;amp;&amp;amp; (someObjectType.GetProperty(sourceDictionary[item.Key])!=null))
                    someObjectType.GetProperty(sourceDictionary[item.Key]).SetValue(someObject, item.Value, null);
            }
            return someObject;
        }
        public static IDictionary&amp;lt;string, object&amp;gt; AsDictionary(this object source, BindingFlags bindingAttr = BindingFlags.DeclaredOnly | BindingFlags.Public | BindingFlags.Instance)
        {
            return source.GetType().GetProperties(bindingAttr).ToDictionary
            (
                propInfo =&amp;gt; propInfo.Name,
                propInfo =&amp;gt; propInfo.GetValue(source, null)
            );
        }
    } 
&lt;/code&gt;&lt;/pre&gt;
&lt;p&gt;In Class method utilized this as :&lt;/p&gt;
&lt;pre&gt;&lt;code&gt;var tempObjArray = json_serializer.Deserialize&amp;lt;object[]&amp;gt;(svc.GetTopByVolume());
        List&amp;lt;Symbol&amp;gt; topByVolumeList = new List&amp;lt;Symbol&amp;gt;();
        foreach (object tmpObject in tempObjArray)
        {
            Dictionary&amp;lt;string, object&amp;gt; diTopByVolumes = (Dictionary&amp;lt;string, object&amp;gt;)tmpObject;
            Symbol someObject = diTopByVolumes.ToObject&amp;lt;Symbol&amp;gt;(StaticDictionary.TopByVolumeDictionary);
            topByVolumeList.Add(someObject);
        }
&lt;/code&gt;&lt;/pre&gt;
&lt;p&gt;also in Global.asax in application start event specified added :&lt;/p&gt;
&lt;pre&gt;&lt;code&gt;     public static Dictionary&amp;lt;string, string&amp;gt; TopByVolumeDictionary = new Dictionary&amp;lt;string, string&amp;gt;();
 TopByVolumeDictionary.Add("3", "SYMBOLID");
            TopByVolumeDictionary.Add("6", "Property1");
            TopByVolumeDictionary.Add("14", "Property2");
            TopByVolumeDictionary.Add("16", "Property3");
            TopByVolumeDictionary.Add("21", "Property4");
&lt;/code&gt;&lt;/pre&gt;</t>
  </si>
  <si>
    <t>2015-12-30 05:01:38.703000+00:00</t>
  </si>
  <si>
    <t>2015-12-30 11:42:27.993000+00:00</t>
  </si>
  <si>
    <t>c#|json|serialization|asp.net-mvc-5</t>
  </si>
  <si>
    <t>Intercepting aggregation query in elastic search</t>
  </si>
  <si>
    <t>&lt;p&gt;I am investigating elastic search now and I like to get some insights on the possibility of certain things. Any suggestions would be greatly appreciated. &lt;/p&gt;
&lt;p&gt;I'm trying to tackle a very specific use case as follows:&lt;/p&gt;
&lt;p&gt;I want to run a entitlement check on each row before doing the aggregation in elastic search? Is that possible?&lt;/p&gt;
&lt;p&gt;It's like calling an external api to see whether the user has permission to do aggregation on a particular row, If yes, then it should be added to the aggregation resultset.&lt;/p&gt;
&lt;p&gt;&lt;strong&gt;Example:&lt;/strong&gt;&lt;/p&gt;
&lt;p&gt;Lets say, I have some document data in elastic search, and each document has a specific tag attached. And I have some user data in another relation database with the below schema (userId, tag)&lt;/p&gt;
&lt;p&gt;When user1 query elastic for the number of documents on the tag "es" it should return 2 whereas for user2 it should return 0 as the user don't have "es" tag attached.&lt;/p&gt;
&lt;p&gt;It's like intercepting each and every call to the aggregation to do some customised check before increasing the count. Basically I'm looking to limit search results to things based on the user.&lt;/p&gt;
&lt;p&gt;&lt;strong&gt;Schema and queries in elastic search&lt;/strong&gt;&lt;/p&gt;
&lt;pre&gt;&lt;code&gt;PUT /document
{
    "mappings": {
        "post": {
            "properties": {
                "document_id": {
                    "type":"integer"
                },
                "tag": {
                    "type":"string",
                    "index":"not_analyzed"
                },
                "document_name": {
                    "type":"string"
                }
            }
        }
    }
}
POST document/reports 
{
    "document_id":123,
    "tag":"es",
    "document_name":"elastic search indexing"
}
POST document/reports 
{
    "document_id":1233,
    "tag":"es",
    "document_name":"elastic search routing"
}
POST document/reports 
{
    "document_id":1234,
    "tag":"kafka",
    "document_name":"kafka partitioning"
}
&lt;/code&gt;&lt;/pre&gt;
&lt;p&gt;&lt;strong&gt;Table structure in relation database&lt;/strong&gt;&lt;/p&gt;
&lt;pre&gt;&lt;code&gt;userId | tag            |
-------------------------
 user1 | es             |
 user2 | kafka          |
&lt;/code&gt;&lt;/pre&gt;
&lt;p&gt;&lt;strong&gt;Search request query&lt;/strong&gt;&lt;/p&gt;
&lt;pre&gt;&lt;code&gt;GET document/reports/_search
{
    "query": {
        "match": {
            "_all": "es"
        }
    },
    "size": 0,
    "aggs": {
        "types": {
            "terms": {
                "field":"tag"
            }
        }
    }
}
&lt;/code&gt;&lt;/pre&gt;
&lt;p&gt;&lt;strong&gt;Sample Response&lt;/strong&gt;&lt;/p&gt;
&lt;pre&gt;&lt;code&gt;{
   "took": 4,
   "timed_out": false,
   "_shards": {
      "total": 5,
      "successful": 5,
      "failed": 0
   },
   "hits": {
      "total": 2,
      "max_score": 0,
      "hits": []
   },
   "aggregations": {
      "types": {
         "doc_count_error_upper_bound": 0,
         "sum_other_doc_count": 0,
         "buckets": [
            {
               "key": "es",
               "doc_count": 2
            }
         ]
      }
   }
}
&lt;/code&gt;&lt;/pre&gt;</t>
  </si>
  <si>
    <t>2017-02-05 03:12:24.797000+00:00</t>
  </si>
  <si>
    <t>2017-02-05 12:53:05.487000+00:00</t>
  </si>
  <si>
    <t>java|elasticsearch|elasticsearch-plugin|spring-data-elasticsearch</t>
  </si>
  <si>
    <t>Allow any digit in a string other than 9 and 16 digits</t>
  </si>
  <si>
    <t>&lt;pre&gt;&lt;code&gt;^(?![\\s\\S]*(\\d{16})|[\\s\\S]*(\\d{9}))[\\s\\S]*
&lt;/code&gt;&lt;/pre&gt;
&lt;p&gt;The above regex does not allow a number greater than 10 digits in the string.
Example, if user enters test 1234567891. The text is a valid text. We should allow user to enter this text.
The user should only not enter a 9 digit number or a 16 digit number. 
Example, test 123456789 should be invalid. How to modify the regex.&lt;/p&gt;</t>
  </si>
  <si>
    <t>2013-01-16 13:31:15.860000+00:00</t>
  </si>
  <si>
    <t>2013-01-23 22:51:34.710000+00:00</t>
  </si>
  <si>
    <t>Adding shop title in the Shop page in Woocommerce</t>
  </si>
  <si>
    <t>&lt;p&gt;How i can show the product���s vendor name after the product title in the shop page in Woocommerce ?
i try add this code at the end of the file &lt;strong&gt;functions.php&lt;/strong&gt; but not working !!&lt;/p&gt;
&lt;p&gt;&lt;div class="snippet" data-lang="js" data-hide="false"&gt;_x000D_
&lt;div class="snippet-code"&gt;_x000D_
&lt;pre class="snippet-code-html lang-html prettyprint-override"&gt;&lt;code&gt;/**_x000D_
 * Print the product's vendor name before the product title in the loop._x000D_
 *_x000D_
 * @return void_x000D_
 */_x000D_
function wc_vendors_name_loop() {_x000D_
 $vendors = get_the_terms( get_the_ID(), 'shop_vendor' );_x000D_
_x000D_
 if ( $vendors &amp;amp;&amp;amp; ! is_wp_error( $vendors ) ) {_x000D_
  foreach ( $vendors as $vendor ) {_x000D_
   $all_vendors[] = $vendor-&amp;gt;name;_x000D_
  }_x000D_
_x000D_
  $vendors = join( ", ", $all_vendors );_x000D_
_x000D_
  echo '&amp;lt;span class="shop_vendors"&amp;gt;' . $vendors . '&amp;lt;/span&amp;gt;';_x000D_
 }_x000D_
}_x000D_
add_action( 'woocommerce_before_shop_loop_item_title', 'wc_vendors_name_loop', 20 );&lt;/code&gt;&lt;/pre&gt;_x000D_
&lt;/div&gt;_x000D_
&lt;/div&gt;_x000D_
&lt;/p&gt;</t>
  </si>
  <si>
    <t>2015-12-09 13:09:44.023000+00:00</t>
  </si>
  <si>
    <t>php|wordpress|woocommerce</t>
  </si>
  <si>
    <t>How to group boxplot outliers in gnuplot</t>
  </si>
  <si>
    <t>&lt;p&gt;I have a large set of data points. I try to plot them with a boxplot, but some of the outliers are the exact same value and they are represented on a line beside each other. I found &lt;a href="https://stackoverflow.com/questions/28780544/how-to-set-the-horizontal-distance-between-outliers-in-gnuplot-boxplot"&gt;How to set the horizontal distance between outliers in gnuplot boxplot&lt;/a&gt;, but it doesn't help too much, as it is apparently not possible.&lt;/p&gt;
&lt;p&gt;Is it possible to group the outliers together, print one point and then print a number in brackets beside it to indicate how many points there are? I think this would make it more readable in a graph.&lt;/p&gt;
&lt;p&gt;For information, I have three boxplots for one x value and that times six in one graph. I am using gnuplot 5 and already played around with the pointsize, which doesn't reduce the distance anymore.
I hope you can help!&lt;/p&gt;
&lt;p&gt;Edit:   &lt;/p&gt;
&lt;pre&gt;&lt;code&gt;set terminal pdf
set output 'dat.pdf'
file0 = 'dat1.dat'
file1 = 'dat2.dat'
file2 = 'dat3.dat'
set pointsize 0.2
set notitle
set xlabel 'X'
set ylabel 'Y'
header = system('head -1 '.file0);
N = words(header)
set xtics ('' 1)
set for [i=1:N] xtics add (word(header, i) i)
set style data boxplot
plot file0 using (1-0.25):1:(0.2) with boxplot lw 2 lc rgb '#8B0000' fs pattern 16 title 'A'
plot file1 using (1):1:(0.2) with boxplot lw 2 lc rgb '#00008B' fs pattern 4 title 'B'
plot file2 using (1+0.25):1:(0.2) with boxplot lw 2 lc rgb '#006400' fs pattern 5 title 'C'
for [i=2:N] plot file0 using (i-0.25):i:(0.2) with boxplot lw 2 lc rgb '#8B0000' fs pattern 16 notitle
for [i=2:N] plot file1 using (i):i:(0.2) with boxplot lw 2 lc rgb '#00008B' fs pattern 4 notitle
for [i=2:N] plot file2 using (i+0.25):i:(0.2) with boxplot lw 2 lc rgb '#006400' fs pattern 5 notitle
&lt;/code&gt;&lt;/pre&gt;
&lt;p&gt;What is the best way to implement it with this code already in place?&lt;/p&gt;</t>
  </si>
  <si>
    <t>2015-04-01 08:39:38.823000+00:00</t>
  </si>
  <si>
    <t>2015-04-01 11:00:46.353000+00:00</t>
  </si>
  <si>
    <t>2015-04-01 10:21:48.077000+00:00</t>
  </si>
  <si>
    <t>gnuplot|boxplot|outliers</t>
  </si>
  <si>
    <t>Python - Executing code as long as a subprocess is running</t>
  </si>
  <si>
    <t>&lt;p&gt;I would like to run a section of code as long as a forked subprocess (rsync) is running. This is how I did it in my code:&lt;/p&gt;
&lt;pre&gt;&lt;code&gt;rsync_proc = subprocess.Popen(proc_args, stdout=subprocess.PIPE)
while rsync_proc.poll() == None:
            sys.stdout.write('\r'+ 
                rsync_progress_report(source_size_kb, dest, start)),
            sys.stdout.flush()
            time.sleep(1)
&lt;/code&gt;&lt;/pre&gt;
&lt;p&gt;For some reason, this causes the rsync subprocess to get stuck when it's almost finished. The while loop just continues looping with the &lt;code&gt;rsync_proc.poll()&lt;/code&gt; returning &lt;code&gt;None&lt;/code&gt;.
When I do run this same rsync call without the while loop code, it finishes without a problem.&lt;/p&gt;
&lt;p&gt;Thanks in advance.&lt;/p&gt;</t>
  </si>
  <si>
    <t>2014-09-17 17:08:01.240000+00:00</t>
  </si>
  <si>
    <t>2014-09-17 20:40:29.130000+00:00</t>
  </si>
  <si>
    <t>2014-09-17 20:33:13.937000+00:00</t>
  </si>
  <si>
    <t>python|subprocess|rsync</t>
  </si>
  <si>
    <t>Delete mounting directory after umount -l</t>
  </si>
  <si>
    <t>&lt;p&gt;I'm working on Linux OpenWrt where I have to mount and umount manually USB disks when they are attached to the router.&lt;/p&gt;
&lt;p&gt;I'm using this script: &lt;a href="http://wiki.openwrt.org/doc/howto/writable_ntfs#with.a.custom.hotplug.script" rel="nofollow"&gt;http://wiki.openwrt.org/doc/howto/writable_ntfs#with.a.custom.hotplug.script&lt;/a&gt; to mount and unmount automatically USB disks the problem is that it doesn't delete the mounting directory after &lt;code&gt;umount -l /dev/$device&lt;/code&gt;. My application on the router needs to check if the USB disk is present or not by checking if &lt;code&gt;/mnt/sda1&lt;/code&gt; exists or not&lt;/p&gt;
&lt;p&gt;My question is: is it dangerous to add &lt;code&gt;rm -r sda1&lt;/code&gt; after &lt;code&gt;umount -l /dev/$device&lt;/code&gt;, or is there a risk that &lt;code&gt;rm -r sda1&lt;/code&gt; will remove files in &lt;code&gt;sda1&lt;/code&gt; ?&lt;/p&gt;</t>
  </si>
  <si>
    <t>2013-07-11 11:18:09.190000+00:00</t>
  </si>
  <si>
    <t>2013-07-11 11:32:46.943000+00:00</t>
  </si>
  <si>
    <t>2013-07-11 11:23:09.383000+00:00</t>
  </si>
  <si>
    <t>linux|usb|openwrt|umount</t>
  </si>
  <si>
    <t>Blogger JSON API add a post</t>
  </si>
  <si>
    <t>&lt;p&gt;I want to add post to my blog using Blogger API. I successfully got rights to use Blogger API and activated them in Google API console. I used &lt;a href="https://developers.google.com/google-apps/tasks/oauth-and-tasks-on-android#account" rel="nofollow noreferrer"&gt;this&lt;/a&gt; tutorial to obtain access_token. I found &lt;a href="https://stackoverflow.com/questions/8067467/how-often-do-google-auth-tokens-expire-on-android-or-how-not-to-bother-grandm"&gt;this question&lt;/a&gt; , so before ever request I obtain new request_token. &lt;/p&gt;
&lt;p&gt;When I make first request to add post, I got en error: &lt;strong&gt;401 "message": "Invalid Credentials", "location": "Authorization"&lt;/strong&gt;.&lt;/p&gt;
&lt;p&gt;When I make second request to add post with new token, I got error: &lt;strong&gt;403 "message": "Daily Limit Exceeded. Please sign up"&lt;/strong&gt;&lt;/p&gt;
&lt;p&gt;Code for my request is:&lt;/p&gt;
&lt;pre&gt;&lt;code&gt;final JSONObject obj = new JSONObject();
obj.put("id", mUserID);
final JSONObject requestBody = new JSONObject();
requestBody.put("kind", "blogger#post");
requestBody.put("blog", obj);
requestBody.put("title", msg[0]);
requestBody.put("content", msg[0] + " " + msg[1]);
final HttpPost request = new HttpPost("https://www.googleapis.com/blogger/v3/blogs/" +   mUserID + "/posts");
request.addHeader("Authorization", "Bearer " + mToken);
request.addHeader("Content-Type", "application/json");
request.setEntity(new StringEntity(requestBody.toString()));
final HttpResponse response = mHttpClient.execute(request);
final HttpEntity ent = response.getEntity();
Log.i(SocialPoster.LOG, EntityUtils.toString(ent));
ent.consumeContent();
&lt;/code&gt;&lt;/pre&gt;
&lt;p&gt;&lt;strong&gt;UPDATE&lt;/strong&gt;
Solution was found: simply adding "?key={MY_API_KEY}" to request's URL solved the problem&lt;/p&gt;</t>
  </si>
  <si>
    <t>2012-08-14 08:22:38.903000+00:00</t>
  </si>
  <si>
    <t>2012-08-14 09:13:45.200000+00:00</t>
  </si>
  <si>
    <t>2017-05-23 12:23:42.273000+00:00</t>
  </si>
  <si>
    <t>java|android|api|request|blogger</t>
  </si>
  <si>
    <t>Calling a function from a parent class to test the child class</t>
  </si>
  <si>
    <t>&lt;p&gt;I'm a writing a test with Jest and Enzyme to test the functionality of a component in a React Native application.&lt;/p&gt;
&lt;p&gt;There is a parent component and a child component that used a method in the parent to instantiate.&lt;/p&gt;
&lt;p&gt;To elaborate, here is a abridged version of the parent class:&lt;/p&gt;
&lt;pre&gt;&lt;code&gt;const TeamDetail = React.createClass({
  propTypes: {
    team: PropTypes.object.isRequired,
   ...[INSERT MANY REQUIRED PROPS HERE]
    viewTeamMessageFeed: PropTypes.func.isRequired,
  },
    ... INIT LOGIC ...
  render() {
    return (
      &amp;lt;TabContainer
        containerStyle={styles.tabContainer}
        primaryTab={'board'}
        tabs={this.tabs()}
        /&amp;gt;
    )
  },
  tabs() {
    let tabs = [
      this.tab('board', this.renderBoard()),
    ];
    return (tabs);
  },
  tab(name: string, panel: Object) {
    let empty = true;
    return({name: name, panel: panel, empty: empty})
  },
  renderBoard() {
    return(
      &amp;lt;LeagueTeamAbout
        item={this.props.team}
        details={this.teamDetails()}
      /&amp;gt;
    )
  },
  ...MORE METHODS...THIS NEXT ONE IS IMPORTANT:
  renderMessagingButton() {
    if (this.props.canMessage) {
      return (
        &amp;lt;StyledButton buttonText='Messaging' onPress={() =&amp;gt; this.props.viewTeamMessageFeed(this.props.team)} /&amp;gt;
      );
    }
    return null;
  ...
&lt;/code&gt;&lt;/pre&gt;
&lt;p&gt;OK, so that's the parent.&lt;/p&gt;
&lt;p&gt;I'm testing the parent component &lt;code&gt;&amp;lt;LeagueTeamAbout/&amp;gt;&lt;/code&gt;&lt;/p&gt;
&lt;p&gt;That component has a details property that is set by the teamDetails() method. &lt;code&gt;teamDetails()&lt;/code&gt; returns a details object that includes a messaging attribute that is set by the &lt;code&gt;renderMessagingButton()&lt;/code&gt; method.&lt;/p&gt;
&lt;p&gt;I'm trying to write a test that expects the &lt;code&gt;messagingButton&lt;/code&gt; to execute the &lt;code&gt;viewTeamMessageFeed()&lt;/code&gt; method upon being tapped by the user.&lt;/p&gt;
&lt;p&gt;How do I write this test? I need to somehow call &lt;code&gt;renderMessagingButton()&lt;/code&gt; to mock the &lt;code&gt;LeagueTeamAbout&lt;/code&gt; details object. &lt;/p&gt;
&lt;p&gt;&lt;strong&gt;How do I call the parent component's &lt;code&gt;renderMessagingButton()&lt;/code&gt; function from the &lt;code&gt;LeagueTeamAbout-test.js&lt;/code&gt; file?&lt;/strong&gt;&lt;/p&gt;</t>
  </si>
  <si>
    <t>2017-03-22 21:25:59.333000+00:00</t>
  </si>
  <si>
    <t>2018-09-12 16:46:59.407000+00:00</t>
  </si>
  <si>
    <t>javascript|reactjs|react-native|jestjs|enzyme</t>
  </si>
  <si>
    <t>Is there any way to affect xaml Icons with style?</t>
  </si>
  <si>
    <t>&lt;p&gt;I've included xaml icons in my WPF application using resource dictionaries and I'm using ContentControl to render the resource icon on the window.&lt;/p&gt;
&lt;pre&gt;&lt;code&gt;&amp;lt;MenuItem.Header&amp;gt;
       &amp;lt;StackPanel Orientation="Horizontal"&amp;gt;
              &amp;lt;ContentControl Content="{StaticResource appbar_database}" /&amp;gt;
       &amp;lt;/StackPanel&amp;gt;
&amp;lt;/MenuItem.Header&amp;gt;
&lt;/code&gt;&lt;/pre&gt;
&lt;p&gt;&lt;strong&gt;Now, How can I apply style to the icon inside the ContentControl? e.g. Setting width to 24px.&lt;/strong&gt;&lt;/p&gt;
&lt;p&gt;&lt;strong&gt;EDIT 1&lt;/strong&gt;&lt;/p&gt;
&lt;p&gt;This is how my resource dictionary looks like:&lt;/p&gt;
&lt;pre&gt;&lt;code&gt;&amp;lt;ControlTemplate x:Key="appbar_database"&amp;gt;
    &amp;lt;Canvas xmlns="http://schemas.microsoft.com/winfx/2006/xaml/presentation" xmlns:x="http://schemas.microsoft.com/winfx/2006/xaml" Width="76" Height="76" Clip="F1 M 0,0L 76,0L 76,76L 0,76L 0,0"&amp;gt;
        &amp;lt;Path Width="34" Height="38" Canvas.Left="21" Canvas.Top="19" Stretch="Fill" Fill="#FF000000" Data="F1 M 38,19C 47.3888,19 55,21.0147 55,23.5038L 55,25.5C 55,27.9853 47.3888,30 38,30C 28.6112,30 21,27.9853 21,25.5L 21,23.5C 21,21.0147 28.6112,19 38,19 Z M 55,52.5C 55,54.9853 47.3888,57 38,57C 28.6112,57 21,54.9853 21,52.5L 21,46.5C 21,48.9853 28.6112,51 38,51C 47.384,51 54.9921,48.9874 55,46.5039L 55,52.5 Z M 55,43.5C 55,45.9853 47.3888,48 38,48C 28.6112,48 21,45.9853 21,43.5L 21,37.5C 21,39.9853 28.6112,42 38,42C 47.384,42 54.9921,39.9874 55,37.5038L 55,43.5 Z M 55,34.5C 55,36.9853 47.3888,39 38,39C 28.6112,39 21,36.9853 21,34.5L 21,28.5C 21,30.9853 28.6112,33 38,33C 47.384,33 54.9921,30.9874 55,28.5038L 55,34.5 Z "/&amp;gt;
    &amp;lt;/Canvas&amp;gt;
&amp;lt;/ControlTemplate&amp;gt;
&lt;/code&gt;&lt;/pre&gt;</t>
  </si>
  <si>
    <t>2015-06-15 18:47:12.957000+00:00</t>
  </si>
  <si>
    <t>2015-06-15 19:05:33.473000+00:00</t>
  </si>
  <si>
    <t>2015-06-15 18:53:13.137000+00:00</t>
  </si>
  <si>
    <t>c#|wpf|xaml|resourcedictionary|wpf-style</t>
  </si>
  <si>
    <t>Require authentication for (almost) every request using ServiceStack</t>
  </si>
  <si>
    <t>&lt;p&gt;I am building an ERP using ServiceStack and have authentication wired in and working.  However, I'd like to require authentication on basically every single route, DTO, or static page - except the Login page and supporting resources (CSS, images).&lt;/p&gt;
&lt;p&gt;Is there a simple, centralized way of doing this?  I could apply &lt;code&gt;[Authenticate]&lt;/code&gt; to every DTO/route, but it'd be easy to miss one.&lt;/p&gt;
&lt;p&gt;How can I require authentication for all requests, save some?  I suspect a &lt;a href="http://docs.servicestack.net/request-and-response-filters#global-request-filters" rel="nofollow noreferrer"&gt;global request filter&lt;/a&gt; of some form, but I'm not sure how to start that.&lt;/p&gt;</t>
  </si>
  <si>
    <t>2018-05-09 17:09:30.903000+00:00</t>
  </si>
  <si>
    <t>2018-05-09 18:43:06.227000+00:00</t>
  </si>
  <si>
    <t>authentication|servicestack</t>
  </si>
  <si>
    <t>Node.js returning result from MySQL query</t>
  </si>
  <si>
    <t>&lt;p&gt;I have the following function that gets a hexcode from the database&lt;/p&gt;
&lt;pre&gt;&lt;code&gt;function getColour(username, roomCount)
{
    connection.query('SELECT hexcode FROM colours WHERE precedence = ?', [roomCount], function(err, result)
    {
        if (err) throw err;
        return result[0].hexcode;
    });
}
&lt;/code&gt;&lt;/pre&gt;
&lt;p&gt;My problem is that I am returning the result in the callback function but the getColour function doesn't return anything.  I want the getColour function to return the value of &lt;code&gt;result[0].hexcode&lt;/code&gt;.  &lt;/p&gt;
&lt;p&gt;At the moment when I called getColour it doesn't return anything&lt;/p&gt;
&lt;p&gt;I've tried doing something like&lt;/p&gt;
&lt;pre&gt;&lt;code&gt;function getColour(username, roomCount)
{
    var colour = '';
    connection.query('SELECT hexcode FROM colours WHERE precedence = ?', [roomCount], function(err, result)
    {
        if (err) throw err;
        colour = result[0].hexcode;
    });
    return colour;
}
&lt;/code&gt;&lt;/pre&gt;
&lt;p&gt;but of course the SELECT query has finished by the time return the value in &lt;code&gt;colour&lt;/code&gt;&lt;/p&gt;</t>
  </si>
  <si>
    <t>2013-08-21 15:42:50.080000+00:00</t>
  </si>
  <si>
    <t>2017-11-18 15:48:28.883000+00:00</t>
  </si>
  <si>
    <t>2016-03-31 15:50:41.060000+00:00</t>
  </si>
  <si>
    <t>mysql|node.js|callback</t>
  </si>
  <si>
    <t>codeigniter Zip Encoding Class add multiple files</t>
  </si>
  <si>
    <t>&lt;p&gt;heres how I am doing now :&lt;/p&gt;
&lt;pre&gt;&lt;code&gt;$path = "./uploads/1.txt";
$path1 =  "./uploads/4.txt";
$this-&amp;gt;zip-&amp;gt;read_file($path);
$this-&amp;gt;zip-&amp;gt;read_file($path1);
$this-&amp;gt;zip-&amp;gt;download('files_backup.zip');
&lt;/code&gt;&lt;/pre&gt;
&lt;p&gt;Now I want to add the files from a database query which returns the path of the files .&lt;/p&gt;
&lt;pre&gt;&lt;code&gt;$data['query'] = $this-&amp;gt;db-&amp;gt;get_where('files', array('uid'=&amp;gt;$uid));
&lt;/code&gt;&lt;/pre&gt;
&lt;p&gt;now please tell me which loop that I must use in order to call     &lt;code&gt;$this-&amp;gt;zip-&amp;gt;read_file($path);&lt;/code&gt;&lt;/p&gt;
&lt;p&gt;from the results of the query mentioned above..&lt;/p&gt;
&lt;p&gt;thanks&lt;/p&gt;
&lt;p&gt;&lt;strong&gt;Edit:&lt;/strong&gt;&lt;/p&gt;
&lt;pre&gt;&lt;code&gt;foreach ($query-&amp;gt;result() as $row)
{
    echo $row-&amp;gt;filename;
}
&lt;/code&gt;&lt;/pre&gt;
&lt;p&gt;&lt;strong&gt;result&lt;/strong&gt; &lt;/p&gt;
&lt;pre&gt;&lt;code&gt;335476sfsr.txt 
egyafhwe7g.txt
4566weyt36.txt
&lt;/code&gt;&lt;/pre&gt;
&lt;p&gt;so, it just shows the files of that user ..&lt;/p&gt;</t>
  </si>
  <si>
    <t>2011-02-06 04:48:17.997000+00:00</t>
  </si>
  <si>
    <t>2011-02-06 06:26:46.387000+00:00</t>
  </si>
  <si>
    <t>2011-02-06 06:08:18.163000+00:00</t>
  </si>
  <si>
    <t>php|codeigniter|loops|zip</t>
  </si>
  <si>
    <t>tokio_core::net::UdpCodec with lifetime on associated type</t>
  </si>
  <si>
    <t>&lt;p&gt;I am trying to implement a &lt;code&gt;tokio_core::net::UdpCodec&lt;/code&gt; which create a &lt;code&gt;dns_parser::Packet&lt;/code&gt; from the dns_parser crate. The implementation currently look like this:&lt;/p&gt;
&lt;pre&gt;&lt;code&gt;pub struct MdnsCodec;
impl UdpCodec for MdnsCodec {
    type In = dns_parser::Packet;
    type Out = (SocketAddr, dns_parser::Builder);
    fn decode(&amp;amp;mut self, addr: &amp;amp;SocketAddr, buf: &amp;amp;[u8]) -&amp;gt; io::Result&amp;lt;Self::In&amp;gt; {
        Ok(dns_parser::Packet::parse(buf).unwrap())
    }
    fn encode(&amp;amp;mut self, (addr, builder): Self::Out, into: &amp;amp;mut Vec&amp;lt;u8&amp;gt;) -&amp;gt; SocketAddr {
        let packet_data = builder.build().unwrap();
        into.extend(&amp;amp;packet_data);
        addr
    }
}
&lt;/code&gt;&lt;/pre&gt;
&lt;p&gt;The definition of &lt;a href="https://docs.rs/dns-parser/0.7.1/dns_parser/struct.Packet.html" rel="nofollow noreferrer"&gt;dns_parser::Packet&lt;/a&gt; is:&lt;/p&gt;
&lt;pre&gt;&lt;code&gt;pub struct Packet&amp;lt;'a&amp;gt; {
    pub header: Header,
    pub questions: Vec&amp;lt;Question&amp;lt;'a&amp;gt;&amp;gt;,
    pub answers: Vec&amp;lt;ResourceRecord&amp;lt;'a&amp;gt;&amp;gt;,
    pub nameservers: Vec&amp;lt;ResourceRecord&amp;lt;'a&amp;gt;&amp;gt;,
    pub additional: Vec&amp;lt;ResourceRecord&amp;lt;'a&amp;gt;&amp;gt;,
    pub opt: Option&amp;lt;OptRecord&amp;lt;'a&amp;gt;&amp;gt;,
&lt;/code&gt;&lt;/pre&gt;
&lt;p&gt;}&lt;/p&gt;
&lt;p&gt;This fails to compile with:&lt;/p&gt;
&lt;pre&gt;&lt;code&gt;error[E0106]: missing lifetime specifier
  --&amp;gt; src/main.rs:18:15
   |
18 |     type In = dns_parser::Packet;
   |               ^^^^^^^^^^^^^^^^^^ expected lifetime parameter
error: aborting due to previous error
&lt;/code&gt;&lt;/pre&gt;
&lt;p&gt;The problem is I can't figure out what to add as a lifetime! I assume Packet needs to have the same lifetime as the buf argument. But I can't figure out how to express this properly myself.&lt;/p&gt;
&lt;p&gt;I have uploaded a nonworking example to github:
&lt;a href="https://github.com/Fulkerson/mdnsfuturestest" rel="nofollow noreferrer"&gt;https://github.com/Fulkerson/mdnsfuturestest&lt;/a&gt;&lt;/p&gt;</t>
  </si>
  <si>
    <t>2017-12-27 13:09:28.323000+00:00</t>
  </si>
  <si>
    <t>2018-01-08 19:52:54.457000+00:00</t>
  </si>
  <si>
    <t>rust|lifetime|mdns|rust-tokio</t>
  </si>
  <si>
    <t>How can I do this "select * from [sheet1$] where column is L" in Excel using OLEDB for C#?</t>
  </si>
  <si>
    <t>&lt;p&gt;I had asked about this &lt;a href="https://stackoverflow.com/questions/4488403/how-to-iterate-through-a-column-in-an-excel-application-through-c-console"&gt;question&lt;/a&gt; before but since the requirements changed, I am going to seek for answers again.&lt;/p&gt;
&lt;p&gt;I am trying to get all of the contents within the L column of Excel or anything under the DocumentNo heading, which by the way is placed 7 cells below the first row. So the DocumentNo data is at L:7. It is followed by a blank cell, then cells of document numbers. I want to get all of the document numbers and place it in an array to be used in succeeding functions.&lt;/p&gt;
&lt;p&gt;Help on this please.
Thanks.&lt;/p&gt;</t>
  </si>
  <si>
    <t>2010-12-23 15:46:31.243000+00:00</t>
  </si>
  <si>
    <t>2010-12-24 11:39:45.467000+00:00</t>
  </si>
  <si>
    <t>2017-05-23 09:58:13.403000+00:00</t>
  </si>
  <si>
    <t>c#|excel|console-application</t>
  </si>
  <si>
    <t>Download Excel From Server Using PHP</t>
  </si>
  <si>
    <t>&lt;p&gt;Can anyone help me to write code on PHP to download Excel File from the server.&lt;/p&gt;
&lt;p&gt;I have created below codes using &lt;code&gt;header&lt;/code&gt; and &lt;code&gt;readfile&lt;/code&gt; but the downloaded file was corrupted.&lt;/p&gt;
&lt;pre&gt;&lt;code&gt;//content type
header('Content-type: application/vnd.ms-excel');
//open/save dialog box
header('Content-Disposition: attachment; filename='.$fileName);
//read from server and write to buffer
readfile($reportPath);
&lt;/code&gt;&lt;/pre&gt;
&lt;p&gt;Can anyone help me on the best way to download existing Excel file from the server.&lt;/p&gt;
&lt;p&gt;Please see below image of data after downloaded&lt;img src="https://i.stack.imgur.com/ckjdw.png" alt="enter image description here"&gt;&lt;/p&gt;</t>
  </si>
  <si>
    <t>2013-06-11 12:51:21.337000+00:00</t>
  </si>
  <si>
    <t>2016-11-18 23:01:15.407000+00:00</t>
  </si>
  <si>
    <t>php|excel|header|download</t>
  </si>
  <si>
    <t>ZF2 and EntityManager (Doctrine)</t>
  </si>
  <si>
    <t>&lt;p&gt;I have a problem. I try to get the Entity-Manager without a Controller, but I found no way.
At this time, I get the Entity-Manager like this:&lt;/p&gt;
&lt;pre&gt;&lt;code&gt;(Controller)
public function getEntityManager()
{
    if (null === $this-&amp;gt;_em) {
        $this-&amp;gt;_em = $this-&amp;gt;getServiceLocator()-&amp;gt;get('Doctrine\ORM\EntityManager');
    }
    return $this-&amp;gt;_em;
}
(Plugin)
public function getEntityManager()
{
    if($this-&amp;gt;_em == null){
        $this-&amp;gt;_em = $this-&amp;gt;getController()-&amp;gt;getServiceLocator()-&amp;gt;get('doctrine.entitymanager.orm_default');
    }
    return $this-&amp;gt;_em;
}
&lt;/code&gt;&lt;/pre&gt;
&lt;p&gt;You see, I need allways a controller. But, if I need the EntityManager in a model, i have a problem. I can give the model the controller, but I think this is really a bad way. &lt;/p&gt;
&lt;p&gt;Have you any idea to get the EntityManager without a controller?&lt;/p&gt;</t>
  </si>
  <si>
    <t>2012-10-25 09:10:44.783000+00:00</t>
  </si>
  <si>
    <t>2016-07-14 09:04:18.213000+00:00</t>
  </si>
  <si>
    <t>2012-10-25 09:47:47.713000+00:00</t>
  </si>
  <si>
    <t>doctrine|zend-framework2|entitymanager</t>
  </si>
  <si>
    <t>The '=' character, hexadecimal value 0x3D, cannot be included in a name</t>
  </si>
  <si>
    <t>&lt;pre&gt;&lt;code&gt; xmlnode = xmldoc.CreateElement(dRow.ItemArray.GetValue(0).ToString());
 xmlroot.AppendChild(xmlnode);     
 xmlnode.InnerText = sub;  
&lt;/code&gt;&lt;/pre&gt;</t>
  </si>
  <si>
    <t>2011-05-04 06:09:19.187000+00:00</t>
  </si>
  <si>
    <t>2012-02-01 06:52:07.320000+00:00</t>
  </si>
  <si>
    <t>2011-05-08 19:30:05.470000+00:00</t>
  </si>
  <si>
    <t>c#|.net|xml</t>
  </si>
  <si>
    <t>UIPickerView iOS7 Touch Row To Select</t>
  </si>
  <si>
    <t>&lt;p&gt;iOS7 has changed the UIPickerView, it only returns 3 subviews now, and the second subview has some of its own subviews.&lt;/p&gt;
&lt;p&gt;I've been trying to add a UIGestureRecogniser to each of the subviews to allow the center row to be touch selected, but no luck.&lt;/p&gt;
&lt;p&gt;Even adding a UIView to the UIPickerView does nothing, it doesn't respond to any touches.&lt;/p&gt;
&lt;p&gt;What the hell do I do?!?&lt;/p&gt;</t>
  </si>
  <si>
    <t>2013-10-01 02:19:48.970000+00:00</t>
  </si>
  <si>
    <t>2013-10-11 10:42:16.993000+00:00</t>
  </si>
  <si>
    <t>ios|uigesturerecognizer|uipickerview</t>
  </si>
  <si>
    <t>How to get a list of all drools variables defined in condition / left hand side from inside the consequence / right hand side?</t>
  </si>
  <si>
    <t>&lt;p&gt;We need to know which variables were defined in the condition part of a rule and perform some actions with them. Is there any way to retrieve them?&lt;/p&gt;
&lt;p&gt;example (note, that I just made this dummy code up, so no garantuee for correctness):&lt;/p&gt;
&lt;pre&gt;&lt;code&gt;rule DummyRule
when
  $player: Player()
  $team: Team(teamId == $player.teamId)
then
  $player.setDummy(true);
  [for all vars in when-part, e.g. $player, $team]
     someGlobal.processVar($var)
  [endFor]
end
&lt;/code&gt;&lt;/pre&gt;
&lt;p&gt;What I need is the part in [] - How can I determine the variables retrieved in when-part? I couldn't find anything in the documentation, so maybe someone can help here.&lt;/p&gt;
&lt;p&gt;Regards,
Kay&lt;/p&gt;</t>
  </si>
  <si>
    <t>2015-12-08 10:36:54.163000+00:00</t>
  </si>
  <si>
    <t>2015-12-08 10:54:17.080000+00:00</t>
  </si>
  <si>
    <t>java|drools</t>
  </si>
  <si>
    <t>Get company name from a Google Finance page with Python</t>
  </si>
  <si>
    <t>&lt;p&gt;I would like to print the company name from the Google Finance page, using the div class appbar-snippet-primary. The code I am usng returns none or []. Wasn't able to get to the span tag containing the company name using beautifulsoup.    &lt;/p&gt;
&lt;pre&gt;&lt;code&gt;html = urlopen('https://www.google.com/finance?q=F')
soup = BeautifulSoup(html, "html.parser")
x = soup.find(id='appbar-snippet-primary')
print(x)
&lt;/code&gt;&lt;/pre&gt;
&lt;hr&gt;
&lt;p&gt;Thank you for the explanation. I have updated the code as you suggested and included the stock price, created a loop, then stored the information in a dictionary. &lt;/p&gt;
&lt;pre&gt;&lt;code&gt;from bs4 import BeautifulSoup
import requests
x = ('F', 'GE', 'GOOGL')
Company = {}
for i in x:
    head = {"User-Agent":"Mozilla/5.0 (X11; Linux x86_64)  AppleWebKit/537.36 (KHTML, like Gecko) Chrome/51.0.2704.103 Safari/537.36"}
    html = requests.get('https://www.google.com/finance?q=%s' % (i) ,   headers=head).content
    soup = BeautifulSoup(html, "html.parser")
    c = soup.find("div", class_="appbar-snippet-primary").text
    p = soup.find('span',class_='pr').span.text
    Company.update({c : p})
for k, v in Company.items():
print('{:&amp;lt;30} {:&amp;gt;8}'.format(k,v))
&lt;/code&gt;&lt;/pre&gt;</t>
  </si>
  <si>
    <t>2016-07-03 16:38:23.237000+00:00</t>
  </si>
  <si>
    <t>2016-07-04 19:25:46.093000+00:00</t>
  </si>
  <si>
    <t>python|class|beautifulsoup|google-finance</t>
  </si>
  <si>
    <t>Visual Studio messes up project settings</t>
  </si>
  <si>
    <t>&lt;p&gt;I've created an empty C++ project, added main.cpp, and set up build configurations. Particularly, I changed Output Directory and Intermediate Directory. Pushed everything to GitHub, and cloned it to the other computer. Opened solution, checked properties of the project to find out that it is now set back to default. Tried compiling, wrong directories are used. &lt;code&gt;git status&lt;/code&gt; on both computers shows nothing. I also checked .vcxproj to find out that changed strings are present in the file.&lt;/p&gt;
&lt;p&gt;What could be the cause of this behavior?&lt;/p&gt;
&lt;p&gt;Repository: &lt;a href="https://github.com/kirdaybov/experiments" rel="nofollow noreferrer"&gt;https://github.com/kirdaybov/experiments&lt;/a&gt;&lt;/p&gt;
&lt;p&gt;My environment:&lt;/p&gt;
&lt;ul&gt;
&lt;li&gt;1st computer: VS Express 2015 update 1.&lt;/li&gt;
&lt;li&gt;2nd computer: VS Community 2015 update 3.&lt;/li&gt;
&lt;/ul&gt;</t>
  </si>
  <si>
    <t>2017-04-01 13:21:52.270000+00:00</t>
  </si>
  <si>
    <t>2017-04-01 13:26:47.560000+00:00</t>
  </si>
  <si>
    <t>c++|visual-studio|visual-studio-2015|project-settings</t>
  </si>
  <si>
    <t>Flash - Set maximum lines on TLFTextField</t>
  </si>
  <si>
    <t>&lt;p&gt;It is possible set an maximum number of lines to been showd on TLFTextField? So I have an text than I don't wanna that display all over the text, just the 3 first lines visibles. How can I configure that?&lt;/p&gt;
&lt;p&gt;This is what I have yet:&lt;/p&gt;
&lt;pre&gt;&lt;code&gt;         var myTLFTextField:TLFTextField = new TLFTextField();
         addChild(myTLFTextField); 
         myTLFTextField.x = 0;
         myTLFTextField.y = 0;
         myTLFTextField.width = _width
         myTLFTextField.height = 100;
         myTLFTextField.multiline = true;
         myTLFTextField.wordWrap = true;
         var myFormat:TextLayoutFormat = new TextLayoutFormat();
         myFormat.color = 0x336633;
         myFormat.fontFamily = "Arial, Helvetica, _sans";
         myFormat.fontSize = 24;
         myFormat.textAlign = TextAlign.LEFT;
        var textFlow:TextFlow = myTLFTextField.textFlow;
        var p:ParagraphElement = new ParagraphElement();
        var span1:SpanElement = new SpanElement();
        var span2:SpanElement = new SpanElement();
        var inlineGraphicElement:InlineGraphicElement = new InlineGraphicElement();
        var textLayoutFormat:TextLayoutFormat = new TextLayoutFormat();
        //Add graph
        inlineGraphicElement.source = drwCircle();
        inlineGraphicElement.float = Float.LEFT;
        //Add Text to the spans
        span1.text = "You can draw a happy face here ";
        span2.text = "if you like.as asdfads ad fas fadsf f asdfsdf asd sdafas dff asd adsf adsf adsf asf sadf asdf dfghjf  j  fhj fgffg hgfhj fg fgj fg jkb asdljk ljka jlkj asdjfh lajsdfh sd sdf asdfasd fdas asd fa sdfadsf asd adsf ad fadsf adsf ads fads fads f adsf asdf ";
        p.fontSize = 16;
        p.addChild(inlineGraphicElement);
        p.addChild(span1);
        p.addChild(span2);
        // Add Paragraph to text flow and update controller to display
        textFlow.addChild(p);
        textFlow.hostFormat = myFormat;
        textFlow.flowComposer.updateAllControllers();
&lt;/code&gt;&lt;/pre&gt;</t>
  </si>
  <si>
    <t>2013-03-06 18:42:48.997000+00:00</t>
  </si>
  <si>
    <t>2013-03-07 01:02:49.567000+00:00</t>
  </si>
  <si>
    <t>actionscript-3|flash|tlf</t>
  </si>
  <si>
    <t>Reading the values from OBD II Bluetooth adapter in the android application</t>
  </si>
  <si>
    <t>&lt;p&gt;Can anyone give me an idea on how to read the values from the OBD II Bluetooth adapter in an android application.&lt;/p&gt;
&lt;p&gt;I want to start with scanning for the bluetooth devices from my android application, then after bluetooth device is found, how would I interact with it and get the values from it?&lt;/p&gt;</t>
  </si>
  <si>
    <t>2011-12-03 09:14:59.150000+00:00</t>
  </si>
  <si>
    <t>2016-12-14 10:26:11.283000+00:00</t>
  </si>
  <si>
    <t>android|bluetooth|obd-ii</t>
  </si>
  <si>
    <t>Handeling different permissions per selected customer</t>
  </si>
  <si>
    <t>&lt;p&gt;I am going to implement a new login system for our new AngularJS application at work, using &lt;em&gt;IdentityServer3&lt;/em&gt;, and &lt;em&gt;Thinktecture.IdentityModel.Owin.ResourceAuthorization.WebApi&lt;/em&gt;.&lt;/p&gt;
&lt;p&gt;Some users will have access to more than one customer.&lt;/p&gt;
&lt;p&gt;I am trying to figure out the best way to give users different permissions within the same application, depending a selection in the frontend ( selected customer ).&lt;/p&gt;
&lt;p&gt;Currently i am considering implementing my own permission service using webAPI. The frontend ask for all permissions using the current user's token and cache all permissions mapped to a customer in the frontend.&lt;/p&gt;
&lt;p&gt;Can this be done in a good way using OpenID Connect?
I am thinking that implementing my own permission service is probably overkill or maybe i overlooked some clever way of using resource flow, or somthing like that.&lt;/p&gt;</t>
  </si>
  <si>
    <t>2015-12-15 14:31:01.913000+00:00</t>
  </si>
  <si>
    <t>2015-12-16 14:32:55.883000+00:00</t>
  </si>
  <si>
    <t>openid|claims-based-identity|openid-connect|identityserver3|thinktecture-ident-model</t>
  </si>
  <si>
    <t>Loop Printing (Ruby)</t>
  </si>
  <si>
    <t>&lt;p&gt;I'm doing a coding challenge where I'm required to write a program that turns written numbers (e.g. "one") into integers. It seems to be working fairly well, but it's not printing the last value of the line. Does anyone know &lt;em&gt;why&lt;/em&gt; this happens?&lt;/p&gt;
&lt;p&gt;code:&lt;/p&gt;
&lt;pre&gt;&lt;code&gt;File.open("-snip-").each_line do |line| #-snip- is just my omitted filepath
    words = line.split(";")
    words.each { |w| print 1 if w == "one"
        print 2 if w == "two"
        print 3 if w == "three"
        print 4 if w == "four"
        print 5 if w == "five"
        print 6 if w == "six"
        print 7 if w == "seven"
        print 8 if w == "eight"
        print 9 if w == "nine"
        print 0 if w == "zero" }
    print "\n"
end
&lt;/code&gt;&lt;/pre&gt;
&lt;p&gt;sample input:&lt;/p&gt;
&lt;blockquote&gt;
  &lt;p&gt;three;zero;nine;zero;six;eight;eight;five;seven;eight;seven;four;three;six;seven;seven&lt;/p&gt;
&lt;/blockquote&gt;
&lt;p&gt;my output:&lt;/p&gt;
&lt;blockquote&gt;
  &lt;p&gt;309068857874367&lt;/p&gt;
&lt;/blockquote&gt;
&lt;p&gt;output I need:&lt;/p&gt;
&lt;blockquote&gt;
  &lt;p&gt;3090688578743677&lt;/p&gt;
&lt;/blockquote&gt;</t>
  </si>
  <si>
    <t>2015-06-05 01:16:23.977000+00:00</t>
  </si>
  <si>
    <t>2015-06-05 08:44:40.947000+00:00</t>
  </si>
  <si>
    <t>How to store several pages from an aspx website using Python</t>
  </si>
  <si>
    <t>&lt;p&gt;I'm having some troubles with this code. It is an aspx website and I did a loop to grab all the pages. When I run the code, it works and goes through every page, but I can store only the first page in my dataset. &lt;/p&gt;
&lt;p&gt;Can anyone help me? My coding skills are basic, so probably I'm making an easy mistake...&lt;/p&gt;
&lt;pre&gt;&lt;code&gt;import scraperwiki
import requests
import mechanize
import re
from lxml import html
dataset = {}
def get_table(root):
    rows = root.cssselect("table.resultstable tr")
    index = 0
    for row in rows:
        cells = row.cssselect("td")
        if cells:
            index = index+1
            dataset['index'] = index
            dataset['Beneficiary'] = cells[0].text_content()
            dataset['Postcode'] = cells[1].text_content()
            dataset['Town'] = cells[2].text_content()
            dataset['Rural development'] = cells[3].text_content()
            dataset['Direct Aid'] = cells[4].text_content()
            dataset['Market Schemes'] = cells[5].text_content()
            dataset['Total'] = cells[6].text_content()
            dataset['Responsible paying agency'] = cells[7].text_content()
            Links = row.cssselect("a")
            dataset['Details'] = Links[0].attrib['href']
            scraperwiki.sqlite.save(["index"], dataset)
url1 = "http://cap-payments.defra.gov.uk/SearchResults.aspx?Page="
number = range(1,11)
last_part = "&amp;amp;Sort="
for n in number:
    url = url1+str(n)+last_part
    print url
    br = mechanize.Browser()
    response = br.open(url)
    print "All forms:", [ form.name for form in br.forms() ]
    br.select_form(name="aspnetForm")
    print br.form
    br["ctl00$Center$ContentPlaceHolder1$SearchControls1$ddlFinancialYear"] = ['2017']
    response = br.submit()
    web = response.read()
    root = html.fromstring(web)
    get_table(root)
&lt;/code&gt;&lt;/pre&gt;</t>
  </si>
  <si>
    <t>2018-06-19 14:04:47.817000+00:00</t>
  </si>
  <si>
    <t>python|asp.net|web-scraping</t>
  </si>
  <si>
    <t>How to manually trigger a TouchEvent in TypeScript</t>
  </si>
  <si>
    <t>&lt;p&gt;I want to trigger the touch event manually but i can't able to call.
this was possible in JavaScript but TypeScript can't able to achieve.&lt;/p&gt;
&lt;p&gt;Example:&lt;/p&gt;
&lt;pre&gt;&lt;code&gt; let touchStart: TouchEvent = document.createEvent('TouchEvent');
 touchStart.initEvent('touchstart', true, true);
 element.dispatchEvent(touchStart);
&lt;/code&gt;&lt;/pre&gt;
&lt;p&gt;If I tried this I can able to trigger touchStart event but I can't able to get the &lt;code&gt;changedTouches[0].pageX&lt;/code&gt; and &lt;code&gt;changedTouches[0].pageY&lt;/code&gt;&lt;/p&gt;
&lt;p&gt;based on &lt;a href="https://gist.github.com/morewry/538efb737ed9c4e432e4" rel="nofollow noreferrer"&gt;this link&lt;/a&gt; i have tried like as below,&lt;/p&gt;
&lt;pre&gt;&lt;code&gt; touchStart.changedTouches = [
    pageX: x
    pageY: y
  ]
&lt;/code&gt;&lt;/pre&gt;
&lt;p&gt;But I can't able to assign the value in &lt;code&gt;changedTouches&lt;/code&gt; because of that property is readonly.&lt;/p&gt;
&lt;p&gt;How to achieve this? with &lt;code&gt;changedTouches&lt;/code&gt; in TypeScript?&lt;/p&gt;</t>
  </si>
  <si>
    <t>2017-03-03 09:38:37.783000+00:00</t>
  </si>
  <si>
    <t>2017-12-31 14:50:14.800000+00:00</t>
  </si>
  <si>
    <t>2017-03-03 13:53:34.093000+00:00</t>
  </si>
  <si>
    <t>javascript|typescript|jasmine|karma-jasmine</t>
  </si>
  <si>
    <t>Titanium Appcelerator ACS - (iPhone) Not able to receive Push Notifications which are sent successfully</t>
  </si>
  <si>
    <t>&lt;p&gt;For my titanium mobile application, I would like to integrate ACS Push Notifications. As a first step, I went through the Push Notifications doc. I've configured my settings for iOS as given in the doc. I've created two ACS users (lets say A &amp;amp; B) and subscribed them to my custom channel using the following code.&lt;/p&gt;
&lt;pre&gt;&lt;code&gt;Cloud.PushNotifications.subscribe({
   channel: '4fa8c8bfb6855370430092d1',
   device_token: '0BCE1064500FBF6F122BB0000007D1B5F96BAC345FD0A950FD456098D36E0345'
}, function (e) {
     if (e.success) {
        alert('Success');
     } else {
       alert('Error:\n' +
        ((e.error &amp;amp;&amp;amp; e.message) || JSON.stringify(e)));
    }
});
&lt;/code&gt;&lt;/pre&gt;
&lt;p&gt;Now, under my ACS Push Notification settings, am able to see that i currently have 2 iOS clients subscribed to Push Notifications.
With the below piece of code, i've sent a broadcast message from Device A in which the ACS_UserA has logged in.&lt;/p&gt;
&lt;pre&gt;&lt;code&gt;Cloud.PushNotifications.notify({
   channel: '4fa8c8bfb6855370430092d1',
   payload: 'Welcome to push notifications'
}, function (e) {
     if (e.success) {
        alert('Success');
     } else {
          alert('Error:\n' +
         ((e.error &amp;amp;&amp;amp; e.message) || JSON.stringify(e)));
    }
});
&lt;/code&gt;&lt;/pre&gt;
&lt;p&gt;I am getting the alert as 'Success'. But, am not able to receive the notification in another Device B in which the ACS_UserB has logged in.&lt;/p&gt;
&lt;p&gt;According the documentation here, i should be receiving a Push message in the 'callback' callback. But it is never called.&lt;/p&gt;
&lt;pre&gt;&lt;code&gt;Ti.Network.registerForPushNotifications({
types: [
     Ti.Network.NOTIFICATION_TYPE_BADGE,
     Ti.Network.NOTIFICATION_TYPE_ALERT,
     Ti.Network.NOTIFICATION_TYPE_SOUND
],
 success:function(e) {
    Ti.API.info('Device Token :  '+e.deviceToken);
},
 error:function(e) {
    Ti.API.warn("push notifications failed: "+e);
},
 callback:function(e) {
    alert ('Push received');
}
});
&lt;/code&gt;&lt;/pre&gt;
&lt;p&gt;Titanium SDK version: 2.0.2 (04/18/12 12:18 0684d32) 
Titanium Studio, build: 2.0.1.201204132053 
iPhone Device family: iphone 
iPhone SDK version: 5.0
iPhone simulated device: iphone.&lt;/p&gt;
&lt;p&gt;Need to crack this badly. Any help will be appreciated.&lt;/p&gt;</t>
  </si>
  <si>
    <t>2012-05-10 09:14:23.530000+00:00</t>
  </si>
  <si>
    <t>2012-06-27 06:10:17.847000+00:00</t>
  </si>
  <si>
    <t>2012-05-10 14:13:54+00:00</t>
  </si>
  <si>
    <t>ios|titanium|push-notification|appcelerator</t>
  </si>
  <si>
    <t>How to increment months loop. Then display from then</t>
  </si>
  <si>
    <t>&lt;p&gt;Hell everyone ! I'm a noob to programming. I've tried to search something similar to what I'm looking for but I can't fully understand similar examples. &lt;/p&gt;
&lt;p&gt;What I'm trying to do is have an user input a number of years, convert years to months. Then display from month 1 to full amount of months in a list while using the months variable. I need the loop to continue until it reaches the the full amount of months, then stop there. Below is what I know so far and what I've learned. I suspect that I may need to use some type of counter variable but not exactly sure how to do it.&lt;/p&gt;
&lt;pre&gt;&lt;code&gt;int main(){
int years, months;
printf("Enter years ");
scanf_s("%d", &amp;amp;years);
months = years * 12;
printf("Months is %d ", months); 
do {
    printf("Month", ); //Month 1,2,3,4........24 up to full amount that was converted from years//
} while ();
return 0;
&lt;/code&gt;&lt;/pre&gt;</t>
  </si>
  <si>
    <t>2017-02-14 17:08:29.150000+00:00</t>
  </si>
  <si>
    <t>2017-02-15 03:45:26.507000+00:00</t>
  </si>
  <si>
    <t>c++|loops|counter</t>
  </si>
  <si>
    <t>Testcase is not getting failed when we use assert inside promise</t>
  </si>
  <si>
    <t>&lt;p&gt;Below is my code. Test-case is getting passed whether my actual is equal to expected or not equal.It is just showing warning message when it is not equal but my test-case is shown in green .I cant see any failure message in report.&lt;/p&gt;
&lt;p&gt;Code:&lt;/p&gt;
&lt;pre&gt;&lt;code&gt;this.VerifyAccountHolder=async function(){
 var testPromise = new Promise(function(resolve, reject) {
    setTimeout(function() {
          resolve(elementAccount.isPresent());
    }, 200);
});
var result = await testPromise;
assert.equal(result,true,"wrong result");
&lt;/code&gt;&lt;/pre&gt;
&lt;p&gt;Warning message:&lt;/p&gt;
&lt;blockquote&gt;
  &lt;p&gt;(node:8784) UnhandledPromiseRejectionWarning: Unhandled promise
  rejection (rejection id: 1): AssertionError: expected false to equal
  true (node:8784) [DEP0018] DeprecationWarning: Unhandled promise
  rejections are deprecated. In the future, promise rejections that are
  not handled will terminate the  Nodejs process with a non-zero exit
  code.&lt;/p&gt;
&lt;/blockquote&gt;
&lt;p&gt;how to avoid this warning &lt;/p&gt;
&lt;blockquote&gt;
  &lt;p&gt;I want to display the assertion error in report.I'm new to JavaScript protractor framework.&lt;/p&gt;
&lt;/blockquote&gt;</t>
  </si>
  <si>
    <t>2018-03-22 06:07:24.783000+00:00</t>
  </si>
  <si>
    <t>2018-03-22 18:21:18.980000+00:00</t>
  </si>
  <si>
    <t>2018-03-22 06:58:17.423000+00:00</t>
  </si>
  <si>
    <t>javascript|protractor</t>
  </si>
  <si>
    <t>How to send data from android app to JSP?</t>
  </si>
  <si>
    <t>&lt;p&gt;I want to send some values from Android Application to JSP page. I tried the code below.&lt;/p&gt;
&lt;p&gt;In android, Register.Java&lt;/p&gt;
&lt;pre&gt;&lt;code&gt; Register.setOnClickListener(new View.OnClickListener() {
        @Override
        public void onClick(View v) {
            try {
                ArrayList&amp;lt;BasicNameValuePair&amp;gt; namevaluepair = new ArrayList&amp;lt;BasicNameValuePair&amp;gt;();
                namevaluepair.add(new BasicNameValuePair("fname", fname = UserFname.getText().toString()));
                namevaluepair.add(new BasicNameValuePair("lname", laname = UserLname.getText().toString()));
                namevaluepair.add(new BasicNameValuePair("uname", uname = Username.getText().toString()));
                namevaluepair.add(new BasicNameValuePair("pwd", pwd = UserPassword.getText().toString()));
                namevaluepair.add(new BasicNameValuePair("dob", udob = UserDob.getText().toString()));
                namevaluepair.add(new BasicNameValuePair("email", uemail = UserEmailId.getText().toString()));
                namevaluepair.add(new BasicNameValuePair("mob", umobno = UserMobileNo.getText().toString()));
                HttpClient client = new DefaultHttpClient();
                Log.e("hi ","check");
                HttpPost post=new HttpPost("http://10.0.0.2:8080/AndroidConnectivity/index.jsp");
                Log.e("hi ","check1");
                post.setEntity(new UrlEncodedFormEntity(namevaluepair));
                Log.e("hi ","check2");
                HttpResponse response= client.execute(post);
                Log.e("hi ","check3");
                HttpEntity entity=response.getEntity();
                Log.e("hi ","check4");
            }catch (Exception e){
                Log.e("Error while",e.toString());
            }
        }
    });
&lt;/code&gt;&lt;/pre&gt;
&lt;p&gt;In JSP, index.jsp&lt;/p&gt;
&lt;pre&gt;&lt;code&gt;    &amp;lt;% 
        String fnmae= request.getParameter("fname");
        String lname= request.getParameter("lname");
        String unmae = request.getParameter("uname");
        String pwd=request.getParameter("pwd");
        String dob =request.getParameter("dob");
        String email =request.getParameter("email");
        String mob =request.getParameter("mob");
        DBConnection obj = new DBConnection();
            obj.setResultValueUpdate("insert into user_master (f_name,l_name,user_name,password,dob,email_id,contact_no) values ('"+ fnmae +"', '"+ lname +"','"+ unmae +"','"+ pwd +"','"+ dob +"', '"+ email +"','"+ mob +"')");
            obj.getUpdate();
    %&amp;gt;
&lt;/code&gt;&lt;/pre&gt;
&lt;p&gt;When I click on Register button, I get this error:&lt;/p&gt;
&lt;blockquote&gt;
  &lt;p&gt;E/Error while��� org.apache.http.conn.HttpHostConnectException: Connection to &lt;a href="http://10.0.0.2:8080" rel="nofollow"&gt;http://10.0.0.2:8080&lt;/a&gt; refused&lt;/p&gt;
&lt;/blockquote&gt;
&lt;p&gt;I tried all possible combinations in &lt;strong&gt;HttpPost&lt;/strong&gt; like &lt;strong&gt;my laptop IP Adress&lt;/strong&gt; or &lt;strong&gt;127.0.0.1&lt;/strong&gt;, but I am getting the same error.&lt;/p&gt;
&lt;p&gt;Logcat is displaying up to this:&lt;/p&gt;
&lt;pre&gt;&lt;code&gt; Log.e("hi ","check3"); 
&lt;/code&gt;&lt;/pre&gt;
&lt;p&gt;After that I am getting an error. How can I do this task?&lt;/p&gt;</t>
  </si>
  <si>
    <t>2015-04-03 21:15:55.407000+00:00</t>
  </si>
  <si>
    <t>2015-04-04 09:27:55.443000+00:00</t>
  </si>
  <si>
    <t>2015-04-03 21:53:04.447000+00:00</t>
  </si>
  <si>
    <t>java|android|jsp</t>
  </si>
  <si>
    <t>How to show cmd line output data in modal view in Laravel</t>
  </si>
  <si>
    <t>&lt;p&gt;I have a Laravel 5.2 admin page that has a sync button. It calls &lt;code&gt;php artisan sync&lt;/code&gt; command that runs for around 10 minutes.&lt;/p&gt;
&lt;p&gt;During it's run it echoes out multiple data lines like:&lt;/p&gt;
&lt;pre&gt;&lt;code&gt;[1] Product name. Progress 100%.
[2] Product two name. Progress 90%
...
&lt;/code&gt;&lt;/pre&gt;
&lt;p&gt;This is nice, if I call the sync from console, but I want also to display the same date in the admin page in a a bootstrap like modal similar to this:&lt;/p&gt;
&lt;p&gt;&lt;a href="https://i.stack.imgur.com/6lMjS.jpg" rel="nofollow noreferrer"&gt;&lt;img src="https://i.stack.imgur.com/6lMjS.jpg" alt="enter image description here"&gt;&lt;/a&gt;&lt;/p&gt;
&lt;p&gt;so that the moderator can see the exact progress I see, when I run the command directly from the console.&lt;/p&gt;
&lt;p&gt;&lt;strong&gt;Haw can I accomplish this?&lt;/strong&gt;&lt;/p&gt;
&lt;p&gt;&lt;em&gt;EDIT&lt;/em&gt;&lt;/p&gt;
&lt;p&gt;&lt;a href="https://i.stack.imgur.com/hrj8C.png" rel="nofollow noreferrer"&gt;&lt;img src="https://i.stack.imgur.com/hrj8C.png" alt="enter image description here"&gt;&lt;/a&gt;&lt;/p&gt;</t>
  </si>
  <si>
    <t>2016-08-18 09:29:29.093000+00:00</t>
  </si>
  <si>
    <t>2016-08-18 17:04:21.437000+00:00</t>
  </si>
  <si>
    <t>php|laravel|artisan</t>
  </si>
  <si>
    <t>How to add extra javascript to the head section in a Jade-based view in Node.js</t>
  </si>
  <si>
    <t>&lt;p&gt;I have a Node.js express web app.&lt;/p&gt;
&lt;p&gt;The &lt;code&gt;layout.jade&lt;/code&gt; looks like&lt;/p&gt;
&lt;pre&gt;&lt;code&gt;doctype html
html
  head
    title= title
    link(rel='stylesheet', href='/stylesheets/style.css')
    block extraHeader
  body
    block content
&lt;/code&gt;&lt;/pre&gt;
&lt;p&gt;My map.jade looks like:&lt;/p&gt;
&lt;pre&gt;&lt;code&gt;extends layout
block extraHeader
    link(rel='stylesheet' href='https://unpkg.com/leaflet@1.3.1/dist/leaflet.css')
    script(src='https://unpkg.com/leaflet@1.3.1/dist/leaflet.js')
block content
    h1= title
    h2= count
    #map
    script.
        var locations = !{JSON.stringify(jsonData)};
        // Create variable to hold map element, give initial settings to map
        var map = L.map('map',{ center: [0, 0], zoom: 7});
        // Add OpenStreetMap tile layer to map element
        L.tileLayer('http://{s}.tile.osm.org/{z}/{x}/{y}.png', {
            attribution: '�� OpenStreetMap'
        }).addTo(map);
        // Add JSON to map
        for(var i = 0; i &amp;lt; locations.length; i++) {
            var loc = locations[i];
            L.marker([loc.lat, loc.lng]).addTo(map);
        }
&lt;/code&gt;&lt;/pre&gt;
&lt;p&gt;I would like to include additional javascript to the  section in head of the map view instead of inline script, e.g.&lt;/p&gt;
&lt;pre&gt;&lt;code&gt;&amp;lt;head&amp;gt;
... ...
&amp;lt;script type="text/javascript"&amp;gt;
    // DO SOMETHING
    var foo = 1;
&amp;lt;script&amp;gt;
&amp;lt;/head&amp;gt;
&lt;/code&gt;&lt;/pre&gt;
&lt;p&gt;Is there a way to accomplish this?&lt;/p&gt;
&lt;p&gt;EDIT:
My package.json looks like:&lt;/p&gt;
&lt;pre&gt;&lt;code&gt;{
  "name": "app_name",
  "version": "0.0.0",
  "private": true,
  "scripts": {
    "start": "node ./bin/www"
  },
  "dependencies": {
    "bluebird": "^3.5.1",
    "body-parser": "^1.18.3",
    "cookie-parser": "~1.4.3",
    "debug": "~2.6.9",
    "dotenv": "^5.0.1",
    "express": "~4.16.0",
    "http-errors": "~1.6.2",
    "jade": "~1.11.0",
    "morgan": "~1.9.0",
    "nodemon": "^1.17.5",
    "pg-promise": "^8.4.4"
  }
}
&lt;/code&gt;&lt;/pre&gt;</t>
  </si>
  <si>
    <t>2018-06-27 23:43:28.460000+00:00</t>
  </si>
  <si>
    <t>2018-06-28 01:14:02.600000+00:00</t>
  </si>
  <si>
    <t>2018-06-28 00:56:37.697000+00:00</t>
  </si>
  <si>
    <t>javascript|node.js|express|pug</t>
  </si>
  <si>
    <t>Why this C++ program behave differently on different compilers?</t>
  </si>
  <si>
    <t>&lt;p&gt;I was reading &lt;a href="https://stackoverflow.com/questions/10865957/c-printf-with-stdstring/10865967#10865967"&gt;this&lt;/a&gt;. That question contains following program.&lt;/p&gt;
&lt;pre&gt;&lt;code&gt;#include &amp;lt;iostream&amp;gt;
#include &amp;lt;cstdio&amp;gt;
#include &amp;lt;string&amp;gt;
int main()
{
    using namespace std;
    string myString = "Press ENTER to quit program!";
    cout &amp;lt;&amp;lt; "Come up and C++ me some time." &amp;lt;&amp;lt; endl;
    printf("Follow this command: %s", myString);
    cin.get();
    return 0;
}
&lt;/code&gt;&lt;/pre&gt;
&lt;p&gt;I tried it on g++ 4.8.1 &amp;amp; it fails in compilation. g++ 4.8.1 gives following diagnosis.&lt;/p&gt;
&lt;pre&gt;&lt;code&gt;9 47 [Error] cannot pass objects of non-trivially-copyable type 'std::string {aka class std::basic_string&amp;lt;char&amp;gt;}' through '...' 
9 47 [Warning] format '%s' expects argument of type 'char*', but argument 2 has type 'std::string {aka std::basic_string&amp;lt;char&amp;gt;}' [-Wformat=]
&lt;/code&gt;&lt;/pre&gt;
&lt;p&gt;What does this error mean? Should this program compile successfully or not? Which compiler is correct (g++ or MSVS 2010) ? Why MSVS 2010 accepts this code? Is the code invokes undefined behavior when compiled on MSVS 2010?&lt;/p&gt;
&lt;p&gt;&lt;strong&gt;Surprising:&lt;/strong&gt; I tried it on ideone which uses g++ 5.0  &amp;amp; surprisingly it compiles &amp;amp; runs fine. (See live demo &lt;a href="http://ideone.com/nOmX81" rel="nofollow noreferrer"&gt;here.&lt;/a&gt;). g++ 5.2.0 gives warning when I compile this code. (See live demo &lt;a href="http://melpon.org/wandbox/permlink/VLzuPAcvQ2xMAn3I" rel="nofollow noreferrer"&gt;here&lt;/a&gt;). Why it compiles fine on ideone but fails on g++ 4.8.1?  g++ 4.8.2(gives same diagnosis as g++ 4.8.1, 4.9.0,4.9.1,4.9.2 (gives error not warning). g++ 5.1.0 gives warning but program still compiles &amp;amp; runs fine. &lt;/p&gt;
&lt;p&gt;Why different versions of g++ behave differently when compiling above program? Is this bug in g++ ? Clang also rejects this code to compile in response to answer given by &lt;a href="https://stackoverflow.com/users/819272/templaterex"&gt;@TemplateRex&lt;/a&gt; &lt;/p&gt;</t>
  </si>
  <si>
    <t>2015-09-17 07:00:56.397000+00:00</t>
  </si>
  <si>
    <t>2015-09-17 07:19:23.613000+00:00</t>
  </si>
  <si>
    <t>2017-05-23 11:44:32.347000+00:00</t>
  </si>
  <si>
    <t>c++|visual-studio-2010|c++11|g++|compiler-bug</t>
  </si>
  <si>
    <t>Searching name in multiple column and table</t>
  </si>
  <si>
    <t>&lt;p&gt;I am trying to search a name based on user query like
user(id,fname,lname,..)
business(id,name,address...)&lt;/p&gt;
&lt;p&gt;I am writing hql query like&lt;/p&gt;
&lt;pre&gt;&lt;code&gt; String hql1 = "select count(*)  from  Client as cl  "
                    + "where cl.id=:bid "
                    + " and (cl.user.fname=:fname "
                    + " or cl.user.lname=:lname "
                    + " or cl.business.name=:name)";
            Query query1 = session.createQuery(hql1).setParameter("bid", bid)
                    .setParameter("fname", name + "%").setParameter("lname", name + "%").setParameter("name", name + "%");
            count = (Long) query1.uniqueResult();
&lt;/code&gt;&lt;/pre&gt;
&lt;p&gt;I want to search whether user entered string is in fname or in lname or in name.
if fond in any where i have to fetch it.
but this is not fetching an data.&lt;/p&gt;</t>
  </si>
  <si>
    <t>2017-03-07 10:45:03.227000+00:00</t>
  </si>
  <si>
    <t>2017-03-07 11:30:25.503000+00:00</t>
  </si>
  <si>
    <t>hibernate|hql</t>
  </si>
  <si>
    <t>Array Buttons shows same text in text view, how to change?</t>
  </si>
  <si>
    <t>&lt;p&gt;the following app code consists of buttons aligned as five in a row and totally six rows.
There are five buttons in a row namely one, two,three,four, five which are initialized through an array idArray.&lt;/p&gt;
&lt;p&gt;now if i press button one , text "one" should be visible and if i press button two the text "one" should change to "two"&lt;/p&gt;
&lt;p&gt;however in my code all the five buttons on press shows text as "one" only.&lt;/p&gt;
&lt;p&gt;please go through my code and correct me, where iam wrong? &lt;/p&gt;
&lt;p&gt;Heres the code&lt;/p&gt;
&lt;pre&gt;&lt;code&gt;package com.example.numbers;
import android.app.Activity;
import android.os.Bundle;
import android.view.MotionEvent;
import android.view.View;
import android.widget.Button;
import android.widget.TextView;
public class NumbersActivity extends Activity{
private static final int[] idArray = {R.id.bt0,R.id.bt1,R.id.bt2,R.id.bt3,R.id.bt4};
private Button[] bt = new Button[idArray.length];
protected void onCreate(Bundle savedInstanceState) {
    super.onCreate(savedInstanceState);
    setContentView(R.layout.numbers);
    TextView one = (TextView) findViewById(R.id.one);
    one.setVisibility(View.GONE);
    for (int i=0;i&amp;lt;idArray.length;i++){
        final int b = i;
        bt[b]= (Button)findViewById(idArray[b]); //Fetch the view id from array
    bt[b].setOnTouchListener(new View.OnTouchListener() { 
        TextView one = (TextView) findViewById(R.id.one);
        @Override
        public boolean onTouch(View v, MotionEvent event) {
            switch(event.getAction()) {
    case R.id.bt0:
                one.setText(getString(R.string.one));
            case R.id.bt1:
                one.setText(getString(R.string.two));
            case R.id.bt2:
                one.setText(getString(R.string.three));
            case R.id.bt3:
                one.setText(getString(R.string.four));
            case R.id.bt4:
                one.setText(getString(R.string.five));
                case MotionEvent.ACTION_DOWN:
                    // PRESSED
                    one.setVisibility(View.VISIBLE);
                  return true; // if you want to handle the touch event
                case MotionEvent.ACTION_UP:
                    // RELEASED
                    one.setVisibility(View.INVISIBLE);
                  return true; // if you want to handle the touch event
            }
            return false;
        }
    });
  }
}
}
&lt;/code&gt;&lt;/pre&gt;
&lt;p&gt;when i press bt1 text shows as one, but when i press bt2 text shows as "one" only, it should show "two" instead. 
Please help me with my code and tell me where's the mistake.
Thanks in Advance&lt;/p&gt;</t>
  </si>
  <si>
    <t>2016-01-12 13:45:27.243000+00:00</t>
  </si>
  <si>
    <t>2016-01-13 11:54:18.807000+00:00</t>
  </si>
  <si>
    <t>android|arrays|button|textview</t>
  </si>
  <si>
    <t>NSString to fixed length char array conversion</t>
  </si>
  <si>
    <t>&lt;p&gt;I am having a struct which contains a char array like this:&lt;/p&gt;
&lt;pre&gt;&lt;code&gt;char name[10];
&lt;/code&gt;&lt;/pre&gt;
&lt;p&gt;Now I need a way to convert NSString to this type of string.&lt;/p&gt;
&lt;p&gt;I already can convert this string to a NSString:&lt;/p&gt;
&lt;pre&gt;&lt;code&gt;NSString *string = [[NSString alloc] initWithBytes:name length:10      
encoding:NSASCIIStringEncoding];
&lt;/code&gt;&lt;/pre&gt;</t>
  </si>
  <si>
    <t>2012-08-31 13:54:24.847000+00:00</t>
  </si>
  <si>
    <t>2012-08-31 14:17:56.600000+00:00</t>
  </si>
  <si>
    <t>2012-08-31 13:56:44.613000+00:00</t>
  </si>
  <si>
    <t>objective-c|cocoa|nsstring|arrays</t>
  </si>
  <si>
    <t>XACML 3.0 multiple PEP and PDP instances</t>
  </si>
  <si>
    <t>&lt;p&gt;I am using XACML 3.0 I just want to know which is the best practices for separating the PEP and PDP instances. I have three scenarios here which one is best as per the cloud way of implementation.&lt;/p&gt;
&lt;ol&gt;
&lt;li&gt;I have one instance of PEP which will communicate to multiple PDP instances.&lt;/li&gt;
&lt;li&gt;I have multiple PEP and multiple PDP instances which will communicate to each other.&lt;/li&gt;
&lt;li&gt;I have multiple PEP instances which will communicate to one PDP instance.&lt;/li&gt;
&lt;/ol&gt;</t>
  </si>
  <si>
    <t>2014-01-07 10:11:51.477000+00:00</t>
  </si>
  <si>
    <t>2014-05-26 20:53:03.217000+00:00</t>
  </si>
  <si>
    <t>xacml|xacml3|xacml2</t>
  </si>
  <si>
    <t>Why the following python code does not print to file</t>
  </si>
  <si>
    <t>&lt;pre&gt;&lt;code&gt;from sys import stdout
stdout = open('file', 'w')
print 'test'
stdout.close()
&lt;/code&gt;&lt;/pre&gt;
&lt;p&gt;does create the file, but it contains nothing.&lt;/p&gt;
&lt;p&gt;I had to use&lt;/p&gt;
&lt;pre&gt;&lt;code&gt;import sys
sys.stdout = open('file', 'w')
print 'test'
sys.stdout.close()
&lt;/code&gt;&lt;/pre&gt;
&lt;p&gt;But wouldn't the &lt;code&gt;from ... import...&lt;/code&gt; automatically make the name available? Why do I still have to use &lt;code&gt;sys.stdout&lt;/code&gt; instead of &lt;code&gt;stdout&lt;/code&gt;?&lt;/p&gt;</t>
  </si>
  <si>
    <t>2013-01-27 06:01:49.770000+00:00</t>
  </si>
  <si>
    <t>2013-01-27 08:58:32.823000+00:00</t>
  </si>
  <si>
    <t>How to make a divider to be responsive / to auto resize on different screen size</t>
  </si>
  <si>
    <t>&lt;p&gt;In my page i use some dividers from this website:
&lt;a href="http://www.dcodes.net/2/docs/divider.html" rel="nofollow noreferrer"&gt;http://www.dcodes.net/2/docs/divider.html&lt;/a&gt;&lt;/p&gt;
&lt;p&gt;and all look good , but when i access the page from mobile phone in vertical position , the dividers don't resize automatically (ar too long),
so my question is:&lt;/p&gt;
&lt;p&gt;how to make them responsive , to auto resize on different screen size?&lt;/p&gt;</t>
  </si>
  <si>
    <t>2016-02-17 21:08:39.260000+00:00</t>
  </si>
  <si>
    <t>2017-03-13 14:50:26.563000+00:00</t>
  </si>
  <si>
    <t>html|css|responsive-design|autoresize|divider</t>
  </si>
  <si>
    <t>App store preview says app is localized to various languages but it is only in English</t>
  </si>
  <si>
    <t>&lt;p&gt;App store preview of my app says it's available in various languages.&lt;/p&gt;
&lt;p&gt;However it wasn't ever localized. In iTunes Connect I only see English as primary language (and dropdown menu is empty), and also there's no .lproj files for different languages in Xcode project.&lt;/p&gt;
&lt;p&gt;What can be the issue? I only want my app to be available in English and wish App Store Preview to indicate this.&lt;/p&gt;
&lt;p&gt;Below are screenshots of App Store preview and Xcode info&lt;/p&gt;
&lt;p&gt;&lt;a href="https://i.stack.imgur.com/hztHd.jpg" rel="nofollow noreferrer"&gt;&lt;img src="https://i.stack.imgur.com/hztHd.jpg" alt="enter image description here"&gt;&lt;/a&gt;
&lt;a href="https://i.stack.imgur.com/TIO9K.png" rel="nofollow noreferrer"&gt;&lt;img src="https://i.stack.imgur.com/TIO9K.png" alt="enter image description here"&gt;&lt;/a&gt;&lt;/p&gt;</t>
  </si>
  <si>
    <t>2016-04-07 10:58:43.137000+00:00</t>
  </si>
  <si>
    <t>2016-04-07 14:48:44.133000+00:00</t>
  </si>
  <si>
    <t>ios|localization|app-store</t>
  </si>
  <si>
    <t>Avoid validation on click of specific button</t>
  </si>
  <si>
    <t>&lt;p&gt;This question is regarding validation. I have regex validation on some fields as show in the snapshot. I want to run this validation only when user clicks on Add button; NOT when the submit button is clicked. Could someone suggest how this be done?&lt;/p&gt;
&lt;p&gt;For some reasons, image is not visible. It's uploaded at following location:&lt;/p&gt;
&lt;p&gt;&lt;a href="https://i.stack.imgur.com/YXnUd.png" rel="nofollow noreferrer"&gt;http://i.stack.imgur.com/YXnUd.png&lt;/a&gt;&lt;/p&gt;
&lt;p&gt;&lt;img src="https://i.stack.imgur.com/YXnUd.png" alt="To add a row:"&gt;&lt;/p&gt;</t>
  </si>
  <si>
    <t>2013-06-19 12:17:08.377000+00:00</t>
  </si>
  <si>
    <t>2013-06-19 12:23:00.807000+00:00</t>
  </si>
  <si>
    <t>javascript|jquery|asp.net|validation</t>
  </si>
  <si>
    <t>Signature permission not granted to an app after building the ROM myself</t>
  </si>
  <si>
    <t>&lt;p&gt;I am building LineageOS (a custom rom close to AOSP) on my computer and want the inbuilt Download Manager (com.android.providers.downloads) to check whether the requesting entity is allowed to access the network. Therefore I added some demo snippet to &lt;a href="https://android.googlesource.com/platform/packages/providers/DownloadProvider/+/master/src/com/android/providers/downloads/DownloadThread.java" rel="nofollow noreferrer"&gt;DownloadThread.java&lt;/a&gt; and added the permission MANAGE_NETWORK_POLICY (protection level signature) to Download Manager's AndroidManifest.xml.&lt;/p&gt;
&lt;p&gt;Demo snippet (relevant part is android.net.NetworkPolicyManager.getUidPolicy):&lt;/p&gt;
&lt;pre&gt;&lt;code&gt;if ((mNetworkPolicy.getUidPolicy(mInfo.mUid) &amp;amp; POLICY_REJECT_ON_WLAN) == 1) {
mInfoDelta.mNumFailed = Constants.MAX_RETRIES;
throw new StopRequestException(STATUS_HTTP_DATA_ERROR, 
        "App is not allowed to access the internet");
}
&lt;/code&gt;&lt;/pre&gt;
&lt;p&gt;Executing this I get&lt;/p&gt;
&lt;pre&gt;&lt;code&gt;Failed: java.lang.SecurityException: NetworkPolicy: Neither user 10010 (this is Download Manager) nor current process has android.permission.MANAGE_NETWORK_POLICY [...] at android.net.NetworkPolicyManager.getUidPolicy at com.android.providers.downloads.DownloadThread.run
&lt;/code&gt;&lt;/pre&gt;
&lt;p&gt;I checked "adb shell pm dump com.android.providers.downloads" and get&lt;/p&gt;
&lt;pre&gt;&lt;code&gt;  requested permissions:
    android.permission.RECEIVE_BOOT_COMPLETED
    android.permission.ACCESS_DOWNLOAD_MANAGER
    android.permission.ACCESS_CACHE_FILESYSTEM
    android.permission.SEND_DOWNLOAD_COMPLETED_INTENTS
    android.permission.ACCESS_NETWORK_STATE
    android.permission.INTERNET
    android.permission.WRITE_EXTERNAL_STORAGE
    android.permission.ACCESS_ALL_DOWNLOADS
    android.permission.UPDATE_DEVICE_STATS
    android.permission.CONNECTIVITY_INTERNAL
    android.permission.CLEAR_APP_CACHE
    android.permission.WAKE_LOCK
    android.permission.UPDATE_APP_OPS_STATS
    android.permission.MANAGE_NETWORK_POLICY
    android.permission.READ_EXTERNAL_STORAGE
  install permissions:
    android.permission.ACCESS_CACHE_FILESYSTEM: granted=true
    android.permission.WRITE_SETTINGS: granted=true
    android.permission.SEND_DOWNLOAD_COMPLETED_INTENTS: granted=true
    android.permission.RECEIVE_BOOT_COMPLETED: granted=true
    android.permission.WRITE_MEDIA_STORAGE: granted=true
    android.permission.INTERNET: granted=true
    android.permission.UPDATE_DEVICE_STATS: granted=true
    android.permission.MANAGE_USB: granted=true
    android.permission.ACCESS_ALL_DOWNLOADS: granted=true
    android.permission.ACCESS_DOWNLOAD_MANAGER: granted=true
    android.permission.MANAGE_USERS: granted=true
    android.permission.ACCESS_NETWORK_STATE: granted=true
    android.permission.ACCESS_MTP: granted=true
    android.permission.INTERACT_ACROSS_USERS: granted=true
    android.permission.CLEAR_APP_CACHE: granted=true
    android.permission.CONNECTIVITY_INTERNAL: granted=true
    android.permission.WAKE_LOCK: granted=true
    android.permission.UPDATE_APP_OPS_STATS: granted=true
Shared users:
  SharedUser [android.media] (d3accd7):
    userId=10010
      install permissions:
        android.permission.ACCESS_CACHE_FILESYSTEM: granted=true
        android.permission.WRITE_SETTINGS: granted=true
        android.permission.SEND_DOWNLOAD_COMPLETED_INTENTS: granted=true
        android.permission.RECEIVE_BOOT_COMPLETED: granted=true
        android.permission.WRITE_MEDIA_STORAGE: granted=true
        android.permission.INTERNET: granted=true
        android.permission.UPDATE_DEVICE_STATS: granted=true
        android.permission.MANAGE_USB: granted=true
        android.permission.ACCESS_ALL_DOWNLOADS: granted=true
        android.permission.ACCESS_DOWNLOAD_MANAGER: granted=true
        android.permission.MANAGE_USERS: granted=true
        android.permission.ACCESS_NETWORK_STATE: granted=true
        android.permission.ACCESS_MTP: granted=true
        android.permission.INTERACT_ACROSS_USERS: granted=true
        android.permission.CLEAR_APP_CACHE: granted=true
        android.permission.CONNECTIVITY_INTERNAL: granted=true
        android.permission.WAKE_LOCK: granted=true
        android.permission.UPDATE_APP_OPS_STATS: granted=true
&lt;/code&gt;&lt;/pre&gt;
&lt;p&gt;Why did Download Managers requested permission not get granted? And most importantly: How do I change this?&lt;/p&gt;
&lt;p&gt;Obviously "pm grant com.android.providers.downloads android.permission.MANAGE_NETWORK_POLICY" does no work:&lt;/p&gt;
&lt;pre&gt;&lt;code&gt;Operation not allowed: java.lang.SecurityException: Permission android.permission.MANAGE_NETWORK_POLICY is not a changeable permission type
&lt;/code&gt;&lt;/pre&gt;</t>
  </si>
  <si>
    <t>2018-10-24 08:39:52.247000+00:00</t>
  </si>
  <si>
    <t>WebApi forward stream to other service</t>
  </si>
  <si>
    <t>&lt;p&gt;I have a problem with .NET Core 1.0 and WebAPI. I wanted to do simple controller that will forward data stream coming into PUT method to another REST service without any need to store this data in memory.
In classic ASP.NET WebAPI there is no problem to do this using this code:&lt;/p&gt;
&lt;pre&gt;&lt;code&gt;
    public async Task Put(string id)
    {
        var fileContent = this.Request.Content;
        using (var handler = new HttpClientHandler() { Credentials = new NetworkCredential("XXX", "XXX") })
        {
            using (var client = new HttpClient(handler))
            {
                client.BaseAddress = new Uri(@"http://X.X.X.X/documents");
                var response =
                    await client.PutAsync(string.Format("?uri={0}.xml", id), fileContent);
                if (response.IsSuccessStatusCode)
                {
                    Created("urltocontent", "empty");
                }
                else
                {
                    BadRequest();
                }
            }
        }
&lt;/code&gt;&lt;/pre&gt;
&lt;p&gt;But on .NET Core 1.0 ASP.NET WebAPI I'm getting error saying that the stream was already consumed. Below I've attached .NET Core code. I think that I've tried everything but I'm still getting this error. 
Is it a bug or feature of .NET Core and I have to do it in different way?&lt;/p&gt;
&lt;pre&gt;&lt;code&gt;
    public async Task Put(string id)
    {
        Stream fileContent = Request.Body;
        using (var handler = new HttpClientHandler() { Credentials = new NetworkCredential("XXX", "XXX") })
        {
            using (var client = new HttpClient(handler))
            {
                client.BaseAddress = new Uri(@"http://X.X.X.X/documents");
                var payload = new StreamContent(fileContent);
                var response =
                    await client.PutAsync(string.Format("?uri={0}.xml", id), payload);
                if (response.IsSuccessStatusCode)
                {
                    Created("urltocontent", null);
                }
                else
                {
                    BadRequest();
                }
            }
        }
    }
&lt;/code&gt;&lt;/pre&gt;</t>
  </si>
  <si>
    <t>2016-09-14 21:06:13.333000+00:00</t>
  </si>
  <si>
    <t>2016-09-15 15:36:18.477000+00:00</t>
  </si>
  <si>
    <t>2016-09-15 06:07:06.677000+00:00</t>
  </si>
  <si>
    <t>c#|.net|rest|asp.net-core|asp.net-core-webapi</t>
  </si>
  <si>
    <t>Update NULL filled rows for a column based on matching values of other columns in other rows</t>
  </si>
  <si>
    <t>&lt;p&gt;Suppose I have a dataframe as below:&lt;/p&gt;
&lt;p&gt;&lt;code&gt;df1=
    name    street   city  coordinates
0   A0      B0       C0    1,1
1   A1      B0       C0    NaN
2   A2      B0       C0    NaN
3   A3      B2       C2    NaN
4   A4      B2       C2    2,3
5   A5      B3       C3    NaN
6   A6      B3       C3    NaN
&lt;/code&gt;&lt;/p&gt;
&lt;p&gt;I want the result to be&lt;/p&gt;
&lt;p&gt;&lt;code&gt;df1=
    name    street   city  coordinates
0   A0      B0       C0    1,1
1   A1      B0       C0    1,1
2   A2      B0       C0    1,1
3   A3      B2       C2    2,3
4   A4      B2       C2    2,3
5   A5      B3       C3    NaN
6   A6      B3       C3    NaN
&lt;/code&gt;
I want to update &lt;strong&gt;&lt;em&gt;coordinates&lt;/em&gt;&lt;/strong&gt; with the same &lt;strong&gt;&lt;em&gt;street&lt;/em&gt;&lt;/strong&gt; and &lt;strong&gt;&lt;em&gt;city&lt;/em&gt;&lt;/strong&gt;.
In the above example (B0,C0) at index 0 has coordinates (1,1). So I need to update coordinates at indices 1 and 2 to (1,1) since they have same street and city(B0,C0).
What is the best way to achieve this?&lt;/p&gt;
&lt;p&gt;Also how do I update all the dataframes in similar fashion if we are given a list of dataframes. i.e
&lt;code&gt;df_list = [df1,df2,..]
&lt;/code&gt;
Is it a good idea to first generate a dataframe with unique rows from all the dataframes and then use this dataframe for look-up and update each dataframe?&lt;/p&gt;</t>
  </si>
  <si>
    <t>2017-07-27 09:41:04.863000+00:00</t>
  </si>
  <si>
    <t>2017-07-28 08:45:30.570000+00:00</t>
  </si>
  <si>
    <t>python|python-3.x|pandas</t>
  </si>
  <si>
    <t>openACC codes inside of the kernels directive sometimes works wrong</t>
  </si>
  <si>
    <t>&lt;p&gt;I am working on this simple code pieces
By the way i initialized all elements of c array with 0.&lt;/p&gt;
&lt;pre&gt;&lt;code&gt;#pragma acc kernels copyin(a[0:n],b[0:n]), copyout(c[0:n])
{
  c[0]=11;
  for(i=0; i&amp;lt;n; i++) {
    if(c[i]==11) c[i]=123;
    c[i] = a[i] + b[i];
  }
}
&lt;/code&gt;&lt;/pre&gt;
&lt;p&gt;I saw that c[0] was assigned at the host code pieces(CPU) when i looked the generated codelet. This means for iterations works with old c value(initialized value is 0). Therefore iterations never entered c[i]=123 assignment. I mean the code returned wrong results :( 
Have you encountered anything like it ever?&lt;/p&gt;</t>
  </si>
  <si>
    <t>2013-07-08 14:53:30.623000+00:00</t>
  </si>
  <si>
    <t>2013-07-09 08:21:03.647000+00:00</t>
  </si>
  <si>
    <t>gpu|gpgpu|openacc</t>
  </si>
  <si>
    <t>Signal handle in macOS, revealing the sender process</t>
  </si>
  <si>
    <t>&lt;p&gt;Is there an option to get the sender process as input to signal handler callback. &lt;/p&gt;
&lt;p&gt;Here's the signature of the method that apply callbacks to signal reception. &lt;/p&gt;
&lt;pre&gt;&lt;code&gt;void    (*signal(int, void (*)(int)))(int);
&lt;/code&gt;&lt;/pre&gt;
&lt;p&gt;If I want to assign callback to certain signal &lt;/p&gt;
&lt;pre&gt;&lt;code&gt;signal(signum, cbk_function);
&lt;/code&gt;&lt;/pre&gt;
&lt;p&gt;However, the &lt;code&gt;cbs_function&lt;/code&gt; prototype allows it to get the signal index only, I wonder if I can get the pid of the process that sent this signal to current process. &lt;/p&gt;
&lt;p&gt;I need it in order to detect shutdown event in user-space process.&lt;/p&gt;</t>
  </si>
  <si>
    <t>2017-12-03 15:53:46.177000+00:00</t>
  </si>
  <si>
    <t>2017-12-07 01:32:23.667000+00:00</t>
  </si>
  <si>
    <t>macos|signals</t>
  </si>
  <si>
    <t>Facebook PHP-SDK doesn't handle the code/state parameters passed through $_GET?</t>
  </si>
  <si>
    <t>&lt;p&gt;It looks like the authentication bit when Facebook is sending &lt;code&gt;code&lt;/code&gt;, &lt;code&gt;state&lt;/code&gt; parameters through $_GET is not covered in PHP-SDK.&lt;/p&gt;
&lt;pre&gt;&lt;code&gt;if(!empty($_GET['code']) &amp;amp;&amp;amp; !empty($_GET['state']))
{
    $response   = file_get_contents('https://graph.facebook.com/oauth/access_token?' . http_build_query(array('client_id' =&amp;gt; AY_FACEBOOK_APP_ID, 'client_secret' =&amp;gt; AY_FACEBOOK_APP_SECRET, 'redirect_uri' =&amp;gt; AY_FACEBOOK_TAB_URL, 'code' =&amp;gt; $_GET['code'])));
    // now check state and parse access token
    ay($response);
}
&lt;/code&gt;&lt;/pre&gt;
&lt;p&gt;Did I overlook something? If not, then what is the reason for not including it?&lt;/p&gt;
&lt;hr&gt;
&lt;p&gt;Please note that I did not ask to provide an example as DMCS and Luc Franken did so far.&lt;/p&gt;</t>
  </si>
  <si>
    <t>2012-01-30 18:11:07.503000+00:00</t>
  </si>
  <si>
    <t>2012-01-30 18:43:13.260000+00:00</t>
  </si>
  <si>
    <t>php|facebook-php-sdk|oauth-2.0</t>
  </si>
  <si>
    <t>Simulating Torque and Angular Momentum</t>
  </si>
  <si>
    <t>&lt;p&gt;I'm trying to make a small application in Flash (AS3) that will have several bodies with variable shape and size that will have force applied to them.  I've been looking around for some good explanation of calculating center of mass/gravity, torque, angular momentum, and, I suppose, collision detection as well, though that's not necessary here.&lt;/p&gt;
&lt;p&gt;Can anyone offer an explanation of Torque and the associated physics, as well as some suggestions on how to go about coding it?&lt;/p&gt;
&lt;p&gt;thanks
  -Ted&lt;/p&gt;</t>
  </si>
  <si>
    <t>2009-08-12 17:16:34.733000+00:00</t>
  </si>
  <si>
    <t>2009-12-26 04:35:53.040000+00:00</t>
  </si>
  <si>
    <t>simulation|physics|simulator|angular-momentum</t>
  </si>
  <si>
    <t>LeafletJS - L.GeoJSON.AJAX function too expensive</t>
  </si>
  <si>
    <t>&lt;p&gt;I'm trying to load the geojson file from &lt;a href="https://github.com/datasets/geo-countries" rel="nofollow noreferrer"&gt;this dataset&lt;/a&gt; onto a world map using leaflet.js. However, because the dataset is so large, it takes a while to load, and freezes some slower browsers. Is there a way to streamline the L.GeoJSON.AJAX function so it does not stall the browser for several seconds?&lt;/p&gt;
&lt;p&gt;Relevant code that loads the GEOJSONdata:&lt;/p&gt;
&lt;pre&gt;&lt;code&gt;    function onEachFeature(feature, layer) {
        layer.on({
            mouseover: some_function,
            mouseout: some_other_function,
            click: another_function
        });
    }
    var  worldGeoJSON = new L.GeoJSON.AJAX('geo-countries-master/data/worldmap.geojson', {
    style: mapStyle,
    onEachFeature: onEachFeature
    });
worldGeoJSON.addTo(map);
&lt;/code&gt;&lt;/pre&gt;
&lt;p&gt;Thanks!&lt;/p&gt;</t>
  </si>
  <si>
    <t>2017-08-30 19:27:51.507000+00:00</t>
  </si>
  <si>
    <t>javascript|ajax|browser|leaflet|geojson</t>
  </si>
  <si>
    <t>pillow image TypeError: an integer is required (got type tuple)</t>
  </si>
  <si>
    <t>&lt;p&gt;I am a bit lost as to why this is happening any help would be greatly appreciated. So I am trying to take the median value of images and create a new image from them, but when trying to make newpix take in the values of my red green and blue median pixel the error: &lt;/p&gt;
&lt;p&gt;TypeError: an integer is required (got type tuple) &lt;/p&gt;
&lt;p&gt;happens&lt;/p&gt;
&lt;pre&gt;&lt;code&gt;from PIL import Image, ImageChops,ImageDraw,ImageFilter
import math
import glob
import os.path
from os import  listdir;
import numpy
image_list = []
redPixels = []
greenPixels = []
bluePixels = []
for filename in glob.glob(r"C:\Users\Elias\Desktop\Proj1\images\*.png"):
    im = Image.open(filename)
    image_list.append(im)
im = Image.open(open(r"C:\Users\Elias\Desktop\Proj1\images\1.png",'rb'))
width, height = im.size
print(height)
print (width)
result = Image.new('RGB', (width,height))
newpix = result.load()
for x in range (width):
    for y in range (height):
        for z in (image_list):
            red  = z.getpixel((x,y))
            blue = z.getpixel((x,y))
            green = z.getpixel((x,y))
            redPixels.append(red)
            greenPixels.append(green)
            bluePixels.append(blue)
        red = sorted(redPixels)
        blue = sorted(bluePixels)
        green = sorted(greenPixels)
        mid = int( (len(image_list)+1)/2)-1
        newRed = redPixels[mid]
        newBlue = bluePixels[mid]
        newGreen = greenPixels[mid]
        newpix[x,y] = (newRed,newGreen,newBlue)
result.save("Stacked.png")
&lt;/code&gt;&lt;/pre&gt;</t>
  </si>
  <si>
    <t>2016-09-23 04:09:42.230000+00:00</t>
  </si>
  <si>
    <t>2016-09-24 04:28:20.853000+00:00</t>
  </si>
  <si>
    <t>python|image|python-3.x|python-imaging-library|pillow</t>
  </si>
  <si>
    <t>How do i give a non root user access to docker when using docker-dind?</t>
  </si>
  <si>
    <t>&lt;p&gt;I'm trying to run a Go CD agent using docker-dind to auto build some of my docker images.&lt;/p&gt;
&lt;p&gt;I'm having trouble getting the user &lt;code&gt;go&lt;/code&gt; to have access to the docker daemon. &lt;/p&gt;
&lt;p&gt;When I try and access docker info I get the following:&lt;/p&gt;
&lt;pre&gt;&lt;code&gt;[go] Task: /bin/sh ./builder.shtook: 2.820s
[START]
[USER]  go
[TAG]  manual
Got permission denied while trying to connect to the Docker daemon socket at unix:///var/run/docker.sock: Get http://%2Fvar%2Frun%2Fdocker.sock/v1.32/containers/fish/angular-cli/json: dial unix /var/run/docker.sock: connect: permission denied
Sending build context to Docker daemon  3.072kB
Step 1/8 : FROM node:8-alpine
 ---&amp;gt; 4db2697ce114
Step 2/8 : MAINTAINER jack@fish.com
 ---&amp;gt; Using cache
 ---&amp;gt; 22f46bf6b4c1
Step 3/8 : VOLUME /usr/local/share/.cache/yarn/v1
 ---&amp;gt; Using cache
 ---&amp;gt; 86b979e7a2b4
Step 4/8 : RUN apk add --no-cache --update build-base python
 ---&amp;gt; Using cache
 ---&amp;gt; 4a08b0a1fc9d
Step 5/8 : RUN yarn global add @angular/cli@1.5.3
 ---&amp;gt; Using cache
 ---&amp;gt; 6fe4530181a5
Step 6/8 : EXPOSE 4200
 ---&amp;gt; Using cache
 ---&amp;gt; 480edc47696e
Step 7/8 : COPY ./docker-entrypoint.sh /
 ---&amp;gt; Using cache
 ---&amp;gt; 329f9eaa5c76
Step 8/8 : ENTRYPOINT /docker-entrypoint.sh
 ---&amp;gt; Using cache
 ---&amp;gt; cb1180ff8e9f
Successfully built cb1180ff8e9f
Got permission denied while trying to connect to the Docker daemon socket at unix:///var/run/docker.sock: Get http://%2Fvar%2Frun%2Fdocker.sock/v1.32/containers/fish/angular-cli/json: dial unix /var/run/docker.sock: connect: permission denied
&lt;/code&gt;&lt;/pre&gt;
&lt;p&gt;My &lt;code&gt;root&lt;/code&gt; user &lt;em&gt;can&lt;/em&gt; accesss docker info properly, but the &lt;code&gt;go&lt;/code&gt; user fails.&lt;/p&gt;
&lt;pre&gt;&lt;code&gt;$ cat /etc/group
root:x:0:root
bin:x:1:root,bin,daemon
daemon:x:2:root,bin,daemon
sys:x:3:root,bin,adm
....
adm:x:4:root,adm,daemon
wheel:x:10:root
xfs:x:33:xfs
ping:x:999:
nogroup:x:65533:
nobody:x:65534:
dockremap:x:101:dockremap,go
go:x:1000:go
&lt;/code&gt;&lt;/pre&gt;
&lt;p&gt;My docker.sock permissions are as follows:&lt;/p&gt;
&lt;pre&gt;&lt;code&gt;$ ls -alh /var/run/docker.sock
srw-rw----    1 root     993            0 Apr 20  2017 /var/run/docker.sock
&lt;/code&gt;&lt;/pre&gt;
&lt;p&gt;What do I need to append to my Dockerfile in order to allow the &lt;code&gt;go&lt;/code&gt; user to access the docker daemon? &lt;/p&gt;</t>
  </si>
  <si>
    <t>2017-11-27 18:01:49.867000+00:00</t>
  </si>
  <si>
    <t>2017-11-30 16:59:25.713000+00:00</t>
  </si>
  <si>
    <t>2017-11-30 16:57:42.863000+00:00</t>
  </si>
  <si>
    <t>docker|go-cd|docker-dind</t>
  </si>
  <si>
    <t>How to get the current state of the page in C#?</t>
  </si>
  <si>
    <t>&lt;p&gt;I have a page which contains many links and upon expansion of each link i have grid and button.The button when clicked will be redirected to an new page where some process is done and returns a message via querystring.My problem is how to show the message returned from new page exactly in the previous state(example: the toggling/expansion showing grid and button).How to do that??&lt;/p&gt;</t>
  </si>
  <si>
    <t>2011-07-20 10:26:35.773000+00:00</t>
  </si>
  <si>
    <t>2011-07-20 10:34:03.563000+00:00</t>
  </si>
  <si>
    <t>2011-07-20 10:33:53.940000+00:00</t>
  </si>
  <si>
    <t>How to animate a container view when a subview UILabel changes content via Rx Observable?</t>
  </si>
  <si>
    <t>&lt;p&gt;I have a view controller with a custom container view (added as a subview of root view). 
This container view is stretched to edges of the screen horizontaly. Its heigh is not fixed, but instead is derived/driven by the contents of a multiline UILabel which is a subview of this custom container view. This label is bound to an RxSwift observable stream (sending a string) to which (the observable) only the custom view has accces to, the view controller is unaware of it. 
When I recieve a much longer text, the label's number of lines changes from for example 1 to 4. This changes the container view size because the text needs to fit into horizontaly fixed sized container view so it overflow to new lines and pushes the bottom edge of container view further down.&lt;/p&gt;
&lt;p&gt;I am able to animate the text change of the label itself inside the subscription using 
UIView.transition(with... ) method.&lt;/p&gt;
&lt;p&gt;However the change of container view's height is not animated and it jumps to a new heigh without animation. &lt;/p&gt;
&lt;p&gt;Any idea how I can make the container view animate as well? Preferable without breaking division of responsibilities and encapsulation? &lt;/p&gt;</t>
  </si>
  <si>
    <t>2017-12-07 11:47:59.523000+00:00</t>
  </si>
  <si>
    <t>2017-12-07 11:56:32.863000+00:00</t>
  </si>
  <si>
    <t>swift|uilabel|rx-swift</t>
  </si>
  <si>
    <t>Siebel mobile application</t>
  </si>
  <si>
    <t>&lt;p&gt;Can HP Load runner support to record Siebel  Mobile application for performance testing.
I want to record a siebel mobile application by using Hp Loadrunne for doing performance testing.&lt;/p&gt;</t>
  </si>
  <si>
    <t>2014-09-01 08:19:44.060000+00:00</t>
  </si>
  <si>
    <t>2017-09-12 07:11:31.157000+00:00</t>
  </si>
  <si>
    <t>performance|mobile|loadrunner|siebel</t>
  </si>
  <si>
    <t>Django template won't run Google Maps javascript inside a block</t>
  </si>
  <si>
    <t>&lt;p&gt;I have a base.html and an index.html that extends base.html and fills out a &lt;code&gt;{% block content %}{% endblock %}&lt;/code&gt;. However, for some reason, the javascript that I have in the block that deals with initiating a Google Map doesn't create the map - the page is blank. Without extending the base.html (i.e. just by typing everything in base.html out in index.html explicitly), the map works fine. The code:&lt;/p&gt;
&lt;p&gt;&lt;strong&gt;base.html&lt;/strong&gt;&lt;/p&gt;
&lt;pre&gt;&lt;code&gt;&amp;lt;!DOCTYPE html&amp;gt;
{% load static %}
&amp;lt;html&amp;gt;
  &amp;lt;head&amp;gt;
    &amp;lt;title&amp;gt;Title&amp;lt;/title&amp;gt;
    &amp;lt;link rel="stylesheet" type="text/css" href='{% static "mh_app/style.css" %}' /&amp;gt;
  &amp;lt;/head&amp;gt;
  &amp;lt;body&amp;gt;
    &amp;lt;header id="header"&amp;gt;
      &amp;lt;div class="header-cont"&amp;gt;
        &amp;lt;h1&amp;gt;
          Title
        &amp;lt;/h1&amp;gt;
        &amp;lt;nav id="nav"&amp;gt;
          &amp;lt;ul&amp;gt;
            &amp;lt;li&amp;gt;
              &amp;lt;a href="{% url 'index' %}"&amp;gt;Home&amp;lt;/a&amp;gt;
            &amp;lt;/li&amp;gt;
            &amp;lt;li&amp;gt;
              &amp;lt;a href="{% url 'download' %}"&amp;gt;Download&amp;lt;/a&amp;gt;
            &amp;lt;/li&amp;gt;
            &amp;lt;li&amp;gt;
              &amp;lt;a href="{% url 'about' %}"&amp;gt;About&amp;lt;/a&amp;gt;
            &amp;lt;/li&amp;gt;
          &amp;lt;/ul&amp;gt;
        &amp;lt;/nav&amp;gt;
      &amp;lt;/div&amp;gt;
    &amp;lt;/header&amp;gt;
    {% block content %}{% endblock %}
  &amp;lt;/body&amp;gt;
&amp;lt;/html&amp;gt;
&lt;/code&gt;&lt;/pre&gt;
&lt;p&gt;&lt;strong&gt;index.html&lt;/strong&gt;&lt;/p&gt;
&lt;pre&gt;&lt;code&gt;{% block content %}
  &amp;lt;div id='map'&amp;gt;&amp;lt;/div&amp;gt;
  &amp;lt;script src="https://ajax.googleapis.com/ajax/libs/jquery/3.1.0/jquery.min.js"&amp;gt;&amp;lt;/script&amp;gt;
  &amp;lt;script type='text/javascript'&amp;gt;
    function initMap() {
      var map = new google.maps.Map(document.getElementById('map'), {
        center: {lat: 38.3499047, lng: -100.0770253},
        zoom: 4
      });
    }
  &amp;lt;/script&amp;gt;
  &amp;lt;script src="https://maps.googleapis.com/maps/api/js?key=&amp;lt;my_api_key&amp;gt;&amp;amp;callback=initMap" async defer&amp;gt;&amp;lt;/script&amp;gt;
{% endblock %}
&lt;/code&gt;&lt;/pre&gt;
&lt;p&gt;I've tried sticking some &lt;code&gt;console.log&lt;/code&gt; statements inside &lt;code&gt;initMap()&lt;/code&gt;, and they run just fine, so I have no idea why the map is not appearing.&lt;/p&gt;
&lt;p&gt;&lt;strong&gt;EDIT&lt;/strong&gt;&lt;/p&gt;
&lt;p&gt;&lt;strong&gt;style.css&lt;/strong&gt;&lt;/p&gt;
&lt;pre&gt;&lt;code&gt;#map {
  height: 90%;
  width: 100%;
}
&lt;/code&gt;&lt;/pre&gt;</t>
  </si>
  <si>
    <t>2017-02-16 21:01:41.550000+00:00</t>
  </si>
  <si>
    <t>2017-02-16 21:28:57.243000+00:00</t>
  </si>
  <si>
    <t>javascript|django|google-maps|google-maps-api-3|google-maps-api-2</t>
  </si>
  <si>
    <t>React-Native fetch XML data</t>
  </si>
  <si>
    <t>&lt;p&gt;I'm new to React-Native. Trying to make some very simple apps. Can't figure out how to fetch XML data. With JSON everything is clear and simple. &lt;/p&gt;
&lt;p&gt;But how to fetch XML? Tried to convert it to JSON via &lt;a href="http://goessner.net/download/prj/jsonxml/" rel="noreferrer"&gt;this&lt;/a&gt; and some other similar scripts, but without any success. Need help :/&lt;/p&gt;
&lt;p&gt;My code looks very simple:&lt;/p&gt;
&lt;pre&gt;&lt;code&gt;var xml_url = 'http://api.example.com/public/all.xml';
var ExampleProject = React.createClass({
    getInitialState: function() {
    return {
      data: {results:{}},
    };
  },
  componentDidMount: function() {
    this.fetchData();
  },
  fetchData: function() {
    fetch(xml_url)
      .then((response) =&amp;gt; response.json())
      .then((responseData) =&amp;gt; {
        this.setState({
          data: responseData.data,
        });
      })
      .done();
  },
  render: function() {
    return (
      &amp;lt;View style={styles.wrapper}&amp;gt;
        &amp;lt;View style={styles.container}&amp;gt;
          &amp;lt;View style={styles.box}&amp;gt;
            &amp;lt;Text style={styles.heading}&amp;gt;Heading&amp;lt;/Text&amp;gt;
            &amp;lt;Text&amp;gt;Some text&amp;lt;/Text&amp;gt;
          &amp;lt;/View&amp;gt;
        &amp;lt;/View&amp;gt;
      &amp;lt;/View&amp;gt;
    );
  },
});
&lt;/code&gt;&lt;/pre&gt;</t>
  </si>
  <si>
    <t>2015-04-22 18:11:31.070000+00:00</t>
  </si>
  <si>
    <t>2017-07-20 04:19:32.410000+00:00</t>
  </si>
  <si>
    <t>2015-04-23 07:25:17.813000+00:00</t>
  </si>
  <si>
    <t>javascript|xml|json|reactjs|react-native</t>
  </si>
  <si>
    <t>Assigning symbolic variables to numeric variables in matlab</t>
  </si>
  <si>
    <t>&lt;p&gt;I have symbolic variables which are:&lt;/p&gt;
&lt;pre&gt;&lt;code&gt;[q dq ddq n]
q=[q1; q2];
dq=[dq1; dq2];
ddq=[ddq1; ddq2];
&lt;/code&gt;&lt;/pre&gt;
&lt;p&gt;and  variable &lt;code&gt;n&lt;/code&gt; is&lt;/p&gt;
&lt;pre&gt;&lt;code&gt; n=[2*dq1 + (83*dq1*dq2)/400;
   (83*dq1^2)/800 + 2*dq2]
&lt;/code&gt;&lt;/pre&gt;
&lt;p&gt;I'm trying to obtain the values of an ODE function using the variables:&lt;/p&gt;
&lt;pre&gt;&lt;code&gt;state=[q; dq];
u=[5;5];
q1=state(1);
q2=state(2);
dq1=state(3);
dq2=state(4);
dxdt1=dq1;
dxdt2=dq2;
ddxdt=inv(B)*(u-n);  %which is 2x1 matrix
                     %B is a 2x2 numeric matrix
dstate=[dxdt1; dxdt2; ddxdt];
&lt;/code&gt;&lt;/pre&gt;
&lt;p&gt;using this variables I try to obtain the solution of the equation&lt;/p&gt;
&lt;pre&gt;&lt;code&gt;t0=0;
tf=1;
N=10;
tspan=linspace(t0,tf,N);
x0=[0.5; 0.5;zeros(2,1)];
function_q=@(tspan,state)ode_system(tspan,state,B,n,u);
&lt;/code&gt;&lt;/pre&gt;
&lt;p&gt;where odesystem is&lt;/p&gt;
&lt;pre&gt;&lt;code&gt;function dydt=ode_system(time, state,B,n_t,u)
q1=state(1);
q2=state(2);
dq1=state(3);
dq2=state(4);
dxdt1=dq1;
dxdt2=dq2;
ddxdt=inv(B)*(u-n_t);
dydt=[dxdt1; dxdt2; ddxdt]
end
&lt;/code&gt;&lt;/pre&gt;
&lt;p&gt;at the end I try to calculate&lt;/p&gt;
&lt;pre&gt;&lt;code&gt;[tout,xout]=ode45(function_q, tspan, x0)
&lt;/code&gt;&lt;/pre&gt;
&lt;p&gt;when I run the code it gives an error and say&lt;/p&gt;
&lt;blockquote&gt;
  &lt;p&gt;Error using odearguments (line 110) Inputs must be floats, namely
  single or double.&lt;/p&gt;
  &lt;p&gt;Error in ode45 (line 115)
      odearguments(FcnHandlesUsed, solver_name, ode,
      tspan, y0, options, varargin);&lt;/p&gt;
  &lt;p&gt;Error in mainfunc (line 140) [tout,xout]=ode45(function_q, tspan, x0) 
  try open('Error using odearguments (line 110)
            ��� Error: String is not terminated properly.&lt;/p&gt;
&lt;/blockquote&gt;
&lt;p&gt;I think the problem is resulted from to put symbolic variable to ode45 function. How can I solve this problem? How can I define n matrix in numerical form&lt;/p&gt;</t>
  </si>
  <si>
    <t>2015-11-13 09:45:09.390000+00:00</t>
  </si>
  <si>
    <t>2015-11-13 11:19:28.660000+00:00</t>
  </si>
  <si>
    <t>2015-11-13 09:56:14.857000+00:00</t>
  </si>
  <si>
    <t>matlab|ode|differential-equations</t>
  </si>
  <si>
    <t>Routing order symfony 4</t>
  </si>
  <si>
    <t>&lt;p&gt;I want to have a url with a wildcard at the end &lt;code&gt;site.com/{username}&lt;/code&gt; after trying to match url's like &lt;code&gt;site.com/photos&lt;/code&gt; and &lt;code&gt;site.com/blog&lt;/code&gt;. I'm using annotations and have two controllers.&lt;/p&gt;
&lt;p&gt;I found an answer here &lt;a href="https://stackoverflow.com/questions/11759057/ordering-of-routes-using-annotations"&gt;Ordering of routes using annotations&lt;/a&gt;&lt;/p&gt;
&lt;p&gt;But the folder structure is different in version 4 and in the answer they are using YAML while I'm using annotations, so I don't fully understand where to put what.&lt;/p&gt;
&lt;p&gt;&lt;strong&gt;Video Controller&lt;/strong&gt;&lt;/p&gt;
&lt;pre&gt;&lt;code&gt;    /**
     * @Route("/videos", name="videos")
     */
    public function index()
    {
      // Show video homepage
    }
&lt;/code&gt;&lt;/pre&gt;
&lt;p&gt;&lt;strong&gt;User Controller&lt;/strong&gt;&lt;/p&gt;
&lt;pre&gt;&lt;code&gt;    /**
     * @Route("/{username}", name="profile")
     */
    public function index()
    {
        // Hello {username} !
    }
&lt;/code&gt;&lt;/pre&gt;
&lt;p&gt;In this order, &lt;code&gt;site.com/videos&lt;/code&gt; reaches User controller instead of videos. Do I have to switch to manually putting &lt;em&gt;all&lt;/em&gt; URL structures in yaml format or is there a way to set priority in annotations?&lt;/p&gt;
&lt;p&gt;So far the only method I found was to create a controller starting with the letter "Z", and putting the action/route in there, that seems to run the route last.&lt;/p&gt;</t>
  </si>
  <si>
    <t>2018-01-29 04:14:48.497000+00:00</t>
  </si>
  <si>
    <t>2018-02-25 05:09:37.247000+00:00</t>
  </si>
  <si>
    <t>php|symfony</t>
  </si>
  <si>
    <t>NSURLSession CreateUploadTask failure with xamarin iOS</t>
  </si>
  <si>
    <t>&lt;p&gt;I am trying to upload an object to my WebAPI using the NSURLSession to perform this in the background. My Web API is operational - my problem is that the client code gets to the CreateUploadTask() method and then just throws an exception.  It is a null exception and there is nothing in the Output window either.  So there is literally nothing to indicate what the problem is. The code I use to initiate is here;&lt;/p&gt;
&lt;pre&gt;&lt;code&gt;    private NSUrlSessionConfiguration configuration = NSUrlSessionConfiguration.BackgroundSessionConfiguration ("com.SimpleBackgroundTransfer.BackgroundSession");
    private NSUrlSession session;
public void SendBackgroundMessage(AppMessage m)
{
    session = NSUrlSession.FromConfiguration(configuration, new UploadDelegate(), new NSOperationQueue());
    NSUrl uploadHandleUrl = NSUrl.FromString(Constants.ApiUrl + "api/AppMessage/Send");
    NSMutableUrlRequest request = new NSMutableUrlRequest(uploadHandleUrl);
    request.HttpMethod = "POST";
    request["Content-Type"] = "application/json";
    var keys = new object[] { "Authorization" };
    var objects = new object[] { _accessToken };
    var dictionary = NSDictionary.FromObjectsAndKeys(objects, keys);
    request.Headers = dictionary;
    string json = JsonConvert.SerializeObject(m);
    var body = NSData.FromString(json);
    var uploadTask = session.CreateUploadTask(request, body);
    uploadTask.Resume();
}
&lt;/code&gt;&lt;/pre&gt;
&lt;p&gt;I suspect it is something to do with the way I am serializing to json and creating the NSData object. Any pointers on this would be greatly appriciated!&lt;/p&gt;
&lt;p&gt;EDIT:  Ok so if i remove the body parameter the upload task creates fine.  It is something to do with the way I am composing the json.&lt;/p&gt;</t>
  </si>
  <si>
    <t>2014-12-11 16:27:19.720000+00:00</t>
  </si>
  <si>
    <t>2014-12-12 09:51:50.763000+00:00</t>
  </si>
  <si>
    <t>2014-12-11 19:58:42.857000+00:00</t>
  </si>
  <si>
    <t>ios|asp.net-web-api|xamarin.ios|xamarin</t>
  </si>
  <si>
    <t>Yii2-dynamicforms extension</t>
  </si>
  <si>
    <t>&lt;p&gt;I am new to yii2.0, and I'm currently creating a form po
and po_item, the problem is to &lt;strong&gt;update&lt;/strong&gt; the form the modelPoItem is &lt;strong&gt;empty&lt;/strong&gt; from database. 
&lt;strong&gt;I thank those who can help me for this Home with dynamic form can be with an example. Thank you in advance&lt;/strong&gt;&lt;/p&gt;
&lt;p&gt;&lt;strong&gt;Po Controller&lt;/strong&gt;&lt;/p&gt;
&lt;pre&gt;&lt;code&gt;/**
     * Updates an existing Po model.
     * If update is successful, the browser will be redirected to the 'view' page.
     * @param integer $id
     * @return mixed
     */
    public function actionUpdate($id)
    {
        $model = $this-&amp;gt;findModel($id);
        $modelsPoItem = [new PoItem];
        if ($model-&amp;gt;load(Yii::$app-&amp;gt;request-&amp;gt;post()) &amp;amp;&amp;amp; $model-&amp;gt;save()) {
            return $this-&amp;gt;redirect(['view', 'id' =&amp;gt; $model-&amp;gt;id]);
        } else {
            return $this-&amp;gt;render('update', [
                'model' =&amp;gt; $model,
                'modelsPoItem' =&amp;gt; (empty($modelsPoItem)) ? [new PoItem] : $modelsPoItem
            ]);
        }
    }
&lt;/code&gt;&lt;/pre&gt;
&lt;p&gt;&lt;strong&gt;View&lt;/strong&gt;&lt;/p&gt;
&lt;pre&gt;&lt;code&gt;&amp;lt;div class="po-form"&amp;gt;
    &amp;lt;?php $form = ActiveForm::begin(['id' =&amp;gt; 'dynamic-form']); ?&amp;gt;
    &amp;lt;?= $form-&amp;gt;field($model, 'po_no')-&amp;gt;textInput(['maxlength' =&amp;gt; 10]) ?&amp;gt;
    &amp;lt;?= $form-&amp;gt;field($model, 'description')-&amp;gt;textarea(['rows' =&amp;gt; 6]) ?&amp;gt;
    &amp;lt;div class="row"&amp;gt;
        &amp;lt;div class="panel panel-default"&amp;gt;
        &amp;lt;div class="panel-heading"&amp;gt;&amp;lt;h4&amp;gt;&amp;lt;i class="glyphicon glyphicon-envelope"&amp;gt;&amp;lt;/i&amp;gt; Po Items&amp;lt;/h4&amp;gt;&amp;lt;/div&amp;gt;
        &amp;lt;div class="panel-body"&amp;gt;
             &amp;lt;?php DynamicFormWidget::begin([
                'widgetContainer' =&amp;gt; 'dynamicform_wrapper', // required: only alphanumeric characters plus "_" [A-Za-z0-9_]
                'widgetBody' =&amp;gt; '.container-items', // required: css class selector
                'widgetItem' =&amp;gt; '.item', // required: css class
                'limit' =&amp;gt; 10, // the maximum times, an element can be cloned (default 999)
                'min' =&amp;gt; 1, // 0 or 1 (default 1)
                'insertButton' =&amp;gt; '.add-item', // css class
                'deleteButton' =&amp;gt; '.remove-item', // css class
                'model' =&amp;gt; $modelsPoItem[0],
                'formId' =&amp;gt; 'dynamic-form',
                'formFields' =&amp;gt; [
                    'po_item_no',
                    'quantity',
                ],
            ]); ?&amp;gt;
            &amp;lt;div class="container-items"&amp;gt;&amp;lt;!-- widgetContainer --&amp;gt;
            &amp;lt;?php foreach ($modelsPoItem as $i =&amp;gt; $modelPoItem): ?&amp;gt;
                &amp;lt;div class="item panel panel-default"&amp;gt;&amp;lt;!-- widgetBody --&amp;gt;
                    &amp;lt;div class="panel-heading"&amp;gt;
                        &amp;lt;h3 class="panel-title pull-left"&amp;gt;Po Item&amp;lt;/h3&amp;gt;
                        &amp;lt;div class="pull-right"&amp;gt;
                            &amp;lt;button type="button" class="add-item btn btn-success btn-xs"&amp;gt;&amp;lt;i class="glyphicon glyphicon-plus"&amp;gt;&amp;lt;/i&amp;gt;&amp;lt;/button&amp;gt;
                            &amp;lt;button type="button" class="remove-item btn btn-danger btn-xs"&amp;gt;&amp;lt;i class="glyphicon glyphicon-minus"&amp;gt;&amp;lt;/i&amp;gt;&amp;lt;/button&amp;gt;
                        &amp;lt;/div&amp;gt;
                        &amp;lt;div class="clearfix"&amp;gt;&amp;lt;/div&amp;gt;
                    &amp;lt;/div&amp;gt;
                    &amp;lt;div class="panel-body"&amp;gt;
                        &amp;lt;?php
                            // necessary for update action.
                            if (! $modelPoItem-&amp;gt;isNewRecord) {
                                echo Html::activeHiddenInput($modelPoItem, "[{$i}]id");
                            }
                        ?&amp;gt;
                        &amp;lt;div class="row"&amp;gt;
                            &amp;lt;div class="col-sm-6"&amp;gt;
                                &amp;lt;?= $form-&amp;gt;field($modelPoItem, "[{$i}]po_item_no")-&amp;gt;textInput(['maxlength' =&amp;gt; 128]) ?&amp;gt;
                            &amp;lt;/div&amp;gt;
                            &amp;lt;div class="col-sm-6"&amp;gt;
                                &amp;lt;?= $form-&amp;gt;field($modelPoItem, "[{$i}]quantity")-&amp;gt;textInput(['maxlength' =&amp;gt; 128]) ?&amp;gt;
                            &amp;lt;/div&amp;gt;
                        &amp;lt;/div&amp;gt;&amp;lt;!-- .row --&amp;gt;
                    &amp;lt;/div&amp;gt;
                &amp;lt;/div&amp;gt;
            &amp;lt;?php endforeach; ?&amp;gt;
            &amp;lt;/div&amp;gt;
            &amp;lt;?php DynamicFormWidget::end(); ?&amp;gt;
        &amp;lt;/div&amp;gt;
        &amp;lt;/div&amp;gt;
    &amp;lt;/div&amp;gt;
    &amp;lt;div class="form-group"&amp;gt;
        &amp;lt;?= Html::submitButton($model-&amp;gt;isNewRecord ? 'Create' : 'Update', ['class' =&amp;gt; $model-&amp;gt;isNewRecord ? 'btn btn-success' : 'btn btn-primary']) ?&amp;gt;
    &amp;lt;/div&amp;gt;
    &amp;lt;?php ActiveForm::end(); ?&amp;gt;
&amp;lt;/div&amp;gt;
&lt;/code&gt;&lt;/pre&gt;</t>
  </si>
  <si>
    <t>2016-04-03 11:58:18.103000+00:00</t>
  </si>
  <si>
    <t>2016-08-04 15:10:41.537000+00:00</t>
  </si>
  <si>
    <t>2016-04-03 12:04:26.480000+00:00</t>
  </si>
  <si>
    <t>php|yii2|yii-extensions|dynamicform</t>
  </si>
  <si>
    <t>id undefined when details are passed to a modal</t>
  </si>
  <si>
    <t>&lt;p&gt;I have a table of recipes created by a particular user, and when the pencil mark on each row of the table is clicked, a modal is displayed, showing the details of this particular recipe and it should allow the user to edit the recipe and save the updated version to the database. However, although the details are correctly being passed to the modal, the recipe id doesn't seem to be passed to the modal, since I have tried to output the recipe id into the console and it says the recipe id is undefined. I have tried to debug this error but to no avail. Can anyone provide any insight into why this might be?&lt;/p&gt;
&lt;pre&gt;&lt;code&gt; //Recipe.js    
     $('.editThis').on('click', function() {
             var recipe_id = $(this).attr('data-id');
              var request = $.ajax({
                  url: "ajax/displayRecipe.php",
                  type: "post",
                  dataType: 'json',
                  data: {recipe_id : recipe_id}
            });
            request.done(function (response, textStatus, jqXHR){
              console.log("response " + JSON.stringify(response));
              $('#name').val(response.name);
              $('#date').val(response.date);
                });
        });
    $('#editRecipe').click(function() {
      var recipe_id = $(this).attr('data-id');
        var name_input = $('#name').val();
        var date_input = $('#date').val();
        var request = $.ajax({
            url: "ajax/updateRecipe.php",
            type: "post",
            data: {name : name_input, date : date_input, recipe_id : recipe_id},
            dataType: 'json'
        });
     request.done(function (response, textStatus, jqXHR){
         console.log(response);
        });
    });
   //Recipe.php
    &amp;lt;?php
      $recipeObject = new recipeList($database); //Lets pass through our DB connection
      $recipe = $recipeObject-&amp;gt;getUserRecipes($_SESSION['userData']['user_id']); 
      foreach ($recipe as $key =&amp;gt; $recipes) { 
           echo '&amp;lt;tr&amp;gt;&amp;lt;td&amp;gt;'. $value['name'].'&amp;lt;/td&amp;gt;&amp;lt;td&amp;gt;'. $value['date'].'&amp;lt;/td&amp;gt;&amp;lt;td&amp;gt;'.'&amp;lt;a data-id = '.$value['recip_id'].' data-toggle="modal" class="edit editThis" data-target="#editRecipe"&amp;gt;&amp;lt;i class="fa fa-pencil"&amp;gt;&amp;lt;/i&amp;gt;&amp;lt;/a&amp;gt;'.'&amp;lt;/td&amp;gt;&amp;lt;/tr&amp;gt;';
      }
    ?&amp;gt;
    // editRecipe Modal
    &amp;lt;div id="recipe" class="modal"&amp;gt;
        &amp;lt;div class="modal-dialog"&amp;gt;
            &amp;lt;div class="modal-content"&amp;gt;
                &amp;lt;div class="modal-header recipe"&amp;gt;
                    &amp;lt;h1 class="modal-title"&amp;gt;Edit Recipe&amp;lt;/h4&amp;gt;
                &amp;lt;/div&amp;gt;
                &amp;lt;div class="modal-body"&amp;gt;
                    &amp;lt;form method="post" id="updateRecipeForm"&amp;gt;
                   &amp;lt;?php
                       require_once('classes/recipes.classes.php');
                       $recipeObject = new recipeList($database);
                       $recipe = $recipeObject-&amp;gt;getRecipeDetails(recipe_id); 
                       if(isset($_POST['submit'])) {
                          $updateRecipe = $recipeObject -&amp;gt;updateRecipe($_POST['name'], $_POST['date'], $_POST['recipe_id']);
                          if($updateRecipe) {
                            echo ("Your recipe has been updated!";
                          }
                       }  
                   ?&amp;gt;
                   &amp;lt;div class="form-group"&amp;gt;
                      &amp;lt;input type="text" class="control-form" id="name" value = "&amp;lt;?php echo $recipe['name']; ?&amp;gt;"&amp;gt;
                   &amp;lt;/div&amp;gt; 
                   &amp;lt;div class="form-group"&amp;gt;
                      &amp;lt;input type="date" class="control-form" id="date" value = "&amp;lt;?php echo $recipe['date']; ?&amp;gt;"&amp;gt;
                   &amp;lt;/div&amp;gt;
                   &amp;lt;/div&amp;gt;
                      &amp;lt;div class="form-group"&amp;gt;
                         &amp;lt;input type="hidden" class="form-control" data-id=".$recipe['recipe_id']." id="recipe_id" name="recipe_id" value = "&amp;lt;?php echo $recipe['recipe_id']; ?&amp;gt;"&amp;gt;
                      &amp;lt;/div&amp;gt;
                  &amp;lt;button type="submit" class="btn recipe" id="editRecipe" data-dismiss="modal"&amp;gt;Save&amp;lt;/button&amp;gt;
               &amp;lt;/form&amp;gt;
              &amp;lt;/div&amp;gt;
           &amp;lt;/div&amp;gt;
        &amp;lt;/div&amp;gt;
    &amp;lt;/div&amp;gt;
//ajax - updateRecipe.php
     &amp;lt;?php
        require_once('../includes/database.php');
        require_once('../classes/recipes.classes.php');
        if($_POST['name'] &amp;amp;&amp;amp; $_POST['date'] &amp;amp;&amp;amp; $_POST['trans_id']){
            $recipeObject = new recipeList($database);
            echo $recipeObject-&amp;gt;updateRecipe($_POST['name'], $_POST['date'], $_POST['recipe_id']);
        }
    ?&amp;gt;
//recipes.classes.php
    ...
    public function getRecipeDetails($recipeid){
             $query = "SELECT * FROM recipe WHERE recipe_id = :recipe_id";
                $pdo = $this-&amp;gt;db-&amp;gt;prepare($query);
                $pdo-&amp;gt;bindParam(':recipe_id', $recipeid);
                $pdo-&amp;gt;execute();
                return $pdo-&amp;gt;fetch(PDO::FETCH_ASSOC);
    }
    public function updateRecipe($name, $date, $recipe_id){
            $query = "UPDATE recipe SET name = :name, date = :date WHERE recipe_id = :recipe_id";
            $pdo = $this-&amp;gt;db-&amp;gt;prepare($query);
            $pdo-&amp;gt;bindParam(':name', $name);
            $pdo-&amp;gt;bindParam(':date', $date);
            $pdo-&amp;gt;bindParam(':recipe_id', $recipe_id);
            $pdo-&amp;gt;execute();
        }
&lt;/code&gt;&lt;/pre&gt;</t>
  </si>
  <si>
    <t>2018-05-08 06:56:59.880000+00:00</t>
  </si>
  <si>
    <t>2018-05-08 08:00:58.223000+00:00</t>
  </si>
  <si>
    <t>javascript|php|jquery|ajax|pdo</t>
  </si>
  <si>
    <t>visual composer display image thumbnail based on custom ids</t>
  </si>
  <si>
    <t>&lt;p&gt;below is the function of the visual composer which displays the parameters&lt;/p&gt;
&lt;p&gt;related to a gallery shortcut in my case; I will display the images &lt;/p&gt;
&lt;p&gt;corresponding to the identifiers $ param ['param_name'] == 'ids' in the variable &lt;/p&gt;
&lt;p&gt;field $ param ['type'] == 'attach_images'.&lt;/p&gt;
&lt;p&gt;for the moment only one image is displayed with an invalid src: I could not loop&lt;/p&gt;
&lt;p&gt;on ids images 
&lt;a href="https://i.stack.imgur.com/YuIxA.png" rel="nofollow noreferrer"&gt;result_images_from_ids&lt;/a&gt;&lt;/p&gt;
&lt;p&gt;how could I assign $ param ['param_name'] == 'ids' to a variable in order to&lt;/p&gt;
&lt;p&gt;browse it and display the src of the image?&lt;/p&gt;
&lt;pre&gt;&lt;code&gt;    &amp;lt;?php 
protected function renderField( $param, $value ) {
    $param['vc_single_param_edit_holder_class'] = array(
        'wpb_el_type_' . $param['type'],
        'vc_wrapper-param-type-' . $param['type'],
        'vc_shortcode-param',
        'vc_column',
    );
    if ( ! empty( $param['param_holder_class'] ) ) {
        $param['vc_single_param_edit_holder_class'][] = $param['param_holder_class'];
    }
    $param = apply_filters( 'vc_single_param_edit', $param, $value );
    $output = '&amp;lt;div class="' . implode( ' ', $param['vc_single_param_edit_holder_class'] ) . '" data-vc-ui-element="panel-shortcode-param" data-vc-shortcode-param-name="' . esc_attr( $param['param_name'] ) . '" data-param_type="' . esc_attr( $param['type'] ) . '" data-param_settings="' . esc_attr( json_encode( $param ) ) . '"&amp;gt;';
    $output .= ( isset( $param['heading'] ) ) ? '&amp;lt;div class="wpb_element_label"&amp;gt;' . $param['heading'] . '&amp;lt;/div&amp;gt;' : '';
    $output .= '&amp;lt;div class="edit_form_line"&amp;gt;';
    if ( $param['param_name'] == 'ids' ){
        $output .= '&amp;lt;p&amp;gt;images ids&amp;lt;/p&amp;gt;';
    }
     // boucle for images ids 
     if ($param['type'] == 'attach_images' ){
         $array_images_ids = explode(',', $images);
       foreach($array_images_ids as $id){
                $img = wp_get_attachment_image_src($id, 'thumbnail');
                $output .=' 
                &amp;lt;div class="gallery_widget_attached_images"&amp;gt;
                &amp;lt;ul class="gallery_widget_attached_images_list ui-sortable"&amp;gt;
                &amp;lt;li class="added ui-sortable-handle"&amp;gt;
                    &amp;lt;img src="'.esc_url($img[0]). '"&amp;gt;
                    &amp;lt;a href="#" class="vc_icon-remove"&amp;gt;&amp;lt;i class="vc-composer-icon vc-c-icon-close"&amp;gt;&amp;lt;/i&amp;gt;&amp;lt;/a&amp;gt;
                &amp;lt;/li&amp;gt;
                &amp;lt;/ul&amp;gt;&amp;lt;/div&amp;gt;
                ';
        }
 }
    $value = apply_filters( 'vc_form_fields_render_field_' . $this-&amp;gt;setting( 'base' ) . '_' . $param['param_name'] . '_param_value', $value, $param, $this-&amp;gt;settings, $this-&amp;gt;atts );
    $param = apply_filters( 'vc_form_fields_render_field_' . $this-&amp;gt;setting( 'base' ) . '_' . $param['param_name'] . '_param', $param, $value, $this-&amp;gt;settings, $this-&amp;gt;atts );
    $output = apply_filters( 'vc_edit_form_fields_render_field_' . $param['type'] . '_before', $output );
    $output .= vc_do_shortcode_param_settings_field( $param['type'], $param, $value, $this-&amp;gt;setting( 'base' ) );
    $output_after = '';
    if ( isset( $param['description'] ) ) {
        $output_after .= '&amp;lt;span class="vc_description vc_clearfix"&amp;gt;' . $param['description'] . '&amp;lt;/span&amp;gt;';
    }
    $output_after .= '&amp;lt;/div&amp;gt;&amp;lt;/div&amp;gt;';
    $output .= apply_filters( 'vc_edit_form_fields_render_field_' . $param['type'] . '_after', $output_after );
    return apply_filters( 'vc_single_param_edit_holder_output', $output, $param, $value, $this-&amp;gt;settings, $this-&amp;gt;atts );
}
?&amp;gt;
&lt;/code&gt;&lt;/pre&gt;</t>
  </si>
  <si>
    <t>2018-08-11 22:54:31.537000+00:00</t>
  </si>
  <si>
    <t>printing out number of sentences in a text file</t>
  </si>
  <si>
    <t>&lt;p&gt;so I really cannot see what I am doing wrong here, the number of sentences keeps saying it is 0, however I am trying to count the number of sentences/stops with the text.count('.')&lt;/p&gt;
&lt;p&gt;Is there anythingin my code which would make this print out "0"?&lt;/p&gt;
&lt;p&gt;Thanks&lt;/p&gt;
&lt;pre&gt;&lt;code&gt;def countSentences(fileName) :
    """This is a function to count the number
    of sentences in a given text file"""
    f = open(fileName, 'r')
    text = f.read()
    text = text.split()
    print("Total sentences : " + str(text.count('.')))
    f.close()
&lt;/code&gt;&lt;/pre&gt;
&lt;p&gt;in Main() I have &lt;/p&gt;
&lt;pre&gt;&lt;code&gt;print(countSentences('phrases.txt'))
&lt;/code&gt;&lt;/pre&gt;
&lt;p&gt;which passes in a file with numerous sentences.&lt;/p&gt;</t>
  </si>
  <si>
    <t>2018-11-18 03:15:03.513000+00:00</t>
  </si>
  <si>
    <t>2018-11-18 22:38:21.857000+00:00</t>
  </si>
  <si>
    <t>python|python-3.x|list</t>
  </si>
  <si>
    <t>rpmbuild error file not found even though files are in the path</t>
  </si>
  <si>
    <t>&lt;p&gt;i did the following but gotten error when running rpmbuild&lt;/p&gt;
&lt;p&gt;Files are there in path&lt;/p&gt;
&lt;p&gt;Any help or hint are appreciated&lt;/p&gt;
&lt;p&gt;Thanks&lt;/p&gt;
&lt;pre&gt;&lt;code&gt;rpmbuild -vv --buildroot $PWD/root --target x86_64 -bb bin-show.spec
Building target platforms: x86_64
Building for target x86_64
Processing files: helloworld-1.0-1.x86_64
error: File not found: /nobackup/username/prod/packaging/redhat/bin-show/root/etc/testpackage.conf
RPM build errors:
    File not found: /nobackup/username/prod/packaging/redhat/bin-show/root/etc/testpackage.conf
&lt;/code&gt;&lt;/pre&gt;
&lt;p&gt;where bin-show.spec&lt;/p&gt;
&lt;pre&gt;&lt;code&gt;#
# Hello World Spec File
#
Summary: Hello world!
Name: helloworld
Version: 1.0
Release: 1
License: Proprietary
Group: Applications/Utilities
%description
This is my first RPM test package!
%files
/etc/testpackage.conf
&lt;/code&gt;&lt;/pre&gt;
&lt;p&gt;and the files structure&lt;/p&gt;
&lt;pre&gt;&lt;code&gt;pwd
/nobackup/username/prod/packaging/redhat/bin-show
find . -name \*
./bin-show.spec
./root
./root/etc
./root/etc/testpackage.conf
&lt;/code&gt;&lt;/pre&gt;</t>
  </si>
  <si>
    <t>2016-02-08 21:29:21.207000+00:00</t>
  </si>
  <si>
    <t>2016-02-09 23:27:38.660000+00:00</t>
  </si>
  <si>
    <t>2016-02-09 07:02:54.210000+00:00</t>
  </si>
  <si>
    <t>linux|build|redhat|rpm|rpmbuild</t>
  </si>
  <si>
    <t>Django uggetext as __ instead of _ breaks makemessages</t>
  </si>
  <si>
    <t>&lt;p&gt;I just came across a weird bug (?) where I initially had &lt;/p&gt;
&lt;pre&gt;&lt;code&gt;from django.utils.translation import ugettext as _
&lt;/code&gt;&lt;/pre&gt;
&lt;p&gt;Which I changed for &lt;/p&gt;
&lt;pre&gt;&lt;code&gt;from django.utils.translation import ugettext as __
&lt;/code&gt;&lt;/pre&gt;
&lt;p&gt;But, surprisingly, running &lt;code&gt;./manage.py makemessages --all&lt;/code&gt; after doing that breaks all translations, they basically get all commented in my &lt;code&gt;.po&lt;/code&gt; files, as if they weren't recognized as being translations anymore.&lt;/p&gt;
&lt;p&gt;Going back to &lt;code&gt;_&lt;/code&gt; and running &lt;code&gt;makemessages&lt;/code&gt; fixes it. I don't quite follow why the name of the variable matters, and I wonder how I should name my ugettext and ugettext_lazy when I need both, for consistency.&lt;/p&gt;
&lt;p&gt;&lt;em&gt;Django 1.8, with python 2.7.14&lt;/em&gt;&lt;/p&gt;</t>
  </si>
  <si>
    <t>2018-08-04 14:41:00.770000+00:00</t>
  </si>
  <si>
    <t>2018-09-21 14:50:59.710000+00:00</t>
  </si>
  <si>
    <t>2018-08-04 15:08:46.057000+00:00</t>
  </si>
  <si>
    <t>django|django-i18n</t>
  </si>
  <si>
    <t>Content Won't Update PHP &amp; SQL</t>
  </si>
  <si>
    <t>&lt;p&gt;I have been working on small site admin but have run into an odd issue. I am able to pull content from the data base in but can't seem to get it to update and insert it into the data base. I would be thankful if anyone can look at this code and see why the content won't update. Here is the page code. I must be missing something.&lt;/p&gt;
&lt;pre&gt;&lt;code&gt;    &amp;lt;?php include("../inc/approve-admin.php"); ?&amp;gt;
&amp;lt;?php include("../inc/connect.php"); ?&amp;gt;
&amp;lt;?php
$result = mysql_query("SELECT * FROM inventory ORDER BY id");
?&amp;gt;
&amp;lt;?     while ($row = mysql_fetch_assoc($result)) {
                                    $id = $row['id'];
                                    $information = $row['information'];
                                    $link = $row['link'];
                                    $title = $row['title'];
                                   } 
    ?&amp;gt;
&amp;lt;!DOCTYPE HTML&amp;gt;
&amp;lt;?php
$description = "Fashion Franchise";
$keywords = "Fashion Franchise";
$body = "home";
require ("../inc/header.php");
?&amp;gt;
&amp;lt;script src="../js/jquery.validate.js" type="text/javascript"&amp;gt;&amp;lt;/script&amp;gt;
&amp;lt;!-- for styling the form --&amp;gt;
&amp;lt;script src="../js/cmxforms.js" type="text/javascript"&amp;gt;&amp;lt;/script&amp;gt;
&amp;lt;script type="text/javascript"&amp;gt;
$(document).ready(function() {
    $("#addResource").validate();
});
&amp;lt;/script&amp;gt;
&amp;lt;script type="text/javascript" src="../js/tiny_mce/tiny_mce.js" &amp;gt;&amp;lt;/script&amp;gt;
&amp;lt;script type="text/javascript"&amp;gt;
tinyMCE.init({
        mode : "textareas"
});
&amp;lt;/script&amp;gt;
    &amp;lt;body id="&amp;lt;?php echo htmlentities("$body") ?&amp;gt;"&amp;gt;
    &amp;lt;div class="container_12"&amp;gt;
    &amp;lt;!-- Nav --&amp;gt;
    &amp;lt;?php include("../inc/nav-admin.php"); ?&amp;gt;
    &amp;lt;!-- / Nav --&amp;gt;
    &amp;lt;div class="grid_12"&amp;gt;&amp;amp;nbsp;&amp;lt;/div&amp;gt;
    &amp;lt;div class="grid_12"&amp;gt;&amp;amp;nbsp;&amp;lt;/div&amp;gt;
    &amp;lt;!-- Adimn List --&amp;gt;
    &amp;lt;?php include("../inc/admin-list.php"); ?&amp;gt;
    &amp;lt;!-- / Adimn List --&amp;gt;
    &amp;lt;div class="grid_7" id="white" style="min-height:400px;"&amp;gt;
    &amp;lt;p style="text-align:center;padding-top:20px;"&amp;gt;
    &amp;lt;?                  
    if(isset($_POST['title'])) {
        $information = $_POST['information'];
        $link = $_POST['link'];
        $title = $_POST['title'];
        $query = mysql_query("UPDATE inventory SET
            title = '$title',
            information = '$information', 
            link = '$link'
            WHERE id = $id LIMIT 1 ;");
        if($query) {
            $message = $title . " has been updated";
        }else{
            $message = "an error occurred while updating this entry";
        }
    }   
?&amp;gt;  
    &amp;lt;/p&amp;gt;
    &amp;lt;? if(isset($_POST['title'])) { ?&amp;gt;
            &amp;lt;div id="content_holder"&amp;gt;
              &amp;lt;p style="text-align:center;padding-top:20px;"&amp;gt;
              &amp;lt;strong&amp;gt;&amp;lt;? echo $message; ?&amp;gt;&amp;lt;/strong&amp;gt;&amp;lt;br/&amp;gt;
              &amp;lt;span class="error"&amp;gt;&amp;lt;? if($error_message) { echo $error_message; } ?&amp;gt;&amp;lt;/span&amp;gt;
              Select a category on the left to continue editing&amp;lt;/p&amp;gt;
            &amp;lt;!-- end content_holder --&amp;gt;
            &amp;lt;/div&amp;gt;
       &amp;lt;? }else{ ?&amp;gt;
     &amp;lt;form action="inventory.php?id=&amp;lt;?=$id?&amp;gt;" enctype="multipart/form-data"  name="addResource" id="addResource" method="post" class="cmxform"&amp;gt;
    &amp;lt;table cellpadding="10px;" cellspacing="5" width="100%" align="left" valign="top"&amp;gt;
    &amp;lt;tr&amp;gt;&amp;lt;td colspan="2"&amp;gt;&amp;lt;h1&amp;gt;Edit Inventory Resources&amp;lt;/h1&amp;gt;&amp;lt;/td&amp;gt;&amp;lt;/tr&amp;gt;
    &amp;lt;tr&amp;gt;
    &amp;lt;td width="50%"&amp;gt;
    &amp;lt;span class="formTitle"&amp;gt;General Information&amp;lt;/span&amp;gt;&amp;lt;br/&amp;gt;
    &amp;lt;label&amp;gt;*Title&amp;lt;/label&amp;gt;&amp;lt;br/&amp;gt;
    &amp;lt;input id="title" name="title" class="required" value="&amp;lt;?=$title?&amp;gt;"/&amp;gt;
    &amp;lt;/td&amp;gt;
    &amp;lt;td width="50%"&amp;gt;&amp;lt;br/&amp;gt;
    &amp;lt;label&amp;gt;*Dropbox Link&amp;lt;/label&amp;gt;&amp;lt;br/&amp;gt;
    &amp;lt;input id="link" name="link" class="required" value="&amp;lt;?=$link?&amp;gt;"/&amp;gt;
    &amp;lt;/td&amp;gt;
    &amp;lt;/tr&amp;gt;
    &amp;lt;tr&amp;gt;
    &amp;lt;td colspan="2"&amp;gt;
    &amp;lt;hr/&amp;gt;
    &amp;lt;/td&amp;gt;   
    &amp;lt;/tr&amp;gt;
    &amp;lt;tr&amp;gt;&amp;lt;td colspan="2"&amp;gt;
    &amp;lt;textarea style="width: 510px; height: 400px; font-size: 12px;" id="information" name="information"&amp;gt;&amp;lt;?=$information?&amp;gt;&amp;lt;/textarea&amp;gt;
    &amp;lt;/td&amp;gt;&amp;lt;/tr&amp;gt;
        &amp;lt;tr&amp;gt;
    &amp;lt;td colspan="2"&amp;gt;
    &amp;lt;hr/&amp;gt;
    &amp;lt;/td&amp;gt;   
    &amp;lt;/tr&amp;gt;
    &amp;lt;tr align="right"&amp;gt;&amp;lt;td colspan="2"&amp;gt;
    &amp;lt;input type="submit" value="Update Inventory Resources" class="submit" /&amp;gt;&amp;amp;nbsp;&amp;amp;nbsp;&amp;amp;nbsp;&amp;amp;nbsp;&amp;lt;a href="index.php" class="cancel"&amp;gt;Cancel&amp;lt;/a&amp;gt;&amp;lt;br/&amp;gt;&amp;lt;br/&amp;gt;
    &amp;lt;/td&amp;gt;&amp;lt;/tr&amp;gt;
         &amp;lt;/form&amp;gt;
        &amp;lt;/table&amp;gt;
    &amp;lt;/div&amp;gt;
&amp;lt;?php include("../inc/footer.php"); ?&amp;gt;
    &amp;lt;!-- / Container_12 --&amp;gt;
    &amp;lt;/div&amp;gt;
    &amp;lt;/body&amp;gt;
&amp;lt;/html&amp;gt;
  &amp;lt;?php
    mysql_close();
    ?&amp;gt;
&amp;lt;? } ?&amp;gt;
&lt;/code&gt;&lt;/pre&gt;</t>
  </si>
  <si>
    <t>2012-12-05 01:04:37.863000+00:00</t>
  </si>
  <si>
    <t>2012-12-05 01:40:23.197000+00:00</t>
  </si>
  <si>
    <t>php|sql|database</t>
  </si>
  <si>
    <t>PECS parametrized class</t>
  </si>
  <si>
    <t>&lt;p&gt;I have a little piece of code where i created my own java.util.stream realization.&lt;/p&gt;
&lt;p&gt;I need to parametrize it using PECS rule. But either I didn't understand PECS rule well or my class designed bad - I don't know how to correctly implement it. &lt;/p&gt;
&lt;p&gt;When I'm trying to implement it (? extends T) in filter() method realization, for example - I can't use foreach cycle.&lt;/p&gt;
&lt;p&gt;Maybe you have some ideas? Thanks in advance.&lt;/p&gt;
&lt;pre&gt;&lt;code&gt;public class Streams&amp;lt;T&amp;gt; {
private final List&amp;lt;T&amp;gt; list;
private List&amp;lt;T&amp;gt; resultList = new ArrayList&amp;lt;&amp;gt;();
private Streams(List&amp;lt;T&amp;gt; list) {
    this.list = list;
}
public static &amp;lt;E&amp;gt; Streams&amp;lt;E&amp;gt; of(List&amp;lt;E&amp;gt; list) {
    return new Streams&amp;lt;&amp;gt;(list);
}
public Streams&amp;lt;T&amp;gt; filter(Predicate&amp;lt;T&amp;gt; predicate) {
    for (T elem : list) {
        if (predicate.test(elem)) {
            resultList.add(elem);
        }
    }
    return this;
}
public Streams&amp;lt;T&amp;gt; transform(Function&amp;lt;? super T, ? extends T&amp;gt; function) {
    for (T elem : resultList) {
        resultList.set(resultList.indexOf(elem), function.apply(elem));
    }
    return this;
}
public &amp;lt;E, I&amp;gt; Map&amp;lt;E, I&amp;gt; toMap(Function&amp;lt;T, E&amp;gt; function1, Function&amp;lt;T, I&amp;gt; function2) {
    HashMap&amp;lt;E, I&amp;gt; map = new HashMap&amp;lt;&amp;gt;();
    for (T elem : resultList) {
        map.put(function1.apply(elem), function2.apply(elem));
    }
    return map;
  }
}
&lt;/code&gt;&lt;/pre&gt;</t>
  </si>
  <si>
    <t>2016-08-23 15:12:13.033000+00:00</t>
  </si>
  <si>
    <t>java|generics|lambda|pecs</t>
  </si>
  <si>
    <t>How to highlight more than one element with introjs?</t>
  </si>
  <si>
    <t>&lt;p&gt;I have different DOM elements I want highlighted with the JS library intro.js.
The problem seems to be that I can just define one element to be highlighted:&lt;/p&gt;
&lt;pre&gt;&lt;code&gt;introjs.setOptions({
        steps: [
            {
                element: '.element1',
                intro: 'Lorem ipsum...',
                position: 'bottom'
            },
            {
                element: '.element2',
                intro: 'Lorem ipsum...',
                position: 'top'
            }
        ]
    });
&lt;/code&gt;&lt;/pre&gt;
&lt;p&gt;I haven't found any option that lets me choose more than 1 element. Do I have to create more instances of the introjs object to make this possible?&lt;/p&gt;</t>
  </si>
  <si>
    <t>2016-01-03 17:47:33.650000+00:00</t>
  </si>
  <si>
    <t>2016-01-03 18:08:01.333000+00:00</t>
  </si>
  <si>
    <t>2016-01-03 17:53:37.253000+00:00</t>
  </si>
  <si>
    <t>javascript|jquery|intro.js</t>
  </si>
  <si>
    <t>print multiple arrays of diferent type in ascending order</t>
  </si>
  <si>
    <t>&lt;p&gt;I would like to print multiple arrays of different type in ascending order based on the &lt;code&gt;numbers_column3&lt;/code&gt; value. I have two array of pointers and an array of floats. I would like them to remain grouped together like an excel document with a1, a2, and a3 for the first row. I have three arrays for each column. The code I am showing is just a simple example. I have around 20k values in my arrays currently. Is there a way to avoid the typical bubble sort? That would require a lot of malloc and strcpy operations. &lt;/p&gt;
&lt;pre&gt;&lt;code&gt;#include &amp;lt;stdio.h&amp;gt;
#include &amp;lt;stdlib.h&amp;gt;
#include &amp;lt;string.h&amp;gt;
#include &amp;lt;ctype.h&amp;gt;
int main(int argc, char **argv)
{
    char *q6_tag_strings_line_column1[2000] = {0};
    char *q6_nationality_strings_line_column2[2000] = {0};
    float numbers_column3[2000] = {0};
    q6_tag_strings_line_column1[0] = 
    malloc(strlen("echo")+1);
    strcpy(q6_tag_strings_line_column1[0], 
    "echo");
    q6_nationality_strings_line_column2[0] = 
    malloc(strlen("hi")+1);
    strcpy(q6_nationality_strings_line_column2[0], 
    "hi");
    numbers_column3[0] = 5;
    q6_tag_strings_line_column1[1] = 
    malloc(strlen("how")+1);
    strcpy(q6_tag_strings_line_column1[1], 
    "how");
    q6_nationality_strings_line_column2[1] = 
    malloc(strlen("are")+1);
    strcpy(q6_nationality_strings_line_column2[1], 
    "are");
    numbers_column3[1] = 7;
    q6_tag_strings_line_column1[2] = 
    malloc(strlen("you")+1);
    strcpy(q6_tag_strings_line_column1[2], 
    "you");
    q6_nationality_strings_line_column2[2] = 
    malloc(strlen("what")+1);
    strcpy(q6_nationality_strings_line_column2[2], 
    "what");
    numbers_column3[1] = 4;
    return 0;
}
&lt;/code&gt;&lt;/pre&gt;
&lt;p&gt;The expected result is &lt;/p&gt;
&lt;pre&gt;&lt;code&gt;you what 4
echo hi 5
how are 7
&lt;/code&gt;&lt;/pre&gt;</t>
  </si>
  <si>
    <t>2017-11-29 04:15:07.047000+00:00</t>
  </si>
  <si>
    <t>2017-11-29 04:55:35.363000+00:00</t>
  </si>
  <si>
    <t>c|arrays</t>
  </si>
  <si>
    <t>Delete all english letters in string</t>
  </si>
  <si>
    <t>&lt;p&gt;I need to delete all english letters in a string.&lt;/p&gt;
&lt;p&gt;I wrote the following code:&lt;/p&gt;
&lt;pre&gt;&lt;code&gt;StringBuilder str = new StringBuilder();
foreach(var letter in test)
{   
    if(letter &amp;gt;= 'a' &amp;amp;&amp;amp; letter &amp;lt;= 'z')
        continue;
    str.Append(letter); }
&lt;/code&gt;&lt;/pre&gt;
&lt;p&gt;What is the fastest way?&lt;/p&gt;</t>
  </si>
  <si>
    <t>2011-06-04 06:46:28.460000+00:00</t>
  </si>
  <si>
    <t>2011-06-04 08:46:54.890000+00:00</t>
  </si>
  <si>
    <t>2011-06-04 08:12:38.110000+00:00</t>
  </si>
  <si>
    <t>c#|string</t>
  </si>
  <si>
    <t>Retrieve a list of all container's images registered in Container Engine Registry</t>
  </si>
  <si>
    <t>&lt;p&gt;I'm trying to retrieve a list of all container's images registered in Container Engine Registry. The command that should do the job "gcloud docker images" brings me only local images. In spite of this "gcloud docker pull gcr.io/myproject/myname:tag" works as expected.&lt;/p&gt;
&lt;p&gt;Also, I have used a search API but it retrieves me names of images without their tags:&lt;/p&gt;
&lt;pre&gt;&lt;code&gt;gcloud docker search gcr.io/[myproject]
&lt;/code&gt;&lt;/pre&gt;
&lt;p&gt;Has somebody an experience with it?&lt;/p&gt;
&lt;p&gt;&lt;strong&gt;Installed stuff:&lt;/strong&gt;&lt;/p&gt;
&lt;pre&gt;&lt;code&gt;Google Cloud SDK 99.0.0
&lt;/code&gt;&lt;/pre&gt;
&lt;ul&gt;
&lt;li&gt;alpha 2016.01.12&lt;/li&gt;
&lt;li&gt;beta 2016.01.12&lt;/li&gt;
&lt;li&gt;bq 2.0.18&lt;/li&gt;
&lt;li&gt;bq-nix 2.0.18&lt;/li&gt;
&lt;li&gt;core 2016.02.26&lt;/li&gt;
&lt;li&gt;core-nix 2016.02.05&lt;/li&gt;
&lt;li&gt;gcd-emulator v1beta3-1.0.0&lt;/li&gt;
&lt;li&gt;gcloud&lt;/li&gt;
&lt;li&gt;gsutil 4.17&lt;/li&gt;
&lt;li&gt;gsutil-nix 4.15&lt;/li&gt;
&lt;li&gt;kubectl&lt;/li&gt;
&lt;li&gt;kubectl-linux-x86_64 1.1.7&lt;/li&gt;
&lt;/ul&gt;</t>
  </si>
  <si>
    <t>2016-03-22 08:50:42.057000+00:00</t>
  </si>
  <si>
    <t>2017-10-07 04:26:33.130000+00:00</t>
  </si>
  <si>
    <t>docker-registry|gcloud-cli</t>
  </si>
  <si>
    <t>Three.js how to control json animation?</t>
  </si>
  <si>
    <t>&lt;p&gt;I loaded a json animation from blender using this code:&lt;/p&gt;
&lt;pre&gt;&lt;code&gt;var loader = new THREE.JSONLoader();
    loader.load( 'monster2.json', function ( geometry, materials ) {
        var material = materials[ 0 ];
        material.morphTargets = true;
        material.color.setHex( 0xffaaaa );
        meshFace = new THREE.MeshFaceMaterial( materials );
        morph = new THREE.MorphAnimMesh( geometry, meshFace );
        morph.duration = 1000;
        morph.time = 1000 * Math.random();
        morph.matrixAutoUpdate = false;
        morph.updateMatrix();
        morph.position.x =0;
        morph.position.y =0;
        morph.position.z =0;
        morph.scale.set(100,100,100);
        scene.add( morph );
    }); 
&lt;/code&gt;&lt;/pre&gt;
&lt;p&gt;is it possible to animate my "morph" like an array? If i want a specific frame to be shown, can i just somehow do something like this: morph[5] ?&lt;/p&gt;
&lt;p&gt;I am trying to accomplish a simple animation control for walking, standing etc.&lt;/p&gt;
&lt;p&gt;If my question does not make sense (which I feel like it doesn't), then how would I accomplish animation control? I don't need anything fancy, just any kind of simplistic control would totally do.&lt;/p&gt;
&lt;p&gt;Thank you.&lt;/p&gt;</t>
  </si>
  <si>
    <t>2015-07-17 07:39:59.240000+00:00</t>
  </si>
  <si>
    <t>2015-07-17 08:28:13.840000+00:00</t>
  </si>
  <si>
    <t>json|animation|model|3d|three.js</t>
  </si>
  <si>
    <t>Android TimerTask won't stop using "timer.cancel()", when onPause</t>
  </si>
  <si>
    <t>&lt;p&gt;I was reading a number of posts here about stoping a Timer using the cancel(); method, but no matter how I try, the timer keeps running in the background after onPause() occurs.&lt;/p&gt;
&lt;p&gt;(Note that I am executing an AsyncTask inside the timer, I know that it was meant to be run only once, but I am afraid that if I run the AsyncTask on the main thread it will hang up my main activity.)&lt;/p&gt;
&lt;p&gt;So why the timer won't stop onPause() ?&lt;/p&gt;
&lt;pre&gt;&lt;code&gt;} //end on create
        @Override
        protected void onPause() {      
            super.onPause();            
            this.timer.cancel();
            this.timer.purge();
        }
        @Override
        protected void onResume() {     
            super.onResume();
            callAsynchronousTask();
        }
        public void callAsynchronousTask() {            
            final Handler handler = new Handler();
            timer = new Timer();
            TimerTask doAsynchronousTask = new TimerTask() {       
                @Override
                public void run() {
                    handler.post(new Runnable() {
                        public void run() {       
                            try {
                                MyTask task = new MyTask();
                                task.execute("Param 1", "Param 2", "Param 3");  
                            } catch (Exception e) {
                          }
                        }
                    });
                }
            };
            timer.schedule(doAsynchronousTask, 0, 2000);    
        }
&lt;/code&gt;&lt;/pre&gt;</t>
  </si>
  <si>
    <t>2014-07-29 06:57:56.860000+00:00</t>
  </si>
  <si>
    <t>2014-07-29 07:03:31.093000+00:00</t>
  </si>
  <si>
    <t>android|timer|android-asynctask|onresume|onpause</t>
  </si>
  <si>
    <t>iPhone email keyboard layout with asp .net TextBox</t>
  </si>
  <si>
    <t>&lt;p&gt;You know how the iDevices will display a different keyboard layout depending on the HTML 5 value of the type attribute? So, &lt;code&gt;&amp;lt;input type="email"...&lt;/code&gt; will display the iPad's e-mail keboard layout. I am using a .net TextBox but would like to have the iDevices show the appropriate keyboard layout for the field. But the type attribute gets overridden to "text" when the TextBox control renders. Any ideas?&lt;/p&gt;</t>
  </si>
  <si>
    <t>2010-08-02 13:21:50.887000+00:00</t>
  </si>
  <si>
    <t>2011-11-26 06:13:45.413000+00:00</t>
  </si>
  <si>
    <t>asp.net|iphone</t>
  </si>
  <si>
    <t>Write data into a specific workbook sheet</t>
  </si>
  <si>
    <t>&lt;p&gt;I have a data frame e.g.&lt;/p&gt;
&lt;pre&gt;&lt;code&gt;a=1:10 
b=31:40
c=data.frame(a=a,b=b)
&lt;/code&gt;&lt;/pre&gt;
&lt;p&gt;and I will need to write this data frame into a specific Excel sheet ("Sheet1").&lt;/p&gt;
&lt;p&gt;I am using WriteXLS now but this function always overrides the entire excel file and thus deletes other sheets.
How can I append to the sheet without overwriting previous entries?&lt;/p&gt;</t>
  </si>
  <si>
    <t>2013-03-01 05:37:09.650000+00:00</t>
  </si>
  <si>
    <t>2014-11-23 21:08:34.467000+00:00</t>
  </si>
  <si>
    <t>2013-03-02 22:48:48.010000+00:00</t>
  </si>
  <si>
    <t>r|excel</t>
  </si>
  <si>
    <t>What would be the appropriate model association?</t>
  </si>
  <si>
    <t>&lt;p&gt;I have an Organization and Actioncode model. When signing up for a premium account, an organization can enter an actioncode for a discount. Hence, an organization has used no or 1 actioncode, while an actioncode can be used by many organizations.&lt;/p&gt;
&lt;p&gt;&lt;strong&gt;Current association:&lt;/strong&gt;&lt;/p&gt;
&lt;pre&gt;&lt;code&gt;Organizations migration file:  t.references :actioncode,   index: true,    foreign_key: true
Organization model:            belongs_to :actioncode
Actioncode model:              has_many :organizations
&lt;/code&gt;&lt;/pre&gt;
&lt;p&gt;&lt;strong&gt;Initial problem with this setup: actioncode_id should not be mandatory&lt;/strong&gt; On seeding I used to get the error code &lt;code&gt;ActiveRecord::AssociationTypeMismatch: Actioncode(#23575660) expected, got Fixnum(#5494220)&lt;/code&gt;. The cause seemed to be that actioncode_id had become a mandatory column in the Organization model. This should not be the case; actioncode should also be able to be &lt;code&gt;nil&lt;/code&gt; as an organization may also &lt;em&gt;not&lt;/em&gt; use/have any actioncode when paying for a premium account. &lt;/p&gt;
&lt;p&gt;&lt;strong&gt;Current situation: After upgrading to PostgreSQL:&lt;/strong&gt; In response I've upgraded my db to PostgreSQL. Nevertheless, now on migration I get the error message (see full message at bottom of post):&lt;/p&gt;
&lt;blockquote&gt;
  &lt;p&gt;PG::UndefinedTable: ERROR:  relation "actioncodes" does not exist&lt;/p&gt;
&lt;/blockquote&gt;
&lt;p&gt;&lt;strong&gt;The error message:&lt;/strong&gt; Any ideas what is causing this error? Removing the three lines under 'current association' and I have no problems with migration and seeding. In fact, keeping all three lines but removing &lt;code&gt;index: true, foreign_key: true&lt;/code&gt; from the first line and it also migrates correctly. When I keep &lt;code&gt;index: true&lt;/code&gt; on migration it gives the error: &lt;code&gt;SyntaxError: xxx_create_organizations.rb:17: syntax error, unexpected tSYMBEG, expecting =&amp;gt; t.boolean :activated&lt;/code&gt;. When I keep &lt;code&gt;foreign_key: true&lt;/code&gt; it produces the original error message &lt;code&gt;PG::UndefinedTable&lt;/code&gt;.&lt;/p&gt;
&lt;p&gt;And if I change the first line to the incorrect code of: &lt;code&gt;t.references :actioncode_id, index: true, foreign_key: true&lt;/code&gt; it gives as the following error: &lt;/p&gt;
&lt;pre&gt;&lt;code&gt;PG::UndefinedTable: ERROR:  relation "actioncode_ids" does not exist
: ALTER TABLE "organizations" ADD CONSTRAINT "fk_rails_604f95d1a1"
FOREIGN KEY ("actioncode_id_id")
  REFERENCES "actioncode_ids" ("id")
&lt;/code&gt;&lt;/pre&gt;
&lt;p&gt;So given _ids on the last line, Rails somehow does seem to have problems with the name of the table. Adding &lt;code&gt;self.table_name = 'actioncodes'&lt;/code&gt; to the actioncode model file makes no difference. What to do?&lt;/p&gt;
&lt;hr&gt;
&lt;p&gt;&lt;em&gt;Alternative associations:&lt;/em&gt;&lt;/p&gt;
&lt;p&gt;I wonder if I need an alternative association to meet my need. I've looked into several other associations but am unsure what to do. Best case scenario I just have a column in the organization model that includes the used actioncode or is nil if no actioncode was used. I need a model association to for example print all the organizations that have used a specific actioncode.&lt;/p&gt;
&lt;p&gt;&lt;strong&gt;Alternative association 1:&lt;/strong&gt; Problem with this association is that actioncode remains a mandatory variable in the organization model and thus cannot be nil.&lt;/p&gt;
&lt;pre&gt;&lt;code&gt;Organization migration:  t.references :actioncode,   index: true,    foreign_key: true
Organization model:      has_one :actioncode
Actioncode model:        has_many :organizations
&lt;/code&gt;&lt;/pre&gt;
&lt;p&gt;&lt;strong&gt;Alternative association 2:&lt;/strong&gt; This association would hold the organization_id in the actioncodes table (I guess as an array), while from my perspective it would make much more sense to include the actioncode_id in the organization table. Also, the code below still expects an actioncode for each organization.&lt;/p&gt;
&lt;pre&gt;&lt;code&gt;Organization model:          has_one :actioncode
Actioncodes migration file:  t.belongs_to :organization, index: true
&lt;/code&gt;&lt;/pre&gt;
&lt;p&gt;&lt;strong&gt;Alternative association 3:&lt;/strong&gt; I've also looked at creating an additional association model but it makes me wonder if I'm not overthinking things when I would follow this strategy, as this would add an extra table/model. Also, I'm unsure if the organization model below wouldn't still require a value for discount, thereby not really solving the original problem. But if this would be the way to go, I was thinking of:&lt;/p&gt;
&lt;pre&gt;&lt;code&gt;Organization model:    has_one :discount
                       has_one :actioncode, through: :discount
Discount model:        belongs_to :organization
                       has_one :actioncode
Actioncode model:      belongs_to :discount
Discount migration:    t.belongs_to :organization, index: true
                       doesn;t need any other columns
Actioncode migration:  t.belongs_to :discount, index: true
&lt;/code&gt;&lt;/pre&gt;
&lt;p&gt;&lt;strong&gt;Alternative association 4:&lt;/strong&gt; Lastly, the has_and_belongs_to_many Association didn't make sense to me since how I understand it that's intended for a many:many relationship, while organization:actioncode is a many:1/0 relationship.&lt;/p&gt;
&lt;p&gt;&lt;strong&gt;What setup should I use and doesn't have actioncode as a mandatory variable for an organization?&lt;/strong&gt;&lt;/p&gt;
&lt;hr&gt;
&lt;p&gt;&lt;strong&gt;Additional information:&lt;/strong&gt; The SQL from running &lt;code&gt;rake db:migrate&lt;/code&gt; after &lt;code&gt;rake db:drop&lt;/code&gt; and &lt;code&gt;rake db:create&lt;/code&gt;):&lt;/p&gt;
&lt;pre&gt;&lt;code&gt;== 20150410153815 CreateUsers: migrating ===============================
-- create_table(:users)
   -&amp;gt; 0.0582s
== 20150410153815 CreateUsers: migrated (0.0628s) ======================
== 20150410200022 AddIndexToUsersEmailAndUsername: migrating ===========
-- add_index(:users, :email, {:unique=&amp;gt;true})
   -&amp;gt; 0.0109s
-- add_index(:users, :username, {:unique=&amp;gt;true})
   -&amp;gt; 0.0100s
== 20150410200022 AddIndexToUsersEmailAndUsername: migrated (0.0219s) ==
== 20150416113853 CreateOrganizations: migrating ==============================
-- create_table(:organizations)
rake aborted!
StandardError: An error has occurred, this and all later migrations canceled:
PG::UndefinedTable: ERROR:  relation "actioncodes" does not exist
: ALTER TABLE "organizations" ADD CONSTRAINT "fk_rails_4ecaa2493e"
FOREIGN KEY ("actioncode_id")
  REFERENCES "actioncodes" ("id")
/usr/local/rvm/gems/ruby-2.1.5/gems/activerecord-4.2.1/lib/active_record/connection_adapters/postgresql/database_statements.rb:155:in `async_exec'
&amp;lt;&amp;lt;SNIP&amp;gt;&amp;gt;
ActiveRecord::StatementInvalid: PG::UndefinedTable: ERROR:  relation "actioncodes" does not exist
: ALTER TABLE "organizations" ADD CONSTRAINT "fk_rails_4ecaa2493e"
FOREIGN KEY ("actioncode_id")
  REFERENCES "actioncodes" ("id")
/usr/local/rvm/gems/ruby-2.1.5/gems/activerecord-4.2.1/lib/active_record/connection_adapters/postgresql/database_statements.rb:155:in `async_exec'
&amp;lt;&amp;lt;SNIP&amp;gt;&amp;gt;
&lt;/code&gt;&lt;/pre&gt;
&lt;p&gt;&lt;strong&gt;Additional information:&lt;/strong&gt; The SQL from the migration running the current association (running &lt;code&gt;rake db:drop&lt;/code&gt; and then &lt;code&gt;rake db:setup&lt;/code&gt;):&lt;/p&gt;
&lt;pre&gt;&lt;code&gt;-- enable_extension("plpgsql")
   -&amp;gt; 0.0664s
-- create_table("actioncodes", {:force=&amp;gt;:cascade})
   -&amp;gt; 0.0412s
-- add_index("actioncodes", ["actioncode"], {:name=&amp;gt;"index_actioncodes_on_actioncode", :unique=&amp;gt;true, :using=&amp;gt;:btree})
   -&amp;gt; 0.0217s
-- create_table("organizations", {:force=&amp;gt;:cascade})
   -&amp;gt; 0.0237s
-- add_index("organizations", ["summ"], {:name=&amp;gt;"index_organizations_on_summ", :unique=&amp;gt;true, :using=&amp;gt;:btree})
   -&amp;gt; 0.0106s
-- add_index("organizations", ["name"], {:name=&amp;gt;"index_organizations_on_name", :unique=&amp;gt;true, :using=&amp;gt;:btree})
   -&amp;gt; 0.0197s
&amp;lt;&amp;lt;SNIP, OTHER TABLES &amp;gt;&amp;gt;
-- initialize_schema_migrations_table()
   -&amp;gt; 0.0352s
-- enable_extension("plpgsql")
   -&amp;gt; 0.0405s
-- create_table("actioncodes", {:force=&amp;gt;:cascade})
   -&amp;gt; 0.0176s
-- add_index("actioncodes", ["actioncode"], {:name=&amp;gt;"index_actioncodes_on_actioncode", :unique=&amp;gt;true, :using=&amp;gt;:btree})
   -&amp;gt; 0.0085s
-- create_table("organizations", {:force=&amp;gt;:cascade})
   -&amp;gt; 0.0148s
-- add_index("organizations", ["summ"], {:name=&amp;gt;"index_organizations_on_summ", :unique=&amp;gt;true, :using=&amp;gt;:btree})
   -&amp;gt; 0.0113s
-- add_index("organizations", ["name"], {:name=&amp;gt;"index_organizations_on_name", :unique=&amp;gt;true, :using=&amp;gt;:btree})
   -&amp;gt; 0.0195s
&amp;lt;&amp;lt;SNIP, OTHER TABLES &amp;gt;&amp;gt;
-- initialize_schema_migrations_table()
   -&amp;gt; 0.0342s
rake aborted!
ActiveRecord::AssociationTypeMismatch: Actioncode(#39911240) expected, got Fixnum(#20092360)
/usr/local/rvm/gems/ruby-2.1.5/gems/activerecord-4.2.1/lib/active_record/associations/association.rb:216:in `raise_on_type_mismatch!'
&amp;lt;&amp;lt;SNIP &amp;gt;&amp;gt;
&lt;/code&gt;&lt;/pre&gt;</t>
  </si>
  <si>
    <t>2015-05-06 10:45:43.903000+00:00</t>
  </si>
  <si>
    <t>2015-05-17 17:30:49.853000+00:00</t>
  </si>
  <si>
    <t>ruby-on-rails|ruby|postgresql|ruby-on-rails-4|associations</t>
  </si>
  <si>
    <t>Can C# block internet access on a remote Windows PC</t>
  </si>
  <si>
    <t>&lt;p&gt;Using C#, is it possible to iterate over a list of remote Windows computers connected to the LAN and turn on/off internet access for specific PCs only and while the internet connectivity is provided via a router? And all that without installing any client software on the remote PCs.&lt;/p&gt;</t>
  </si>
  <si>
    <t>2012-05-11 17:32:37.243000+00:00</t>
  </si>
  <si>
    <t>2012-05-11 19:34:00.250000+00:00</t>
  </si>
  <si>
    <t>c#|networking|router|connectivity|remote-administration</t>
  </si>
  <si>
    <t>Save onclick attribute value in a variable and then execute it</t>
  </si>
  <si>
    <t>&lt;p&gt;I have some &lt;code&gt;input&lt;/code&gt;s (buttons). Their &lt;code&gt;onclick&lt;/code&gt; function is added programmatically. I'd like to take their &lt;code&gt;onclick&lt;/code&gt; function and to put it in a variable and do some function instead and then execute whatever it was in their &lt;code&gt;onclick&lt;/code&gt;.&lt;/p&gt;
&lt;p&gt;So far I managed to get their &lt;code&gt;onclick&lt;/code&gt; function and put it in a variable and execute my code but now I have no idea how to execute the old &lt;code&gt;onclick&lt;/code&gt; function that is in this variable.&lt;/p&gt;
&lt;pre&gt;&lt;code&gt;var example = $(item).attr('onclick');
//do other stuff
&lt;/code&gt;&lt;/pre&gt;
&lt;p&gt;P.S  For some reason I can't use a pre-function to delay this &lt;code&gt;onclick&lt;/code&gt; function from executing until my function is finished so I need my &lt;code&gt;onclick&lt;/code&gt; function to save somewhere like the code above and then launch.&lt;/p&gt;</t>
  </si>
  <si>
    <t>2015-05-18 09:35:30.580000+00:00</t>
  </si>
  <si>
    <t>2015-05-18 09:59:17.593000+00:00</t>
  </si>
  <si>
    <t>2015-05-18 09:42:47.457000+00:00</t>
  </si>
  <si>
    <t>Alternative to combinatorial resolution</t>
  </si>
  <si>
    <t>&lt;p&gt;We have a list of jobs J = {j1, ..., jn} and a list of machines M = {m1, ..., mn}, and we want to match every job with a machine (n and m can be different).&lt;/p&gt;
&lt;p&gt;The purpose of this combinatorial problem is to find every solution possible where a solution is a set of job-machine pairs, knowing that a job and a machine can only be used once. Every solution has hence a fixed size of min(m, n). Furthermore, the ordering of the jobs matters (basically, it is an ordering + resource allocation problem).&lt;/p&gt;
&lt;p&gt;For instance, for J = {j1, j2} and M = {m1, m2, m3}, we have the following solutions : &lt;/p&gt;
&lt;p&gt;j1-m1 j2-m2&lt;/p&gt;
&lt;p&gt;j1-m1 j2-m3&lt;/p&gt;
&lt;p&gt;j1-m2 j2-m1&lt;/p&gt;
&lt;p&gt;j1-m2 j2-m3&lt;/p&gt;
&lt;p&gt;j1-m3 j2-m1&lt;/p&gt;
&lt;p&gt;j1-m3 j2-m2&lt;/p&gt;
&lt;p&gt;j2-m1 j1-m2&lt;/p&gt;
&lt;p&gt;j2-m1 j1-m3&lt;/p&gt;
&lt;p&gt;j2-m2 j1-m1&lt;/p&gt;
&lt;p&gt;j2-m2 j1-m3&lt;/p&gt;
&lt;p&gt;j2-m3 j1-m1&lt;/p&gt;
&lt;p&gt;j2-m3 j1-m2&lt;/p&gt;
&lt;p&gt;Now here is the tricky part. The only way I found to do so is to use recursion and for loops - it seems like a pretty naive, not optimized  an highly time consuming approach. Here is the code : &lt;/p&gt;
&lt;pre&gt;&lt;code&gt;public solve(List&amp;lt;Job&amp;gt; jobs, List&amp;lt;Machine&amp;gt; machines) 
{
    if (jobs.isEmpty() || machines.isEmpty()) 
    {
        System.out.println();
    }
    else 
    {
        List&amp;lt;Job&amp;gt; currentJobs = new ArrayList&amp;lt;Job&amp;gt;(jobs);
        for (Job job : jobs) 
        {
            currentJobs.remove(job);
            List&amp;lt;Machine&amp;gt; currentMachines = new ArrayList&amp;lt;Machine&amp;gt;(machines);
            for (Machine machine : machines) 
            {
                currentMachines.remove(machine);
                System.out.print("J" + job.getId() + " M" + machine + " ");
                solve(currentJobs, currentMachines);                
                currentMachines.add(machine);
            }
            currentJobs.add(job);
        }
    }
}
&lt;/code&gt;&lt;/pre&gt;
&lt;p&gt;I was wondering if there was any cleaner way to do this? In my snippet I only put the recursion logic, but every time a solution is found another method is called and so time optimization is pretty crucial.&lt;/p&gt;</t>
  </si>
  <si>
    <t>2018-04-26 22:53:51.820000+00:00</t>
  </si>
  <si>
    <t>java|recursion|combinatorics</t>
  </si>
  <si>
    <t>iOS ERROR ITMS-90166 "Missing Code Signing Entitlements" when Uploading to App Store from Xcode Organizer with included framework</t>
  </si>
  <si>
    <t>&lt;p&gt;I would like to upload a new version of my app to iTunes Connect but since I added a today extension and the Armchair framework I am having an issue each time I try to upload my app to iTunes Connect.&lt;/p&gt;
&lt;p&gt;The image shows that there is no entitlements for the Armchair bundle and framework. Maybe this is why I get that error :&lt;/p&gt;
&lt;p&gt;&lt;a href="http://i.stack.imgur.com/J0eGt.png" rel="nofollow"&gt;App Store upload issue&lt;/a&gt;&lt;/p&gt;
&lt;p&gt;It seems to come from the Armchair framework that is supposed to be included that way in my project :&lt;/p&gt;
&lt;p&gt;&lt;a href="http://i.stack.imgur.com/t5buo.png" rel="nofollow"&gt;Project files explorer&lt;/a&gt;&lt;/p&gt;
&lt;p&gt;Intuitively, I would say this is a problem concerning AppID, bundleId or provisioning profile but I tried everything that came to my mind and everything I could read on the Web.&lt;/p&gt;
&lt;p&gt;Does anyone have an idea about what I could try and what should be set for the Armchair project and targets ?&lt;/p&gt;
&lt;p&gt;EDIT : I finally found that if I remove Armchair.bundle from Copy Bundle Resources in the Build Phases of my Target the upload works fine.
However, it seems to be needed for localization to work.&lt;/p&gt;</t>
  </si>
  <si>
    <t>2015-11-21 13:28:48.660000+00:00</t>
  </si>
  <si>
    <t>2015-11-23 14:18:44.120000+00:00</t>
  </si>
  <si>
    <t>ios|xcode</t>
  </si>
  <si>
    <t>Ionic : Not able to build app in Windows 10</t>
  </si>
  <si>
    <t>&lt;p&gt;I am  trying to build an ionic app in Windows 10 but I get the following error:&lt;/p&gt;
&lt;pre&gt;&lt;code&gt;F:\myApp\platforms\windows\CordovaApp.Windows10.jsproj(61,5): error MSB4019: The imported project "C:\Program Files (x86)\MSBuild\Microsoft\VisualStudio\v14.0\Microsoft.VisualStudio..Default.props" was not found. Confirm that the path in the &amp;lt;Import&amp;gt; declaration is correct, and that the file exists on disk.
(node:3348) UnhandledPromiseRejectionWarning: Unhandled promise rejection (rejection id: 1): Error: C:\Program Files (x86)\MSBuild\14.0\bin\msbuild.exe: Command failed with exit code 1
(node:3348) [DEP0018] DeprecationWarning: Unhandled promise rejections are deprecated. In the future, promise rejections that are not handled will terminate the Node.js process with a non-zero exit code.
&lt;/code&gt;&lt;/pre&gt;
&lt;p&gt;i have already installed Visual Studio 2017 but when i am running "ionic cordova requirements" in command prompt so I am getting following output in windows :&lt;/p&gt;
&lt;pre&gt;&lt;code&gt;Windows OS: installed Windows 10
MSBuild Tools: installed 14.0
Visual Studio: not installed
Required version of Visual Studio not found. Please install Visual Studio 2015 Community from https://www.visualstudio.com/downloads/download-visual-studio-vs
Windows SDK: installed 10.0
Windows Phone SDK: installed 10.0
&lt;/code&gt;&lt;/pre&gt;
&lt;p&gt;Please let me know if you have any solution to build ionic/cordova app in windows 10.I would appreciate any kind of hint or help.&lt;/p&gt;</t>
  </si>
  <si>
    <t>2018-03-02 18:10:10.593000+00:00</t>
  </si>
  <si>
    <t>2018-05-08 08:11:17.350000+00:00</t>
  </si>
  <si>
    <t>windows|visual-studio|cordova|ionic-framework|ionic3</t>
  </si>
  <si>
    <t>How to get the raw SQL for a Laravel delete/update/insert statement?</t>
  </si>
  <si>
    <t>&lt;p&gt;I know I can use the &lt;code&gt;toSql&lt;/code&gt; method on a query builder to get the raw SQL with binding parameter placeholders for a &lt;code&gt;SELECT&lt;/code&gt; statement.&lt;/p&gt;
&lt;pre&gt;&lt;code&gt;App\User::where(['id'=&amp;gt;'1'])-&amp;gt;toSql();
&lt;/code&gt;&lt;/pre&gt;
&lt;blockquote&gt;
&lt;pre&gt;&lt;code&gt;"select * from `users` where (`id` = ?)"
&lt;/code&gt;&lt;/pre&gt;
&lt;/blockquote&gt;
&lt;p&gt;But how can I get this for a &lt;code&gt;DELETE&lt;/code&gt; statement?&lt;/p&gt;
&lt;pre&gt;&lt;code&gt;App\User::where(['id'=&amp;gt;'1'])-&amp;gt;delete()-&amp;gt;toSql();
&lt;/code&gt;&lt;/pre&gt;
&lt;blockquote&gt;
  &lt;p&gt;PHP error:  Call to a member function toSql() on integer on line 1&lt;/p&gt;
&lt;/blockquote&gt;
&lt;p&gt;This executes the statement, but I would like to get the raw, uninterpolated SQL generated with the question marks standing in for values &lt;em&gt;without&lt;/em&gt; actually running the query. The same case holds for any modification statement, such as &lt;code&gt;INSERT&lt;/code&gt; or &lt;code&gt;UPDATE&lt;/code&gt;&lt;/p&gt;
&lt;h2&gt;But why, who cares?&lt;/h2&gt;
&lt;p&gt;This smells a lot like an &lt;a href="https://meta.stackexchange.com/a/66378/321521"&gt;xy problem&lt;/a&gt;. My web application includes a multi-process architecture. It runs custom artisan commands with asynchronous communication listening in an event-driven loop that update the database.&lt;/p&gt;
&lt;p&gt;The reason I need the raw query is because I want to reuse a prepared statement for performance efficiency. Unfortunately, the eloquent methods do not expose the prepared statement, so in order to reuse one, I'll have to prepare it myself from the underlying PDO connection.&lt;/p&gt;
&lt;pre&gt;&lt;code&gt;$sql = 'UPDATE `foo` SET `bar` = ? WHERE (`id` = ?)';
$statement = DB::connection()-&amp;gt;getPdo()-&amp;gt;prepare($sql);
while (true) {
    $data = foo();
    $statement-&amp;gt;execute([$data-&amp;gt;bar, $data-&amp;gt;id]);
}
&lt;/code&gt;&lt;/pre&gt;
&lt;p&gt;However, this departs from the abstracted SQL grammar builder. Because I'm using MySQL at the moment, I can syntactically include the backticks. But now I'm stuck with vendor lock-in. Say for example, the boss says we're moving to MS SQL Server tomorrow, then it's likely going to be annoying (at least) to have to catch bugs for using backticks instead of square braces.&lt;/p&gt;
&lt;p&gt;I want to use the dynamically generated SQL grammar for reusing in a prepared statement.&lt;/p&gt;</t>
  </si>
  <si>
    <t>2017-07-19 14:31:50.910000+00:00</t>
  </si>
  <si>
    <t>2018-10-04 15:35:59.570000+00:00</t>
  </si>
  <si>
    <t>2017-07-20 13:39:28.557000+00:00</t>
  </si>
  <si>
    <t>php|laravel|eloquent</t>
  </si>
  <si>
    <t>How do I make an undirected graph in pygraphviz?</t>
  </si>
  <si>
    <t>&lt;p&gt;I am trying to generate undirected graphs in pygraphviz but have been unsuccessful. It seems that no matter what I do, the graph always turns out directed.&lt;/p&gt;
&lt;pre&gt;&lt;code&gt;Example #1
G = pgv.AGraph(directed=False)
G.is_directed()  # true
Example #2
G = pgv.AGraph()
G.to_undirected().is_directed()  # True
Example #3
G = pgv.AGraph(directed=False)
G.graph_attr.update(directed=False)
G.is_directed()  # true
&lt;/code&gt;&lt;/pre&gt;
&lt;p&gt;I have no idea why something so trivial could not be working. What I am doing wrong?&lt;/p&gt;</t>
  </si>
  <si>
    <t>2013-01-17 07:50:49.580000+00:00</t>
  </si>
  <si>
    <t>2016-08-26 20:44:50.960000+00:00</t>
  </si>
  <si>
    <t>python|graphviz|pygraphviz</t>
  </si>
  <si>
    <t>Disable warning at a specific place in Intel Compiler</t>
  </si>
  <si>
    <t>&lt;p&gt;I have a mathematical vector, whose dimensions I define with a template parameter &lt;code&gt;int N&lt;/code&gt;. The problem is that I add to many parameters at the constructor for up to N=9, g++ was OK with this, but the Intel compiler is complaining about this with a warning&lt;/p&gt;
&lt;p&gt;warning #175: subscript out of range&lt;/p&gt;
&lt;p&gt;Yes, the subscript is out of range as it appears, but no, it's not gonna cause a problem, because it's written like this:&lt;/p&gt;
&lt;pre&gt;&lt;code&gt;template &amp;lt;int N, typename T&amp;gt;
Vector&amp;lt;N,T&amp;gt;::Vector(T val0, T val1, T val2, T val3, T val4, T val5, T val6, T val7, T val8, T val9)
{
    for(int i = 0; i &amp;lt; N; i++)
    {
        _values[i] = T();
    }
    _values[0] = val0;
    if(N &amp;gt; 1)
        _values[1] = val1;
    if(N &amp;gt; 2)
        _values[2] = val2;
    if(N &amp;gt; 3)
        _values[3] = val3;
    if(N &amp;gt; 4)
        _values[4] = val4;
    if(N &amp;gt; 5)
        _values[5] = val5;
    if(N &amp;gt; 6)
        _values[6] = val6;
    if(N &amp;gt; 7)
        _values[7] = val7;
    if(N &amp;gt; 8)
        _values[8] = val8;
    if(N &amp;gt; 9)
        _values[9] = val9;
}
&lt;/code&gt;&lt;/pre&gt;
&lt;p&gt;where N is the dimensionality, like I mentioned, and T is the data type. So the Intel compiler isn't smart enough to realize that this won't cause any problem since I don't access the element unless the the index is valid. &lt;/p&gt;
&lt;p&gt;The question is: How can I tell the compiler with something like a macro/pre-compiler commands that it should not issue warning #175 for those lines? Notice that disabling warning #175 completely wouldn't be smart, though I could still do a real error somewhere else; I just want to disable it for this region of code.&lt;/p&gt;
&lt;p&gt;Thanks for any efforts.&lt;/p&gt;</t>
  </si>
  <si>
    <t>2013-08-30 10:22:23.500000+00:00</t>
  </si>
  <si>
    <t>2013-08-30 11:20:23.583000+00:00</t>
  </si>
  <si>
    <t>c++|compiler-construction|compiler-errors|compiler-warnings|intel</t>
  </si>
  <si>
    <t>get the count of the user stories and display in grid</t>
  </si>
  <si>
    <t>&lt;p&gt;This code will display the total story count, accepted story count and completed story counts and also story point, completed story points in a row for a project&lt;/p&gt;
&lt;p&gt;But how can i display the same value for all the child projects in following rows. My question is "how can i group the values as per the project and how can i access the different projects to get the data&lt;/p&gt;
&lt;p&gt;&lt;div class="snippet" data-lang="js" data-hide="false"&gt;_x000D_
&lt;div class="snippet-code"&gt;_x000D_
&lt;pre class="snippet-code-js lang-js prettyprint-override"&gt;&lt;code&gt;Ext.define('CustomApp', {_x000D_
extend: 'Rally.app.TimeboxScopedApp',_x000D_
componentCls: 'app',_x000D_
scopeType: 'iteration',_x000D_
comboboxConfig: {_x000D_
fieldLabel: 'Select iteration:',_x000D_
labelWidth: 100,_x000D_
width: 300_x000D_
},_x000D_
onScopeChange: function() {_x000D_
Ext.create('Rally.data.wsapi.Store',{_x000D_
model: 'User Story',_x000D_
fetch: ['FormattedID','Name','PlanEstimate','ScheduleState'],_x000D_
limit: Infinity,_x000D_
autoLoad: true,_x000D_
filters: [this.getContext().getTimeboxScope().getQueryFilter()],_x000D_
sorters: [_x000D_
{_x000D_
property: 'DragAndDropRank',_x000D_
direction: 'DESC'_x000D_
}_x000D_
],_x000D_
listeners: {_x000D_
load: this._onStoriesLoaded,_x000D_
scope: this_x000D_
}_x000D_
});_x000D_
},_x000D_
_onStoriesLoaded: function(store,records){_x000D_
var myData = [];_x000D_
//in case we want to track them separately:_x000D_
var estimatedStories = [];_x000D_
var unestimatedStories = [];_x000D_
var acceptedStories = [];_x000D_
var completedStories = [];_x000D_
var totalPlanEstimate = 0;_x000D_
var acceptedPlanEstimate = 0;_x000D_
var completedPlanEstimate = 0;_x000D_
//var unestimatedStories = [];_x000D_
console.log(records.length);_x000D_
var estimated = false;_x000D_
_.each(records, function(record){_x000D_
if (record.get('PlanEstimate')) {_x000D_
 totalPlanEstimate = record.get('PlanEstimate') + totalPlanEstimate;_x000D_
 console.log("totalPlanEstimate",totalPlanEstimate);_x000D_
 estimatedStories.push(record);_x000D_
}_x000D_
else{_x000D_
 unestimatedStories.push(record);_x000D_
}_x000D_
},this);_x000D_
_.each(records, function(record){_x000D_
if (record.get('ScheduleState') === 'Accepted') {_x000D_
 acceptedPlanEstimate = record.get('PlanEstimate') + acceptedPlanEstimate;_x000D_
 console.log("acceptedPlanEstimate",acceptedPlanEstimate);_x000D_
 console.log("record.getScheduleState",record.get('ScheduleState'));_x000D_
 acceptedStories.push(record);_x000D_
}_x000D_
else if(record.get('ScheduleState') === 'Completed') {_x000D_
 completedPlanEstimate = record.get('PlanEstimate') + completedPlanEstimate;_x000D_
 console.log("completedPlanEstimate",completedPlanEstimate);_x000D_
 console.log("record.getScheduleState",record.get('ScheduleState'));_x000D_
 completedStories.push(record);_x000D_
}_x000D_
},this);_x000D_
_x000D_
completedPercentage = (completedStories.length)/(records.length)*100;_x000D_
completedStoryPointsPercentage = (completedPlanEstimate/totalPlanEstimate*100);_x000D_
_x000D_
var list = {_x000D_
tous : records.length,_x000D_
es : estimatedStories.length,_x000D_
//unes : unestimatedStories.length,_x000D_
acus : acceptedStories.length,_x000D_
cous : completedPercentage,_x000D_
tosp : totalPlanEstimate,_x000D_
acsp : acceptedPlanEstimate,_x000D_
cosp : completedPlanEstimate,_x000D_
cospp : completedStoryPointsPercentage_x000D_
};_x000D_
myData.push(list);_x000D_
console.log("mydata",myData);_x000D_
//console.log(estimatedStories.length, unestimatedStories.length);_x000D_
this._makeGrid(myData);_x000D_
},_x000D_
_makeGrid:function(myData){_x000D_
if(this.down('#storyGrid')){_x000D_
this.down('#storyGrid').destroy();_x000D_
}_x000D_
var gridStore = Ext.create('Rally.data.custom.Store', {_x000D_
data: myData,_x000D_
limit:Infinity_x000D_
//groupField: 'projectname'_x000D_
});_x000D_
this.add({_x000D_
xtype: 'rallygrid',_x000D_
itemId: 'storyGrid',_x000D_
store: gridStore,_x000D_
showRowActionsColumn: false,_x000D_
width: 800,_x000D_
columnCfgs:[_x000D_
{_x000D_
text: 'TOTAL USER STORY', dataIndex: 'tous'_x000D_
},_x000D_
{_x000D_
text: 'ESTIMATED', dataIndex: 'es'_x000D_
},_x000D_
//{_x000D_
//text: 'UNESTIMATED', dataIndex: 'unes'_x000D_
//},_x000D_
{_x000D_
text: 'ACCEPTED', dataIndex: 'acus'_x000D_
},_x000D_
{_x000D_
text: 'COMPLETED', dataIndex: 'cous'_x000D_
},_x000D_
{_x000D_
text: 'TOTAL STORY POINTS', dataIndex: 'tosp'_x000D_
},_x000D_
{_x000D_
text: 'ACCEPTED STORY POINTS', dataIndex: 'acsp'_x000D_
},_x000D_
{_x000D_
text: 'COMPLETED STORY POINTS', dataIndex: 'cosp'_x000D_
},_x000D_
{_x000D_
text: 'COMPLETED STORY PERCENTAGE', dataIndex: 'cospp'_x000D_
}_x000D_
]_x000D_
});_x000D_
}_x000D_
});&lt;/code&gt;&lt;/pre&gt;_x000D_
&lt;/div&gt;_x000D_
&lt;/div&gt;_x000D_
&lt;/p&gt;</t>
  </si>
  <si>
    <t>2015-02-18 13:17:35.460000+00:00</t>
  </si>
  <si>
    <t>2015-02-20 12:08:20.213000+00:00</t>
  </si>
  <si>
    <t>javascript|rally</t>
  </si>
  <si>
    <t>Folder imported in Code Snippets Manager not showing in text editor - Visual Studio 2010</t>
  </si>
  <si>
    <t>&lt;p&gt;In the Code Snippet Manager I chose "Language: Visual C#" and added a folder containing one .snippet file I created.&lt;/p&gt;
&lt;p&gt;Then, when editing a .cs file, I try to insert a snippet using ctrl+k ctrl+x but my newly added folder does not show in the list.&lt;/p&gt;
&lt;p&gt;I'm I missing something? Do you have to specifically tell IntelliSense which snippets you want to have shown in the list when trying to insert a snippet? I thought that was done by choosing "Language: Visual C#" in the Code Snippet Manager...&lt;/p&gt;
&lt;p&gt;Thanks!&lt;/p&gt;</t>
  </si>
  <si>
    <t>2010-08-11 02:38:35.150000+00:00</t>
  </si>
  <si>
    <t>2010-08-11 17:21:49.003000+00:00</t>
  </si>
  <si>
    <t>visual-studio-2010|code-snippets</t>
  </si>
  <si>
    <t>How to configure Spring XD to connect remote Gemfire</t>
  </si>
  <si>
    <t>&lt;p&gt;I had configured the Spring-XD, application context.xml to connect to remote gemfire db. I am unable to connect to remote DB.  It goes and  connect to local gemfire which comes as part of Spring XD installation. Please can anyone assist what must be wrong.&lt;/p&gt;
&lt;pre&gt;&lt;code&gt;Configuration to disable local gemfire and configure to connect remote : 
/spring-xd-1.2.0.RELEASE/xd/config/modules/modules.yml
gemfire:
   useLocator: true
   host: remote-ip-address
   port: 44444
**Configuration to remote connection gemfire - spring-module.xml**
&amp;lt;bean id="template" class="org.springframework.data.gemfire.GemfireTemplate"&amp;gt;
        &amp;lt;property name="region" ref="restaurants" /&amp;gt;
    &amp;lt;/bean&amp;gt;
    &amp;lt;util:properties id="gemfire-props"&amp;gt;
        &amp;lt;prop key="log-level"&amp;gt;warning&amp;lt;/prop&amp;gt;
    &amp;lt;/util:properties&amp;gt;
    &amp;lt;gfe:cache properties-ref="gemfire-props" /&amp;gt;
    &amp;lt;gfe:cache-server bind-address="localhost" port="44444" /&amp;gt;
    &amp;lt;gfe:replicated-region id="restaurants"&amp;gt;
    &amp;lt;/gfe:replicated-region&amp;gt;
When we deploy custom moudules and run it on spring-xd shell which access and store object in gemfire template it goes and saves it in local gmefire instead of remote gemfire database.  Please can anyone guide or suggest right way of confuguring gemfire db.
Regards,
Cleophus P.
&lt;/code&gt;&lt;/pre&gt;</t>
  </si>
  <si>
    <t>2015-08-18 06:31:51.133000+00:00</t>
  </si>
  <si>
    <t>2015-08-18 12:10:57.370000+00:00</t>
  </si>
  <si>
    <t>spring-xd</t>
  </si>
  <si>
    <t>Drupal 6 - node attached image path</t>
  </si>
  <si>
    <t>&lt;p&gt;Drupal 6&lt;/p&gt;
&lt;p&gt;I am using &lt;code&gt;&amp;lt;?php print $node-&amp;gt;content['image_attach']['#value'] ?&amp;gt;&lt;/code&gt; in the &lt;code&gt;node.tpl.php&lt;/code&gt; template file to retrieve the image and getting the image linking to its node.&lt;/p&gt;
&lt;p&gt;How can I get the image path only?&lt;/p&gt;
&lt;p&gt;EDIT: There is no related CCK field. It is image attach module. Please see &lt;a href="http://imgur.com/YzyUGZU" rel="nofollow"&gt;http://imgur.com/YzyUGZU&lt;/a&gt;&lt;/p&gt;</t>
  </si>
  <si>
    <t>2015-01-08 11:58:23.157000+00:00</t>
  </si>
  <si>
    <t>2015-01-09 02:59:23.470000+00:00</t>
  </si>
  <si>
    <t>2015-01-08 19:32:10.010000+00:00</t>
  </si>
  <si>
    <t>php|image|path|drupal-6</t>
  </si>
  <si>
    <t>material 2 Autocomplete: select option</t>
  </si>
  <si>
    <t>&lt;p&gt;I want to call a function when an option is selected.
After some search it seem that i have to use :&lt;/p&gt;
&lt;p&gt;property &lt;strong&gt;optionSelections&lt;/strong&gt; of  &lt;strong&gt;MdAutocompleteTrigger&lt;/strong&gt;&lt;/p&gt;
&lt;p&gt;In the documentation :
&lt;a href="https://material.angular.io/components/component/autocomplete" rel="noreferrer"&gt;https://material.angular.io/components/component/autocomplete&lt;/a&gt;
&lt;em&gt;optionSelections
Stream of autocomplete option selections.&lt;/em&gt;&lt;/p&gt;
&lt;p&gt;I dont understand that , what is a stream, how to implement this ?&lt;/p&gt;</t>
  </si>
  <si>
    <t>2017-02-23 23:10:24.927000+00:00</t>
  </si>
  <si>
    <t>2018-05-02 09:26:13.613000+00:00</t>
  </si>
  <si>
    <t>angular|angular-material2|md-autocomplete</t>
  </si>
  <si>
    <t>How to configure simpleclip in emacs terminal mode to copy-paste interchangeably with OS?</t>
  </si>
  <si>
    <t>&lt;p&gt;I'm using &lt;code&gt;emacs -nw&lt;/code&gt; (Emacs 24.5, Ubuntu 16.04). And I found that the default emacs &lt;code&gt;M-w&lt;/code&gt; &lt;code&gt;C-y&lt;/code&gt; keys don't work interchangeably with the operating system. &lt;/p&gt;
&lt;p&gt;After some research, it seems that the most comprehensive solution is to use simpleclip. &lt;a href="https://www.emacswiki.org/emacs/CopyAndPaste" rel="nofollow noreferrer"&gt;EmacsWiki&lt;/a&gt; says that &lt;/p&gt;
&lt;blockquote&gt;
  &lt;p&gt;simpleclip&lt;/p&gt;
  &lt;p&gt;You can use &lt;a href="https://github.com/rolandwalker/simpleclip" rel="nofollow noreferrer"&gt;https://github.com/rolandwalker/simpleclip&lt;/a&gt; which ALWAYS
  works.&lt;/p&gt;
&lt;/blockquote&gt;
&lt;p&gt;But looking into its usage guide above, &lt;code&gt;simpleclip&lt;/code&gt; makes use of a set of keys that are &lt;em&gt;completely different&lt;/em&gt; from the default &lt;code&gt;M-w&lt;/code&gt; &lt;code&gt;C-y&lt;/code&gt; or the OS &lt;code&gt;Ctrl-Shift-c&lt;/code&gt;, &lt;code&gt;Ctrl-Shift-v&lt;/code&gt; for copy-paste&lt;/p&gt;
&lt;blockquote&gt;
  &lt;p&gt;;; Press super-c to copy without affecting the kill ring.&lt;/p&gt;
  &lt;p&gt;;; Press super-x or super-v to cut or paste.&lt;/p&gt;
&lt;/blockquote&gt;
&lt;p&gt;I don't really want to use &lt;code&gt;super&lt;/code&gt; key a lot with my PC keyboards, and don't want to remember (or persuade others to remember) yet another set of copy-paste keys. &lt;/p&gt;
&lt;p&gt;For the GUI emacs, I can copy something in emacs and paste it into another terminal without any configuration. Mostly, I don't feel that Emacs is any different from &lt;code&gt;gedit&lt;/code&gt; except that the emacs copy-paste keys &lt;code&gt;M-w&lt;/code&gt; &lt;code&gt;C-y&lt;/code&gt; can be used &lt;em&gt;in addition&lt;/em&gt;.&lt;/p&gt;
&lt;p&gt;In the terminal mode, most of it breaks down. If I use OS copy (&lt;code&gt;Ctrl-Shift-c&lt;/code&gt;), one line in emacs can be copied into two or more lines in a target terminal because the line is too long. contents copied using &lt;code&gt;M-w&lt;/code&gt; simply do not paste into other programs, even though I tried to set certain variables following other SO questions, e.g.:&lt;/p&gt;
&lt;pre&gt;&lt;code&gt;(setq x-select-enable-clipboard t)
&lt;/code&gt;&lt;/pre&gt;
&lt;p&gt;I'm not very familiar with elisp. My question:&lt;/p&gt;
&lt;p&gt;&lt;em&gt;How can I customize or configure &lt;code&gt;simpleclip&lt;/code&gt; so that copy-paste in &lt;code&gt;emacs -nw&lt;/code&gt; is exactly the same as copy-paste in the OS?&lt;/em&gt; &lt;/p&gt;
&lt;p&gt;Other related SO questions:&lt;/p&gt;
&lt;p&gt;&lt;a href="https://stackoverflow.com/questions/64360/"&gt;How to copy text from Emacs to another application on Linux&lt;/a&gt;&lt;/p&gt;
&lt;p&gt;&lt;a href="https://stackoverflow.com/questions/27764059"&gt;emacs terminal mode: how to copy and paste efficiently&lt;/a&gt;&lt;/p&gt;</t>
  </si>
  <si>
    <t>2017-12-14 09:14:35.303000+00:00</t>
  </si>
  <si>
    <t>2017-12-14 15:39:53.587000+00:00</t>
  </si>
  <si>
    <t>emacs|terminal</t>
  </si>
  <si>
    <t>how to know if gecko browser completed loading a webpage?</t>
  </si>
  <si>
    <t>&lt;p&gt;As the title says, how can i know if the gecko browser completed loading a web page?
I know there is document_completed event. But it will get triggered for every time a web page loads. 
Are there any other ways to check if the current webpage is completed loading.&lt;/p&gt;</t>
  </si>
  <si>
    <t>2015-10-14 04:07:00.023000+00:00</t>
  </si>
  <si>
    <t>2016-08-25 20:25:42.883000+00:00</t>
  </si>
  <si>
    <t>c#|.net|gecko|geckofx</t>
  </si>
  <si>
    <t>Android: Video cannot be played from non hard-coded URL</t>
  </si>
  <si>
    <t>&lt;p&gt;I'm trying to stream a video and play it using VideoView. I supply the view with the source URL of the video with setVideoURI() as shown below. With a hardcoded value like urlString = "www.myvideoserver.com/videos/bigbuckbunny.mp4", the video plays fine. However, when urlString is given the value from the intent (coming from the previous activity where the user chose the video), I get the message: "Sorry, Video cannot be played". I've read that one of the common causes is video format, like it's described &lt;a href="https://stackoverflow.com/questions/8714033/android-videoview-gives-me-alert-sorry-this-video-cannot-be-played"&gt;here&lt;/a&gt; and &lt;a href="https://stackoverflow.com/questions/8012494/sorry-this-video-cannot-be-played-streaming-mp4-to-android"&gt;here&lt;/a&gt;. I'm almost certain that it is not a format issue because I can play the video when the URL is fixed (and I know this because I can see from Log.d("PVurl", urlString); that the value of urlString is exactly the same as the one I fixed it to. That is, in LogCat, I copy paste the value into the line &lt;code&gt;urlString = getIntent()... // "www.myvideoserver.com/videos/bigbuckbunny.mp4"&lt;/code&gt;, and it works but not when urlString is set to the intent return value . LogCat Errror panel gives the following: &lt;/p&gt;
&lt;pre&gt;&lt;code&gt;04-13 17:35:32.786: ERROR/MediaPlayer(2620): error (1, -1007)
04-13 17:35:32.786: ERROR/MediaPlayer(2620): Error (1,-1007)
&lt;/code&gt;&lt;/pre&gt;
&lt;p&gt;I've searched around the internet but it doesn't seem that anyone has encountered such an error code before. &lt;/p&gt;
&lt;p&gt;I'd very much appreciate if anyone has any idea what could be the problem. Thanks!&lt;/p&gt;
&lt;pre&gt;&lt;code&gt;public void playvideo () { // obtain URL of the requested video from the intent in previous activity
    try
    {
        urlString =  getIntent().getStringExtra("mypackage.fulladdr");
        if (urlStr != null)
        {
            Log.d("PVurl", urlString);
            VideoView v = (VideoView) findViewById(R.id.videoView1);
            // play video
            v.setVideoURI(Uri.parse(urlString));
            v.setMediaController(new MediaController(this));
            v.start();
            v.setOnCompletionListener(new OnCompletionListener() {
                public void onCompletion(MediaPlayer mp) {
                    showRatingDialog();
                }
            });
        }
    }
    catch (Exception e)
    {
        Log.d("PV_TAG", +e.getMessage());
        e.printStackTrace();
    }
}
&lt;/code&gt;&lt;/pre&gt;</t>
  </si>
  <si>
    <t>2012-04-14 02:56:02.893000+00:00</t>
  </si>
  <si>
    <t>2014-03-12 17:57:23.623000+00:00</t>
  </si>
  <si>
    <t>2017-05-23 12:15:14.463000+00:00</t>
  </si>
  <si>
    <t>How can I clean up this ugly if statement?</t>
  </si>
  <si>
    <t>&lt;p&gt;I have the following ugly if statement that is part of a class that is pulled from an IOC container:&lt;/p&gt;
&lt;pre&gt;&lt;code&gt;protected virtual void ExecuteSourceControlGet(IBuildMetaData buildMetaData, IPackageTree componentTree)
{
    if ((buildMetaData.RepositoryElementList != null) &amp;amp;&amp;amp; (buildMetaData.RepositoryElementList.Count &amp;gt; 0))
    {
        componentTree.DeleteWorkingDirectory();
        foreach (var repositoryElement in buildMetaData.RepositoryElementList)
        {
            repositoryElement.PrepareRepository(componentTree, get).Export();
        }
    }
    if((buildMetaData.ExportList != null) &amp;amp;&amp;amp; (buildMetaData.ExportList.Count &amp;gt; 0))
    {
        var initialise = true;
        foreach (var sourceControl in buildMetaData.ExportList)
        {
            log.InfoFormat("\nHorn is fetching {0}.\n\n".ToUpper(), sourceControl.Url);
            get.From(sourceControl).ExportTo(componentTree, sourceControl.ExportPath, initialise);
            initialise = false;
        }
    }
    log.InfoFormat("\nHorn is fetching {0}.\n\n".ToUpper(), buildMetaData.SourceControl.Url);
    get.From(buildMetaData.SourceControl).ExportTo(componentTree);
}
&lt;/code&gt;&lt;/pre&gt;
&lt;p&gt;My normal approach to eliminating if statements is to create a subclass for each condition.&lt;/p&gt;
&lt;p&gt;What is different about this example is:&lt;/p&gt;
&lt;ol&gt;
&lt;li&gt;The class that has this method is pulled from the IOC container.&lt;/li&gt;
&lt;li&gt;I might want the logic in between the 2 if statements to run or not at all.&lt;/li&gt;
&lt;/ol&gt;
&lt;p&gt;Any advice greatly welcomed.&lt;/p&gt;</t>
  </si>
  <si>
    <t>2009-06-28 07:00:29.570000+00:00</t>
  </si>
  <si>
    <t>2012-05-22 14:33:14.297000+00:00</t>
  </si>
  <si>
    <t>c#|.net</t>
  </si>
  <si>
    <t>what is the difference between defining a vector using linspace and defining a vector using steps?</t>
  </si>
  <si>
    <t>&lt;p&gt;i am trying to learn the basics of matlab ,
i wanted to write a mattlab script ,
in this script i defined a vector x with a "d"  step that it's length is (2*pi/1000)
and i wanted to plot two sin function according to x :
the first sin is with a frequency of 1, and the second sin frequency 10.3 ..&lt;/p&gt;
&lt;p&gt;this is what i did:&lt;/p&gt;
&lt;pre&gt;&lt;code&gt;d=(2*pi/1000);
x=-pi:d:pi;
first=sin(x);
second=sin(10.3*x);
plot(x,first,x,second);
&lt;/code&gt;&lt;/pre&gt;
&lt;p&gt;my question:
what is the different between :&lt;/p&gt;
&lt;pre&gt;&lt;code&gt;x=linspace(-pi,pi,1000);
&lt;/code&gt;&lt;/pre&gt;
&lt;p&gt;and ..&lt;/p&gt;
&lt;pre&gt;&lt;code&gt;d=(2*pi/1000);
x=-pi:d:pi;
&lt;/code&gt;&lt;/pre&gt;
&lt;p&gt;? i am asking because i got confused since i think they both are the same but i think there is something wrong with my assumption ..
also is there is a more sufficient way to write sin function with a giveng frequency ?&lt;/p&gt;</t>
  </si>
  <si>
    <t>2018-04-03 22:20:56.953000+00:00</t>
  </si>
  <si>
    <t>2018-04-04 06:50:41+00:00</t>
  </si>
  <si>
    <t>how to convert 1,800.00 to 1800 in javascript?</t>
  </si>
  <si>
    <t>&lt;p&gt;I am trying to convert &lt;code&gt;1,100.00&lt;/code&gt; or &lt;code&gt;1,800.00&lt;/code&gt; to &lt;code&gt;1100&lt;/code&gt; or &lt;code&gt;1800&lt;/code&gt; by using Javascript Number() function but it gives &lt;code&gt;NaN&lt;/code&gt;.
For Example:&lt;/p&gt;
&lt;pre&gt;&lt;code&gt;var num = "1,100.00";
console.log(Number(num));
output: NaN
&lt;/code&gt;&lt;/pre&gt;
&lt;p&gt;My requirement is If I have a number 1,800.00 it should convert to 1800 in Javascript.&lt;/p&gt;
&lt;p&gt;Any help will be appreciated.&lt;/p&gt;
&lt;p&gt;Thanks.&lt;/p&gt;</t>
  </si>
  <si>
    <t>2018-05-17 06:53:42.437000+00:00</t>
  </si>
  <si>
    <t>2018-05-17 09:06:52.787000+00:00</t>
  </si>
  <si>
    <t>2018-05-17 07:47:20.230000+00:00</t>
  </si>
  <si>
    <t>Cookies in Google Scripts Web App</t>
  </si>
  <si>
    <t>&lt;p&gt;Is it possible to keep track of cookies (or any kind of session variables) in a GAS Web App? The script is running as myself, and anyone (even anonymous) can access the site. I need to be able to keep track of login information, so I should be able to see if the user is logged in between requests.&lt;/p&gt;
&lt;p&gt;Note: The user is not required to have a Gmail account.&lt;/p&gt;</t>
  </si>
  <si>
    <t>2017-06-21 20:07:36.040000+00:00</t>
  </si>
  <si>
    <t>session|cookies|google-apps-script</t>
  </si>
  <si>
    <t>You don���t currently have permission to access this folder.</t>
  </si>
  <si>
    <t>&lt;p&gt;I recently was given Admin rights on my machine on work.&lt;/p&gt;
&lt;p&gt;Unfortuanately when I am going through the directory structure I ket geting this message box:&lt;/p&gt;
&lt;p&gt;&lt;img src="https://i.stack.imgur.com/R1l4n.png" alt="You don���t currently have permission to access this folder."&gt;&lt;/p&gt;
&lt;p&gt;If I hit continue, it works. But it is time consuming and it may be interfering with some of my development efforts.&lt;/p&gt;
&lt;p&gt;Is there any way to just get permanent access to everything?&lt;/p&gt;
&lt;p&gt;Thanks!&lt;/p&gt;</t>
  </si>
  <si>
    <t>2013-08-09 12:59:09.147000+00:00</t>
  </si>
  <si>
    <t>2013-08-09 13:13:10.537000+00:00</t>
  </si>
  <si>
    <t>windows|windows-7</t>
  </si>
  <si>
    <t>Get name of current core data model</t>
  </si>
  <si>
    <t>&lt;p&gt;I have made some changes to my &lt;code&gt;Core Data&lt;/code&gt; model, and the we are handling the migration as described here: &lt;a href="http://developer.apple.com/library/ios/#documentation/cocoa/Conceptual/CoreDataVersioning/Articles/vmLightweightMigration.html" rel="nofollow"&gt; Lightweight Migration&lt;/a&gt;.&lt;/p&gt;
&lt;p&gt;That's not a problem. However, I want to make a couple of other updates to my data that are conditional on the current model version. How can I get the name of the current model version? I expected to see something like:&lt;/p&gt;
&lt;pre&gt;&lt;code&gt;[[NSBundle mainBundle] currentDataModelName]
&lt;/code&gt;&lt;/pre&gt;
&lt;p&gt;but I can't seem to find it. Can anyone help?&lt;/p&gt;</t>
  </si>
  <si>
    <t>2013-01-17 20:23:47.147000+00:00</t>
  </si>
  <si>
    <t>2015-05-10 11:31:01.447000+00:00</t>
  </si>
  <si>
    <t>2015-05-10 09:10:11.187000+00:00</t>
  </si>
  <si>
    <t>ios|core-data</t>
  </si>
  <si>
    <t>Qt - Get system information</t>
  </si>
  <si>
    <t>&lt;p&gt;I'm looking for a (portable) way to get system information, i.e cpu clock and manufacturer, available memory, etc.&lt;/p&gt;
&lt;p&gt;Is there a way to do this with Qt or do I have to write OS specific code? &lt;/p&gt;</t>
  </si>
  <si>
    <t>2010-11-12 23:22:59.193000+00:00</t>
  </si>
  <si>
    <t>2010-11-13 00:13:10.217000+00:00</t>
  </si>
  <si>
    <t>c++|qt|portable-applications</t>
  </si>
  <si>
    <t>PHP / MySQL - Query not fetching any data</t>
  </si>
  <si>
    <t>&lt;p&gt;I have been trying to set up a page that lists prices of items from a table in a database. Here is my code:&lt;/p&gt;
&lt;pre&gt;&lt;code&gt;&amp;lt;?php
$querylist = mysql_query("SELECT item_name,image,price,added_by FROM values");
while($row = mysql_fetch_array($querylist))
{
    echo '&amp;lt;div class="post rareitem" style="margin-right: 15px;float: left;"&amp;gt;
    &amp;lt;div class="rarename"&amp;gt;
    &amp;lt;strong&amp;gt;';
    // Shows Item Name
    echo $row['item_name'];
    echo '&amp;lt;/strong&amp;gt;
    &amp;lt;/div&amp;gt;';
    // Shows Item Image
    echo '&amp;lt;div class="rareimage" style="background-image: url(/app/tpl/skins/Mango/images/values/rares/';
    echo $row['image'];
    echo ');"&amp;gt;&amp;lt;/div&amp;gt;';
    // Shows Item Price
    echo '&amp;lt;div class="rarecontrols"&amp;gt;
        &amp;lt;div class="coinsbox"&amp;gt;&amp;lt;/div&amp;gt;
                    &amp;lt;span&amp;gt;
                    &amp;lt;b&amp;gt; &amp;lt;b&amp;gt;Credits: &amp;lt;/b&amp;gt; &amp;lt;/b&amp;gt; ';
    echo $row['price'];
    echo '&amp;lt;/span&amp;gt;';
    // Shows Who Added the Item
    echo '&amp;lt;div class="addedbox"&amp;gt;&amp;lt;/div&amp;gt;&amp;lt;b&amp;gt;&amp;lt;b&amp;gt;&amp;lt;span&amp;gt;&amp;lt;font color="#c93734"&amp;gt;&amp;lt;font color="#c93734"&amp;gt;Added By: &amp;lt;/font&amp;gt; &amp;lt;/font&amp;gt;';
    echo $row['added_by'];
    echo '&amp;lt;/span&amp;gt;&amp;lt;/b&amp;gt;&amp;lt;/b&amp;gt;
    &amp;lt;/div&amp;gt;
    &amp;lt;div class="clear"&amp;gt;&amp;lt;/div&amp;gt;
&amp;lt;/div&amp;gt;';
}
?&amp;gt;
&lt;/code&gt;&lt;/pre&gt;
&lt;p&gt;There is another chunk of code (shown below) that I have based this off of, and it works perfectly fine. I can't seem to get this to work though. I believe it has something to do with the SQL, the syntax, or something. No matter what I do, it produces absolutely no results, yet the code below results exactly as planned. I know for a fact it is not a connection issue because the below code can be placed on the same exact page as the above one and it works fine, however the above does not.&lt;/p&gt;
&lt;pre&gt;&lt;code&gt;&amp;lt;?php
$querylist = mysql_query("SELECT id,username,motto,country,look,rank,account_created,role,account_created,online,last_online FROM users WHERE rank='9' ORDER BY ID LIMIT 20");
while($row = mysql_fetch_array($querylist))
{
    echo '
    &amp;lt;div class="team"&amp;gt;';
    // Showing Avatar
    echo '&amp;lt;div style="float: left; margin-top:-1px;height: 60px; width: 64px; background: url(http://www.habbo.nl/habbo-imaging/avatarimage?figure=';
    echo $row['look'];echo "&amp;amp;amp;action=wav&amp;amp;amp;direction=3&amp;amp;amp;head_direction=3&amp;amp;amp;gesture=sml&amp;amp;amp;size=m) no-repeat 0px -10px";
    echo "\"/&amp;gt;";
    echo "&amp;lt;img alt=\"badge\" src=\"/app/tpl/skins/habbo/images/icons/";
    echo $row['online'];echo ".gif\"&amp;gt;&amp;lt;/div&amp;gt;";
    // Flags
    echo "&amp;lt;br/&amp;gt;&amp;lt;img src=\"/app/tpl/skins/habbo/images/icons/flags/";
    echo $row['country'];echo ".png";
    echo '" style="float:right;" /&amp;gt; &amp;lt;b&amp;gt;&amp;lt;uf&amp;gt;';
    echo $row['username'];echo "&amp;lt;/u&amp;gt;&amp;lt;/b&amp;gt;";
    // Bans &amp;amp; Ticket Count
    $Bans = mysql_query("SELECT * FROM `bans` WHERE `added_by` = '" . $row['username'] . "'");
    $BanCount = mysql_num_rows($Bans);
    $Tickets = mysql_query("SELECT * FROM `moderation_tickets` WHERE `moderator_id` = '" . $row['id'] . "'");
    $TicketCount = mysql_num_rows($Tickets);
    //Role
    echo "&amp;lt;br/&amp;gt;&amp;lt;gb&amp;gt;Role: &amp;lt;/b&amp;gt;&amp;lt;fi&amp;gt; ";
    echo $row['role'];echo "";
    echo "&amp;lt;/i&amp;gt;";
    // Echoing bans &amp;amp; Tickets
    echo "&amp;lt;br/&amp;gt;&amp;lt;gb&amp;gt;Bans: &amp;lt;/b&amp;gt;&amp;lt;fi&amp;gt; ";
    ; echo $BanCount;
    echo "&amp;lt;/i&amp;gt;";
    echo " &amp;amp;nbsp; &amp;lt;gb&amp;gt;Tickets: &amp;lt;/b&amp;gt;&amp;lt;if&amp;gt;";
    ; echo $TicketCount;
    echo "&amp;lt;/i&amp;gt;";
    echo "&amp;lt;/div&amp;gt;";
}
?&amp;gt;
&lt;/code&gt;&lt;/pre&gt;
&lt;p&gt;Thanks in advanced, any assistance will be greatly appreciated!&lt;/p&gt;</t>
  </si>
  <si>
    <t>2015-08-25 05:55:42.833000+00:00</t>
  </si>
  <si>
    <t>2015-08-25 06:04:38.560000+00:00</t>
  </si>
  <si>
    <t>2015-08-25 05:57:31.060000+00:00</t>
  </si>
  <si>
    <t>Changing the status of an expense using state_machine</t>
  </si>
  <si>
    <t>&lt;p&gt;I'm trying to build a small expense tracking app using Rails 4.1. When a user submits the expense request, it's state is marked as pending by default. The admin has to approve the request. I'm using state_machine gem to do this.&lt;/p&gt;
&lt;p&gt;Currently the Expense model looks like this&lt;/p&gt;
&lt;pre&gt;&lt;code&gt;state_machine initial: :pending do
  state :pending
  state :approved
  event :approved do
    transition :pending =&amp;gt; :approved
  end
end
&lt;/code&gt;&lt;/pre&gt;
&lt;p&gt;When someone creates a new expense report, it's automatically marked as pending successfully. The workflow I'm thinking is that the admin will visit the expense/show page and use a drop down to approve the expense. However, I'm not quite sure to get this done the Rails way. &lt;/p&gt;
&lt;p&gt;I tried using:&lt;/p&gt;
&lt;pre&gt;&lt;code&gt;&amp;lt;%= form_for @expense do |f| %&amp;gt;
  &amp;lt;%= f.label :state_event %&amp;gt;&amp;lt;br /&amp;gt;
  &amp;lt;%= f.collection_select :state_event, @expense.state_transitions, :event, :human_to_name, :include_blank =&amp;gt; @expense.human_state_name %&amp;gt;
  &amp;lt;%= f.submit %&amp;gt;
&amp;lt;% end %&amp;gt;
&lt;/code&gt;&lt;/pre&gt;
&lt;p&gt;in the expense/show page(I guess this is a dumb way to do this). The flash notice says that the expense is updated, but, the status change isn't reflecting in the DB. 
The update action looks like this:&lt;/p&gt;
&lt;pre&gt;&lt;code&gt;def update
  @expense = Expense.find(params[:id])
  if @expense.save(expense_params)
    flash[:notice] = "Expense Report Updated"
    redirect_to @expense
  else
    render 'edit'
  end
end
private
def expense_params
  params.require(:expense).permit(:claim, :department_id, :expense_type_id, :expense_attachment, :state, :notes, items_attributes: [:id, :description, :amount, :issue_date, :_destroy])
end
&lt;/code&gt;&lt;/pre&gt;
&lt;p&gt;Can someone suggest how to get this one done?&lt;/p&gt;</t>
  </si>
  <si>
    <t>2014-08-13 05:01:55.240000+00:00</t>
  </si>
  <si>
    <t>2014-08-13 05:18:00.920000+00:00</t>
  </si>
  <si>
    <t>How do I calculate fps in a simple Direct2D app?</t>
  </si>
  <si>
    <t>&lt;p&gt;Hey guys, and thanks for looking. I have built the simple D2D app from MSDN, available &lt;a href="http://msdn.microsoft.com/en-us/library/dd370994(VS.85).aspx" rel="nofollow noreferrer"&gt;here&lt;/a&gt;. Now, I want to draw some primitives and add an fps counter.&lt;/p&gt;
&lt;p&gt;I have an OnRender() event, where I draw the rectangles and so on. I also have a call to RenderTextInfo() where I call RenderTarget-&gt;DrawText. Where do I add the logic for counting the number of frames per second?&lt;/p&gt;
&lt;p&gt;Thanks much.&lt;/p&gt;</t>
  </si>
  <si>
    <t>2010-09-15 00:36:52.677000+00:00</t>
  </si>
  <si>
    <t>2010-09-15 00:46:27.050000+00:00</t>
  </si>
  <si>
    <t>msdn|frame-rate|direct2d</t>
  </si>
  <si>
    <t>Why does updating a Keychain item password cause a re-prompt for app access?</t>
  </si>
  <si>
    <t>&lt;p&gt;I am storing a generic password using the macOS Keychain Services. This password should be usable without prompting by an Apple app already on the system. I initially create it using code something like this:&lt;/p&gt;
&lt;pre&gt;&lt;code&gt;itemName="Some Item"
appPath="/Applications/Some Apple.app"
security add-generic-password -a "$username" -s "$itemName" -w "$password" -T "$appPath" "$keychain"
security set-generic-password-partition-list -a "$username" -s "$itemName" -S apple: -k "$password" "$keychain"
&lt;/code&gt;&lt;/pre&gt;
&lt;p&gt;That works fine and the app is able to use it without the user being prompted for permission.&lt;/p&gt;
&lt;p&gt;However, if I later go to update this password, the user gets a one-time prompt when the other app needs the password ��� even though the ACLs for the item haven't changed!&lt;/p&gt;
&lt;p&gt;For example after running the code&lt;/p&gt;
&lt;pre&gt;&lt;code&gt;private func updateAppPassword(user: String = NSUserName(), password: String) throws {
    let query: [CFString:Any] = [
        kSecClass: kSecClassGenericPassword,
        kSecAttrServer: "Some Item",
        kSecAttrAccount: user
    ]
    let newInfo: [CFString:Any] = [
        kSecValueData: password.data(using: .utf8)!
    ]
    try SecItemUpdate(query as CFDictionary, newInfo as CFDictionary).check()
}
&lt;/code&gt;&lt;/pre&gt;
&lt;p&gt;���when the user launches the Apple app that uses the password, they have to give permission.&lt;/p&gt;
&lt;p&gt;This isn't 100% surprising since I did change the item, but I don't know why updating it should matter especially since I've left the permissions just as they were created ��� and after the initial creation of the keychain item there is no prompt!&lt;/p&gt;
&lt;p&gt;Especially odd, both &lt;strong&gt;before&lt;/strong&gt; and &lt;strong&gt;after&lt;/strong&gt; I run the code to updated the password, I get the following from &lt;code&gt;security dump-keychain -a&lt;/code&gt; on my test keychain:&lt;/p&gt;
&lt;pre&gt;&lt;code&gt;keychain: "/Users/me/Library/Keychains/dev-test.keychain-db"
version: 512
class: "genp"
attributes:
    0x00000007 &amp;lt;blob&amp;gt;="Some Item"
    0x00000008 &amp;lt;blob&amp;gt;=&amp;lt;NULL&amp;gt;
    "acct"&amp;lt;blob&amp;gt;="vand065"
    "cdat"&amp;lt;timedate&amp;gt;=0x32303138303730353139303835385A00  "20180705190858Z\000"
    "crtr"&amp;lt;uint32&amp;gt;=&amp;lt;NULL&amp;gt;
    "cusi"&amp;lt;sint32&amp;gt;=&amp;lt;NULL&amp;gt;
    "desc"&amp;lt;blob&amp;gt;=&amp;lt;NULL&amp;gt;
    "gena"&amp;lt;blob&amp;gt;=&amp;lt;NULL&amp;gt;
    "icmt"&amp;lt;blob&amp;gt;=&amp;lt;NULL&amp;gt;
    "invi"&amp;lt;sint32&amp;gt;=&amp;lt;NULL&amp;gt;
    "mdat"&amp;lt;timedate&amp;gt;=0x32303138303730353139313035305A00  "20180705191050Z\000"
    "nega"&amp;lt;sint32&amp;gt;=&amp;lt;NULL&amp;gt;
    "prot"&amp;lt;blob&amp;gt;=&amp;lt;NULL&amp;gt;
    "scrp"&amp;lt;sint32&amp;gt;=&amp;lt;NULL&amp;gt;
    "svce"&amp;lt;blob&amp;gt;="Some Item"
    "type"&amp;lt;uint32&amp;gt;=&amp;lt;NULL&amp;gt;
access: 5 entries
    entry 0:
        authorizations (6): decrypt derive export_clear export_wrapped mac sign
        don't-require-password
        description: Some Item
        applications (1):
            0: /Applications/Some Apple.app (status -2147415734)
    entry 1:
        authorizations (1): encrypt
        don't-require-password
        description: Some Item
        applications: &amp;lt;null&amp;gt;
    entry 2:
        authorizations (1): integrity
        don't-require-password
        description: 53f29c48f37f1d8993800d34b13495e926a1e8f64121c2f7e7a6d23128d1bb73
        applications: &amp;lt;null&amp;gt;
    entry 3:
        authorizations (1): partition_id
        don't-require-password
        description: apple:
        applications: &amp;lt;null&amp;gt;
    entry 4:
        authorizations (1): change_acl
        don't-require-password
        description: Some Item
        applications (0):
&lt;/code&gt;&lt;/pre&gt;
&lt;p&gt;I.e. there appears to be no change made to the keychain item or its ACL by the password update. So why does the user have to give "/Applications/Some Apple.app" permission again to use the updated password?&lt;/p&gt;</t>
  </si>
  <si>
    <t>2018-07-05 19:38:08.473000+00:00</t>
  </si>
  <si>
    <t>macos|security|keychain</t>
  </si>
  <si>
    <t>how to save image using bitmap i tried this code</t>
  </si>
  <si>
    <t>&lt;p&gt;string billno = lblBillNo.ToString();&lt;/p&gt;
&lt;pre&gt;&lt;code&gt;        //memoryImage.Save("D:/rajkiran/" + lblBillNo.Text + ".jpg", System.Drawing.Imaging.ImageFormat.Jpeg);
        memoryImage.Dispose();
&lt;/code&gt;&lt;/pre&gt;</t>
  </si>
  <si>
    <t>2013-11-06 10:45:07.050000+00:00</t>
  </si>
  <si>
    <t>2013-11-06 11:12:46.540000+00:00</t>
  </si>
  <si>
    <t>dot</t>
  </si>
  <si>
    <t>Generic Entity Framework mapping</t>
  </si>
  <si>
    <t>&lt;p&gt;To beginning I'm novice with Expression and Func.&lt;/p&gt;
&lt;p&gt;I'm trying to avoid duplicate code in my EF mapping class, and I'm stuck with bad database.&lt;/p&gt;
&lt;p&gt;Take the following example map class:&lt;/p&gt;
&lt;pre&gt;&lt;code&gt;public class EntityMap : EntityTypeConfiguration&amp;lt;Entity&amp;gt;
{
    public EntityMap()
    {
        Property(x =&amp;gt; x.PropertyA.Property);
        Property(x =&amp;gt; x.PropertyB.Property);
    }
}
&lt;/code&gt;&lt;/pre&gt;
&lt;p&gt;Where &lt;code&gt;PropertyA&lt;/code&gt; and &lt;code&gt;PropertyB&lt;/code&gt; are same type, and with many property
Is it possible to refactor this with a simple method, pass &lt;code&gt;x =&amp;gt; x.PropertyA&lt;/code&gt; or &lt;code&gt;PropertyB&lt;/code&gt; in parameters and do something like &lt;code&gt;Property(x =&amp;gt; x. methodParemeter Property);&lt;/code&gt; ? And how ?
The method could be something like that:&lt;/p&gt;
&lt;pre&gt;&lt;code&gt;private void SubMap(Expression&amp;lt;Func&amp;lt;Entity, SubEntity&amp;gt;&amp;gt; propertyExpression, string prefix)
{
    Property(x =&amp;gt; x.propertyExpression.Property)
            .HasColumnName(string.Format("{0}{1}", prefix,"columnName"));
}
&lt;/code&gt;&lt;/pre&gt;</t>
  </si>
  <si>
    <t>2017-01-19 18:16:04.633000+00:00</t>
  </si>
  <si>
    <t>2017-01-19 19:53:24.183000+00:00</t>
  </si>
  <si>
    <t>2017-01-19 19:31:53.170000+00:00</t>
  </si>
  <si>
    <t>c#|.net|entity-framework|reflection|lambda</t>
  </si>
  <si>
    <t>Regex- How do I match the word apple not pine_apple in BigQuery</t>
  </si>
  <si>
    <t>&lt;p&gt;There are two baskets. Basket_1 contains apple, mango and orange. Basket_2 contains 2 apples and 2 pine_apples. The regex pattern "apple" matches the word apple as well as pine_apple. Please clarify.&lt;/p&gt;
&lt;pre&gt;&lt;code&gt;#standardSQL
with table1 as(
SELECT "basket_1" as basket,"apple" as fruit UNION ALL
SELECT "basket_1","mango" as fruit UNION ALL
SELECT "basket_2","apple" as fruit UNION ALL
SELECT "basket_2","apple" as fruit UNION ALL
SELECT "basket_2","pine_apple" as fruit UNION ALL
SELECT "basket_2","pine_apple" as fruit UNION ALL
SELECT "basket_1","orange" as fruit 
)
SELECT basket,string_agg(fruit)fruits_in_each_basket,regexp_extract_all(string_agg(fruit),r'(?i)apple')apple from table1 group by basket
&lt;/code&gt;&lt;/pre&gt;</t>
  </si>
  <si>
    <t>2018-05-04 17:18:57.117000+00:00</t>
  </si>
  <si>
    <t>2018-05-04 17:49:24.790000+00:00</t>
  </si>
  <si>
    <t>google-bigquery</t>
  </si>
  <si>
    <t>Role based user permission handling in a application</t>
  </si>
  <si>
    <t>&lt;p&gt;In a windows forms payroll application employing MVP pattern (for a small scale client) I'm planing user permission handling as follows.(Roll based) &lt;/p&gt;
&lt;p&gt;&lt;strong&gt;NOTE&lt;/strong&gt; : System could be simultaneously used by few users (maximum 3) and the database is at the server side. &lt;/p&gt;
&lt;p&gt;&lt;em&gt;User Tables in the database.&lt;/em&gt;&lt;/p&gt;
&lt;pre&gt;&lt;code&gt;USER (user_id[pk], name, access_level, status)
PERMISSION (permission_id[pk], permission_detail)
USER_PERMISSION (user_id[pk][fk], permission_id[pk][fk])
&lt;/code&gt;&lt;/pre&gt;
&lt;p&gt;I would maintain user list in &lt;code&gt;USER&lt;/code&gt; table and permission list in &lt;code&gt;PERMISSION&lt;/code&gt; table (permission details are the accessible module names). Intermediate table &lt;code&gt;USER_PERMISSION&lt;/code&gt;  would map the users with the permissions. &lt;code&gt;UESR&lt;/code&gt; and &lt;code&gt;PERMISSION&lt;/code&gt; tables have &lt;code&gt;1:M&lt;/code&gt; relationships with &lt;code&gt;USER_PERMISSION&lt;/code&gt; table.&lt;/p&gt;
&lt;p&gt;When an user login to the system, first the system will validate the user and if its valid then the home screen will be shown and the logged user's &lt;code&gt;ID&lt;/code&gt; will be hold in a global variable (accessible to all presenter classes) . When the user try to access a specific module, the system will read that global variable to find the current user's &lt;code&gt;ID&lt;/code&gt; and then it will look in the &lt;code&gt;USER_PERMISSION&lt;/code&gt; table whether there is an entry relevant to that user id and the module name in which the user is trying to login. If there is and entry, then the user will be given the access to that particular module. &lt;/p&gt;
&lt;p&gt;When user log off the variable holding the current user id will be cleared. &lt;/p&gt;
&lt;ol&gt;
&lt;li&gt;&lt;p&gt;In this approach is it okay to hold the current user's &lt;code&gt;ID&lt;/code&gt; in application memory? or should be written to a local file?&lt;/p&gt;&lt;/li&gt;
&lt;li&gt;&lt;p&gt;Modifications to the data in the tables should be tracked and in this purpose should I maintain a separate column on each table (ones should be monitored) to hold the &lt;code&gt;ID&lt;/code&gt; of the user who is modifying the record?&lt;/p&gt;&lt;/li&gt;
&lt;/ol&gt;
&lt;p&gt;&lt;strong&gt;EDIT&lt;/strong&gt;:&lt;/p&gt;
&lt;ol&gt;
&lt;li&gt;Can we use &lt;code&gt;SQL-SERVER&lt;/code&gt; user rolls/ logins in this purpose? and can this user action login stuff be handed over to &lt;code&gt;SQL-SERVER&lt;/code&gt;?&lt;/li&gt;
&lt;/ol&gt;
&lt;p&gt;When controlling &lt;code&gt;Read/Write&lt;/code&gt; permissions in &lt;code&gt;Forms&lt;/code&gt;, the respective &lt;code&gt;Presenter&lt;/code&gt; handle the logic and set the properties in the &lt;code&gt;View&lt;/code&gt; (properties like &lt;code&gt;IsModifyAllowed{get;set;}&lt;/code&gt;, &lt;code&gt;IsDeleteAllowed{get;set;}&lt;/code&gt; etc.) according to the current users permissions. So that the View could handle the rest of the things by &lt;code&gt;enabling / disabling&lt;/code&gt; controllers in the &lt;code&gt;View&lt;/code&gt;.&lt;/p&gt;
&lt;ol&gt;
&lt;li&gt;&lt;p&gt;In this approach should the every Model have a matching property like in the view(in this case &lt;code&gt;IsModifyAllowed{get; set;}&lt;/code&gt; etc. )?&lt;/p&gt;&lt;/li&gt;
&lt;li&gt;&lt;p&gt;What is the most widely used approach in this case?&lt;/p&gt;&lt;/li&gt;
&lt;/ol&gt;</t>
  </si>
  <si>
    <t>2014-06-07 16:23:19.240000+00:00</t>
  </si>
  <si>
    <t>2014-06-07 18:54:09.893000+00:00</t>
  </si>
  <si>
    <t>2014-06-07 18:12:11.150000+00:00</t>
  </si>
  <si>
    <t>c#|database|winforms|security|mvp</t>
  </si>
  <si>
    <t>Why does the memory not allocate?</t>
  </si>
  <si>
    <t>&lt;p&gt;My assignment is to allow the user to enter any input and print the occurrences of letters and words. We also have to print out how many one letter, two, three, etc.. letter words are in the string. &lt;/p&gt;
&lt;p&gt;The word function has an access violation when dealing the array of pointers. It looks like the &lt;code&gt;malloc()&lt;/code&gt; function didn't properly allocate memory to my array of pointers and I'm not sure I did the coding right.&lt;/p&gt;
&lt;p&gt;I actually tried allocating memory to an index of the array, &lt;code&gt;word[0]&lt;/code&gt;, and that index had memory that was properly allocated, but when I use a loop it never works, when I hover over the array and check each index it says "Bad PTR". &lt;/p&gt;
&lt;pre&gt;&lt;code&gt;#include &amp;lt;stdio.h&amp;gt;
#include &amp;lt;stdlib.h&amp;gt;
#include &amp;lt;string.h&amp;gt;
void findLetters(char *ptr);
void findWords(char *point);
int main()
{
    char textStream[100]; //up to 98 characters and '\n\ and '\0'
    printf("enter some text\n");
    if (fgets(textStream, sizeof (textStream), stdin)) //input up to 99 characters
    {
        findLetters(textStream);
        findWords(textStream);
    }
    else
    {
        printf("fgets failed\n");
    }
    return 0;
}
void findLetters(char *ptr) //find occurences of all letters
{ /*Works fine*/ }
void findWords(char *point)
{
    int i = 0;
    int k = 0;
    int count = 0;
    int j = 0;
    int space = 0;
    int c = 0;
    char *word[50];
    char word1[50][100];
    char* delim = "{ } . , ( ) ";
    for (i = 0; i&amp;lt; sizeof(point); i++) //counts # of spaces between words
    {
        if ((point[i] == ' ') || (point[i] == ',') || (point[i] == '.'))
        {
            space++;
        }
    }
    char *words = strtok(point, delim);
    for(;k &amp;lt;= space; k++)
    {
        word[k] = malloc((words+1) * sizeof(*words));
    }
        while (words != NULL)
        {
            printf("%s\n",words);
            strcpy(words, word[j++]);
            words = strtok(NULL, delim);
        }
    free(words);
}
&lt;/code&gt;&lt;/pre&gt;
&lt;p&gt;What's wrong in my code?&lt;/p&gt;</t>
  </si>
  <si>
    <t>2015-05-17 06:49:28.917000+00:00</t>
  </si>
  <si>
    <t>2015-05-17 11:54:38.087000+00:00</t>
  </si>
  <si>
    <t>2015-05-17 06:51:26.553000+00:00</t>
  </si>
  <si>
    <t>c|arrays|memory|malloc|word</t>
  </si>
  <si>
    <t>Why isn't Chrome enabling Omnibox Search for my site?</t>
  </si>
  <si>
    <t>&lt;p&gt;I wanted to implement Chrome's Omnibox search into my site, and followed the relatively simple &lt;a href="http://dev.chromium.org/tab-to-search" rel="nofollow"&gt;instructions by Google.&lt;/a&gt; I can't reveal the site URL, but this is the XML file:&lt;/p&gt;
&lt;pre&gt;&lt;code&gt;&amp;lt;?xml version="1.0"?&amp;gt;
&amp;lt;OpenSearchDescription xmlns="http://a9.com/-/spec/opensearch/1.1/"&amp;gt;
&amp;lt;ShortName&amp;gt;Search Mysite&amp;lt;/ShortName&amp;gt;
&amp;lt;Description&amp;gt;Search the Content of Mysite.com&amp;lt;/Description&amp;gt;
&amp;lt;Url type="text/html" method="get" template="http://mysite.com/search.php?q=   
{searchTerms}"/&amp;gt;
&amp;lt;/OpenSearchDescription&amp;gt;
&lt;/code&gt;&lt;/pre&gt;
&lt;p&gt;The Omnibox option does not appear in Chrome. What am I doing wrong? All the URLs are typed correctly.&lt;/p&gt;</t>
  </si>
  <si>
    <t>2012-01-31 23:02:22.717000+00:00</t>
  </si>
  <si>
    <t>2012-02-01 03:51:42.690000+00:00</t>
  </si>
  <si>
    <t>2012-01-31 23:08:00.720000+00:00</t>
  </si>
  <si>
    <t>xml|search|google-chrome|get</t>
  </si>
  <si>
    <t>Reading certificate in certificate store using PHP</t>
  </si>
  <si>
    <t>&lt;p&gt;How can I read a secure certificate in windows certificate store from PHP (running IIS)&lt;/p&gt;
&lt;p&gt;I know how to read it from a certificate file, but I am trying to read it directly from the certificate store.&lt;/p&gt;
&lt;p&gt;is this able to be done?&lt;/p&gt;</t>
  </si>
  <si>
    <t>2011-11-22 21:22:06.013000+00:00</t>
  </si>
  <si>
    <t>2011-11-22 21:33:17.693000+00:00</t>
  </si>
  <si>
    <t>php|ssl</t>
  </si>
  <si>
    <t>Improve YouTube thumbnail quality?</t>
  </si>
  <si>
    <t>&lt;p&gt;YouTube thumbnails are appearing terrible when embedded in a webpage via the iFrame code. Once the video starts playing, the quality looks absolutely fine.&lt;/p&gt;
&lt;p&gt;Here's an example video:
&lt;a href="http://jsfiddle.net/x5829/" rel="noreferrer"&gt;http://jsfiddle.net/x5829/&lt;/a&gt;&lt;/p&gt;
&lt;p&gt;&lt;strong&gt;Before Playing - Bad Quality Thumbnail&lt;/strong&gt;
&lt;img src="https://i.stack.imgur.com/CGkDd.png" alt="YouTube Embedded iFrame Bad Quality Thumbnail"&gt;&lt;/p&gt;
&lt;p&gt;&lt;strong&gt;While Playing - Good Quality&lt;/strong&gt;
&lt;img src="https://i.stack.imgur.com/fGXlL.png" alt="YouTube Embedded iFrame Good Quality"&gt;&lt;/p&gt;
&lt;p&gt;For whatever reason, it seems to be using the &lt;a href="http://i1.ytimg.com/vi/xzUumjHL5zE/hqdefault.jpg" rel="noreferrer"&gt;hqdefault.jpg&lt;/a&gt; quality image, rather than the &lt;a href="http://i1.ytimg.com/vi/xzUumjHL5zE/maxresdefault.jpg" rel="noreferrer"&gt;maxresdefault.jpg&lt;/a&gt; which would be far greater quality.&lt;/p&gt;
&lt;p&gt;I've tried increasing the iFrame dimensions to &lt;code&gt;1280x720&lt;/code&gt;, and even higher, and nothing seems to make a difference.&lt;/p&gt;
&lt;p&gt;Can anything be done, perhaps with the JavaScript API, to force the thumbnail quality to use? All the videos we use will be 720p, guaranteed.&lt;/p&gt;
&lt;p&gt;As a final note (I don't think this is important), we're uploading the video using the YouTube API (V3), then setting the thumbnail via the API. But the same thing happens when using an auto-generated thumbnail chosen by YouTube.&lt;/p&gt;
&lt;p&gt;&lt;strong&gt;Edit -&lt;/strong&gt; I wondered if this would improve with time, thought maybe YouTube would optimise it over say 24 hours, but several days later it's still the same.&lt;/p&gt;
&lt;p&gt;&lt;strong&gt;Edit 2 -&lt;/strong&gt; As far as I'm aware, the iFrame is still Google's "recommended" method of embedding videos on a site, so that they'll work on mobile devices as well.&lt;/p&gt;</t>
  </si>
  <si>
    <t>2014-03-05 13:00:34.910000+00:00</t>
  </si>
  <si>
    <t>2014-03-07 23:12:18.693000+00:00</t>
  </si>
  <si>
    <t>2014-03-07 10:05:45.930000+00:00</t>
  </si>
  <si>
    <t>iframe|youtube|youtube-api|thumbnails|youtube-javascript-api</t>
  </si>
  <si>
    <t>Ecto Query - Preload one associated object for a number of records</t>
  </si>
  <si>
    <t>&lt;p&gt;My app has a &lt;code&gt;Child&lt;/code&gt; schema/model, that has many associated &lt;code&gt;ChildAttendance&lt;/code&gt; records.&lt;/p&gt;
&lt;p&gt;I can pretty easily preload all of the &lt;code&gt;child_attendances&lt;/code&gt; for a given child:&lt;/p&gt;
&lt;p&gt;&lt;code&gt;from ch in Child, preload: [:child_attendances]&lt;/code&gt;&lt;/p&gt;
&lt;p&gt;What I'd like to do is preload &lt;strong&gt;only the last&lt;/strong&gt; attendance record for a given child, &lt;em&gt;or set of children&lt;/em&gt;.&lt;/p&gt;
&lt;p&gt;I tried the following:&lt;/p&gt;
&lt;pre&gt;&lt;code&gt;  def with_last_attendance(query \\ Child) do
    last_attendance = from att in ChildAttendance,
                            order_by: [desc: att.in_at],
                            limit: 1
    from query, preload: [last_attendance: ^last_attendance]
  end
&lt;/code&gt;&lt;/pre&gt;
&lt;p&gt;The above works, but only when the parent query is returning a single child (i.e. the &lt;code&gt;limit: 1&lt;/code&gt; is limiting the number of attendance records being returned in total).&lt;/p&gt;
&lt;p&gt;For example,&lt;/p&gt;
&lt;pre&gt;&lt;code&gt;Repo.one!(Child |&amp;gt; where([ch], ch.id == ^child_id) |&amp;gt; with_last_attendance)
&lt;/code&gt;&lt;/pre&gt;
&lt;p&gt;works as expected, with the child record containing a &lt;strong&gt;single&lt;/strong&gt; &lt;code&gt;ChildAttendance&lt;/code&gt; record loaded into the &lt;code&gt;last_attendance&lt;/code&gt; association.&lt;/p&gt;
&lt;p&gt;However, if the query is returning multiple children:&lt;/p&gt;
&lt;pre&gt;&lt;code&gt;Repo.all(Child |&amp;gt; with_last_attendance)
&lt;/code&gt;&lt;/pre&gt;
&lt;p&gt;only one of the returned &lt;code&gt;Child&lt;/code&gt; records has the &lt;code&gt;last_attendance&lt;/code&gt; association loaded (the &lt;code&gt;limit: 1&lt;/code&gt; is "global" to the query).&lt;/p&gt;
&lt;p&gt;Any ideas on how to get this to work?&lt;/p&gt;</t>
  </si>
  <si>
    <t>2017-02-02 19:46:10.507000+00:00</t>
  </si>
  <si>
    <t>2017-04-20 01:09:49.517000+00:00</t>
  </si>
  <si>
    <t>database|elixir|ecto|preload</t>
  </si>
  <si>
    <t>Upload file with Jqgrid using ASPNET MVC 4, ajaxFileUpload and Webpi</t>
  </si>
  <si>
    <t>&lt;p&gt;I can't make the upload work using (&lt;a href="http://www.phpletter.com/Demo/AjaxFileUpload-Demo/" rel="nofollow noreferrer"&gt;ajaxFileUpload &lt;/a&gt;) but I can't make it work. I'm following &lt;a href="https://stackoverflow.com/questions/7550304/jqgrid-upload-a-file-in-add-edit-dialog"&gt;this post&lt;/a&gt; but the UploadImage function is not being called. I mean, seems that afterSubmit event is not being fired.&lt;/p&gt;
&lt;p&gt;Any ideas why?&lt;/p&gt;
&lt;pre&gt;&lt;code&gt;jQuery("#ajaxGrid").jqGrid({
    url: $("#ServiceUrl").val(),
    datatype: "json",
    jsonReader: { repeatitems: false, id: "Id" },
    colNames: ['Id', 'logoTarjeta'],
    colModel: [
        { name: 'Id', index: 'id', editable: false, sortable: true, hidden: true, align: 'left' },
        {
            name: 'FileToUpload', index: 'logo', editable: true, edittype: 'file',
            editoptions: {
                enctype: "multipart/form-data"
            },
            width: 210, align: 'center', /*formatter: jgImageFormatter,*/ search: false
        }
    ],
    prmNames: { nd: null, search: null, page: "pageNumber", rows: "pageSize", sort: "sortColumn", order: "sortDirection" },
    mtype: 'GET',
    rowNum: 15,
    pager: '#ajaxGridPager',
    rowList: [10, 20, 50, 100],
    imgpath: $("#ServiceImagesUrl").val(),
    multiselect: false,
    scrollOffset: 0,
    afterSubmit: UploadImage,
    error: function (x, e) {
        alert(x.readyState + " " + x.status + " " + e.msg);
    }
});
function updateDialog(action) {
    return {
        url: $("#ServiceUrl").val(),
        closeAfterAdd: true,
        closeAfterEdit: true,
        afterShowForm: function (formId) { },
        modal: true,
        onclickSubmit: function (params) {
            var list = $("#ajaxGrid");
            var selectedRow = list.getGridParam("selrow");
            params.url += "/" + list.getRowData(selectedRow).Id;
            params.mtype = action;
        },
        width: "400",
        ajaxEditOptions: { contentType: "application/json" },
        serializeEditData: function (data) {
            delete data.oper;
            return JSON.stringify(data);
        }
    };
}
jQuery("#ajaxGrid").jqGrid(
    'navGrid',
    '#ajaxGridPager',
     {
         add: true,
         edit: true,
         del: true,
         search: false,
         refresh: false
     },
     updateDialog('PUT'),
     updateDialog('POST'),
     updateDialog('DELETE')
);
$(window).resize(resize_the_grid);
function resize_the_grid() {
    $('#ajaxGrid').fluidGrid({ base: '#grid_wrapper', offset: -20 });
}
function UploadImage(response, postdata) {
    debugger;
    var data = $.parseJSON(response.responseText);
    if (data.success == true) {
        if ($("#fileToUpload").val() != "") {
            ajaxFileUpload(data.id);
        }
    }
    return [data.success, data.message, data.id];
}
function ajaxFileUpload(id) {
    $("#loading")
    .ajaxStart(function () {
        $(this).show();
    })
    .ajaxComplete(function () {
        $(this).hide();
    });
    $.ajaxFileUpload(
        {
            url: $("#UploadImageUrl").val(),
            secureuri: false,
            fileElementId: 'fileToUpload',
            dataType: 'json',
            data: { id: id },
            success: function (data, status) {
                if (typeof (data.success) != 'undefined') {
                    if (data.success != true) {
                        return alert(data.message);
                    }
                    return true;
                } else {
                    return alert('Failed to upload logo!');
                }
            },
            error: function (data, status, e) {
                return alert('Failed to upload logo!');
            }
        }
    );
}
&lt;/code&gt;&lt;/pre&gt;
&lt;p&gt;This is the webapi service called on submit&lt;/p&gt;
&lt;pre&gt;&lt;code&gt;public HttpResponseMessage Put(Type type)
        {
            if (ModelState.IsValid)
            {
                Uow.Types.Update(type);
                Uow.Commit();
                var resp = new HttpResponseMessage
                {
                     Content = new StringContent("{\"success\":true,\"message\":\"\",\"new_id\":\"\"}")
                };
                resp.Content.Headers.ContentType = new MediaTypeHeaderValue("application/json");
                //resp.StatusCode = HttpStatusCode.NoContent;
                return resp; 
            }
            throw new HttpResponseException(HttpStatusCode.BadRequest);
        }
&lt;/code&gt;&lt;/pre&gt;
&lt;p&gt;And I see the plugin javascript loaded in the webpage.&lt;/p&gt;
&lt;p&gt;Thanks in advance! Guillermo.&lt;/p&gt;</t>
  </si>
  <si>
    <t>2013-01-24 18:56:06.387000+00:00</t>
  </si>
  <si>
    <t>2014-07-01 17:32:08.867000+00:00</t>
  </si>
  <si>
    <t>2017-05-23 10:24:09.070000+00:00</t>
  </si>
  <si>
    <t>jqgrid|asp.net-web-api|jqgrid-asp.net|jqgrid-php</t>
  </si>
  <si>
    <t>Webservice call from android device is not working,works well on emulator</t>
  </si>
  <si>
    <t>&lt;p&gt;I have developed some android application project a few months ago,It includes,&lt;/p&gt;
&lt;ul&gt;
&lt;li&gt;GCM functionality &lt;/li&gt;
&lt;li&gt;Webservice Calls&lt;/li&gt;
&lt;/ul&gt;
&lt;p&gt;It was working well at that time.Yesterday I tried to run it &lt;strong&gt;on a real device and I found that it was not able to make any webservice call&lt;/strong&gt;.
I was expecting the same on the emulator.But to my surprise it was &lt;strong&gt;working well on the emulator&lt;/strong&gt;.....&lt;/p&gt;
&lt;hr&gt;
&lt;p&gt;The exception I am getting on the real device is: &lt;strong&gt;ConnectionTimeOutException&lt;/strong&gt;.&lt;/p&gt;
&lt;hr&gt;
&lt;p&gt;I want to know that what went wrong to get rid of the issue.I am not sure what more information I should post.Please ask if you want me to post something&lt;/p&gt;
&lt;p&gt;&lt;strong&gt;EDIT:&lt;/strong&gt;&lt;/p&gt;
&lt;pre&gt;&lt;code&gt;AsyncTask&amp;lt;Void, Void, Boolean&amp;gt; gettingHttpOTP = new AsyncTask&amp;lt;Void, Void,Boolean&amp;gt;(){
HttpResponse httpresponse;
HttpClient client ;
JSONObject objSendjson;
HttpPost post ;
HttpEntity entity;
String result;
JSONObject objRetrievejson;
@Override
protected Boolean doInBackground(Void... arg0) {
client = new DefaultHttpClient();
HttpConnectionParams.setConnectionTimeout(client.getParams(), 50000);
objSendjson = new JSONObject();
 try
 {
    post = new HttpPost(Configurations.API_VERIFY_END_USER);
    objSendjson.put("Mobile_Number", gCountryCodeAndMobileNumber);
    objSendjson.put("Signature_Key", Configurations.SIGNATUREKEY);
    post.setHeader("Content-type", "application/json");
    post.setEntity(new StringEntity(objSendjson.toString(), "UTF-8"));
    httpresponse = client.execute(post);
    entity = httpresponse.getEntity();
     gHttpResponseCode=httpresponse .getStatusLine().getStatusCode();
     if(gHttpResponseCode==200)
     {
    gResponseText = EntityUtils.toString(entity);
    objRetrievejson=new JSONObject(gResponseText);
    gRecievedJsonOutput=objRetrievejson.getString("Result_Output");
    gRecievedJsonDescription=objRetrievejson.getString("Result_Message");
    gRecievedJsonCode=objRetrievejson.getString("Result_Code");
    gRecievedJsonStatus=objRetrievejson.getString("Result_Status");
 }
     else
     {
         gResponseText=null;
     }
 }
 catch(Exception errorException)
 {
    Log.d("Exception generated with response code = "+gHttpResponseCode,""+ 
           errorException);
 }
 return null;
}
&lt;/code&gt;&lt;/pre&gt;
&lt;hr&gt;
&lt;h2&gt;My web service is running on the internet and I tried using different ISP's&lt;/h2&gt;
&lt;hr&gt;
&lt;p&gt;&lt;strong&gt;Edit&lt;/strong&gt;(4th May 2015):&lt;/p&gt;
&lt;p&gt;I don't know what caused the issue, but I haven't changed any code, but its working again.&lt;/p&gt;</t>
  </si>
  <si>
    <t>2015-04-21 09:56:44.787000+00:00</t>
  </si>
  <si>
    <t>2017-04-17 05:24:58.270000+00:00</t>
  </si>
  <si>
    <t>2015-05-07 09:19:59.990000+00:00</t>
  </si>
  <si>
    <t>android|web-services</t>
  </si>
  <si>
    <t>How to use TransactionScope in C#?</t>
  </si>
  <si>
    <t>&lt;p&gt;I am trying to use &lt;code&gt;TransactionScope&lt;/code&gt;, but keep getting the exception below.&lt;br&gt;
The app is running on a different machine than the database, if that matters.  I am using SQL Server 2005.&lt;/p&gt;
&lt;blockquote&gt;
  &lt;p&gt;Network access for Distributed Transaction Manager (MSDTC) has been disabled. Please enable DTC for network access in the security configuration 
  for MSDTC using the Component Services Administrative tool.&lt;/p&gt;
&lt;/blockquote&gt;
&lt;pre&gt;&lt;code&gt;using (TransactionScope tsTransScope = new TransactionScope())
{
    //Do stuff here
    tsTransScope.Complete();
}
&lt;/code&gt;&lt;/pre&gt;
&lt;p&gt;&lt;strong&gt;Edit&lt;/strong&gt;&lt;/p&gt;
&lt;p&gt;I made some changes based on the feedback. Now I'm getting this error:&lt;/p&gt;
&lt;blockquote&gt;
  &lt;p&gt;"Error HRESULT E_FAIL has been returned from a call to a COM component."&lt;br&gt;
  "Communication with the underlying transaction manager has failed."&lt;/p&gt;
&lt;/blockquote&gt;
&lt;p&gt;&lt;strong&gt;Solution&lt;/strong&gt;
I think the accepted answer fixed the initial issue I was getting.  The 2nd error seems to be specific to Entity Framework. I'll post another question for it.&lt;/p&gt;
&lt;p&gt;&lt;strong&gt;Here are the properties on the client:&lt;/strong&gt;&lt;br&gt;
&lt;a href="http://www.portnine.com/data/images/Misc/client.jpg" rel="nofollow noreferrer"&gt;Client http://www.portnine.com/data/images/Misc/client.jpg&lt;/a&gt;&lt;/p&gt;
&lt;p&gt;&lt;strong&gt;Here are the properties on the server:&lt;/strong&gt;&lt;br&gt;
&lt;a href="http://www.portnine.com/data/images/Misc/server.jpg" rel="nofollow noreferrer"&gt;Server http://www.portnine.com/data/images/Misc/server.jpg&lt;/a&gt;&lt;/p&gt;</t>
  </si>
  <si>
    <t>2009-04-27 16:54:53.280000+00:00</t>
  </si>
  <si>
    <t>2018-08-25 13:23:19.153000+00:00</t>
  </si>
  <si>
    <t>c#|.net|database|transactions|transactionscope</t>
  </si>
  <si>
    <t>Show selected item on RecyclerView in Sync with ViewPager</t>
  </si>
  <si>
    <t>&lt;p&gt;I am trying to get a ViewPager and a RecyclerView to work in sync in displaying an image. The ViewPager contains an ImageView which shows a full sized image and the recycler view shows thumbnails of previous and upcoming images.&lt;/p&gt;
&lt;p&gt;If the user swipes on the ViewPager then the RecyclerView moves left/right in sync. If the user scrolls and then clicks a photo, the ViewPager sets that position.&lt;/p&gt;
&lt;p&gt;This all works, just giving background to my app.&lt;/p&gt;
&lt;p&gt;The part I am stuck on is showing a border around the thumbnail that is currently selected in the RecyclerView &lt;b&gt;from onPageSelected&lt;/b&gt;. The element which is considered selected is the one that is currently show on the ViewPager&lt;/p&gt;
&lt;p&gt;A lot of the other questions deal with this problem using the onClickListener. My onClickListener just calls  &lt;/p&gt;
&lt;pre&gt;&lt;code&gt;viewPager.setCurrentItem(index)
&lt;/code&gt;&lt;/pre&gt;
&lt;p&gt;So any time an item is selected, onPageSelected is called, either naturally from the ViewPager or from the click event. So this is where I feel I need to set the border.&lt;/p&gt;
&lt;p&gt;So far I'm using a bit of a hack since the number of images is only 20.&lt;/p&gt;
&lt;pre&gt;&lt;code&gt;for (int i = 0, ii = recyclerViewAdapter.getItemCount(); i &amp;lt; ii; i++) {
        //RecyclerView.ViewHolder holder = recyclerView.findViewHolderForItemId(recyclerViewAdapter.getItemId(i));
        RecyclerView.ViewHolder holder = recyclerView.findViewHolderForAdapterPosition(position);
        if (holder instanceof RecyclerViewAdapter.RecyclerViewHolder) {
            if (i == position) {
                ...
                ((RecyclerViewAdapter.RecyclerViewHolder) holder).getViewHolderContainer().setBackground(border);
            } else {
                ((RecyclerViewAdapter.RecyclerViewHolder) holder).getViewHolderContainer().setBackground(null);
            }
        }
    }
&lt;/code&gt;&lt;/pre&gt;
&lt;p&gt;This doesn't work. If get's the right position since I'm provided that by the ViewPager but neither method for retrieving the ViewHolder at 'position' seems to work.&lt;/p&gt;
&lt;p&gt;So, after all that, my question is if anyone can recommend me a clean way (or really even a hack at this point) that will let me update the current position of an element based on the position from onPageSelected of the ViewPager.&lt;/p&gt;
&lt;p&gt;Thank you kindly.&lt;/p&gt;</t>
  </si>
  <si>
    <t>2016-02-22 09:38:09.310000+00:00</t>
  </si>
  <si>
    <t>2016-02-25 22:28:06.263000+00:00</t>
  </si>
  <si>
    <t>android|android-fragments|android-viewpager|android-recyclerview</t>
  </si>
  <si>
    <t>Failed to process import candidates for configuration for oauth2-autoconfigure</t>
  </si>
  <si>
    <t>&lt;p&gt;I'm trying to setup a new project using Spring OAuth2 Autoconfig as describe in a &lt;a href="https://docs.spring.io/spring-security-oauth2-boot/docs/2.1.0.M2/reference/pdf/spring-security-oauth2-boot-reference.pdf" rel="nofollow noreferrer"&gt;official documentation&lt;/a&gt;. My setup looks like this:&lt;/p&gt;
&lt;p&gt;&lt;em&gt;build.gradle&lt;/em&gt;&lt;/p&gt;
&lt;pre&gt;&lt;code&gt;subprojects {
    ... 
    dependencies {
        testCompile("io.projectreactor:reactor-test")
        testCompile("org.springframework.boot:spring-boot-starter-test")
        testCompile("org.springframework.security:spring-security-test")
        compileOnly("org.projectlombok:lombok")
        compile("org.springframework.boot:spring-boot-starter-webflux")
        compile("org.springframework.security.oauth.boot:spring-security-oauth2-autoconfigure:2.1.0.M2")
        compile("org.springframework.security.oauth:spring-security-oauth2:2.3.3.RELEASE")
        compile("org.springframework.boot:spring-boot-starter-security")
    }
}
&lt;/code&gt;&lt;/pre&gt;
&lt;p&gt;&lt;em&gt;Application.java&lt;/em&gt;&lt;/p&gt;
&lt;pre&gt;&lt;code&gt;@SpringBootApplication
@EnableAuthorizationServer
@EnableGlobalMethodSecurity(prePostEnabled = true)
@PropertySource("classpath:service.properties")
public class Application {
    public static void main(String[] args) {
        SpringApplication.run(Application.class, args);
    }
}
AuthenticationConfiguration.java
@Configuration
public class AuthenticationConfiguration {
    @Bean
    UserDetailsService userDetailsService() {
        UserDetails greg = User.withUsername("user")
                .password("{bcrypt}$2a$10$dXJ3SW6G7P50lGmMkkmwe.20cQQubK3.HZWzG3YB1tlRy.fqvM/BG")
                .roles("read")
                .build();
        return new InMemoryUserDetailsManager(greg);
    }
}
&lt;/code&gt;&lt;/pre&gt;
&lt;p&gt;&lt;em&gt;service.properties&lt;/em&gt;&lt;/p&gt;
&lt;pre&gt;&lt;code&gt;security.oauth2.client.client-id=webapp
security.oauth2.client.client-secret=secret
&lt;/code&gt;&lt;/pre&gt;
&lt;p&gt;According to the &lt;a href="https://docs.spring.io/spring-security-oauth2-boot/docs/2.1.0.M2/reference/pdf/spring-security-oauth2-boot-reference.pdf" rel="nofollow noreferrer"&gt;documentation&lt;/a&gt; this my I have a minimal required setup. But unfortunaly when building my project, spring is not able to import some beans. It looks like some filters are missing. Here a stackstrace:&lt;/p&gt;
&lt;pre&gt;&lt;code&gt;org.springframework.beans.factory.BeanDefinitionStoreException: Failed to process import candidates for configuration class [com.example.Application]; nested exception is java.lang.IllegalStateException: Failed to introspect annotated methods on class org.springframework.security.oauth2.config.annotation.web.configuration.AuthorizationServerSecurityConfiguration
    at org.springframework.context.annotation.ConfigurationClassParser.processImports(ConfigurationClassParser.java:646) ~[spring-context-5.1.0.RC2.jar:5.1.0.RC2]
    at org.springframework.context.annotation.ConfigurationClassParser.doProcessConfigurationClass(ConfigurationClassParser.java:303) ~[spring-context-5.1.0.RC2.jar:5.1.0.RC2]
    at org.springframework.context.annotation.ConfigurationClassParser.processConfigurationClass(ConfigurationClassParser.java:245) ~[spring-context-5.1.0.RC2.jar:5.1.0.RC2]
    at org.springframework.context.annotation.ConfigurationClassParser.parse(ConfigurationClassParser.java:202) ~[spring-context-5.1.0.RC2.jar:5.1.0.RC2]
    at org.springframework.context.annotation.ConfigurationClassParser.parse(ConfigurationClassParser.java:170) ~[spring-context-5.1.0.RC2.jar:5.1.0.RC2]
    at org.springframework.context.annotation.ConfigurationClassPostProcessor.processConfigBeanDefinitions(ConfigurationClassPostProcessor.java:315) ~[spring-context-5.1.0.RC2.jar:5.1.0.RC2]
    at org.springframework.context.annotation.ConfigurationClassPostProcessor.postProcessBeanDefinitionRegistry(ConfigurationClassPostProcessor.java:232) ~[spring-context-5.1.0.RC2.jar:5.1.0.RC2]
    at org.springframework.context.support.PostProcessorRegistrationDelegate.invokeBeanDefinitionRegistryPostProcessors(PostProcessorRegistrationDelegate.java:275) ~[spring-context-5.1.0.RC2.jar:5.1.0.RC2]
    at org.springframework.context.support.PostProcessorRegistrationDelegate.invokeBeanFactoryPostProcessors(PostProcessorRegistrationDelegate.java:95) ~[spring-context-5.1.0.RC2.jar:5.1.0.RC2]
    at org.springframework.context.support.AbstractApplicationContext.invokeBeanFactoryPostProcessors(AbstractApplicationContext.java:693) ~[spring-context-5.1.0.RC2.jar:5.1.0.RC2]
    at org.springframework.context.support.AbstractApplicationContext.refresh(AbstractApplicationContext.java:530) ~[spring-context-5.1.0.RC2.jar:5.1.0.RC2]
    at org.springframework.boot.web.reactive.context.ReactiveWebServerApplicationContext.refresh(ReactiveWebServerApplicationContext.java:61) ~[spring-boot-2.1.0.M2.jar:2.1.0.M2]
    at org.springframework.boot.SpringApplication.refresh(SpringApplication.java:785) [spring-boot-2.1.0.M2.jar:2.1.0.M2]
    at org.springframework.boot.SpringApplication.refreshContext(SpringApplication.java:418) [spring-boot-2.1.0.M2.jar:2.1.0.M2]
    at org.springframework.boot.SpringApplication.run(SpringApplication.java:337) [spring-boot-2.1.0.M2.jar:2.1.0.M2]
    at org.springframework.boot.SpringApplication.run(SpringApplication.java:1269) [spring-boot-2.1.0.M2.jar:2.1.0.M2]
    at org.springframework.boot.SpringApplication.run(SpringApplication.java:1257) [spring-boot-2.1.0.M2.jar:2.1.0.M2]
    at com.example.Application.main(Application.java:30) [classes/:na]
Caused by: java.lang.IllegalStateException: Failed to introspect annotated methods on class org.springframework.security.oauth2.config.annotation.web.configuration.AuthorizationServerSecurityConfiguration
    at org.springframework.core.type.StandardAnnotationMetadata.getAnnotatedMethods(StandardAnnotationMetadata.java:169) ~[spring-core-5.1.0.RC2.jar:5.1.0.RC2]
    at org.springframework.context.annotation.ConfigurationClassParser.retrieveBeanMethodMetadata(ConfigurationClassParser.java:393) ~[spring-context-5.1.0.RC2.jar:5.1.0.RC2]
    at org.springframework.context.annotation.ConfigurationClassParser.doProcessConfigurationClass(ConfigurationClassParser.java:318) ~[spring-context-5.1.0.RC2.jar:5.1.0.RC2]
    at org.springframework.context.annotation.ConfigurationClassParser.processConfigurationClass(ConfigurationClassParser.java:245) ~[spring-context-5.1.0.RC2.jar:5.1.0.RC2]
    at org.springframework.context.annotation.ConfigurationClassParser.processImports(ConfigurationClassParser.java:636) ~[spring-context-5.1.0.RC2.jar:5.1.0.RC2]
    ... 17 common frames omitted
Caused by: java.lang.NoClassDefFoundError: javax/servlet/Filter
    at java.base/java.lang.Class.getDeclaredMethods0(Native Method) ~[na:na]
    at java.base/java.lang.Class.privateGetDeclaredMethods(Class.java:3119) ~[na:na]
    at java.base/java.lang.Class.getDeclaredMethods(Class.java:2268) ~[na:na]
    at org.springframework.core.type.StandardAnnotationMetadata.getAnnotatedMethods(StandardAnnotationMetadata.java:158) ~[spring-core-5.1.0.RC2.jar:5.1.0.RC2]
    ... 21 common frames omitted
Caused by: java.lang.ClassNotFoundException: javax.servlet.Filter
    at java.base/jdk.internal.loader.BuiltinClassLoader.loadClass(BuiltinClassLoader.java:582) ~[na:na]
    at java.base/jdk.internal.loader.ClassLoaders$AppClassLoader.loadClass(ClassLoaders.java:190) ~[na:na]
    at java.base/java.lang.ClassLoader.loadClass(ClassLoader.java:499) ~[na:na]
    ... 25 common frames omitted
&lt;/code&gt;&lt;/pre&gt;</t>
  </si>
  <si>
    <t>2018-08-31 10:19:46.957000+00:00</t>
  </si>
  <si>
    <t>spring-boot|oauth-2.0|spring-security-oauth2</t>
  </si>
  <si>
    <t>Xpath in Javascript, not working?</t>
  </si>
  <si>
    <t>&lt;p&gt;I am tryin to write a class that selects the dom elemented, by using XPath.
So far, this is my code.&lt;br /&gt;
Problem is, node.id, makes the javascript fail.&lt;br /&gt;&lt;/p&gt;
&lt;p&gt;&lt;br /&gt;What am I doing wrong? :/&lt;/p&gt;
&lt;pre&gt;&lt;code&gt;var evaluator = new XPathEvaluator();
var result = evaluator.evaluate("//div", document.documentElement, null,
                             XPathResult.ORDERED_NODE_ITERATOR_TYPE, null);                 
if (result) {
    alert(result)
    var node = result.iterateNext();
    while(node) {
            alert(node.id);
        node = node.iterateNext();
    }
}
&lt;/code&gt;&lt;/pre&gt;</t>
  </si>
  <si>
    <t>2011-04-21 22:15:42.093000+00:00</t>
  </si>
  <si>
    <t>2011-04-21 23:23:01.223000+00:00</t>
  </si>
  <si>
    <t>javascript|dom|xpath</t>
  </si>
  <si>
    <t>Jersey &amp; Spring managed providers</t>
  </si>
  <si>
    <t>&lt;p&gt;I'm using &lt;strong&gt;Jersey 2.4.1&lt;/strong&gt;, &lt;strong&gt;Spring 3.2.4&lt;/strong&gt; and &lt;strong&gt;Jetty 7&lt;/strong&gt;.&lt;/p&gt;
&lt;p&gt;I don't understand how Jersey registers providers that are managed by Spring.
My classes annotated with &lt;code&gt;@Provider&lt;/code&gt; are also annotated &lt;code&gt;@Component&lt;/code&gt; because I need injection.
I configured Jersey to scan my packages with these providers.&lt;/p&gt;
&lt;p&gt;Here is how I configure Jersey servlet:&lt;/p&gt;
&lt;pre&gt;&lt;code&gt;public void createJerseyServlet() {
  ResourceConfig resourceConfig = new ResourceConfig();
  resourceConfig.packages("test.web", "org.glassfish.jersey.server.spring");
  resourceConfig.register(LoggingFilter.class);
  ServletHolder servletHolder = new ServletHolder(new ServletContainer(resourceConfig));
  servletContextHandler.addServlet(servletHolder, "/*");
}
&lt;/code&gt;&lt;/pre&gt;
&lt;p&gt;The logs at startup:&lt;/p&gt;
&lt;pre&gt;&lt;code&gt;INFO - org.glassfish.jersey.server.spring.SpringComponentProvider - Spring context lookup done.
INFO - org.glassfish.jersey.server.spring.SpringComponentProvider - Spring component provider initialized.
INFO - org.glassfish.jersey.server.spring.SpringComponentProvider - Spring managed bean, testResource, registered with HK2.
INFO - org.glassfish.jersey.server.spring.SpringComponentProvider - Spring managed bean, nullPointerExceptionMapper, registered with HK2.
INFO - org.glassfish.jersey.server.spring.SpringComponentProvider - Spring managed bean, filterTest, registered with HK2.
[...]
INFO - org.glassfish.jersey.server.ApplicationHandler - Jersey application initialized.
Root Resource Classes:
  org.obiba.jta.web.TestResource
Pre-match Filters:
   org.glassfish.jersey.filter.LoggingFilter
Global Response Filters:
   org.glassfish.jersey.filter.LoggingFilter
Global Reader Interceptors:
   org.glassfish.jersey.server.internal.MappableExceptionWrapperInterceptor
Global Writer Interceptors:
   org.glassfish.jersey.filter.LoggingFilter
[...]
&lt;/code&gt;&lt;/pre&gt;
&lt;p&gt;My providers are detected via Spring: &lt;code&gt;Spring managed bean, filterTest, registered with HK2&lt;/code&gt; but they don't appear in the &lt;code&gt;ApplicationHandler&lt;/code&gt; logs...
And they are not used when I run the application.&lt;/p&gt;
&lt;p&gt;I need to manually register them:&lt;/p&gt;
&lt;pre&gt;&lt;code&gt;@Resource
private FilterTest filterTest;
@Resource
private MyExceptionMapper myExceptionMapper;
[...]
resourceConfig.register(filterTest);
resourceConfig.register(myExceptionMapper);
&lt;/code&gt;&lt;/pre&gt;
&lt;p&gt;Or even better... for a workaround :(&lt;/p&gt;
&lt;pre&gt;&lt;code&gt;Map&amp;lt;String, Object&amp;gt; providers = applicationContext.getBeansWithAnnotation(Provider.class);
for(Object provider : providers.values()) {
  resourceConfig.register(provider);
}
&lt;/code&gt;&lt;/pre&gt;
&lt;p&gt;Now it works (even if they still don't appear in &lt;code&gt;ApplicationHandler&lt;/code&gt; logs) but I don't understand why Jersey does not register them automatically when it scans the package and see that these bean are managed by Spring...&lt;/p&gt;
&lt;hr&gt;
&lt;p&gt;Here are my components...&lt;/p&gt;
&lt;h3&gt;Resource&lt;/h3&gt;
&lt;pre&gt;&lt;code&gt;package test.web;
@Transactional
@Component
@Path("/test")
public class TestResource {
  @Resource
  private MyService myService;
  @GET
  @Path("/inject")
  @Produces(MediaType.TEXT_PLAIN)
  public String testInjection() {
    return "integrationService: " + integrationService;
  }
  @GET
  @Path("/active")
  @Produces(MediaType.TEXT_PLAIN)
  public String testActiveTransaction() {
    return "isActualTransactionActive: " + TransactionSynchronizationManager.isActualTransactionActive();
  }
  @GET
  @Path("/exception")
  @Produces(MediaType.TEXT_PLAIN)
  public String testException() {
    throw new MyException();
  }
}
&lt;/code&gt;&lt;/pre&gt;
&lt;h3&gt;Filter&lt;/h3&gt;
&lt;pre&gt;&lt;code&gt;package test.web.cfg;
@Provider
@Component
public class FilterTest implements ContainerRequestFilter {
  @Resource
  private MyService myService;
  [...]
}
&lt;/code&gt;&lt;/pre&gt;
&lt;h3&gt;ExceptionMapper&lt;/h3&gt;
&lt;pre&gt;&lt;code&gt;package test.web.cfg;
@Provider
@Component
public class MyExceptionMapper implements ExceptionMapper&amp;lt;MyException&amp;gt; {
  @Override
  public Response toResponse(MyException exception) {
    return Response.status(Response.Status.INTERNAL_SERVER_ERROR).entity("MyException was thrown!").build();
  }
}
&lt;/code&gt;&lt;/pre&gt;
&lt;h3&gt;And finally my dependencies&lt;/h3&gt;
&lt;pre&gt;&lt;code&gt;compile("org.glassfish.jersey.core:jersey-common:2.4.1")
compile("org.glassfish.jersey.core:jersey-server:2.4.1")
compile("org.glassfish.jersey.containers:jersey-container-servlet-core:2.4.1")
compile("org.glassfish.jersey.media:jersey-media-multipart:2.4.1")
compile("org.glassfish.jersey.connectors:jersey-apache-connector:2.4.1")
compile("org.glassfish.jersey.ext:jersey-spring3:2.4.1")
&lt;/code&gt;&lt;/pre&gt;</t>
  </si>
  <si>
    <t>2013-11-13 19:18:16.050000+00:00</t>
  </si>
  <si>
    <t>2013-12-13 00:38:39.917000+00:00</t>
  </si>
  <si>
    <t>2013-11-13 19:42:05.587000+00:00</t>
  </si>
  <si>
    <t>java|spring|jersey|jersey-2.0</t>
  </si>
  <si>
    <t>AMPL Sum variables operator</t>
  </si>
  <si>
    <t>&lt;p&gt;I am trying to solve a set of problems using AMPL and add their objective values. However, the sum operator does not seem to work and only keeps getting updated to the most recent value.&lt;/p&gt;
&lt;pre&gt;&lt;code&gt;set CASES := {1,2,3,4,5,6};
model modelFile.mod;
option solver cplex;
option eexit -123456789;
var total;
let total := 0;
for {j in CASES}
{
    reset data;
    data ("data" &amp;amp; j &amp;amp; ".dat")
    solve;
    display total_Cost; 
    let total := total + total_Cost;
    display total;
}
&lt;/code&gt;&lt;/pre&gt;
&lt;p&gt;Sample Output:&lt;/p&gt;
&lt;pre&gt;&lt;code&gt;CPLEX 12.6.3.0: optimal solution; objective 4.236067977
2 dual simplex iterations (0 in phase I)
total_Cost = 4.23607
total = 4.23607
CPLEX 12.6.3.0: optimal solution; objective 5.656854249
5 dual simplex iterations (0 in phase I)
total_Cost = 5.65685
total = 5.65685
&lt;/code&gt;&lt;/pre&gt;
&lt;p&gt;where &lt;code&gt;total_cost&lt;/code&gt; is the objective value from the optimization problem&lt;/p&gt;</t>
  </si>
  <si>
    <t>2016-02-23 19:57:22.103000+00:00</t>
  </si>
  <si>
    <t>2016-03-01 23:04:52.540000+00:00</t>
  </si>
  <si>
    <t>2016-02-23 20:05:26.670000+00:00</t>
  </si>
  <si>
    <t>ampl</t>
  </si>
  <si>
    <t>Visual Studio Macro - Logging Timestamps on Solution opens, closes, builds, etc</t>
  </si>
  <si>
    <t>&lt;p&gt;I've got a solution that takes a while to open. (5 minutes) Due to our processes and procedures I'm constantly jumping around between different branches of the same solution. I'm constantly closing and loading different variations of the same solution more than a few times a day. That's over 15 minutes - 30 minutes wasted just wating for my Visual Studio. I'm blaming the outdated computer hardware as the culprit. I want to capture metrics of how long solutions are taking to load as well as how long build times are taking. My goal is to present these metrics to management.&lt;/p&gt;
&lt;p&gt;I'm using Visual Studio Macros to track this information.&lt;/p&gt;
&lt;p&gt;As it stands right now I'm logging time stamps on these three events EnvDTE.SolutionEvents.BeforeClosing, EnvDTE.SolutionEvents.AfterClosing, EnvDTE.SolutionEvents.Opened.&lt;/p&gt;
&lt;p&gt;The problem is, the SolutionEvents.Opened fires after the entire solution has been loaded. I need to generate a timestamp from when I start to load the solution and when it finishes.&lt;/p&gt;
&lt;p&gt;&lt;strong&gt;How can I find out when Visual Studio starts loading the solution?&lt;/strong&gt; So that I can compare it to when it finished loading.&lt;/p&gt;
&lt;p&gt;Below is my code (My LogWithTimeStamp() function just writes the string to a file with the current timestamp as a prefix:&lt;/p&gt;
&lt;pre&gt;&lt;code&gt;Private Sub SolutionEvents_BeforeClosing() Handles SolutionEvents.BeforeClosing
    LogWithTimeStamp("SolutionEvents.BeforeClosing")
End Sub
Private Sub SolutionEvents_AfterClosing() Handles SolutionEvents.AfterClosing
    LogWithTimeStamp("SolutionEvents.AfterClosing")
End Sub
Private Sub SolutionEvents_Opened() Handles SolutionEvents.Opened
    LogWithTimeStamp("SolutionEvents.Opened")
End Sub
&lt;/code&gt;&lt;/pre&gt;</t>
  </si>
  <si>
    <t>2010-11-10 18:03:49.697000+00:00</t>
  </si>
  <si>
    <t>2011-04-20 11:52:54.240000+00:00</t>
  </si>
  <si>
    <t>visual-studio|macros|envdte</t>
  </si>
  <si>
    <t>Regarding Android NDK Removal</t>
  </si>
  <si>
    <t>&lt;p&gt;I have so many android ndks and sdks installed in my laptop and takes up space.&lt;/p&gt;
&lt;p&gt;Because I use Android Studio I think I shouldn't uninstall the sdk but there are so many ndks.&lt;/p&gt;
&lt;p&gt;Also, that I use Xamarin, I need one package of ndks so I thought which one should I uninstall.
And I can't see them in Programs and Features.&lt;/p&gt;
&lt;p&gt;I'm using Windows, by the way. Any ideas?&lt;/p&gt;</t>
  </si>
  <si>
    <t>2016-09-13 14:20:50.437000+00:00</t>
  </si>
  <si>
    <t>2016-09-13 18:24:37.123000+00:00</t>
  </si>
  <si>
    <t>2016-09-13 14:50:09.017000+00:00</t>
  </si>
  <si>
    <t>android|windows|xamarin|android-ndk|uninstall</t>
  </si>
  <si>
    <t>Simple entry point for single RMI service?</t>
  </si>
  <si>
    <t>&lt;p&gt;I have several services which export an RMI interface.&lt;/p&gt;
&lt;p&gt;They used to offer this by creating their own registry (with &lt;code&gt;LocateRegistry.createRegistry&lt;/code&gt;) and binding it there. However, that became impossible when the services were moved to run as separate applications in the same VM (Tomcat), because for some reason only one registry can be present there.&lt;/p&gt;
&lt;p&gt;I worked around this by using a central registry for all the services. Even then, I'm not really interested in the multi-object registry role of a registry, just its entry point facilities. A central registry, however, introduces more complexity (e.g. it must be started first, it must have the interfaces of services it registers).&lt;/p&gt;
&lt;p&gt;Is there a way to bring back the situation where each service indepently offers an entry point to its RMI interface, while having them run in the same VM (which is a hosting detail, not part of the design)?&lt;/p&gt;</t>
  </si>
  <si>
    <t>2012-07-09 16:37:45.077000+00:00</t>
  </si>
  <si>
    <t>2013-08-15 06:30:40.767000+00:00</t>
  </si>
  <si>
    <t>java|service|rmi|rmiregistry</t>
  </si>
  <si>
    <t>Traditional and Simplified Chinese languages not being picked up separately</t>
  </si>
  <si>
    <t>&lt;p&gt;I am trying to pick up languages for my app. I have &lt;strong&gt;Traditional and Simplified Chinese&lt;/strong&gt; as languages too. All other languages are working but in case of Chinese, where I have 2 values folders, named &lt;strong&gt;zh-rCN and zh-rTW&lt;/strong&gt;, its not taking the languages. Where as if I rename any folder to just &lt;strong&gt;zh&lt;/strong&gt;, it will start picking up that folder string. Also when I rename the folders to &lt;strong&gt;zh-CN&lt;/strong&gt; and &lt;strong&gt;zh-TW&lt;/strong&gt;, that is showing &lt;strong&gt;Error in res folder (AAPT Problem)&lt;/strong&gt;.? 
What can be done to show both languages separately.? &lt;/p&gt;</t>
  </si>
  <si>
    <t>2014-02-03 08:35:36.533000+00:00</t>
  </si>
  <si>
    <t>2014-02-03 10:18:03.650000+00:00</t>
  </si>
  <si>
    <t>java|android|string|android-resources</t>
  </si>
  <si>
    <t>rxjs 6 type Observable&lt;{}&gt; is not assignable to type Observable&lt;boolean&gt;</t>
  </si>
  <si>
    <t>&lt;p&gt;I am trying to upgrade rxjs. And I have a typescript error that I don't really understand how to solve it.&lt;/p&gt;
&lt;pre&gt;&lt;code&gt;public IsDebugActivated(): Observable&amp;lt;boolean&amp;gt; {
    const $isDebug = map(isDebug =&amp;gt; isDebug === 'true');
    const $consoleDebug = tap(i =&amp;gt; {
        if (i) {
            console.log('DEBUG IS ACTIVATED');
        }
    });
    return this.contractCoreService
        .getContractFeatureValue(ContractFeaturesEnum.Features.IsDebugActivated)
        .pipe(
            $isDebug,
            tap(i =&amp;gt; {
                if (i) {
                    console.log('DEBUG IS ACTIVATED');
                }
            }))
}
&lt;/code&gt;&lt;/pre&gt;
&lt;p&gt;I have no typing error. However if I change the last part by &lt;/p&gt;
&lt;pre&gt;&lt;code&gt; return this.contractCoreService
      .getContractFeatureValue(ContractFeaturesEnum.Features.IsDebugActivated)
      .pipe($isDebug
        , $consoleDebug
  }
&lt;/code&gt;&lt;/pre&gt;
&lt;p&gt;I have an error on &lt;code&gt;$consoleDebug&lt;/code&gt; saying &lt;/p&gt;
&lt;pre&gt;&lt;code&gt;type Observable&amp;lt;{}&amp;gt; is not assignable to type Observable&amp;lt;boolean&amp;gt;
&lt;/code&gt;&lt;/pre&gt;
&lt;p&gt;What's wrong ? Should I cast it? Or is there a better practice ?&lt;/p&gt;
&lt;p&gt;For info :&lt;/p&gt;
&lt;pre&gt;&lt;code&gt;getContractFeatureValue(featureName: ContractFeaturesEnum): Observable&amp;lt;any&amp;gt; 
&lt;/code&gt;&lt;/pre&gt;</t>
  </si>
  <si>
    <t>2018-09-03 06:54:04.423000+00:00</t>
  </si>
  <si>
    <t>2018-09-03 16:59:46.383000+00:00</t>
  </si>
  <si>
    <t>2018-09-03 08:28:57.440000+00:00</t>
  </si>
  <si>
    <t>typescript|rxjs</t>
  </si>
  <si>
    <t>How to check if not a point but only x or y are contained in a CGPath?</t>
  </si>
  <si>
    <t>&lt;p&gt;I'm developing a simple game, where one can move a character through a maze. To avoid collision detecting i thought it might be a good idea to set a path through the maze and move the character along this path.&lt;/p&gt;
&lt;p&gt;The character shall be moved via touch. So i thought i can just test if the touchlocation.x or touchlocation.y are contained in the path and then set the characters image on the location corresponding to either the touchlocation.x or touchlocation.y value.&lt;/p&gt;
&lt;p&gt;Unfortunately i found out i can only test if a CGPoint is contained in a path and not if the x or the y coordinate of that point would be on that path.&lt;/p&gt;
&lt;p&gt;Does anyone of you know how to do this?&lt;/p&gt;
&lt;p&gt;thx in advance&lt;/p&gt;
&lt;p&gt;Mav&lt;/p&gt;
&lt;p&gt;----EDIT----&lt;/p&gt;
&lt;p&gt;This is the code how i create my CGPath:&lt;/p&gt;
&lt;pre&gt;&lt;code&gt;mazePath = CGPathCreateMutable();
CGPathMoveToPoint(mazePath,NULL, 148, 723);
CGPathAddLineToPoint(mazePath, NULL, 148, 404);
CGPathAddLineToPoint(mazePath, NULL, 129, 353);
CGPathAddLineToPoint(mazePath, NULL, 129, 174);
CGPathAddArcToPoint(mazePath, NULL, 129, 174, 148, 404, 10);
CGPathAddLineToPoint(mazePath, NULL, 148, 404);
CGPathAddLineToPoint(mazePath, NULL, 290, 640);
CGPathAddArcToPoint(mazePath, NULL, 290, 640, 326, 196, 10);
CGPathAddArcToPoint(mazePath, NULL, 326, 296, 359, 234, 10);
CGPathAddLineToPoint(mazePath, NULL, 395, 198);
CGPathAddLineToPoint(mazePath, NULL, 396, 147);
CGPathAddLineToPoint(mazePath, NULL, 683, 147);
CGPathAddLineToPoint(mazePath, NULL, 683, 232);
CGPathAddLineToPoint(mazePath, NULL, 480, 232);
CGPathAddLineToPoint(mazePath, NULL, 461, 332);
CGPathAddLineToPoint(mazePath, NULL, 235, 345);
CGPathAddLineToPoint(mazePath, NULL, 219, 248);
CGPathAddLineToPoint(mazePath, NULL, 235, 345);
CGPathAddLineToPoint(mazePath, NULL, 233, 607);
CGPathAddLineToPoint(mazePath, NULL, 324, 605);
CGPathAddLineToPoint(mazePath, NULL, 324, 464);
CGPathAddArcToPoint(mazePath, NULL, 324, 464, 364, 425, 10);
CGPathAddLineToPoint(mazePath, NULL, 537, 426);
CGPathAddArcToPoint(mazePath, NULL, 537, 426, 559, 396, 10);
CGPathAddLineToPoint(mazePath, NULL, 559, 396);
CGPathAddLineToPoint(mazePath, NULL, 567, 330);
CGPathAddLineToPoint(mazePath, NULL, 678, 330);
CGPathAddLineToPoint(mazePath, NULL, 678, 504);
CGPathAddLineToPoint(mazePath, NULL, 412, 510);
CGPathAddLineToPoint(mazePath, NULL, 412, 598);
CGPathAddLineToPoint(mazePath, NULL, 691, 598);
CGPathAddLineToPoint(mazePath, NULL, 690, 723);   
&lt;/code&gt;&lt;/pre&gt;</t>
  </si>
  <si>
    <t>2011-07-13 10:18:04.480000+00:00</t>
  </si>
  <si>
    <t>2012-03-07 11:29:11.697000+00:00</t>
  </si>
  <si>
    <t>2011-07-14 08:53:53.050000+00:00</t>
  </si>
  <si>
    <t>iphone|objective-c|ipad</t>
  </si>
  <si>
    <t>FPC does not define CPU386 symbol for 64-bit processors</t>
  </si>
  <si>
    <t>&lt;p&gt;The next application&lt;/p&gt;
&lt;pre&gt;&lt;code&gt;program Project1;
{$IFDEF FPC}
  {$mode delphi}
{$ENDIF}
begin
  {$IFDEF CPU386}
    Writeln('CPU386');
  {$ENDIF}
  Readln;
end.
&lt;/code&gt;&lt;/pre&gt;
&lt;p&gt;produce different output in Delphi(XE) and FPC(2.6.2) on my system (Win7 64 bit, CPU intel core i3). Delphi outputs &lt;code&gt;CPU386&lt;/code&gt; string, FPC does not.&lt;/p&gt;
&lt;p&gt;Seems like FPC does not define &lt;code&gt;CPU386&lt;/code&gt; symbol for my CPU (see &lt;a href="http://www.freepascal.org/docs-html/prog/progap7.html" rel="nofollow"&gt;the list of FPC defines&lt;/a&gt;); it defines &lt;code&gt;CPUX86_64&lt;/code&gt; symbol instead.&lt;/p&gt;
&lt;p&gt;So far I am using the next workaround:&lt;/p&gt;
&lt;pre&gt;&lt;code&gt;{$IFDEF FPC}
  {$IFNDEF CPU386}
    {$IFDEF CPUX86_64}
      {$DEFINE CPU386}
    {$ENDIF}
  {$ENDIF}
{$ENDIF}
&lt;/code&gt;&lt;/pre&gt;</t>
  </si>
  <si>
    <t>2014-10-21 07:45:17.890000+00:00</t>
  </si>
  <si>
    <t>2014-10-21 12:45:20.040000+00:00</t>
  </si>
  <si>
    <t>delphi|fpc</t>
  </si>
  <si>
    <t>Records where boolean true for each element of array - Rails 4</t>
  </si>
  <si>
    <t>&lt;p&gt;Using rails 4. &lt;/p&gt;
&lt;p&gt;I have a &lt;code&gt;Spot&lt;/code&gt; model with 7 boolean attributes for each day of the week: &lt;code&gt;monday:boolean&lt;/code&gt;, &lt;code&gt;tuesday:boolean&lt;/code&gt;, &lt;code&gt;wednesday:boolean&lt;/code&gt; etc.&lt;/p&gt;
&lt;p&gt;Users should be able to select a date range, and have only the spots that are available on those days be returned. &lt;/p&gt;
&lt;p&gt;Currently having trouble setting up the class method that finds the correct records. &lt;/p&gt;
&lt;p&gt;So far, I am creating a range from the dates the user enters, which returns all days of the week in that range.&lt;/p&gt;
&lt;pre&gt;&lt;code&gt;range_array = (start_date..end_date).to_a.map{ |date| date.strftime("%A").downcase }
=&amp;gt; ["wednesday", "thursday", "friday"]
&lt;/code&gt;&lt;/pre&gt;
&lt;p&gt;And here's where I am getting stuck. I am trying to find all spots where the boolean field corresponding to the element in the array is true. So in the example above, I would like to form this query &lt;code&gt;Spot.where(wednesday: true, thursday: true, friday: true)&lt;/code&gt;&lt;/p&gt;
&lt;p&gt;Is doing something like this possible? Is there a better/different way? Maybe I am going about this wrong. Thanks for any help/suggestions. &lt;/p&gt;
&lt;p&gt;&lt;strong&gt;Update&lt;/strong&gt; (for Andrey)... &lt;code&gt;Spot.first&lt;/code&gt; example instance:&lt;/p&gt;
&lt;pre&gt;&lt;code&gt;=&amp;gt; #&amp;lt;Spot id: 18, address: "4640 east skyline", title: "iodjiojoidj", description: "&amp;lt;p&amp;gt;jijiojfojewoif&amp;lt;/p&amp;gt;\r\n", 
created_at: "2016-03-30 04:54:07", 
updated_at: "2016-09-26 05:39:51", 
user_id: 13, timezone: nil, 
surge_pricing: nil, free: nil, monday: true, 
tuesday: true, wednesday: true, thursday: false, 
friday: false, saturday: false, sunday: false&amp;gt; 
&lt;/code&gt;&lt;/pre&gt;</t>
  </si>
  <si>
    <t>2016-11-18 06:32:01.140000+00:00</t>
  </si>
  <si>
    <t>2016-11-18 07:17:32.957000+00:00</t>
  </si>
  <si>
    <t>ruby-on-rails|ruby|ruby-on-rails-4|model|where</t>
  </si>
  <si>
    <t>How to add multiline header &amp; footer with a JTable in java?</t>
  </si>
  <si>
    <t>&lt;p&gt;I need to print &amp;amp; save .ps file which contains multiline header  &amp;amp; footer  in between a &lt;code&gt;JTable&lt;/code&gt; from my java application.&lt;/p&gt;
&lt;p&gt;I have used &lt;code&gt;getPrintable()&lt;/code&gt; and wrapped it with Custom code but i was getting the header space just adjusted not the lines.&lt;/p&gt;
&lt;p&gt;All lines in the header getting printed in the same line.&lt;/p&gt;
&lt;p&gt;Is there any way to print with mulitline header in java.&lt;/p&gt;</t>
  </si>
  <si>
    <t>2015-10-24 10:39:31.023000+00:00</t>
  </si>
  <si>
    <t>2015-10-24 11:43:27.200000+00:00</t>
  </si>
  <si>
    <t>user5483155</t>
  </si>
  <si>
    <t>java|swing|printing|jtable</t>
  </si>
  <si>
    <t>Passing object as parameter in Javascript</t>
  </si>
  <si>
    <t>&lt;p&gt;I got this&lt;/p&gt;
&lt;pre&gt;&lt;code&gt;for(m in _data.data)
    {
        var _person= new Person(_data.data[m].Properties); //return a person object
        $('ul.v_list').append("&amp;lt;li&amp;gt;"+_person.person_name+'&amp;lt;/li&amp;gt;').css("cursor", "pointer");
        $('ul.v_list').find('li:last').bind('click', function(){onPersonChanged(_person)});
    }
&lt;/code&gt;&lt;/pre&gt;
&lt;p&gt;And this another function&lt;/p&gt;
&lt;pre&gt;&lt;code&gt; function onPersonChanged(person){
        alert("You have clicked " + person.person_name);
   };
&lt;/code&gt;&lt;/pre&gt;
&lt;p&gt;Everytime is passing the last object created in the Person Object to the &lt;code&gt;onPersonChanged&lt;/code&gt; function so it alerts the last name in the list if I click in the first &lt;code&gt;li&lt;/code&gt; or another &lt;code&gt;li&lt;/code&gt; element nested in the &lt;code&gt;ul&lt;/code&gt;. eg.: &lt;/p&gt;
&lt;pre&gt;&lt;code&gt;&amp;lt;ul class='v_list'&amp;gt;
     &amp;lt;li&amp;gt;James&amp;lt;/li&amp;gt;
     &amp;lt;li&amp;gt;Paul&amp;lt;/li&amp;gt;
     &amp;lt;li&amp;gt;Bonnie&amp;lt;/l&amp;gt;
&amp;lt;/ul&amp;gt;
&lt;/code&gt;&lt;/pre&gt;
&lt;p&gt;When I do a click in Paul I expect an alert showing "You have clicked Paul" instead I always  get the last one li in the list: "You have clicked Bonnie". How can I get the correct alert for the selected &lt;code&gt;li&lt;/code&gt;?&lt;/p&gt;</t>
  </si>
  <si>
    <t>2012-02-13 03:40:31.133000+00:00</t>
  </si>
  <si>
    <t>2012-02-13 03:56:27.040000+00:00</t>
  </si>
  <si>
    <t>highlight with code instead of text</t>
  </si>
  <si>
    <t>&lt;p&gt;I have problem with highlight in django app template. Below is my code and I get text and part of jQuery code.
I tried with &lt;code&gt;safe&lt;/code&gt; filter but it is not working for me.&lt;/p&gt;
&lt;pre&gt;&lt;code&gt;{% highlight other.raw_content with search_query html_tag "b" max_length 300 %}
&lt;/code&gt;&lt;/pre&gt;</t>
  </si>
  <si>
    <t>2016-12-08 13:29:53.603000+00:00</t>
  </si>
  <si>
    <t>django|templates|filter|highlight|django-haystack</t>
  </si>
  <si>
    <t>chat server: what's the best(optimized) way to save a conversation log</t>
  </si>
  <si>
    <t>&lt;p&gt;I'm building a simple chat server in java , where users can have private conversations with each other. I want to save those conversation at a server level(not on client side) so I can list them to the users as a conversation log service.
I'm also using MySQL as a database in my software.&lt;/p&gt;
&lt;p&gt;What I'm looking is an optimized way to save those conversations and also a fast way to list them later. 
So far I've thought on 2 implementations.&lt;/p&gt;
&lt;ol&gt;
&lt;li&gt;&lt;p&gt;using the MySQL database and &lt;/p&gt;
&lt;p&gt;a) save the conversation in a row as a text, but the problem is that some conversations are very huge(lots of chars) and I might have problems saving the entire conversation&lt;/p&gt;
&lt;p&gt;b) save every line of the conversation in a row, but this way speed problems can appear when I want to list the entire conversation&lt;/p&gt;&lt;/li&gt;
&lt;li&gt;&lt;p&gt;saving every conversation in a separated text file, but I'm afraid read/write problems can appear, especially when the users(clients) are writing(sending text) very fast.&lt;/p&gt;&lt;/li&gt;
&lt;/ol&gt;
&lt;p&gt;Thanks&lt;/p&gt;</t>
  </si>
  <si>
    <t>2011-12-28 12:11:35.337000+00:00</t>
  </si>
  <si>
    <t>2017-06-26 23:01:48.817000+00:00</t>
  </si>
  <si>
    <t>java|mysql|optimization|chat|livechat</t>
  </si>
  <si>
    <t>Insert several images at once using macro scripting in LibreOffice</t>
  </si>
  <si>
    <t>&lt;p&gt;I am writing a macro for LibreOffice Writer in Python.
I need to insert several images in one document, one after another with minimal space inbetween them.&lt;/p&gt;
&lt;p&gt;The folowing code inserts all the images in the same area and all of them are overlapped.&lt;/p&gt;
&lt;p&gt;I need to advance the cursor below the inserted image everytime a new image is inserted.
I have tried the cursor.gotoEnd(), cursor.goDown() and other such methods but none seem to work.&lt;/p&gt;
&lt;p&gt;How do I make this work?&lt;/p&gt;
&lt;pre&gt;&lt;code&gt;def InsertAll():
    desktop = XSCRIPTCONTEXT.getDesktop()
    doc=desktop.loadComponentFromURL('private:factory/swriter','_blank',0,())
    text = doc.getText()
    cursor = text.createTextCursor()
    file_list = glob.glob('/path/of/your/dir/*.png')
    for f in file_list:
        img = doc.createInstance('com.sun.star.text.TextGraphicObject') 
        img.GraphicURL = 'file://' + f
        text.insertTextContent(cursor, img, False)
        cursor.gotoEnd(False) &amp;lt;- doesnt advance the cursor downwards
    return None
&lt;/code&gt;&lt;/pre&gt;</t>
  </si>
  <si>
    <t>2015-07-16 08:57:21.850000+00:00</t>
  </si>
  <si>
    <t>2015-07-17 10:31:10.487000+00:00</t>
  </si>
  <si>
    <t>python|macros|openoffice.org|libreoffice</t>
  </si>
  <si>
    <t>How to migrate dependent views when deep copying the table</t>
  </si>
  <si>
    <t>&lt;p&gt;I am adding distkey/sortkey to all my tables in redshift and would like to automate this.  I am doing the following:&lt;/p&gt;
&lt;pre&gt;&lt;code&gt;ALTER TABLE table RENAME TO tmp_table;
CREATE TABLE table 
distkey(id) 
sortkey(id) 
AS 
select * from tmp_table;
DROP TABLE tmp_table;
&lt;/code&gt;&lt;/pre&gt;
&lt;p&gt;This works great, except the views don't get migrated.  When you ALTER TABLE, the existing views would point to the tmp_table.  Ideally I want to restore the views to the way before, possibly in the same query transaction or as part of a script.   &lt;/p&gt;</t>
  </si>
  <si>
    <t>2016-05-19 01:35:24.847000+00:00</t>
  </si>
  <si>
    <t>2016-05-21 15:35:57.070000+00:00</t>
  </si>
  <si>
    <t>amazon-redshift</t>
  </si>
  <si>
    <t>C++ algorithms that create their output-storage instead of being applied to existing storage?</t>
  </si>
  <si>
    <t>&lt;p&gt;The &lt;a href="http://www.cplusplus.com/reference/algorithm/" rel="nofollow noreferrer"&gt;C++ std algorithms&lt;/a&gt; define a number of algorithms that take an input and an output sequence, and create the elements of the output sequence from the elements of the input sequence. (Best example being &lt;a href="http://www.cplusplus.com/reference/algorithm/transform/" rel="nofollow noreferrer"&gt;&lt;code&gt;std::transform&lt;/code&gt;&lt;/a&gt;.)&lt;/p&gt;
&lt;p&gt;The std algorithms obviously take &lt;code&gt;iterators&lt;/code&gt;, so there's no question that the container for the &lt;code&gt;OutputIterator&lt;/code&gt; has to exist prior to the algorithm being invoked.&lt;/p&gt;
&lt;p&gt;That is:&lt;/p&gt;
&lt;pre&gt;&lt;code&gt;std::vector&amp;lt;int&amp;gt; v1; // e.g. v1 := {1, 2, 3, 4, 5};
std::vector&amp;lt;int&amp;gt; squared;
squared.reserve(v1.size()); // not strictly necessary
std::transform(v1.begin(), v1.end(), std::back_inserter(squared), 
               [](int x) { return x*x; } ); // �� for convenience, needn't be C++11
&lt;/code&gt;&lt;/pre&gt;
&lt;p&gt;And this &lt;em&gt;is fine as far as the std library goes&lt;/em&gt;. When I find iterators too cumbersome, I often look to &lt;a href="http://www.boost.org/doc/libs/release/libs/range/doc/html/index.html" rel="nofollow noreferrer"&gt;Boost.Range&lt;/a&gt; to simplify things.&lt;/p&gt;
&lt;p&gt;In this case however, it seems that the &lt;a href="http://www.boost.org/doc/libs/1_47_0/libs/range/doc/html/range/reference/algorithms/mutating.html" rel="nofollow noreferrer"&gt;mutating algorithms in Boost.Range&lt;/a&gt; &lt;em&gt;also&lt;/em&gt; use &lt;code&gt;OutputIterators&lt;/code&gt;.&lt;/p&gt;
&lt;p&gt;So I'm currently &lt;strong&gt;wondering whether there's any convenient library out there&lt;/strong&gt;, that allows me to write:&lt;/p&gt;
&lt;pre&gt;&lt;code&gt;std::vector&amp;lt;int&amp;gt; const squared = convenient::transform(v1, [](int x) { return x*x; });
&lt;/code&gt;&lt;/pre&gt;
&lt;p&gt;-- and if there is none, &lt;strong&gt;whether there is a reason that there is none&lt;/strong&gt;?&lt;/p&gt;
&lt;p&gt;Edit: &lt;em&gt;example implementation&lt;/em&gt; (not sure if this would work in all cases, and whether this is the most ideal one):&lt;/p&gt;
&lt;pre&gt;&lt;code&gt;template&amp;lt;typename C, typename F&amp;gt;
C transform(C const&amp;amp; input, F fun) {
   C result;
   std::transform(input.begin(), input.end(), std::back_inserter(result), fun);
   return result;
}       
&lt;/code&gt;&lt;/pre&gt;
&lt;p&gt;(Note: I think &lt;code&gt;convenient::transform&lt;/code&gt; will have the same performance characteristics than the handwritten one, as the returned vector won't be copied due to (N)RVO. Anyway, I think performance is secondary for this question.)&lt;/p&gt;
&lt;hr&gt;
&lt;p&gt;Edit/Note: Of the answers(comments, really) given so far, &lt;a href="https://stackoverflow.com/questions/7203278/c-algorithms-that-create-their-output-storage-instead-of-being-applied-to-exist/7204760#7204760"&gt;David gives&lt;/a&gt; a very nice basic generic example. &lt;/p&gt;
&lt;p&gt;And &lt;a href="https://stackoverflow.com/questions/7203278/c-algorithms-that-create-their-output-storage-instead-of-being-applied-to-exist/7204176#7204176"&gt;Luc mentions&lt;/a&gt; a possible problem with &lt;code&gt;std::back_inserter&lt;/code&gt; wrt. genericity. &lt;/p&gt;
&lt;p&gt;Both just go to show why I'm hesitating to whip this up myself and why a "proper" (properly tested) library would be preferable to coding this myself.&lt;/p&gt;
&lt;p&gt;My question phrased in bold above, namely &lt;em&gt;is there one, or is there a reason there is none&lt;/em&gt; remains largely unanswered.&lt;/p&gt;</t>
  </si>
  <si>
    <t>2011-08-26 10:20:14.473000+00:00</t>
  </si>
  <si>
    <t>2012-02-09 05:36:54.887000+00:00</t>
  </si>
  <si>
    <t>2017-05-23 11:47:56.363000+00:00</t>
  </si>
  <si>
    <t>c++|boost|iterator|standard-library|boost-range</t>
  </si>
  <si>
    <t>primefaces megamenu with more than 2 levels</t>
  </si>
  <si>
    <t>&lt;p&gt;is there a way to make a primefaces megamenu with more than 2 levels?&lt;/p&gt;
&lt;pre&gt;&lt;code&gt;        &amp;lt;p:submenu label="first level" style="width:350px; height:70px; font-size:18px;"&amp;gt;
            &amp;lt;p:column&amp;gt;
                &amp;lt;p:submenu label="secondo level" &amp;gt;
                    &amp;lt;p:menuitem value="Non-Ops Manuals"/&amp;gt;
                &amp;lt;/p:submenu&amp;gt;
            &amp;lt;/p:column&amp;gt;
        &amp;lt;/p:submenu&amp;gt;
&lt;/code&gt;&lt;/pre&gt;
&lt;p&gt;This cide works fine with 2 levels..
I need to have 3 or more levels.
I tried this code but doesn't works.&lt;/p&gt;
&lt;p&gt;`&lt;/p&gt;
&lt;pre&gt;&lt;code&gt;        &amp;lt;p:submenu label="first level" style="width:350px; height:70px; font-size:18px;"&amp;gt;
            &amp;lt;p:column&amp;gt;
                &amp;lt;p:submenu label="second level" &amp;gt;
                    &amp;lt;p:column&amp;gt;
                         &amp;lt;p:submenu label="third level" &amp;gt;
                                &amp;lt;p:menuitem value="Non-Ops Manuals"/&amp;gt;
                          &amp;lt;/p:submenu&amp;gt;
                     &amp;lt;/p:column&amp;gt;
                &amp;lt;/p:submenu&amp;gt;
            &amp;lt;/p:column&amp;gt;
        &amp;lt;/p:submenu&amp;gt;`
&lt;/code&gt;&lt;/pre&gt;
&lt;p&gt;Have you any idea??&lt;/p&gt;</t>
  </si>
  <si>
    <t>2018-02-19 18:32:43.070000+00:00</t>
  </si>
  <si>
    <t>2018-02-19 19:24:50.940000+00:00</t>
  </si>
  <si>
    <t>jsf|primefaces</t>
  </si>
  <si>
    <t>MaterializeCSS - Mobile Collapse menu not showing when clicked</t>
  </si>
  <si>
    <t>&lt;p&gt;I'm beginning a web app using Materialize CSS v0.97, jQuery Mobile v1.4.5, and jQuery v2.1.4. &lt;/p&gt;
&lt;p&gt;I'm trying to use &lt;a href="http://materializecss.com/navbar.html#mobile-collapse" rel="nofollow noreferrer" title="Mobile Collapse Example"&gt;the mobile collapse tutorial&lt;/a&gt; to have a navbar in the jQuery Mobile header, which on mobile devices changes to a hamburger button with the menu appearing when clicked. &lt;/p&gt;
&lt;p&gt;When I resize my browser (Chrome, latest on Mac v10.11) to mobile size, the hamburger appears but clicking or hovering or anything does not make the menu appear.&lt;/p&gt;
&lt;p&gt;The only thing I have changed was commenting out a line in jQuery Mobile JS because of &lt;a href="https://stackoverflow.com/a/32393393/4892895" title="SO question about apps not displaying in Chrome because of jQuery Mobile"&gt;this post about how to fix the Chrome security warning&lt;/a&gt;.&lt;br&gt;
Could that be why the nav bar isn't working? My site doesn't load at all with the below code because of that warning, so I have everything js and css saved locally with relative links to them. But this snippet worked in the snippet preview...&lt;/p&gt;
&lt;p&gt;&lt;div class="snippet" data-lang="js" data-hide="false" data-console="false" data-babel="false"&gt;_x000D_
&lt;div class="snippet-code"&gt;_x000D_
&lt;pre class="snippet-code-js lang-js prettyprint-override"&gt;&lt;code&gt;$( document ).ready(function(){_x000D_
    $(".button-collapse").sideNav();_x000D_
});&lt;/code&gt;&lt;/pre&gt;_x000D_
&lt;pre class="snippet-code-html lang-html prettyprint-override"&gt;&lt;code&gt;&amp;lt;script src="https://ajax.googleapis.com/ajax/libs/jquery/2.1.4/jquery.min.js"&amp;gt;&amp;lt;/script&amp;gt;_x000D_
_x000D_
&amp;lt;script src="http://code.jquery.com/mobile/1.4.5/jquery.mobile-1.4.5.min.js"&amp;gt;&amp;lt;/script&amp;gt;_x000D_
&amp;lt;link href="https://code.jquery.com/mobile/1.4.5/jquery.mobile.structure-1.4.5.css" rel="stylesheet"/&amp;gt;_x000D_
_x000D_
&amp;lt;script src="https://cdnjs.cloudflare.com/ajax/libs/materialize/0.97.0/js/materialize.min.js"&amp;gt;&amp;lt;/script&amp;gt;_x000D_
&amp;lt;link href="https://cdnjs.cloudflare.com/ajax/libs/materialize/0.97.0/css/materialize.min.css" rel="stylesheet"/&amp;gt;_x000D_
_x000D_
&amp;lt;link rel="stylesheet" href="https://fonts.googleapis.com/icon?family=Material+Icons"&amp;gt;_x000D_
_x000D_
_x000D_
&amp;lt;body&amp;gt;_x000D_
&amp;lt;div data-role="page" id="home"&amp;gt;_x000D_
    &amp;lt;div data-role="header"&amp;gt;_x000D_
        &amp;lt;nav&amp;gt;_x000D_
            &amp;lt;div class="nav-wrapper"&amp;gt;_x000D_
                &amp;lt;a href="#!" class="brand-logo"&amp;gt;Logo&amp;lt;/a&amp;gt;_x000D_
                &amp;lt;a href="#" data-activates="mobile-demo" class="button-collapse"&amp;gt;&amp;lt;i class="material-icons"&amp;gt;menu&amp;lt;/i&amp;gt;&amp;lt;/a&amp;gt;_x000D_
                &amp;lt;ul class="right hide-on-med-and-down"&amp;gt;_x000D_
                    &amp;lt;li&amp;gt;&amp;lt;a href="sass.html"&amp;gt;Sass&amp;lt;/a&amp;gt;&amp;lt;/li&amp;gt;_x000D_
                    &amp;lt;li&amp;gt;&amp;lt;a href="badges.html"&amp;gt;Components&amp;lt;/a&amp;gt;&amp;lt;/li&amp;gt;_x000D_
                    &amp;lt;li&amp;gt;&amp;lt;a href="collapsible.html"&amp;gt;Javascript&amp;lt;/a&amp;gt;&amp;lt;/li&amp;gt;_x000D_
                    &amp;lt;li&amp;gt;&amp;lt;a href="mobile.html"&amp;gt;Mobile&amp;lt;/a&amp;gt;&amp;lt;/li&amp;gt;_x000D_
                &amp;lt;/ul&amp;gt;_x000D_
                &amp;lt;ul class="side-nav" id="mobile-demo"&amp;gt;_x000D_
                    &amp;lt;li&amp;gt;&amp;lt;a href="sass.html"&amp;gt;Sass&amp;lt;/a&amp;gt;&amp;lt;/li&amp;gt;_x000D_
                    &amp;lt;li&amp;gt;&amp;lt;a href="badges.html"&amp;gt;Components&amp;lt;/a&amp;gt;&amp;lt;/li&amp;gt;_x000D_
                    &amp;lt;li&amp;gt;&amp;lt;a href="collapsible.html"&amp;gt;Javascript&amp;lt;/a&amp;gt;&amp;lt;/li&amp;gt;_x000D_
                    &amp;lt;li&amp;gt;&amp;lt;a href="mobile.html"&amp;gt;Mobile&amp;lt;/a&amp;gt;&amp;lt;/li&amp;gt;_x000D_
                &amp;lt;/ul&amp;gt;_x000D_
            &amp;lt;/div&amp;gt;_x000D_
        &amp;lt;/nav&amp;gt;_x000D_
    &amp;lt;/div&amp;gt;_x000D_
    &amp;lt;!-- /header --&amp;gt;_x000D_
_x000D_
    &amp;lt;div role="main" class="ui-content"&amp;gt;_x000D_
        &amp;lt;table class="centered"&amp;gt;_x000D_
            &amp;lt;thead&amp;gt;_x000D_
            &amp;lt;tr&amp;gt;_x000D_
                &amp;lt;th data-field="collection"&amp;gt;Collection&amp;lt;/th&amp;gt;_x000D_
                &amp;lt;th data-field="description"&amp;gt;&amp;lt;/th&amp;gt;_x000D_
                &amp;lt;th data-field="progress"&amp;gt;&amp;lt;/th&amp;gt;_x000D_
                &amp;lt;th data-field="link"&amp;gt;&amp;lt;/th&amp;gt;_x000D_
            &amp;lt;/tr&amp;gt;_x000D_
            &amp;lt;/thead&amp;gt;_x000D_
            &amp;lt;tbody&amp;gt;_x000D_
            &amp;lt;tr&amp;gt;_x000D_
                &amp;lt;td&amp;gt;Stuff 1&amp;lt;/td&amp;gt;_x000D_
                &amp;lt;td&amp;gt;Description of things in Stuff 1. Stuff 1 is really great, ya know? So much stuff in it.&amp;lt;/td&amp;gt;_x000D_
                &amp;lt;td&amp;gt;&amp;lt;/td&amp;gt;_x000D_
                &amp;lt;td&amp;gt;&amp;lt;i class="material-icons"&amp;gt;chevron_right&amp;lt;/i&amp;gt;&amp;lt;/td&amp;gt;_x000D_
            &amp;lt;/tr&amp;gt;_x000D_
            &amp;lt;tr&amp;gt;_x000D_
                &amp;lt;td&amp;gt;Stuff 2&amp;lt;/td&amp;gt;_x000D_
                &amp;lt;td&amp;gt;Description of things in Stuff 2. Stuff 2 is really great, ya know? So much stuff in it.&amp;lt;/td&amp;gt;_x000D_
                &amp;lt;td&amp;gt;&amp;lt;/td&amp;gt;_x000D_
                &amp;lt;td&amp;gt;&amp;lt;i class="material-icons"&amp;gt;chevron_right&amp;lt;/i&amp;gt;&amp;lt;/td&amp;gt;_x000D_
            &amp;lt;/tr&amp;gt;_x000D_
            &amp;lt;tr&amp;gt;_x000D_
                &amp;lt;td&amp;gt;Stuff 3&amp;lt;/td&amp;gt;_x000D_
                &amp;lt;td&amp;gt;Description of things in Stuff 3. Stuff 3 is really great, ya know? So much stuff in it.&amp;lt;/td&amp;gt;_x000D_
                &amp;lt;td&amp;gt;&amp;lt;/td&amp;gt;_x000D_
                &amp;lt;td&amp;gt;&amp;lt;i class="material-icons"&amp;gt;chevron_right&amp;lt;/i&amp;gt;&amp;lt;/td&amp;gt;_x000D_
            &amp;lt;/tr&amp;gt;_x000D_
            &amp;lt;/tbody&amp;gt;_x000D_
        &amp;lt;/table&amp;gt;_x000D_
    &amp;lt;/div&amp;gt;_x000D_
    &amp;lt;!-- /content --&amp;gt;_x000D_
&amp;lt;/div&amp;gt;_x000D_
  &amp;lt;!-- /page --&amp;gt;_x000D_
  &amp;lt;/body&amp;gt;&lt;/code&gt;&lt;/pre&gt;_x000D_
&lt;/div&gt;_x000D_
&lt;/div&gt;_x000D_
&lt;/p&gt;</t>
  </si>
  <si>
    <t>2015-09-09 18:40:23.267000+00:00</t>
  </si>
  <si>
    <t>2015-09-09 18:44:56.833000+00:00</t>
  </si>
  <si>
    <t>2017-05-23 11:53:28.290000+00:00</t>
  </si>
  <si>
    <t>jquery-mobile|materialize</t>
  </si>
  <si>
    <t>MD5 Inconsistent between C# and golang</t>
  </si>
  <si>
    <t>&lt;p&gt;I am attempting to port an algorithm from C# to go. One step I need is to take the md5 of an array of bytes. I cannot seem to get a consistent hash between C# and go implementations.&lt;/p&gt;
&lt;p&gt;In C# I can do: &lt;code&gt;new MD5CryptoServiceProvider().ComputeHash(new byte[] { 5 }))&lt;/code&gt;&lt;/p&gt;
&lt;p&gt;and I get &lt;code&gt;[139 182 193 120 56 100 63 150 145 204 106 77 230 197 23 9]&lt;/code&gt;&lt;/p&gt;
&lt;p&gt;In go: &lt;code&gt;md5.New().Sum([]byte{5})&lt;/code&gt;&lt;/p&gt;
&lt;p&gt;yields: &lt;code&gt;[5 212 29 140 217 143 0 178 4 233 128 9 152 236 248 66 126]&lt;/code&gt;&lt;/p&gt;
&lt;p&gt;Am I doing something wrond, or are the implementations actually different. I need to be able to replicate the C# behavior on the go side.&lt;/p&gt;
&lt;p&gt;I have some fiddles available for &lt;a href="http://play.golang.org/p/1-PjWEJuG-" rel="nofollow"&gt;go&lt;/a&gt; and &lt;a href="http://dotnetfiddle.net/VgusZr" rel="nofollow"&gt;c#&lt;/a&gt; if you want to check my entire implementation.&lt;/p&gt;</t>
  </si>
  <si>
    <t>2014-03-31 15:06:18.663000+00:00</t>
  </si>
  <si>
    <t>2014-03-31 15:39:42.517000+00:00</t>
  </si>
  <si>
    <t>c#|cryptography|go|md5</t>
  </si>
  <si>
    <t>Javascript RegEx to c# RegEx</t>
  </si>
  <si>
    <t>&lt;p&gt;I have been trying to use the following RegEx for both c# and javascript . Its working fine for javascript but not for c# .&lt;/p&gt;
&lt;p&gt;c# code &lt;/p&gt;
&lt;pre&gt;&lt;code&gt;using System.IO;
using System;
using System.Text.RegularExpressions;
class Program
{
    static void Main()
    {
        string strMacRegEx = @"/(?=.*\d)(?=.*[a-f])[\da-f]{12}/i";
        string strName = "944a0c112129";
        bool test = Regex.IsMatch(strName,strMacRegEx);
        if(test)
        {
        Console.WriteLine("Pass");
        }
        else
        {
        Console.WriteLine("Fail");  // Returns Fail  
        }
    }
}
&lt;/code&gt;&lt;/pre&gt;
&lt;p&gt;Javascript code &lt;/p&gt;
&lt;pre&gt;&lt;code&gt;var test = /(?=.*\d)(?=.*[a-f])[\da-f]{12}/i;
alert(test .test('944A0C112129'));//Returns true
&lt;/code&gt;&lt;/pre&gt;
&lt;p&gt;Can anybody please help me how to make the above regEx work for c# too . Please help me to understand what this regular expression will do . I am very new to regular expression so cant really get why this particular regex is for &lt;/p&gt;</t>
  </si>
  <si>
    <t>2015-09-05 10:34:20.640000+00:00</t>
  </si>
  <si>
    <t>2015-09-05 11:31:59.970000+00:00</t>
  </si>
  <si>
    <t>2015-09-05 10:42:10.487000+00:00</t>
  </si>
  <si>
    <t>javascript|c#|regex</t>
  </si>
  <si>
    <t>How to generate a license key using java</t>
  </si>
  <si>
    <t>&lt;p&gt;How to generate 25 digit license key using java program.how to convert the given string into 25 digit license key using encoding and decoding formats.&lt;/p&gt;
&lt;p&gt;I use the following code .but it will give first seven digits in license key as AAAAAAA then the license key will change after that first seven digits.how can I get various license keys?&lt;/p&gt;
&lt;pre&gt;&lt;code&gt;        private String charset = "ABCDEFGHJKLMNPQRSTUVWXYZ123456789";
               private char[] charArray;
              // Random generator = new Random();
               private byte[] passwd;
                public String Generate(String password)
                {
                        passwd = toByteArray(password);
                      charArray = strToChar(charset);
                        byte[] data = new byte[15];
                         //generator.nextBytes(data);
                        byte[] tohash = new byte[5+ passwd.length];
                      //System.arraycopy(data, 0, tohash, 0, 5);
                      System.arraycopy(passwd, 0, tohash, 5, passwd.length);
                        try {
                              byte[] hash = getHash(tohash);
                              System.arraycopy(hash, 0, data, 5, 10);
                        } catch (NoSuchAlgorithmException e) {
                                e.printStackTrace();
                        } catch (UnsupportedEncodingException e) {
                                e.printStackTrace();
                        }
                        int num=0;//17
                        for (int i = 0; i &amp;lt; tohash.length; i++) num += tohash[i];
                        String serial = Encode(data) + charArray[num &amp;amp; 31];
                        String ret = "";
                        for (int i = 0; i &amp;lt; 5; i++)
                        {
                                ret += serial.substring((i*5),(i*5)+5);
                                if (i &amp;lt; 4) ret += "-";
                        }
                        return ret;
            }
                private String Encode(byte[] data){
                        String ret="" ;
                        for (int i = 0; i &amp;lt; data.length; i += 5){
                                ret += charArray[data[i] &amp;gt;&amp;gt; 3 &amp;amp; 0x1f];
                                ret += charArray[(data[i] &amp;lt;&amp;lt; 2 | data[i + 1] &amp;gt;&amp;gt; 6) &amp;amp; 0x1f];
                                ret += charArray[(data[i + 1] &amp;gt;&amp;gt; 1) &amp;amp; 0x1f];
                                ret += charArray[(data[i + 1] &amp;lt;&amp;lt; 4 | data[i + 2] &amp;gt;&amp;gt; 4) &amp;amp; 0x1f];
                                ret += charArray[(data[i + 2] &amp;lt;&amp;lt; 1 | data[i + 3] &amp;gt;&amp;gt; 7) &amp;amp; 0x1f];
                                ret += charArray[data[i + 3] &amp;gt;&amp;gt; 2 &amp;amp; 0x1f];
                                ret += charArray[(data[i + 3] &amp;lt;&amp;lt; 3 | data[i + 4] &amp;gt;&amp;gt; 5) &amp;amp; 0x1f];
                                ret += charArray[data[i + 4] &amp;amp; 0x1f];
                                //
                                System.out.println(ret);
                        }
                        return ret;
                }
               private byte[] Decode(String serial){
                        char[] x = strToChar(serial);
                        byte[] table = new byte[256];
                        for (int i = 0; i &amp;lt; charArray.length; i++)
                        {
                                table[charArray[i]] = (byte)i;
                        }
                        byte[] ret = new byte[x.length * 5 / 8];
                        int pos = 0;
                        for (int i = 0; i &amp;lt;= x.length - 8; )
                        {
                                byte b1 = table[x[i++]];
                                byte b2 = table[x[i++]];
                                byte b3 = table[x[i++]];
                                byte b4 = table[x[i++]];
                                byte b5 = table[x[i++]];
                                byte b6 = table[x[i++]];
                                byte b7 = table[x[i++]];
                                byte b8 = table[x[i++]];
                                ret[pos++] = (byte)(b1 &amp;lt;&amp;lt; 3 | b2 &amp;gt;&amp;gt; 2);
                                ret[pos++] = (byte)(b2 &amp;lt;&amp;lt; 6 | b3 &amp;lt;&amp;lt; 1 | b4 &amp;gt;&amp;gt; 4);
                                ret[pos++] = (byte)(b4 &amp;lt;&amp;lt; 4 | b5 &amp;gt;&amp;gt; 1);
                                ret[pos++] = (byte)(b5 &amp;lt;&amp;lt; 7 | b6 &amp;lt;&amp;lt; 2 | b7 &amp;gt;&amp;gt; 3);
                                ret[pos++] = (byte)(b7 &amp;lt;&amp;lt; 5 | b8);
                        }
                        return ret;
                }
        public int byteArrayToInt(byte[] b, int offset) {
        int value = 0;
        for (int i = 0; i &amp;lt; 4; i++) {
            int shift = (4 - 1 - i) * 8;
            value += (b[i + offset] &amp;amp; 0x000000FF) &amp;lt;&amp;lt; shift;
        }
        return value;
    }
        private char[] strToChar(String str){
                char[] c = str.toCharArray();
                return c;
        }
        public byte[] toByteArray(String p) {
                String stringToConvert = p;
                byte[] theByteArray = stringToConvert.getBytes();
                return theByteArray;
        }
       public byte[] getHash(byte[] toHash) throws NoSuchAlgorithmException, UnsupportedEncodingException {
                MessageDigest digest = MessageDigest.getInstance("SHA-256");
                digest.reset();
                return digest.digest(toHash);
        }
&lt;/code&gt;&lt;/pre&gt;</t>
  </si>
  <si>
    <t>2012-02-08 12:32:44.210000+00:00</t>
  </si>
  <si>
    <t>2012-02-08 13:58:23.187000+00:00</t>
  </si>
  <si>
    <t>2012-02-08 13:26:33.707000+00:00</t>
  </si>
  <si>
    <t>java|security|encoding|decode|license-key</t>
  </si>
  <si>
    <t>Some exposed Docker ports are not accessible from outside (dovecot, postfix)</t>
  </si>
  <si>
    <t>&lt;p&gt;this is driving me nuts, but for some reason, I cannot access certain ports from outside. I've checked almost every possible setting, but I have no idea why this is not working. I have no idea where to fix this issue (Ubuntu firewall vs. Docker vs. Dovecot vs. Postfix) and I'm really hoping that you guys can help me.&lt;/p&gt;
&lt;p&gt;&lt;strong&gt;FYI: mycooldomain.com is just a placeholder for my domain which I don't want to share at the moment.&lt;/strong&gt;&lt;/p&gt;
&lt;p&gt;&lt;strong&gt;I'll buy a beer for the one who helps me fixing this! :)&lt;/strong&gt;&lt;/p&gt;
&lt;p&gt;&lt;strong&gt;Short intro&lt;/strong&gt;&lt;/p&gt;
&lt;p&gt;On my root server, I'm running the following docker mail server container (&lt;a href="https://github.com/tomav/docker-mailserver/" rel="noreferrer"&gt;https://github.com/tomav/docker-mailserver/&lt;/a&gt;) which exposes several ports (143, 25, 587, 993). The container runs dovecot (IMAP) and postfix (SMTP).&lt;/p&gt;
&lt;p&gt;&lt;strong&gt;tl;dr&lt;/strong&gt;&lt;/p&gt;
&lt;p&gt;I have the aforementioned mail server (dovecot, postfix) running in a docker container and can only connect to one port (143 - IMAP). Other ports 25, 587 and 993 are not accessible from outside - only from the host directly. Docker exposes them correctly and they are listed in the iptables correctly. The logs in the container (dovecot, postfix) don't show any reaction when requests come in (no rejected request or something like that), so I suppose they never reach the service in the container. Other docker container ports (e.g. my web server: 80, 443).&lt;/p&gt;
&lt;p&gt;&lt;strong&gt;Here's the detailed information:&lt;/strong&gt;&lt;/p&gt;
&lt;p&gt;I can connect to every port from the host directly (let's test the IMAP secure port):&lt;/p&gt;
&lt;pre&gt;&lt;code&gt;mastix@localhost:~$ telnet mail.mycooldomain.com 993
Trying xxx.xxx.xxx.xxx���
Connected to mail.mycooldomain.com.
Escape character is '^]'.
220 mail.mycooldomain.com ESMTP Postfix (Ubuntu)
&lt;/code&gt;&lt;/pre&gt;
&lt;p&gt;But not from my local machine:&lt;/p&gt;
&lt;pre&gt;&lt;code&gt;mastixmc$ telnet mail.mycooldomain.com 993
Trying xxx.xxx.xxx.xxx���
telnet:connect to address xxx.xxx.xxx.xxx: Operation timed out
telnet: Unable to connect to remote host
&lt;/code&gt;&lt;/pre&gt;
&lt;p&gt;&lt;code&gt;docker-compose ps&lt;/code&gt; shows me that they are &lt;strong&gt;exposed&lt;/strong&gt; and &lt;strong&gt;bound&lt;/strong&gt; correctly:&lt;/p&gt;
&lt;pre&gt;&lt;code&gt;110/tcp,
0.0.0.0:143-143/tcp,
0.0.0.0:25-&amp;gt;25/tcp, 4190/tcp,     
0.0.0.0:587-&amp;gt;587/tcp,             
0.0.0.0:993-&amp;gt;993/tcp, 995/tcp
&lt;/code&gt;&lt;/pre&gt;
&lt;p&gt;&lt;code&gt;netstat -ntlp&lt;/code&gt; tells me the same:&lt;/p&gt;
&lt;pre&gt;&lt;code&gt;Proto Recv-Q Send-Q Local Address           Foreign Address         State       PID/Program name
tcp6       0      0 :::587                  :::*                    LISTEN      -
tcp6       0      0 :::143                  :::*                    LISTEN      -
tcp6       0      0 :::80                   :::*                    LISTEN      -
tcp6       0      0 :::25                   :::*                    LISTEN      -
tcp6       0      0 :::443                  :::*                    LISTEN      -
tcp6       0      0 :::2332                 :::*                    LISTEN      -
tcp6       0      0 :::993                  :::*                    LISTEN      -
&lt;/code&gt;&lt;/pre&gt;
&lt;p&gt;I can access my web server (80/443) and unsecure IMAP (143) - which I will not allow in the future. But all other ports are not accessible.&lt;/p&gt;
&lt;p&gt;I even set up UFW (although that's not needed) to make sure that Ubuntu doesn't block anything:&lt;/p&gt;
&lt;pre&gt;&lt;code&gt;Added user rules (see 'ufw status' for running firewall):
ufw allow 80/tcp
ufw allow 443/tcp
ufw allow 25/tcp
ufw allow 587/tcp
ufw allow 143/tcp
ufw allow 993/tcp
&lt;/code&gt;&lt;/pre&gt;
&lt;p&gt;When looking at the logs (Dovecot, Postfix) I don't see any information, so it looks like the request does not reach the services.&lt;/p&gt;
&lt;p&gt;I &lt;strong&gt;DID NOT&lt;/strong&gt; touch the following Docker/UFW settings:&lt;/p&gt;
&lt;p&gt;/etc/default/ufw&lt;/p&gt;
&lt;pre&gt;&lt;code&gt;DEFAULT_FORWARD_POLICY="DROP"
&lt;/code&gt;&lt;/pre&gt;
&lt;p&gt;And &lt;strong&gt;DID NOT&lt;/strong&gt; change &lt;code&gt;iptables = false&lt;/code&gt; in the docker engine.&lt;/p&gt;
&lt;p&gt;Here's the iptables -L call, where you can clearly see that the DOCKER chain adds the rules correctly (also my ufw rules are there):&lt;/p&gt;
&lt;pre&gt;&lt;code&gt;Chain INPUT (policy ACCEPT)
target     prot opt source               destination
ufw-before-logging-input  all  --  anywhere             anywhere
ufw-before-input  all  --  anywhere             anywhere
ufw-after-input  all  --  anywhere             anywhere
ufw-after-logging-input  all  --  anywhere             anywhere
ufw-reject-input  all  --  anywhere             anywhere
ufw-track-input  all  --  anywhere             anywhere
Chain FORWARD (policy DROP)
target     prot opt source               destination
DOCKER-ISOLATION  all  --  anywhere             anywhere
DOCKER     all  --  anywhere             anywhere
ACCEPT     all  --  anywhere             anywhere             ctstate RELATED,ESTABLISHED
ACCEPT     all  --  anywhere             anywhere
ACCEPT     all  --  anywhere             anywhere
DOCKER     all  --  anywhere             anywhere
ACCEPT     all  --  anywhere             anywhere             ctstate RELATED,ESTABLISHED
ACCEPT     all  --  anywhere             anywhere
ACCEPT     all  --  anywhere             anywhere
DOCKER     all  --  anywhere             anywhere
ACCEPT     all  --  anywhere             anywhere             ctstate RELATED,ESTABLISHED
ACCEPT     all  --  anywhere             anywhere
ACCEPT     all  --  anywhere             anywhere
ufw-before-logging-forward  all  --  anywhere             anywhere
ufw-before-forward  all  --  anywhere             anywhere
ufw-after-forward  all  --  anywhere             anywhere
ufw-after-logging-forward  all  --  anywhere             anywhere
ufw-reject-forward  all  --  anywhere             anywhere
ufw-track-forward  all  --  anywhere             anywhere
Chain OUTPUT (policy ACCEPT)
target     prot opt source               destination
ufw-before-logging-output  all  --  anywhere             anywhere
ufw-before-output  all  --  anywhere             anywhere
ufw-after-output  all  --  anywhere             anywhere
ufw-after-logging-output  all  --  anywhere             anywhere
ufw-reject-output  all  --  anywhere             anywhere
ufw-track-output  all  --  anywhere             anywhere
Chain DOCKER (3 references)
target     prot opt source               destination
ACCEPT     tcp  --  anywhere             172.19.0.3           tcp dpt:https
ACCEPT     tcp  --  anywhere             172.19.0.3           tcp dpt:http
ACCEPT     tcp  --  anywhere             172.19.0.7           tcp dpt:imaps
ACCEPT     tcp  --  anywhere             172.19.0.7           tcp dpt:submission
ACCEPT     tcp  --  anywhere             172.19.0.7           tcp dpt:imap2
ACCEPT     tcp  --  anywhere             172.19.0.7           tcp dpt:smtp
Chain DOCKER-ISOLATION (1 references)
target     prot opt source               destination
DROP       all  --  anywhere             anywhere
DROP       all  --  anywhere             anywhere
DROP       all  --  anywhere             anywhere
DROP       all  --  anywhere             anywhere
DROP       all  --  anywhere             anywhere
DROP       all  --  anywhere             anywhere
RETURN     all  --  anywhere             anywhere
[...]
Chain ufw-user-input (1 references)
target     prot opt source               destination
ACCEPT     tcp  --  anywhere             anywhere             tcp dpt:imaps
ACCEPT     udp  --  anywhere             anywhere             udp dpt:imaps
ACCEPT     tcp  --  anywhere             anywhere             tcp dpt:2332
ACCEPT     udp  --  anywhere             anywhere             udp dpt:2332
ACCEPT     tcp  --  anywhere             anywhere             tcp dpt:http
ACCEPT     udp  --  anywhere             anywhere             udp dpt:http
ACCEPT     tcp  --  anywhere             anywhere             tcp dpt:https
ACCEPT     udp  --  anywhere             anywhere             udp dpt:https
ACCEPT     tcp  --  anywhere             anywhere             tcp dpt:submission
ACCEPT     udp  --  anywhere             anywhere             udp dpt:submission
ACCEPT     tcp  --  anywhere             anywhere             tcp dpt:http
ACCEPT     tcp  --  anywhere             anywhere             tcp dpt:imap2
ACCEPT     udp  --  anywhere             anywhere             udp dpt:imap2
&lt;/code&gt;&lt;/pre&gt;
&lt;p&gt;So everything looks correct to me.&lt;/p&gt;
&lt;p&gt;&lt;strong&gt;Update #1:&lt;/strong&gt;&lt;/p&gt;
&lt;p&gt;nmap from docker host (against mycooldomain.com):&lt;/p&gt;
&lt;pre&gt;&lt;code&gt;PORT    STATE    SERVICE
25/tcp  filtered smtp
80/tcp  filtered http
143/tcp filtered imap
443/tcp filtered https
587/tcp filtered submission
993/tcp filtered imaps
&lt;/code&gt;&lt;/pre&gt;
&lt;p&gt;nmap from my local machine (against mycooldomain.com):&lt;/p&gt;
&lt;pre&gt;&lt;code&gt;PORT    STATE SERVICE
80/tcp  open  http
143/tcp open  imap
443/tcp open  https
&lt;/code&gt;&lt;/pre&gt;
&lt;p&gt;As you can see the ports are not open, therefore I can't connect from remote to the ports 25, 587 and 993.&lt;/p&gt;
&lt;p&gt;&lt;strong&gt;UPDATE #2:&lt;/strong&gt;&lt;/p&gt;
&lt;p&gt;So I've stopped all containers and openend a simple python HTTP server:&lt;/p&gt;
&lt;pre&gt;&lt;code&gt;sudo python -m SimpleHTTPServer 993
&lt;/code&gt;&lt;/pre&gt;
&lt;p&gt;Also can't access this port. So I opened the same server with port 8080 =&gt; success.&lt;/p&gt;
&lt;p&gt;&lt;strong&gt;It looks like either Ubuntu or my hoster is blocking port 993! I'm currently in contact with the one who provides the root server.&lt;/strong&gt;&lt;/p&gt;
&lt;p&gt;I already filed an issue in the project itself (&lt;a href="https://github.com/tomav/docker-mailserver/issues/602" rel="noreferrer"&gt;https://github.com/tomav/docker-mailserver/issues/602&lt;/a&gt;), but they couldn't help me either.&lt;/p&gt;
&lt;p&gt;Thank you very much in advance,&lt;/p&gt;
&lt;p&gt;Greetz,&lt;/p&gt;
&lt;p&gt;Sascha&lt;/p&gt;</t>
  </si>
  <si>
    <t>2017-05-16 06:27:21.770000+00:00</t>
  </si>
  <si>
    <t>2017-08-14 14:00:19.883000+00:00</t>
  </si>
  <si>
    <t>ubuntu|docker|postfix-mta|ports|dovecot</t>
  </si>
  <si>
    <t>How to show a segue inside a child view controller?</t>
  </si>
  <si>
    <t>&lt;p&gt;I have a main view controller, inside this view controller I show another view controller as its child view controller. The code to show the child view controller as shown below. The self.currentController is the child controller which will be located inside the main controller. &lt;/p&gt;
&lt;pre&gt;&lt;code&gt;        self.addChildViewController(self.currentController!)
        self.currentController?.view.frame = self.operationView.bounds
        self.currentController?.view.layoutIfNeeded()
        self.operationView.addSubview((self.currentController?.view!)!)
        self.setNeedsStatusBarAppearanceUpdate()
&lt;/code&gt;&lt;/pre&gt;
&lt;p&gt;Now I want to perform a show segue (another controller, let call it ThirdController) inside the child view controller by using below code:&lt;/p&gt;
&lt;pre&gt;&lt;code&gt;performSegueWithIdentifier("ShowSegue", sender: nil)
&lt;/code&gt;&lt;/pre&gt;
&lt;p&gt;on doing this, the ThirdController will fill on the full screen. What I want to do is to show the third controller on the child controller place. How can I do this?&lt;/p&gt;</t>
  </si>
  <si>
    <t>2016-04-17 02:53:50.820000+00:00</t>
  </si>
  <si>
    <t>2018-04-25 06:19:52.943000+00:00</t>
  </si>
  <si>
    <t>Developer License for windows 8.1</t>
  </si>
  <si>
    <t>&lt;p&gt;After &lt;code&gt;Show-WindowsDeveloperLicenseRegistration&lt;/code&gt; in powershell, I get the following alert:&lt;/p&gt;
&lt;p&gt;&lt;a href="https://i.stack.imgur.com/itBQb.png" rel="nofollow noreferrer"&gt;&lt;img src="https://i.stack.imgur.com/itBQb.png" alt="enter image description here"&gt;&lt;/a&gt;&lt;/p&gt;
&lt;pre&gt;&lt;code&gt;Show-WindowsDeveloperLicenseRegistration : Exception from HRESULT: 0x8024401B
At line:1 char:1
+ Show-WindowsDeveloperLicenseRegistration
+ ~~~~~~~~~~~~~~~~~~~~~~~~~~~~~~~~~~~~~~~~
    + CategoryInfo          : NotSpecified: (:) [Show-WindowsDeveloperLicenseRegistration], COMException
    + FullyQualifiedErrorId : AcquireDeveloperLicenseException,Microsoft.Windows.DeveloperLicense.Commands.ShowWindows
   DeveloperLicenseRegistrationCommand
&lt;/code&gt;&lt;/pre&gt;
&lt;p&gt;I am using Microsoft Visual Studio Community 2015, Windows 8.1 Pro 64-bit, Windows is activated.&lt;code&gt;Windows8.1-KB2913270-x64&lt;/code&gt; is already installed on my pc.Proxy is properly set which I have verified using &lt;code&gt;netsh winhttp show proxy&lt;/code&gt;.&lt;/p&gt;
&lt;p&gt;P.S&gt; This isn't a duplicate question. None of the solutions to similar problems has worked for me. &lt;/p&gt;</t>
  </si>
  <si>
    <t>2017-02-15 11:43:49.933000+00:00</t>
  </si>
  <si>
    <t>2017-03-01 08:28:39.573000+00:00</t>
  </si>
  <si>
    <t>2017-02-15 11:54:05.820000+00:00</t>
  </si>
  <si>
    <t>visual-studio|windows-8.1|licensing</t>
  </si>
  <si>
    <t>Encrypt with C# &amp; decrypt with OpenSSL</t>
  </si>
  <si>
    <t>&lt;p&gt;I encrypt the file by using .NET. &lt;/p&gt;
&lt;p&gt;Next, I try to decrypt it by using OpenSSL, and I have an issue:&lt;/p&gt;
&lt;pre&gt;&lt;code&gt;bad decrypt
4294956672:error:06065064:digital envelope routines:EVP_DecryptFinal_ex:bad decrypt:evp_enc.c:529:
&lt;/code&gt;&lt;/pre&gt;
&lt;p&gt;I have simplified the example:&lt;/p&gt;
&lt;ul&gt;
&lt;li&gt;I don't generate key and iv in .NET and use it from OpenSSL&lt;/li&gt;
&lt;li&gt;I don't use salt&lt;/li&gt;
&lt;li&gt;I don't use base64, only binary&lt;/li&gt;
&lt;/ul&gt;
&lt;p&gt;So,&lt;/p&gt;
&lt;p&gt;1) I get IV and key from OpenSSL&lt;/p&gt;
&lt;pre&gt;&lt;code&gt;openssl enc -aes-256-cbc -pass pass:myPassword -P -nosalt
key=69BD0330B47FF638C3471005819C28F7B938830888101C9135EF41D8641F2709
iv =71C334727A6C5DE704C21965E9BAC0F8
&lt;/code&gt;&lt;/pre&gt;
&lt;p&gt;2) I encrypt the file:&lt;/p&gt;
&lt;p&gt;Invoke:&lt;/p&gt;
&lt;pre&gt;&lt;code&gt;key = new byte[]{0x69, 0xBD, 0x03, 0x30, 0xB4, 0x7F, 0xF6, 0x38, 0xC3, 0x47, 0x10, 0x05, 0x81, 0x9C, 0x28, 0xF7, 0xB9, 0x38, 0x83, 0x08, 0x88, 0x10, 0x1C, 0x91, 0x35, 0xEF, 0x41, 0xD8, 0x64, 0x1F, 0x27, 0x09};
iv = new byte[]{0x71, 0xC3, 0x34, 0x72, 0x7A, 0x6C, 0x5D, 0xE7, 0x04, 0xC2, 0x19, 0x65, 0xE9, 0xBA, 0xC0, 0xF8};
byte[] response = await EncryptString(textWriter.ToString(), key, iv);
&lt;/code&gt;&lt;/pre&gt;
&lt;p&gt;The function:&lt;/p&gt;
&lt;pre&gt;&lt;code&gt;public async Task&amp;lt;byte[]&amp;gt; EncryptString(string plainText, byte[] key, byte[] iv)
{
    Aes encryptor = Aes.Create();
    encryptor.Mode = CipherMode.CBC;
    encryptor.Key = key;
    encryptor.Padding = PaddingMode.PKCS7;
    encryptor.BlockSize = 128;
    encryptor.IV = iv;
    encryptor.KeySize = 256;
    // Convert the plainText string into a byte array
    byte[] plainBytes = Encoding.ASCII.GetBytes(plainText);
    using (MemoryStream memoryStream = new MemoryStream())
    {
        ICryptoTransform aesEncryptor = encryptor.CreateEncryptor();
        using (CryptoStream cryptoStream = new CryptoStream(memoryStream, aesEncryptor, CryptoStreamMode.Write))
        {
            await cryptoStream.WriteAsync(plainBytes, 0, plainBytes.Length);
        }
        return memoryStream.ToArray();
    }
}
&lt;/code&gt;&lt;/pre&gt;
&lt;p&gt;3) I write the byte array to the file (I have to use FTP)&lt;/p&gt;
&lt;pre&gt;&lt;code&gt;public async Task UploadFileAsync(Uri uri, string login, string password, byte[] content)
{
    FtpWebRequest ftpRequest = (FtpWebRequest)WebRequest.Create(uri);
    ftpRequest.Method = WebRequestMethods.Ftp.UploadFile;
    ftpRequest.UseBinary = true;
    ftpRequest.UsePassive = true;
    ftpRequest.KeepAlive = true;
    SetFtpCredentials(ftpRequest, login, password);
    using (var stream = new BinaryWriter(ftpRequest.GetRequestStream()))
    {
        stream.Write(content,0,content.Length);
    }
    using (var ftpResponse = (FtpWebResponse)ftpRequest.GetResponse())
    {
        using (Stream ftpStream = ftpResponse.GetResponseStream())
        {
        }
    }
}
&lt;/code&gt;&lt;/pre&gt;
&lt;p&gt;4) I try to decrypt the file &lt;/p&gt;
&lt;pre&gt;&lt;code&gt;openssl.exe aes-256-cbc -in input.xml -d -out output.xml -md sha256 -nosalt -debug  -K 69BD0330B47FF638C3471005819C28F7B938830888101C9135EF41D8641F2709 -iv 71C334727A6C5DE704C21965E9BAC0F8
&lt;/code&gt;&lt;/pre&gt;
&lt;p&gt;The response:&lt;/p&gt;
&lt;pre&gt;&lt;code&gt;BIO[0x600060ee0]: ctrl(108) - FILE pointer
BIO[0x600060ee0]: ctrl return 1
BIO[0x600060f60]: ctrl(108) - FILE pointer
BIO[0x600060f60]: ctrl return 1
BIO[0x600061080]: ctrl(6) - cipher
BIO[0x600060f60]: ctrl(6) - FILE pointer
BIO[0x600060f60]: ctrl return 0
BIO[0x600061080]: ctrl return 0
BIO[0x600060ee0]: read(0,8192) - FILE pointer
BIO[0x600060ee0]: read return 1328
BIO[0x600061080]: write(0,1328) - cipher
BIO[0x600060f60]: write(0,1312) - FILE pointer
BIO[0x600060f60]: write return 1312
BIO[0x600061080]: write return 1328
BIO[0x600060ee0]: read(0,8192) - FILE pointer
BIO[0x600060ee0]: read return 0
BIO[0x600061080]: ctrl(11) - cipher
BIO[0x600061080]: ctrl return 0
bad decrypt
4294956672:error:06065064:digital envelope routines:EVP_DecryptFinal_ex:bad decrypt:evp_enc.c:529:
BIO[0x600060ee0]: Free - FILE pointer
BIO[0x600060f60]: Free - FILE pointer
BIO[0x600061080]: Free - cipher
&lt;/code&gt;&lt;/pre&gt;
&lt;p&gt;What should I fix?&lt;/p&gt;</t>
  </si>
  <si>
    <t>2018-10-30 11:20:08.977000+00:00</t>
  </si>
  <si>
    <t>2018-10-31 12:25:54.537000+00:00</t>
  </si>
  <si>
    <t>c#|.net|openssl|aes|cbc-mode</t>
  </si>
  <si>
    <t>How do I remove nested folder in the root of my repo in Visual Studio TFS Git?</t>
  </si>
  <si>
    <t>&lt;p&gt;I am using Microsoft's Visual Studio TFS Thingamabob Cloud Service (I don't know what it's called because Microsoft's product and service nomenclature is bewildering). I created a repo on the server and then committed and pushed my changes. Here's what I got under the code section of the site:&lt;/p&gt;
&lt;pre&gt;&lt;code&gt; My Code
    My Code
       my files
       my files ...
&lt;/code&gt;&lt;/pre&gt;
&lt;p&gt;How do I move "my files" to the root "My Code" which is the root of the repo, i.e. remove the redundant "My Code" folder?   Who told Microsoft to put my folder there?  Where's the root of my source folder?&lt;/p&gt;</t>
  </si>
  <si>
    <t>2014-01-23 02:26:00.700000+00:00</t>
  </si>
  <si>
    <t>2014-01-23 03:31:56.523000+00:00</t>
  </si>
  <si>
    <t>visual-studio-2012</t>
  </si>
  <si>
    <t>Interlinear Spacing in markdown</t>
  </si>
  <si>
    <t>&lt;p&gt;For an assignment I am forced to write my report in markdown.&lt;br&gt;
Digging in to markdown I learned that there's very little text-alignment support in markdown.  &lt;/p&gt;
&lt;p&gt;That's why I came here to ask you if it's possible to provide Interlinear spacing?&lt;br&gt;
What I want to become is that, e.g. a Title page, has it's content centered in the very middle of the entire page, horizontally as well as vertically.  &lt;/p&gt;
&lt;p&gt;Is this possible? if so, how?&lt;br&gt;
thanks!!&lt;/p&gt;</t>
  </si>
  <si>
    <t>2016-04-27 08:07:17.957000+00:00</t>
  </si>
  <si>
    <t>2016-04-27 13:29:53.413000+00:00</t>
  </si>
  <si>
    <t>2016-04-27 13:05:59.463000+00:00</t>
  </si>
  <si>
    <t>markdown|text-alignment|gitbook</t>
  </si>
  <si>
    <t>How to invoke a delegate with optional params?</t>
  </si>
  <si>
    <t>&lt;p&gt;I have the following: &lt;/p&gt;
&lt;pre&gt;&lt;code&gt;var availableDelegates = new Dictionary&amp;lt;string, SampleHandler&amp;gt;{
    {"TestWithNoParams", SampleHandlerOne }, // this is what I have now - working
    {"TestWithParamSetA", SampleHandlerTwo } // need this
    {"TestWithNoParams", SampleHandlerTwo } // and this - working
}
public static SampleHandler SampleHandlerOne(){
     // do stuff - working
}
// v1
public static SampleHandler SampleHandlerTwo(){
     // do stuff without parameters - working
}
// v2
public static SampleHandler SampleHandlerTwo(HandlerTwoParams params = null) { // trying to update to support optional params
     // do stuff with parameters - not working
     // params.Foo = bar
}
&lt;/code&gt;&lt;/pre&gt;
&lt;p&gt;How can I pass optional parameters to a delegate?  The idea would be that I can do:&lt;/p&gt;
&lt;pre&gt;&lt;code&gt;if (someCondition)
    availableDelegates[target].Invoke(optionalParams);
else
    availableDelegates[target].Invoke();
&lt;/code&gt;&lt;/pre&gt;</t>
  </si>
  <si>
    <t>2017-06-05 20:34:32.577000+00:00</t>
  </si>
  <si>
    <t>2017-06-05 21:18:13.400000+00:00</t>
  </si>
  <si>
    <t>2017-06-05 21:05:38.833000+00:00</t>
  </si>
  <si>
    <t>c#|.net|delegates</t>
  </si>
  <si>
    <t>Oracle - selecting constant values as M x N table from dual</t>
  </si>
  <si>
    <t>&lt;p&gt;Currently I'm using something similar to following statement for creating a temporary table like structure.&lt;/p&gt;
&lt;pre&gt;&lt;code&gt;WITH CONFIGURATION AS (
   SELECT 'some blah value' AS BLAH , 'some blee value' AS BLEE FROM DUAL
   UNION
   SELECT 'some other blah value' AS BLAH, 'some other blee value' AS BLEE FROM DUAL
)
SELECT 'BLAH BLAH' FROM CONFIGURATION C, SOME_OTHER_TABLE T WHERE C.BLAH=T.BLAH
&lt;/code&gt;&lt;/pre&gt;
&lt;p&gt;&lt;strong&gt;The problem that I'm facing here is that the query becomes considerably large and messy when I have to implement the same structure for a 10x7 table structure.&lt;/strong&gt;&lt;/p&gt;
&lt;p&gt;Is there any easier way to achieve this using &lt;code&gt;DUAL&lt;/code&gt; or any other system tables without having to use &lt;code&gt;UNION&lt;/code&gt; and rewrite the &lt;code&gt;SELECT FROM DUAL&lt;/code&gt; multiple times?&lt;/p&gt;
&lt;blockquote&gt;
  &lt;p&gt;&lt;strong&gt;NOTE:&lt;/strong&gt; &lt;/p&gt;
  &lt;ul&gt;
  &lt;li&gt;&lt;strong&gt;I have no DDL permission on this database. Otherwise I would have created a table for achieving this already&lt;/strong&gt;  &lt;/li&gt;
  &lt;li&gt;&lt;strong&gt;The database version is oracle 11g&lt;/strong&gt;&lt;/li&gt;
  &lt;li&gt;&lt;strong&gt;The data inside the M x N structure is to be will be irregular in nature&lt;/strong&gt;&lt;/li&gt;
  &lt;/ul&gt;
&lt;/blockquote&gt;</t>
  </si>
  <si>
    <t>2016-01-26 14:23:11.773000+00:00</t>
  </si>
  <si>
    <t>2016-01-26 18:47:15.133000+00:00</t>
  </si>
  <si>
    <t>sql|oracle|oracle11g</t>
  </si>
  <si>
    <t>Use C-z to suspend/resume console emacs?</t>
  </si>
  <si>
    <t>&lt;p&gt;How can I configure console emacs so it can be suspended/backgrounded with &lt;code&gt;C-z&lt;/code&gt; when it's being run from the console?&lt;/p&gt;</t>
  </si>
  <si>
    <t>2014-04-24 22:20:24.310000+00:00</t>
  </si>
  <si>
    <t>2014-04-25 09:46:02.487000+00:00</t>
  </si>
  <si>
    <t>emacs</t>
  </si>
  <si>
    <t>Session variables are not storing?</t>
  </si>
  <si>
    <t>&lt;p&gt;I am creating a page, which takes the user through a few forms. I set the SESSION variables to store the data, however they are not saving. Is there something I'm missing?&lt;/p&gt;
&lt;p&gt;At the top of the page I have &lt;code&gt;session_start()&lt;/code&gt;declared before the HTML tags. &lt;/p&gt;
&lt;p&gt;This particular instance it's declared, but then the value is lost
&lt;pre&gt;&lt;code&gt;?&amp;gt;
                &amp;lt;form role="form" class="title" method="POST" action="?action=materials"&amp;gt;
                                &amp;lt;label for="title"&amp;gt;Project Title&amp;lt;/label&amp;gt;
                                &amp;lt;input type="text" name="title" value=""&amp;gt;
                                &amp;lt;label for="description"&amp;gt;Description&amp;lt;/label&amp;gt;
                                &amp;lt;textarea name="description"&amp;gt;&amp;lt;/textarea&amp;gt;
                    &amp;lt;input type="submit" name="submit" value="next&amp;gt;"&amp;gt;
                &amp;lt;/form&amp;gt; 
&amp;lt;?php
            $title = Input::get("title"); //Input::get() gets form values
            $description = Input::get('description');
            $_SESSION["title"] = $title; // set SESSION variable
            $_SESSION["description"] = $description;
            echo $_SESSION["title"], $_SESSION["description"]; // prints variable... works beautifully
            ?&amp;gt;
            &amp;lt;form class="my-form" role="form" method="POST" action="?action=steps"&amp;gt; 
                            &amp;lt;p class="text-box"&amp;gt;
                              &amp;lt;label for="materials"&amp;gt;Materials&amp;lt;/label&amp;gt;
                            &amp;lt;p class="text-box"&amp;gt;
                                &amp;lt;label for="url"&amp;gt;URL&amp;lt;/label&amp;gt;
                                &amp;lt;a class="add-box" href="#"&amp;gt;Add Material&amp;lt;/a&amp;gt;
                            &amp;lt;/p&amp;gt;
                &amp;lt;input type="submit" name="submit" id="btnsbmit" value="next&amp;gt;"&amp;gt;
            &amp;lt;/form&amp;gt;
&amp;lt;?php
            $elems = Input::get("elem1");
            echo $_SESSION["title"], $_SESSION["description"]; // print same session variable... does not print
            ?&amp;gt;
            &amp;lt;!--more code--&amp;gt;
&lt;/code&gt;&lt;/pre&gt;</t>
  </si>
  <si>
    <t>2016-12-23 02:33:04.773000+00:00</t>
  </si>
  <si>
    <t>2016-12-23 03:10:55.090000+00:00</t>
  </si>
  <si>
    <t>php|html|session|superglobals</t>
  </si>
  <si>
    <t>ionic responive table padding</t>
  </si>
  <si>
    <t>&lt;p&gt;I have a table in my ionic application&lt;/p&gt;
&lt;pre&gt;&lt;code&gt;     &amp;lt;table&amp;gt;
        &amp;lt;tr&amp;gt;
            &amp;lt;td ng-repeat="item in topRow"&amp;gt; {{item}} &amp;lt;/td&amp;gt;
        &amp;lt;/tr&amp;gt;
        &amp;lt;tr&amp;gt;
            &amp;lt;td ng-repeat="item in middleRow"&amp;gt; {{item}} &amp;lt;/td&amp;gt;
        &amp;lt;/tr&amp;gt;
        &amp;lt;tr&amp;gt;
            &amp;lt;td ng-repeat="item in bottomRow"&amp;gt; {{item}} &amp;lt;/td&amp;gt;
        &amp;lt;/tr&amp;gt;
    &amp;lt;/table&amp;gt;
&lt;/code&gt;&lt;/pre&gt;
&lt;p&gt;and what I wanted was to add some padding to this table, I did this by, in my .css add&lt;/p&gt;
&lt;pre&gt;&lt;code&gt;th, td {
    padding: 15px;
}
&lt;/code&gt;&lt;/pre&gt;
&lt;p&gt;works great in my computer browser, but on a smaller screen, say a phone, &lt;code&gt;padding 15px&lt;/code&gt; will make the table extend longer than the screen width (only half the table is visible on my phone, for example)&lt;/p&gt;
&lt;p&gt;how can I add padding to my table, based on screen width, so that the table width is not bigger than the screen width?&lt;/p&gt;
&lt;p&gt;I am able to get the screen width, using $window in my controller&lt;/p&gt;
&lt;pre&gt;&lt;code&gt;$scope.window = {
    width: $window.screen.width,
    height: $window.screen.height
};
&lt;/code&gt;&lt;/pre&gt;
&lt;p&gt;But how can I use this in my table? &lt;/p&gt;
&lt;p&gt;EDIT: I got a great answer, but I feel it is too complicated (will use it unless there is a better (easier) way though)&lt;/p&gt;
&lt;p&gt;My expected output is this:&lt;/p&gt;
&lt;p&gt;&lt;a href="https://i.stack.imgur.com/TzJlu.png" rel="nofollow noreferrer"&gt;&lt;img src="https://i.stack.imgur.com/TzJlu.png" alt="qwerty table"&gt;&lt;/a&gt;&lt;/p&gt;
&lt;p&gt;A table, or grid or whatever could work, that displays the qwerty keyboard, the reason I needed the padding was because it just looked wrong with all characters pressed together.&lt;/p&gt;
&lt;p&gt;Is there a better way of doing this maybe?&lt;/p&gt;</t>
  </si>
  <si>
    <t>2016-03-02 13:17:06.173000+00:00</t>
  </si>
  <si>
    <t>2016-03-02 14:46:38.643000+00:00</t>
  </si>
  <si>
    <t>2016-03-02 14:01:45.340000+00:00</t>
  </si>
  <si>
    <t>javascript|html|css|angularjs|ionic-framework</t>
  </si>
  <si>
    <t>Create Drupal SPARQL view from custom store?</t>
  </si>
  <si>
    <t>&lt;p&gt;I'm trying to create a Drupal 7 SPARQL view using my own store. I have the triples loaded in Virtuoso and in Fuseki but can't seem to make the final connection feeding a View. I am able to query the data successfully from the Fuseki and Virtuoso SPARQL UIs, just can't figure out how to define the Endpoint URI and Dataset so they combine properly  to form the SPARQL query that Drupal can use. For instance, it seems that Fuseki embeds the default dataset in the SPARQL endpoint URI (i.e., &lt;a href="http://myhostname:3030/default/sparql" rel="nofollow"&gt;http://myhostname:3030/default/sparql&lt;/a&gt;) while Virtuoso doesn't.&lt;/p&gt;
&lt;p&gt;Example data:&lt;/p&gt;
&lt;pre&gt;&lt;code&gt;@prefix e1: &amp;lt;http://example.com/source/work/dataset/gov/vocab/enhancement/1/&amp;gt; .
e1:author a rdf:Property ;
    ov:csvCol "8"^^xsd:integer ;
    ov:csvHeader "author" ;
    conversion:enhancement_layer "1" ;
    dcterms:isReferencedBy &amp;lt;http://example.com/source/work/dataset/gov/version/2011-Aug-18/conversion/enhancement/1&amp;gt; ;
    rdfs:label "author" ;
    rdfs:range rdfs:Literal ;
    conversion:enhances raw:author .
&lt;/code&gt;&lt;/pre&gt;</t>
  </si>
  <si>
    <t>2011-09-08 21:47:09.563000+00:00</t>
  </si>
  <si>
    <t>2011-09-09 09:47:08.863000+00:00</t>
  </si>
  <si>
    <t>drupal-7|rdf|sparql|virtuoso</t>
  </si>
  <si>
    <t>Details about iphone arkit planeDetection</t>
  </si>
  <si>
    <t>&lt;p&gt;I would like to know from computer vision point of view how to detect plane surface and why Arkit can not detect vertical surface.&lt;/p&gt;</t>
  </si>
  <si>
    <t>2018-01-09 17:40:37.930000+00:00</t>
  </si>
  <si>
    <t>2018-01-09 20:59:44.090000+00:00</t>
  </si>
  <si>
    <t>computer-vision|arkit</t>
  </si>
  <si>
    <t>MariaDB 10 dont recognize JSON_* functions</t>
  </si>
  <si>
    <t>&lt;p&gt;For some reason i cant do JSON_* select functions, not sure why this is happening, for example, if i run the query below i got the error&lt;/p&gt;
&lt;pre&gt;&lt;code&gt;select * FROM mytable WHERE JSON_CONTAINS(mycolumn, JSON_QUOTE('2'),"$.edit.element");
[Err] 1305 - FUNCTION dbname.JSON_CONTAINS does not exist
&lt;/code&gt;&lt;/pre&gt;
&lt;p&gt;this is the first time i'm using this, and seemed to be a good aproach to reach the requeriments of my project, but not sure if im missing something, any help?&lt;/p&gt;
&lt;p&gt;This is the mariaDB version im using&lt;/p&gt;
&lt;pre&gt;&lt;code&gt;mysql  Ver 15.1 Distrib 10.0.29-MariaDB, for debian-linux-gnu (x86_64) using readline 5.2
&lt;/code&gt;&lt;/pre&gt;</t>
  </si>
  <si>
    <t>2017-03-22 15:40:32.700000+00:00</t>
  </si>
  <si>
    <t>2017-03-22 15:43:23.870000+00:00</t>
  </si>
  <si>
    <t>jquery|mysql|mariadb</t>
  </si>
  <si>
    <t>Can't write to sqlite3</t>
  </si>
  <si>
    <t>&lt;p&gt;I'm writing a reddit bot and I'm trying to write to a sqlite3 database but the program just crashes right away. I was following a youtube tutorial and everything has been working up until he started to do stuff with sqlite3.&lt;/p&gt;
&lt;pre&gt;&lt;code&gt;import praw
import sqlite3
USERAGENT = "/u/***** reddit bot"
USERNAME = "*****"
PASSWORD = "*****"
SUBREDDIT = "test"
MAXPOSTS = 10
SETPHRASES = ["python", "bots"]
SETRESPONSE = "I am a python bot."
print('Opening database')
sql = sqlite3.connect('sql.db')
cur = sql.cursor()
cur.execute('CREATE TABLE IF NOT EXISTS oldposts(ID TEXT)')
sql.commit()
print("Logging into Reddit.")
r = praw.Reddit(USERAGENT)
r.login(USERNAME,PASSWORD)
def replybot():
    print('Fetching subreddit ' + SUBREDDIT)
    subreddit = r.get_subreddit(SUBREDDIT)
    print('Fetching comments')
    comments = subreddit.get_comments(limit=MAXPOSTS)
    for comment in comments:
        cid = comment.id
        cur.execute('SELECT * FROM oldposts WHERE ID=?', [cid]
        if not cur.fetchone():
            try:
                cauthor.lower() = comment.author.name
                if cauthor.lower() != USERNAME.lower():
                    cbody = comment.body.lower()
                    if any(key.lower() in cbody for key in SETPHRASES):
                        print("Replying to " + cauthor)
                        comment.reply(SETRESPONSE)
            except AttributeError:
                pass
            cur.execute('INSERT INTO oldposts VALUES(?)',[cid])
            sql.commit()
replybot()
&lt;/code&gt;&lt;/pre&gt;
&lt;p&gt;What am I doing wrong? The tutorial I was following said all I had to do was import sqlite3 and it would work.&lt;/p&gt;</t>
  </si>
  <si>
    <t>2014-12-08 05:45:41.607000+00:00</t>
  </si>
  <si>
    <t>2014-12-08 06:48:00.637000+00:00</t>
  </si>
  <si>
    <t>user707650</t>
  </si>
  <si>
    <t>python|sqlite3</t>
  </si>
  <si>
    <t>Adding my location in OnPostExecute</t>
  </si>
  <si>
    <t>&lt;p&gt;I was trying to solve this whole day but I cant, so I have to ask you for help. My application is monitoring data that phones receive from base station and also takes data from database through PHP and JSON and draws an marker on the map (this works fine). How can I add my location marker on the same map? I would like that marker is working with LocationChange so that user can see his position relation to the marker from database. Also, if you see any better solutions in the code, pls advise me. Thank you.&lt;/p&gt;
&lt;p&gt;Here is a code:&lt;/p&gt;
&lt;pre&gt;&lt;code&gt;public class MainActivity extends AppCompatActivity implements OnMapReadyCallback {
    TextView textCellId, textCellLac, textCellSignalStrength, textCellNetworkMode;
    private TextView textCellName;
    TelephonyManager Phone;
    procGetCellData Listener;
    GsmCellLocation location;
    String networkmode;
    //
    private static final String JSON_URL = "http://neo.telenor.rs/telenorapp/fetchdata.php";
    //
    @Override
    protected void onCreate(Bundle savedInstanceState)  {
        super.onCreate(savedInstanceState);
        setContentView(R.layout.activity_main);
        //
        textCellName=(TextView) findViewById(R.id.textCellName);
        textCellName.setMovementMethod(new ScrollingMovementMethod());
        textCellId=(TextView) findViewById(R.id.textCellId);
        textCellLac=(TextView) findViewById(R.id.textCellLac);
        textCellSignalStrength=(TextView) findViewById(R.id.textCellSignalStrength);
        textCellNetworkMode=(TextView) findViewById(R.id.textCellNetworkMode);
        //
        Listener=new procGetCellData();
        Phone=(TelephonyManager) getSystemService(Context.TELEPHONY_SERVICE);
        Phone.listen(Listener, PhoneStateListener.LISTEN_SIGNAL_STRENGTHS | PhoneStateListener.LISTEN_CELL_LOCATION);
    }
    @Override
    public void onMapReady(GoogleMap map) {
        map.setMapType(GoogleMap.MAP_TYPE_SATELLITE);
        map.setMyLocationEnabled(true);
    }
    private class procGetCellData extends PhoneStateListener {
        @Override
        public void onSignalStrengthsChanged(SignalStrength signalStrength){
            super.onSignalStrengthsChanged(signalStrength);
            //
            int SignalStrength_ASU=signalStrength.getGsmSignalStrength();
            int SignalStrength_dbm = (2*SignalStrength_ASU)-113;
            textCellSignalStrength.setText(String.valueOf(SignalStrength_dbm));
            //
            String NM = null;
            switch (Phone.getNetworkType()) {
                case 1:
                    NM="GPRS";
                    networkmode = "GSM";
                    break;
                case 2:
                    NM="EDGE";
                    networkmode = "GSM";
                    break;
                case 3:
                    NM="UMTS";
                    networkmode = "UMTS";
                    break;
                case 8:
                    NM="HSDPA";
                    networkmode = "UMTS";
                    break;
                case 9:
                    NM="HSUPA";
                    networkmode = "UMTS";
                    break;
                case 10:
                    NM="HSPA";
                    networkmode = "UMTS";
                    break;
                case 13:
                    NM="LTE";
                    networkmode = "LTE";
                    break;
                case 15:
                    NM="HSPA+";
                    networkmode = "UMTS";
                    break;
                case 0:
                    NM="Unknown";
                    networkmode = "Unknown";
                    break;
            }
            textCellNetworkMode.setText(NM);
        }
        @Override
        public void onCellLocationChanged(CellLocation lokacija) {
            super.onCellLocationChanged(lokacija);
            location = (GsmCellLocation) Phone.getCellLocation();
            textCellId.setText(String.valueOf(location.getCid() % 65536));
            textCellLac.setText(String.valueOf(location.getLac()));
            String JSON_URL_string=JSON_URL + "?cellid=" + textCellId.getText().toString();
            getJSON(JSON_URL_string);
        }
        private void getJSON(String url) {
            class GetJSON extends AsyncTask&amp;lt;String, Void, String&amp;gt;   {
                ProgressDialog loading;
                double lat=0.0;
                double log=0.0;
                @Override
                protected void onPreExecute() {
                    loading = ProgressDialog.show(MainActivity.this, "Please Wait...", null, true, true);
                }
                @Override
                protected String doInBackground(String... params) {
                    String uri = params[0];
                    BufferedReader bufferedReader = null;
                    try {
                        URL url = new URL(uri);
                        HttpURLConnection con = (HttpURLConnection) url.openConnection();
                        StringBuilder sb = new StringBuilder();
                        bufferedReader = new BufferedReader(new InputStreamReader(con.getInputStream()));
                        String json;
                        while ((json = bufferedReader.readLine()) != null) {
                            sb.append(json + "\n");
                        }
                        return sb.toString().trim();
                    } catch (Exception e) {
                        return null;
                    }
                }
                @Override
                protected void onPostExecute(String s) {
                    super.onPostExecute(s);
                    try {
                        JSONObject jsonObject = new JSONObject(s);
                        JSONArray result = jsonObject.getJSONArray("result");
                        for (int i=0; i&amp;lt;result.length();i++) {
                            JSONObject object=result.getJSONObject(i);
                            String CellName = object.getString("cellname");
                            String CellAttr = object.getString("cellattr");
                            if (CellAttr.equals(networkmode) ) {
                                textCellName.setText(CellName);
                                String CellLat = object.getString("celllat");
                                String CellLon = object.getString("celllon");
                                String CellDir = object.getString("celldir");
                                double CellLatitude = Double.parseDouble(CellLat);
                                double CellLongitude = Double.parseDouble(CellLon);
                                GoogleMap map = ((MapFragment) getFragmentManager()
                                        .findFragmentById(R.id.map)).getMap();
                                map.setMyLocationEnabled(true);
                                //
                                MarkerOptions Mojmarker = new MarkerOptions().position(new LatLng(lat, log)).title("Moja lokacija");
                                map.addMarker(Mojmarker);
                                //
                                CameraUpdate cameraUpdate =CameraUpdateFactory.newLatLngZoom(new LatLng(CellLatitude, CellLongitude), 17);
                                map.animateCamera(cameraUpdate);
                                MarkerOptions marker1 = new MarkerOptions().position(new LatLng(CellLatitude, CellLongitude)).title(CellName);
                                marker1.icon(BitmapDescriptorFactory.fromResource(R.drawable.site));
                                map.addMarker(marker1);
                            }
                        }
                    } catch (JSONException e) {
                        e.printStackTrace();
                    }
                    loading.dismiss();
                }
            }
            GetJSON gj = new GetJSON();
            gj.execute(url);
        }
    }
}
&lt;/code&gt;&lt;/pre&gt;</t>
  </si>
  <si>
    <t>2016-04-26 20:23:12.807000+00:00</t>
  </si>
  <si>
    <t>jQuery .load() within a for loop</t>
  </si>
  <si>
    <t>&lt;p&gt;I send an ajax request to my server. I then receive an object. The object looks likes this:&lt;/p&gt;
&lt;pre&gt;&lt;code&gt;{
    "payload": {
        "result": [
            "http://example.com/img1.jpg",
            "http://example.com/img2.jpg",
            "http://example.com/img3.jpg",
            "http://example.com/img4.jpg",
            "http://example.com/img5.jpg"
        ]
    }
}
&lt;/code&gt;&lt;/pre&gt;
&lt;p&gt;I then traverse the object using a for loop&lt;/p&gt;
&lt;pre&gt;&lt;code&gt;if (typeof response.payload.result == 'object') {
    var ln = response.payload.result.length;
    var i;
    if (ln &amp;gt; 0) {
        for (i = 0; i &amp;lt; ln; i++) {
              /* this shows i was increased for every iteration */
              console.log(i);
          var current_img = response.payload.result[i];
          var img = $("&amp;lt;img /&amp;gt;").attr('src', current_img)
           .load(function () {
                  console.log(i);
                  /* this logs the last iteration 4 times */
                $("#product-images").append(img);
          });
        }
    }
}
&lt;/code&gt;&lt;/pre&gt;
&lt;p&gt;My problem is that only (1) image element is being created. The single element being appended to the DOM after this code executes is the value of the last element in the array.  Why is &lt;code&gt;jQuery.load()&lt;/code&gt; only being called on the last iteration?&lt;/p&gt;</t>
  </si>
  <si>
    <t>2013-06-22 18:12:02.450000+00:00</t>
  </si>
  <si>
    <t>2013-06-22 18:19:14.907000+00:00</t>
  </si>
  <si>
    <t>javascript|jquery|load</t>
  </si>
  <si>
    <t>In Rails 4, destroy link works in non-https, doesn't in https</t>
  </si>
  <si>
    <t>&lt;p&gt;I'm using the standard generator for deleting objects in Rails 4:&lt;/p&gt;
&lt;pre&gt;&lt;code&gt;%td= link_to 'Destroy', archetype_choice, :method =&amp;gt; :delete, :data =&amp;gt; { :confirm =&amp;gt; 'Are you sure?' }
&lt;/code&gt;&lt;/pre&gt;
&lt;p&gt;It works perfectly fine if you load it as an &lt;code&gt;http&lt;/code&gt; link, but if you use &lt;code&gt;https&lt;/code&gt;, it just goes to the &lt;code&gt;SHOW&lt;/code&gt; route.&lt;/p&gt;</t>
  </si>
  <si>
    <t>2014-07-01 06:29:06.457000+00:00</t>
  </si>
  <si>
    <t>2014-07-01 07:06:33.853000+00:00</t>
  </si>
  <si>
    <t>ruby-on-rails|ruby-on-rails-4|routes</t>
  </si>
  <si>
    <t>Passing a multidimensional array of variable size without VLA</t>
  </si>
  <si>
    <t>&lt;p&gt;(This is a follow up &lt;a href="https://stackoverflow.com/questions/34559211/passing-a-multidimensional-array-of-variable-size"&gt;to this question&lt;/a&gt;.)&lt;/p&gt;
&lt;p&gt;I'm trying to understand what "best practice" (or really any practice) is for passing a multidimensional array to a function in C. Certainly this depends on the application, so lets consider writing a function to print a 2d array of variable size. In particular, I'm interested in how one would write the function &lt;code&gt;printArry(_____)&lt;/code&gt; in the following code. &lt;/p&gt;
&lt;p&gt;The answer in the question referenced above uses variable length array (VLA) features of C. &lt;a href="https://en.wikipedia.org/wiki/Variable-length_array" rel="nofollow noreferrer"&gt;These are not present&lt;/a&gt; in the C98 standard and are optional in the C11 standard (they also don't seem to compile in C++11 either). &lt;/p&gt;
&lt;p&gt;How would one answer this question without using VLA functionality? Passing a two dimensional array seems like a fairly basic task, so I can't imagine there isn't a reasonable approach to this.&lt;/p&gt;
&lt;pre&gt;&lt;code&gt;void printArry(_____){
    /* what goes here? */
}
int main(void){
    int a1=5;
    int b1=6;
    int a2=7;
    int b2=8;
    int arry1[a1][b1];
    int arry2[a2][b2];
    /* set values in arrays */
    printArry(arry1, a1, b1);
    printArry(arry2, a2, b2);
    return 0;
}
&lt;/code&gt;&lt;/pre&gt;</t>
  </si>
  <si>
    <t>2016-01-01 20:59:54.700000+00:00</t>
  </si>
  <si>
    <t>2016-01-02 12:44:31.853000+00:00</t>
  </si>
  <si>
    <t>2017-05-23 10:27:47.343000+00:00</t>
  </si>
  <si>
    <t>c|arrays|multidimensional-array</t>
  </si>
  <si>
    <t>Jasmine use it to over ride and test a method that uses aiax</t>
  </si>
  <si>
    <t>&lt;p&gt;I have a JS file that contains many methods, ajax caller is constant. &lt;/p&gt;
&lt;pre&gt;&lt;code&gt;function ajaxCaller(data,url,callback) { //standard jquery ajax call here } 
function method1(){ 
// ... does work ... then 
ajaxCaller(data,url,function(){ // changes the dom } ); 
}
&lt;/code&gt;&lt;/pre&gt;
&lt;p&gt;How can I use jasmine to over ride the ajaxCaller method that is being called by nearly every method in my js file such that I can test that the DOM is getting changed? &lt;/p&gt;</t>
  </si>
  <si>
    <t>2013-03-22 16:31:38.277000+00:00</t>
  </si>
  <si>
    <t>2013-03-22 19:54:55.490000+00:00</t>
  </si>
  <si>
    <t>ajax|testing|jasmine</t>
  </si>
  <si>
    <t>Recreate database+tables (it dosn't want to work with rake commands) ROR 3</t>
  </si>
  <si>
    <t>&lt;p&gt;I'm newbie with ror and I just managed to ruin the  databse... I tried to recreate with this  2 methodes bu none works:&lt;/p&gt;
&lt;p&gt;first:&lt;/p&gt;
&lt;pre&gt;&lt;code&gt;rake db:reset
rake db:migrate
&lt;/code&gt;&lt;/pre&gt;
&lt;p&gt;second:&lt;/p&gt;
&lt;pre&gt;&lt;code&gt;rake db:drop
rake db:create
rake db:migrate 
&lt;/code&gt;&lt;/pre&gt;
&lt;p&gt;But none work... I'm out of ideas what to do, please help...&lt;/p&gt;
&lt;p&gt;My migrate folder is empty, if I migrate nothing happens, no table created notice.&lt;/p&gt;</t>
  </si>
  <si>
    <t>2012-09-05 15:17:42.407000+00:00</t>
  </si>
  <si>
    <t>2012-09-06 16:33:00.473000+00:00</t>
  </si>
  <si>
    <t>2012-09-05 15:40:43.677000+00:00</t>
  </si>
  <si>
    <t>ruby-on-rails|database</t>
  </si>
  <si>
    <t>How do I convert a DBQuery&lt;&gt; (or ObjectQuery&lt;&gt;) to a non-collection primitive type (ie: int, string)</t>
  </si>
  <si>
    <t>&lt;pre&gt;&lt;code&gt;var lastitem = Contacts
.OrderByDescending(c =&amp;gt; c.ContactID)
.Take(1).Select(p=&amp;gt;p.ContactID);
&lt;/code&gt;&lt;/pre&gt;
&lt;p&gt;&lt;code&gt;lastitem&lt;/code&gt; is even though a single item returns a &lt;code&gt;DBQuery&amp;lt;Int32&amp;gt;&lt;/code&gt;&lt;/p&gt;
&lt;p&gt;is there a way to convert it to just a pure &lt;code&gt;Int32&lt;/code&gt;?&lt;/p&gt;
&lt;p&gt;Thanks for the help!&lt;/p&gt;
&lt;p&gt;ALSO:&lt;/p&gt;
&lt;p&gt;is there a better way to do this? Basically, I'm trying to get an &lt;code&gt;Int32&lt;/code&gt; type from ContactID from the very last item inside the database&lt;/p&gt;</t>
  </si>
  <si>
    <t>2011-10-11 22:59:32.337000+00:00</t>
  </si>
  <si>
    <t>2013-07-17 14:03:16.513000+00:00</t>
  </si>
  <si>
    <t>linq|entity-framework</t>
  </si>
  <si>
    <t>Trying to understand how Git works</t>
  </si>
  <si>
    <t>&lt;p&gt;I just installed eGit plugin and I'm playing around with it. I'm new to Git.&lt;/p&gt;
&lt;p&gt;I've noticed something strange:&lt;/p&gt;
&lt;p&gt;I committed sample project "Planets" then I modified one file only Planet.java.&lt;/p&gt;
&lt;p&gt;Then I looked in the Git repository folder, and this modified file Planet.java is there, but &lt;em&gt;none of my other source files are&lt;/em&gt;.&lt;/p&gt;
&lt;p&gt;Does this mean if I delete my original project folder from the disk, it will break Git? I mean will I not be able to restore any previous committed version of this project anymore?&lt;/p&gt;</t>
  </si>
  <si>
    <t>2012-02-08 19:41:48.367000+00:00</t>
  </si>
  <si>
    <t>2012-02-08 19:44:03.510000+00:00</t>
  </si>
  <si>
    <t>2012-02-08 19:42:46.957000+00:00</t>
  </si>
  <si>
    <t>eclipse|git|egit</t>
  </si>
  <si>
    <t>JMS connection kills websocket</t>
  </si>
  <si>
    <t>&lt;p&gt;I have a website which opens a websocket and displays a message sent from the server in an alert. However, as soon as I create a JMS connection, the websocket won't connect anymore. The app runs on glassfish 4. This is the code:&lt;/p&gt;
&lt;p&gt;wstest.xhtml:&lt;/p&gt;
&lt;pre&gt;&lt;code&gt;&amp;lt;!DOCTYPE html&amp;gt;
&amp;lt;html xmlns="http://www.w3.org/1999/xhtml"
      xmlns:h="http://java.sun.com/jsf/html"&amp;gt;
  &amp;lt;h:head&amp;gt;
    &amp;lt;title&amp;gt;TODO supply a title&amp;lt;/title&amp;gt;
    &amp;lt;meta name="viewport" content="width=device-width, initial-scale=1.0"/&amp;gt;
    &amp;lt;h:outputScript name="websocket.js" library="js" target="head"/&amp;gt;
  &amp;lt;/h:head&amp;gt;
  &amp;lt;h:body&amp;gt;
    TODO
  &amp;lt;/h:body&amp;gt;
&amp;lt;/html&amp;gt;
&lt;/code&gt;&lt;/pre&gt;
&lt;p&gt;websocket.js:&lt;/p&gt;
&lt;pre&gt;&lt;code&gt;var host = 'ws://localhost:8095/path';
var websocket = new WebSocket(host);
websocket.onopen = function () {
  alert('Websocket open!');
};
websocket.onmessage = function (event) {
  alert(event.data);
};
&lt;/code&gt;&lt;/pre&gt;
&lt;p&gt;WebsocketEndpoint.java:&lt;/p&gt;
&lt;pre&gt;&lt;code&gt;@ServerEndpoint("/path")
public class WebsocketEndpoint {
  private WebsocketChat chat = new WebsocketChat();
  @OnOpen
  public void onOpen(Session session) {
    System.out.println("Session opened");
    session.getAsyncRemote().sendText("Hello Javascript");
  }
}
&lt;/code&gt;&lt;/pre&gt;
&lt;p&gt;WebsocketChat.java:&lt;/p&gt;
&lt;pre&gt;&lt;code&gt;public class WebsocketChat {
  @Resource(mappedName="jms/ConnectionFactory")
  private ConnectionFactory connectionFactory;
  public WebsocketChat() {
    //init();
  }
  public final void init() {
    try {
      Connection con = connectionFactory.createConnection();
    } catch (JMSException ex) {
      Logger.getLogger(WebsocketChat.class.getName()).log(Level.SEVERE, null, ex);
    }
  }
}
&lt;/code&gt;&lt;/pre&gt;
&lt;p&gt;Note that the call to the init method in the constructor of WebsocketChat is commented. This way I can see both javascript alerts: 'Websocket open!' when the websocket is opened, and 'Hello Javascript', which comes from server. The message "Session opened" is also visible in the glassfish output.&lt;/p&gt;
&lt;p&gt;However, when I uncomment the init method in the WebsocketChat constructor, I can still see the 'Websocket opened' alert, but the 'Hello Javascript' alert will not be displayed. The "Session opened" message also vanished from the glassfish output. The init method is responsible for creating the JMS connection.&lt;/p&gt;</t>
  </si>
  <si>
    <t>2017-03-30 09:27:57.447000+00:00</t>
  </si>
  <si>
    <t>2017-03-30 12:40:30.130000+00:00</t>
  </si>
  <si>
    <t>2017-03-30 09:35:50.787000+00:00</t>
  </si>
  <si>
    <t>javascript|java-ee|websocket|jms</t>
  </si>
  <si>
    <t>Spring 5.x Snapshots downloads</t>
  </si>
  <si>
    <t>&lt;p&gt;I'd like to give a try to Spring Framework 5.x, but I couldn't find binaries snapshots on &lt;a href="http://repo.spring.io" rel="nofollow"&gt;http://repo.spring.io&lt;/a&gt;.
I didn't find the source code on GitHub either and didn't found a bamboo build on build.spring.io.&lt;/p&gt;
&lt;p&gt;I know there's the Spring Reactive project on GitHub but would like to know if we can have a sneak peek on the new Spring 5 Framework...&lt;/p&gt;</t>
  </si>
  <si>
    <t>2016-07-02 16:45:16.837000+00:00</t>
  </si>
  <si>
    <t>2016-08-29 15:50:28.533000+00:00</t>
  </si>
  <si>
    <t>spring</t>
  </si>
  <si>
    <t>PHP: do an ORDER BY using external data?</t>
  </si>
  <si>
    <t>&lt;p&gt;Ahoy all! Long story short with this one if you don't mind lending a hand to this novice PHPer. :) &lt;/p&gt;
&lt;p&gt;I have a database field called "Categories" that has this stored:  &lt;/p&gt;
&lt;pre&gt;&lt;code&gt;Fruit, People, Place, Animals, Landscape
&lt;/code&gt;&lt;/pre&gt;
&lt;p&gt;I also have a separate table in the DB that has items with these category names in the fields for each item.  Right now, the script (i am trying to fork it a bit) uses:&lt;/p&gt;
&lt;pre&gt;&lt;code&gt;SELECT DISTINCT(type), type FROM the_categories ORDER BY type ASC 
&lt;/code&gt;&lt;/pre&gt;
&lt;p&gt;in order to display a list of all categories available.  Simple enough right?&lt;/p&gt;
&lt;p&gt;Welllllll..... I don't want to sort by ASC, I want to sort by the list of items in the first Categories field I mentioned. Whatever order those are in is the order I want to display the "types" above. &lt;/p&gt;
&lt;p&gt;Obviously I will have to do an explode on the commas, and maybe give them a 1 to whatever order....but even then.... how do I do an "orderby" using data stored in another folder?&lt;/p&gt;
&lt;p&gt;Is this even possible? lol  Thanks again!&lt;/p&gt;</t>
  </si>
  <si>
    <t>2012-01-04 01:42:39.757000+00:00</t>
  </si>
  <si>
    <t>2012-01-04 13:30:16.877000+00:00</t>
  </si>
  <si>
    <t>2012-01-04 01:44:37.480000+00:00</t>
  </si>
  <si>
    <t>php|sql|sql-order-by|explode</t>
  </si>
  <si>
    <t>Incomplete sitecore publish ( presentation details missing )</t>
  </si>
  <si>
    <t>&lt;p&gt;When i publish items in sitecore ( Sitecore 8 Update 2 ) i noticed that the presentation details aren't being published. At first this didn't happen a lot but now it's becoming a real problem.&lt;/p&gt;
&lt;p&gt;I used to have a fallback plan where i would fully delete the items in the web database and then a publish would work fine. But now even when i delete the items from the web database only the item itself is published. There is no error or message.&lt;/p&gt;
&lt;p&gt;( I just tried to add the presentation details to the web item itself, saved it and looked at it again. But the new presentation details were gone )&lt;/p&gt;
&lt;p&gt;Does anyone know what could cause this ?&lt;/p&gt;</t>
  </si>
  <si>
    <t>2015-06-09 12:05:44.120000+00:00</t>
  </si>
  <si>
    <t>2015-09-30 20:52:50.510000+00:00</t>
  </si>
  <si>
    <t>sitecore|publish</t>
  </si>
  <si>
    <t>Gap between browser screen and menu</t>
  </si>
  <si>
    <t>&lt;p&gt;In my following code everything  is write but it make distance from left right and top of the browser screen.&lt;/p&gt;
&lt;p&gt;CSS code is:&lt;/p&gt;
&lt;pre&gt;&lt;code&gt;    ul {
    list-style:none;
    background:#2E94C7;
    padding:10px;
    color:white;
}
body ul li {
    position:relative;
}
ul, li {
    margin:0;
    padding:0;
}
li {
    display:inline-block;
    padding:10px;
}
ul li ul {
    display:none;
    position:absolute;
    width:100%;
    background:black;
    margin:10px 0 0 -10px;
}
ul li ul li {
    display:block;
}
ul li:hover ul {
    display:block;
}
&lt;/code&gt;&lt;/pre&gt;
&lt;p&gt;HTML code is:&lt;/p&gt;
&lt;pre&gt;&lt;code&gt;&amp;lt;ul&amp;gt;
&amp;lt;li&amp;gt;Menu 1
    &amp;lt;ul&amp;gt;
        &amp;lt;li&amp;gt;Menu 1-1&amp;lt;/li&amp;gt;
    &amp;lt;/ul&amp;gt;
&amp;lt;/li&amp;gt;
&amp;lt;li&amp;gt;Menu 2
    &amp;lt;ul&amp;gt;
        &amp;lt;li&amp;gt;Menu 2-1&amp;lt;/li&amp;gt;
    &amp;lt;/ul&amp;gt;
&amp;lt;/li&amp;gt;
&amp;lt;li&amp;gt;Menu 3&amp;lt;/li&amp;gt;
&amp;lt;li&amp;gt;Menu 4&amp;lt;/li&amp;gt;
&lt;/code&gt;&lt;/pre&gt;
&lt;p&gt;&lt;/p&gt;
&lt;p&gt;Is there any way to cover the top ,left,right of the browser screen.&lt;/p&gt;</t>
  </si>
  <si>
    <t>2014-06-04 19:33:48.420000+00:00</t>
  </si>
  <si>
    <t>2014-06-04 22:12:17.677000+00:00</t>
  </si>
  <si>
    <t>Castle Windsor when is transient with disposable released? Burden</t>
  </si>
  <si>
    <t>&lt;p&gt;We're using Castle Windsor 2.1.0.6655.&lt;/p&gt;
&lt;p&gt;I'm wanting to use transient lifecycle for my resolved objects, but I'm wanting to check how this version of Castle deals with transients that have dependencies.  If I use my immediate window (visual studio), I can see the effects of resolving, disposing, and finally realeasing, all the time checking whether the resolved object is released.&lt;/p&gt;
&lt;p&gt;eg.&lt;/p&gt;
&lt;pre&gt;&lt;code&gt;resolved = container.Resolve(Id);
container.Kernal.ReleasePolicy.HasTrack(resolved)
= true
resolved.Dispose()
container.Kernal.ReleasePolicy.HasTrack(resolved)
= true
container.release(resolved)
container.Kernal.ReleasePolicy.HasTrack(resolved)
= false
&lt;/code&gt;&lt;/pre&gt;
&lt;p&gt;My concern is that these objects are continuing to be tracked between requests, as they are never released, meaning memory usage continues to rise.&lt;/p&gt;
&lt;p&gt;I've read that Component Burden is related to this issue, but I haven't been able to find out exactly what this is in Castle 2.0 and greater.&lt;/p&gt;
&lt;p&gt;The difficulty in 'releasing' is that the resolved objects are in fact part of services, their usage being to provide ORM functions and mappings.  I'm not sure that referencing the container to release is correct in these instances.&lt;/p&gt;
&lt;p&gt;I'm wondering whether there is a way for me to see how many objects the container is referencing at a given point, without having to use memory profilers, as we don't have this available.&lt;/p&gt;
&lt;p&gt;I thought I could maybe use the following:&lt;/p&gt;
&lt;p&gt;container.Kernel.GetHandlers()&lt;/p&gt;
&lt;p&gt;with the type I'm looking for, to see if tracked occurrences are increasing?&lt;/p&gt;</t>
  </si>
  <si>
    <t>2012-11-14 11:47:39.280000+00:00</t>
  </si>
  <si>
    <t>2012-11-14 20:53:04.563000+00:00</t>
  </si>
  <si>
    <t>2012-11-14 13:43:38.333000+00:00</t>
  </si>
  <si>
    <t>castle-windsor|lifecycle|transient</t>
  </si>
  <si>
    <t>Ambiguous overloading due to Boost headers when compiling C++98 code with C++11 option</t>
  </si>
  <si>
    <t>&lt;p&gt;&lt;strong&gt;Abstract :&lt;/strong&gt;&lt;/p&gt;
&lt;p&gt;&lt;em&gt;My C++98 code uses some boost libraries and some own functions (existing in C++11) defined in a own namspace. It compiles very well with gcc 4.8.x. When I try to compile it with option &lt;code&gt;-std=c++11&lt;/code&gt;, I get a &lt;strong&gt;&lt;code&gt;call to overloaded xxx is ambiguous&lt;/code&gt;&lt;/strong&gt; error on my own function in my own namespace. This function exists in C++11 in namespace &lt;code&gt;std&lt;/code&gt;. It looks like boost calls &lt;code&gt;using namespace std;&lt;/code&gt; in a header...&lt;/em&gt; &lt;/p&gt;
&lt;p&gt;&lt;strong&gt;Details :&lt;/strong&gt;&lt;/p&gt;
&lt;p&gt;Consider the following simple code :&lt;/p&gt;
&lt;pre&gt;&lt;code&gt;#include &amp;lt;vector&amp;gt;
#include &amp;lt;iostream&amp;gt;
#include &amp;lt;boost/math/special_functions/erf.hpp&amp;gt;
namespace caduchon
{
    template &amp;lt;typename Iterator&amp;gt;
    bool is_sorted(Iterator begin, Iterator end)
    {
        if(begin == end) return true;
        for(Iterator it = begin, prev = it++; it != end; prev = it++)
            if(*it &amp;lt; *prev) return false;
        return true;
    }
}
using namespace caduchon;
int main()
{
    std::vector&amp;lt;double&amp;gt; x(3);
    x[0] = 10.0; x[1] = 13.9; x[2] = 21.3;
    std::cout &amp;lt;&amp;lt; "Is x sorted ? " &amp;lt;&amp;lt; is_sorted(x.begin(), x.end()) &amp;lt;&amp;lt; std::endl;
    // Imagine here a call to boost::math::erf(double)
    return 0;
}
&lt;/code&gt;&lt;/pre&gt;
&lt;p&gt;It compiles very well with gcc 4.8.5 with the following command : &lt;code&gt;g++ test.cpp -o test.exe -I /softs/boost/1.63.0/64/gcc/4.8.5/include&lt;/code&gt;&lt;/p&gt;
&lt;p&gt;I have an error if I add the option &lt;code&gt;-std=c++11&lt;/code&gt; in the compilation command :&lt;/p&gt;
&lt;pre&gt;&lt;code&gt;g++ test.cpp -o test.exe -I /softs/boost/1.63.0/64/gcc/4.8.5/include -std=c++11
test.cpp: In function ���int main()���:
test.cpp:28:61: error: call of overloaded ���is_sorted(std::vector&amp;lt;double&amp;gt;::iterator, std::vector&amp;lt;double&amp;gt;::iterator)��� is ambiguous
  std::cout &amp;lt;&amp;lt; "is sorted ? " &amp;lt;&amp;lt; is_sorted(x.begin(), x.end()) &amp;lt;&amp;lt; std::endl;
                                                             ^
test.cpp:28:61: note: candidates are:
test.cpp:9:7: note: bool caduchon::is_sorted(Iterator, Iterator) [with Iterator = __gnu_cxx::__normal_iterator&amp;lt;double*, std::vector&amp;lt;double&amp;gt; &amp;gt;]
  bool is_sorted(Iterator begin, Iterator end)
       ^
In file included from /usr/include/c++/4.8/algorithm:62:0,
                 from /softs/boost/1.63.0/64/gcc/4.8.5/include/boost/math/tools/config.hpp:18,
                 from /softs/boost/1.63.0/64/gcc/4.8.5/include/boost/math/tools/promotion.hpp:26,
                 from /softs/boost/1.63.0/64/gcc/4.8.5/include/boost/math/special_functions/detail/round_fwd.hpp:12,
                 from /softs/boost/1.63.0/64/gcc/4.8.5/include/boost/math/special_functions/math_fwd.hpp:26,
                 from /softs/boost/1.63.0/64/gcc/4.8.5/include/boost/math/special_functions/erf.hpp:13,
                 from test.cpp:3:
/usr/include/c++/4.8/bits/stl_algo.h:3952:5: note: bool std::is_sorted(_FIter, _FIter) [with _FIter = __gnu_cxx::__normal_iterator&amp;lt;double*, std::vector&amp;lt;double&amp;gt; &amp;gt;]
     is_sorted(_ForwardIterator __first, _ForwardIterator __last)
&lt;/code&gt;&lt;/pre&gt;
&lt;p&gt;I don't have the error if I remove the inclusion for &lt;code&gt;boost::math::erf&lt;/code&gt; function.
I don't have the error if I replace &lt;code&gt;is_sorted&lt;/code&gt; by &lt;code&gt;caduchon::is_sorted&lt;/code&gt; (but I don't want to impact all my code).&lt;/p&gt;
&lt;p&gt;It realy looks like a header of boost calls &lt;code&gt;using namespace std;&lt;/code&gt; when option &lt;code&gt;-std=c++11&lt;/code&gt; is defined. &lt;/p&gt;
&lt;p&gt;Why ? In my opinion, it's a very bad practice to call &lt;code&gt;using namespace ...;&lt;/code&gt; in a header... Is it a bug ?&lt;/p&gt;
&lt;p&gt;Is there a simple solution not intrusive for my code ?&lt;/p&gt;
&lt;p&gt;&lt;strong&gt;&lt;em&gt;Note :&lt;/strong&gt; I have to compile with option &lt;code&gt;-std=c++11&lt;/code&gt; to be able to use Boost.Process (from Boost 1.64) in a specific module of my code, for a specific platform, with specific compilation flags. The rest of the code must compile under old gcc (4.4.x).&lt;/em&gt;&lt;/p&gt;</t>
  </si>
  <si>
    <t>2017-05-09 11:59:24.390000+00:00</t>
  </si>
  <si>
    <t>2017-05-09 13:32:23.963000+00:00</t>
  </si>
  <si>
    <t>2017-05-09 12:19:33.987000+00:00</t>
  </si>
  <si>
    <t>c++|c++11|boost|namespaces|c++98</t>
  </si>
  <si>
    <t>Linking image without interface builder</t>
  </si>
  <si>
    <t>&lt;p&gt;Recently I have ditched using storyboards and xibs in my app. While doing that it was quite easy linking images to the proper image name. Now I want to link them without those and running into trouble. Searched for quite some time on here and google without much success.&lt;/p&gt;
&lt;p&gt;These images will be used for a after app launch splash screen to prevent the white flash, (worked perfect with IB). In my .h file I did this.&lt;/p&gt;
&lt;pre&gt;&lt;code&gt;@property (nonatomic, retain) UIImageView *splash4InchPortrait;
&lt;/code&gt;&lt;/pre&gt;
&lt;p&gt;How would I declare that image name from a image I have in my app say, splash4InchPortrait@2x.png ?&lt;/p&gt;
&lt;p&gt;This is what I have in both files. Just to give you an idea of what I'm working with.&lt;/p&gt;
&lt;p&gt;.h&lt;/p&gt;
&lt;pre&gt;&lt;code&gt;@interface CenterViewController : UIViewController &amp;lt;PullToRefreshViewDelegate, UIWebViewDelegate, UIGestureRecognizerDelegate, MTStatusBarOverlayDelegate, UIScrollViewDelegate&amp;gt;
{
    UIWebView *webView;
    NSTimer *timer;
    UIScrollView *currentScrollView;
    MTStatusBarOverlay *overlay;
}
@property(nonatomic) UIViewAutoresizing autoresizingMask;
@property(nonatomic) UIViewAutoresizing bounds;
@property (nonatomic, retain) UIImageView *splash35InchPortrait;
@property (nonatomic, retain) UIImageView *splash35InchLandscape;
@property (nonatomic, retain) UIImageView *splashRetina35InchPortrait;
@property (nonatomic, retain) UIImageView *splashRetina35InchLandscape;
@property (nonatomic, retain) UIImageView *splash4InchPortrait;
@property (nonatomic, retain) UIImageView *splash4InchLandscape;
@property (nonatomic, retain) UIImageView *splashPadPortrait;
@property (nonatomic, retain) UIImageView *splashPadLandscape;
@end
&lt;/code&gt;&lt;/pre&gt;
&lt;p&gt;.m&lt;/p&gt;
&lt;pre&gt;&lt;code&gt;@interface UIViewController ()
@end
BOOL isPortraitView = YES;
@implementation CenterViewController
@synthesize splash35InchPortrait, splash35InchLandscape, splashRetina35InchPortrait, splashRetina35InchLandscape, splash4InchPortrait, splash4InchLandscape, splashPadPortrait, splashPadLandscape;
- (void)viewDidLoad
{
    [super viewDidLoad];
    webView = [[UIWebView alloc] initWithFrame:CGRectMake(0.f, 0, self.view.frame.size.width, self.view.frame.size.height)];
    [self.view setCenter:CGPointMake(self.view.frame.size.width/2, self.view.frame.size.height/2)];
    [(UIWebView*)webView setFrame:CGRectMake(0, 0, self.view.frame.size.width, self.view.frame.size.height)];
    [webView loadRequest:[NSURLRequest requestWithURL:[NSURL URLWithString:@"http://www.mysite.com"]]];
    webView.contentMode = UIViewContentModeScaleToFill;
    webView.scalesPageToFit = YES;
    webView.autoresizingMask=(UIViewAutoresizingFlexibleHeight | UIViewAutoresizingFlexibleWidth);
    [self.view addSubview:webView];
    for (UIView* subView in webView.subviews) {
        if ([subView isKindOfClass:[UIScrollView class]]) {
            currentScrollView = (UIScrollView *)subView;
            currentScrollView.delegate = (id) self;
        }
    }
    webView.scrollView.scrollsToTop = YES;
    [webView setDelegate:self];
    webView.tag = 999;
    timer = [NSTimer scheduledTimerWithTimeInterval:(1.0/1.0) target:self selector:@selector(tick) userInfo:nil repeats:YES];
    [self.navigationController setNavigationBarHidden:YES];
    [super viewDidLoad];    
    webView.contentMode = UIViewContentModeScaleAspectFit;
    webView.autoresizingMask=(UIViewAutoresizingFlexibleHeight | UIViewAutoresizingFlexibleWidth);
//get screen size
    CGRect screenBounds = [[UIScreen mainScreen] bounds];
    if (UIDeviceOrientationIsPortrait(self.interfaceOrientation)){
        //DO Portrait
        if (screenBounds.size.height &amp;lt;=480) {
            //code for 3.5-inch screen
            splash35InchPortrait.hidden = NO;
            splash35InchLandscape.hidden = YES;
            splashRetina35InchPortrait.hidden = YES;
            splashRetina35InchLandscape.hidden = YES;
            splash4InchPortrait.hidden = YES;
            splash4InchLandscape.hidden = YES;
            splashPadLandscape.hidden = YES;
        }else{
            // code for 3.5 Retina inch screen
            splash35InchLandscape.hidden = YES;
            splashRetina35InchPortrait.hidden = NO;
            splashRetina35InchLandscape.hidden = YES;
            splash4InchLandscape.hidden = YES;
            splashPadLandscape.hidden = YES;
        }
    }else{
        // code for 4-inch screen
        splash35InchPortrait.hidden = YES;
        splashRetina35InchPortrait.hidden = YES;
        splash4InchPortrait.hidden = NO;
        splash4InchLandscape.hidden = YES;
        splashPadLandscape.hidden = YES;
    }
// Set up Pull to Refresh code
    PullToRefreshView *pull = [[PullToRefreshView alloc] initWithScrollView:currentScrollView];
    [pull setDelegate:self];
    pull.tag = 998;
    [currentScrollView addSubview:pull];
//Statusbar Overlay
    overlay = [MTStatusBarOverlay sharedInstance];
    overlay.delegate = self;
    overlay.progress = 0.0;
    webView.backgroundColor = [UIColor colorWithWhite:0.1f alpha:1.0f];
// Forward / Back Gestures
    UISwipeGestureRecognizer *goForward = [[UISwipeGestureRecognizer alloc] initWithTarget:self action:@selector(swipeRightAction:)];
    goForward.direction = UISwipeGestureRecognizerDirectionRight;
    goForward.delegate = self;
    goForward.numberOfTouchesRequired = 1;
    [webView addGestureRecognizer:goForward];    
    UISwipeGestureRecognizer *goBack = [[UISwipeGestureRecognizer alloc] initWithTarget:self action:@selector(swipeLeftAction:)];
    goBack.direction = UISwipeGestureRecognizerDirectionLeft;
    goBack.delegate = self;
    goBack.numberOfTouchesRequired = 1;
    [webView addGestureRecognizer:goBack];
}
- (BOOL)gestureRecognizer:(UIGestureRecognizer *)gestureRecognizer shouldRecognizeSimultaneouslyWithGestureRecognizer:(UIGestureRecognizer *)otherGestureRecognizer{
    return NO;
}
//Other Gestures
- (void)swipeLeftAction:(id)ignored{
    [webView goBack];
    [overlay postMessage:@"Go Back" duration:1 animated:YES];
}
- (void)swipeRightAction:(id)ignored{
    [webView goForward];
    [overlay postMessage:@"Go Forward" duration:1 animated:YES];
}
-(void)pullToRefreshViewShouldRefresh:(PullToRefreshView *)view {
    [(UIWebView *)[self.view viewWithTag:999] reload];
    [overlay postMessage:@"Reloading" duration:1 animated:YES];
}
//Webview Start/Finish Request
- (void)webViewDidStartLoad:(UIWebView *)webView {
    [UIApplication sharedApplication].networkActivityIndicatorVisible = YES;
}
- (void)webViewDidFinishLoad:(UIWebView *)webview {
#define IS_IPHONE (!IS_IPAD)
#define IS_IPAD (UI_USER_INTERFACE_IDIOM() != UIUserInterfaceIdiomPhone)
    bool isiPhone5 = CGSizeEqualToSize([[UIScreen mainScreen] preferredMode].size,CGSizeMake(640, 1136));
    if (isiPhone5) {
        // Loading iPhone 5
        [(PullToRefreshView *)[self.view viewWithTag:998] finishedLoading];
        [UIApplication sharedApplication].networkActivityIndicatorVisible = NO;
        NSLog(@"didFinish: %@; stillLoading:%@", [[webView request]URL],
              (webView.loading?@"NO":@"YES"));
    }
    else if (IS_IPAD) {
        // Loading IPAD
        [(PullToRefreshView *)[self.view viewWithTag:998] finishedLoading];
        [UIApplication sharedApplication].networkActivityIndicatorVisible = NO;
        NSLog(@"didFinish: %@; stillLoading:%@", [[webView request]URL],
              (webView.loading?@"NO":@"YES"));
    }
    else {
        // Loading iPhone 3.5"
        [(PullToRefreshView *)[self.view viewWithTag:998] finishedLoading];
        [UIApplication sharedApplication].networkActivityIndicatorVisible = NO;
        NSLog(@"didFinish: %@; stillLoading:%@", [[webView request]URL],
              (webView.loading?@"NO":@"YES"));
    }
}
//Rotation
- (void)didRotateFromInterfaceOrientation:(UIInterfaceOrientation)fromInterfaceOrientation
{
    if(fromInterfaceOrientation == UIInterfaceOrientationPortrait){
        [webView stringByEvaluatingJavaScriptFromString:@"rotate(0)"];
    }
    else{
        [webView stringByEvaluatingJavaScriptFromString:@"rotate(1)"];
    }
}
- (BOOL)shouldAutorotateToInterfaceOrientation:(UIInterfaceOrientation)interfaceOrientation
{
    return (interfaceOrientation != UIInterfaceOrientationPortraitUpsideDown);
}
//Image animation
- (void)tick {
    if (!webView.loading) {
        [self performSelector:@selector(fadeimage) withObject:nil afterDelay:0.3];
    }
}
-(void)fadeimage{
    [UIView beginAnimations:nil context:NULL];
    [UIView setAnimationDuration:0.5];
    splash35InchPortrait.alpha = 0;
    splash35InchLandscape.alpha = 0;
    splashRetina35InchPortrait.alpha = 0;
    splashRetina35InchLandscape.alpha = 0;
    splash4InchPortrait.alpha = 0;
    splash4InchLandscape.alpha = 0;
    splashPadLandscape.alpha = 0;
    splashPadPortrait.alpha = 0;
    [UIView commitAnimations];
}
- (void)viewDidUnload {
    webView = nil;
    [super viewDidUnload];
    // Release any retained subviews of the main view.
}
@end
&lt;/code&gt;&lt;/pre&gt;
&lt;p&gt;UPDATE:&lt;/p&gt;
&lt;p&gt;With code merged from my old project and code from the accepted answer below (thanks kushyar). I managed to get it. If anybody is curious, this is what I did.&lt;/p&gt;
&lt;pre&gt;&lt;code&gt;//Setting Splash Images
    #define IS_IPHONE (!IS_IPAD)
    #define IS_IPAD (UI_USER_INTERFACE_IDIOM() != UIUserInterfaceIdiomPhone)
    bool isiPhone5 = CGSizeEqualToSize([[UIScreen mainScreen] preferredMode].size,CGSizeMake(640, 1136));
    if (isiPhone5) {
        // Load iPhone 5 Splash
        UIImage *splash4Inch = [UIImage imageNamed:@"Default-568h@2x.png"];
        self.splash4InchPortrait = [[UIImageView alloc] initWithFrame:CGRectMake(0.0f, -20.0f, 320.0f, 568.0f)];
        [self.splash4InchPortrait setImage:splash4Inch];
        [self.view addSubview:self.splash4InchPortrait];
        [self.view bringSubviewToFront:self.splash4InchPortrait];
        self.splash4InchPortrait.contentMode = UIViewContentModeScaleToFill;
    }
    else if (IS_IPAD) {
        // Load IPAD StoryBoard
        UIImage *splashPad = [UIImage imageNamed:@"Default-Portrait~ipad.png"];
        self.splashPadPortrait = [[UIImageView alloc] initWithFrame:CGRectMake(0.0f, -20.0f, 768.0f, 1024.0f)];
        [self.splashPadPortrait setImage:splashPad];
        [self.view addSubview:self.splashPadPortrait];
        [self.view bringSubviewToFront:self.splashPadPortrait];
        self.splashPadPortrait.contentMode = UIViewContentModeScaleToFill;
    }
    else {
        // Load the iPhone 3.5" Splash
        UIImage *splash35Inch = [UIImage imageNamed:@"Default.png"];
        self.splash35InchPortrait = [[UIImageView alloc] initWithFrame:CGRectMake(0.0f, -20.0f, 320.0f, 480.0f)];
        [self.splash35InchPortrait setImage:splash35Inch];
        [self.view addSubview:self.splash35InchPortrait];
        [self.view bringSubviewToFront:self.splash35InchPortrait];
        self.splash35InchPortrait.contentMode = UIViewContentModeScaleToFill;
    }
&lt;/code&gt;&lt;/pre&gt;</t>
  </si>
  <si>
    <t>2013-06-03 02:36:41.147000+00:00</t>
  </si>
  <si>
    <t>2013-06-03 22:31:01.467000+00:00</t>
  </si>
  <si>
    <t>ios|uiimageview</t>
  </si>
  <si>
    <t>AutoComplete in Android</t>
  </si>
  <si>
    <t>&lt;p&gt;I am developing an application where a list of words are shown..The list very big and user can select any one of the items in the list..I would like to provide search functionality where user can type in a keyword(part of the word) and a only matching items need to be displayed..Any idea of how to do this?&lt;/p&gt;</t>
  </si>
  <si>
    <t>2011-10-11 16:42:28.133000+00:00</t>
  </si>
  <si>
    <t>2011-10-11 18:37:50.590000+00:00</t>
  </si>
  <si>
    <t>How to relax GROUP BY restrictions in SQL Server?</t>
  </si>
  <si>
    <t>&lt;p&gt;Consider this query:&lt;/p&gt;
&lt;pre&gt;&lt;code&gt;SELECT F1,F2 FROM TABLE GROUP BY F1
&lt;/code&gt;&lt;/pre&gt;
&lt;p&gt;Selecting F1 is valid, but F2 seems to be incorrect (after all it can change from row to row). However SQL Server does not check any logic involved here -- for example F2 could be dependent of F1 (because of the JOIN clause, for example). &lt;/p&gt;
&lt;p&gt;I know the workarounds, but my question here is:&lt;/p&gt;
&lt;p&gt;&lt;strong&gt;How to RELAX this "group by" restriction (directly)?&lt;/strong&gt;&lt;/p&gt;
&lt;p&gt;Something like:&lt;/p&gt;
&lt;pre&gt;&lt;code&gt;RELAX_GROUPBY
SELECT F1,F2 ....
&lt;/code&gt;&lt;/pre&gt;
&lt;p&gt;&lt;em&gt;begin of edit 1&lt;/em&gt;&lt;/p&gt;
&lt;p&gt;So it would be something similar to MySQL ability to get data without any workarounds from groupped dataset.&lt;/p&gt;
&lt;p&gt;Example of data:&lt;/p&gt;
&lt;pre&gt;&lt;code&gt;F1 | F2
1  | 2
1  | 2
&lt;/code&gt;&lt;/pre&gt;
&lt;p&gt;Output (after executing the query given above):&lt;/p&gt;
&lt;pre&gt;&lt;code&gt;F1 | F2
1  | 2
&lt;/code&gt;&lt;/pre&gt;
&lt;p&gt;&lt;em&gt;end of edit 1&lt;/em&gt;&lt;/p&gt;
&lt;p&gt;Remark: yes, I &lt;strong&gt;do know&lt;/strong&gt; the workarounds -- aggregate functions, creating view, table on-fly, and others (depending on scenario). I am not interested in another workaround. If you know the solution to &lt;strong&gt;the question&lt;/strong&gt; please answer, thank you very much.&lt;/p&gt;</t>
  </si>
  <si>
    <t>2010-09-22 12:16:47.760000+00:00</t>
  </si>
  <si>
    <t>2010-09-23 05:00:12.537000+00:00</t>
  </si>
  <si>
    <t>sql-server|group-by</t>
  </si>
  <si>
    <t>Android BottomSheetDialogFragment does not expand completely</t>
  </si>
  <si>
    <t>&lt;p&gt;I have the following test bottom sheet implementation. &lt;/p&gt;
&lt;p&gt;When I set the peekHeight to a value less than 500, it works. After some value, any increase in peek height will not change how the bottom sheet is expanded. It Just remains there to only drag manually. How do we set the peekHeight programmatically to ensure that the bottom sheet is auto expanded to the peek height.&lt;/p&gt;
&lt;p&gt;&lt;a href="https://i.stack.imgur.com/C3OgV.png" rel="noreferrer"&gt;&lt;img src="https://i.stack.imgur.com/C3OgV.png" alt="enter image description here"&gt;&lt;/a&gt;&lt;/p&gt;
&lt;p&gt;&lt;strong&gt;bottom_sheet_dialog_main&lt;/strong&gt;&lt;/p&gt;
&lt;pre&gt;&lt;code&gt;&amp;lt;?xml version="1.0" encoding="utf-8"?&amp;gt;
&amp;lt;android.support.design.widget.CoordinatorLayout xmlns:android="http://schemas.android.com/apk/res/android"
    xmlns:app="http://schemas.android.com/apk/res-auto"
    android:id="@+id/locUXCoordinatorLayout"
    android:layout_width="match_parent"
    android:layout_height="wrap_content"&amp;gt;
    &amp;lt;LinearLayout
        android:id="@+id/locUXView"
        android:layout_width="match_parent"
        android:layout_height="wrap_content"
        android:fitsSystemWindows="true"
        android:orientation="vertical"
        app:behavior_hideable="false"
        app:behavior_peekHeight="0dp"
        app:layout_behavior="@string/bottom_sheet_behavior"&amp;gt;
        &amp;lt;TextView
            android:layout_width="match_parent"
            android:layout_height="100dp"
            android:text="1 Value" /&amp;gt;
        &amp;lt;TextView
            android:layout_width="match_parent"
            android:layout_height="100dp"
            android:text="2 Value" /&amp;gt;
        &amp;lt;TextView
            android:layout_width="match_parent"
            android:layout_height="100dp"
            android:text="3 Value" /&amp;gt;
        &amp;lt;TextView
            android:layout_width="match_parent"
            android:layout_height="100dp"
            android:text="4 Value" /&amp;gt;
        &amp;lt;TextView
            android:layout_width="match_parent"
            android:layout_height="100dp"
            android:text="5 Value" /&amp;gt;
        &amp;lt;TextView
            android:layout_width="match_parent"
            android:layout_height="100dp"
            android:text="6 Value" /&amp;gt;
        &amp;lt;TextView
            android:layout_width="match_parent"
            android:layout_height="100dp"
            android:text="7 Value" /&amp;gt;
        &amp;lt;TextView
            android:layout_width="match_parent"
            android:layout_height="100dp"
            android:text="8 Value" /&amp;gt;
        &amp;lt;TextView
            android:layout_width="match_parent"
            android:layout_height="100dp"
            android:text="9 Value" /&amp;gt;
        &amp;lt;TextView
            android:layout_width="match_parent"
            android:layout_height="100dp"
            android:text="First Value" /&amp;gt;
    &amp;lt;/LinearLayout&amp;gt;
&amp;lt;/android.support.design.widget.CoordinatorLayout&amp;gt;
&lt;/code&gt;&lt;/pre&gt;
&lt;p&gt;&lt;strong&gt;Java code&lt;/strong&gt;&lt;/p&gt;
&lt;pre&gt;&lt;code&gt;public class MyBottomSheetDialogFragment extends BottomSheetDialogFragment {
    private static BottomSheetBehavior bottomSheetBehavior;
    private static View bottomSheetInternal;
    private static MyBottomSheetDialogFragment INSTANCE;
    @Nullable
    @Override
    public View onCreateView(LayoutInflater inflater, @Nullable ViewGroup container, @Nullable Bundle savedInstanceState) {
        getDialog().setOnShowListener(new DialogInterface.OnShowListener() {
            @Override
            public void onShow(DialogInterface dialog) {
                BottomSheetDialog d = (BottomSheetDialog) dialog;
                CoordinatorLayout coordinatorLayout = (CoordinatorLayout)d.findViewById(R.id.locUXCoordinatorLayout);
                bottomSheetInternal = d.findViewById(R.id.locUXView);
                bottomSheetBehavior = BottomSheetBehavior.from(bottomSheetInternal);
                bottomSheetBehavior.setPeekHeight(bottomSheetInternal.getHeight());
                bottomSheetInternal.requestLayout();
                coordinatorLayout.getLayoutParams().height = bottomSheetInternal.getHeight();
                Toast.makeText(getActivity(), "Height is" + bottomSheetInternal.getHeight() + "  " + coordinatorLayout.getLayoutParams().height, Toast.LENGTH_LONG).show();
            }
        });
        INSTANCE = this;
        return inflater.inflate(R.layout.bottom_sheet_dialog_main, container, false);
    }
}
&lt;/code&gt;&lt;/pre&gt;</t>
  </si>
  <si>
    <t>2016-05-31 20:52:04.573000+00:00</t>
  </si>
  <si>
    <t>2017-09-26 20:12:54.113000+00:00</t>
  </si>
  <si>
    <t>2016-06-17 04:30:55.407000+00:00</t>
  </si>
  <si>
    <t>java|android|android-support-library|android-support-design|bottom-sheet</t>
  </si>
  <si>
    <t>Paypal Checkout in mobile website</t>
  </si>
  <si>
    <t>&lt;p&gt;I am developing one mobile website for selling products through paypal. When i click the paypal button it redirects to paypal site in desktop mode. i want to change that to mobile mode... &lt;/p&gt;
&lt;p&gt;I use the following code &lt;/p&gt;
&lt;pre&gt;&lt;code&gt;&amp;lt;form action="https://www.paypal.com/cgi-bin/webscr" method="post" name="paypal"&amp;gt;
&amp;lt;input type="hidden" name="cmd" value="_cart"&amp;gt;
&amp;lt;input type="hidden" name="business" value="merchant@website.com"&amp;gt;
&amp;lt;input type="hidden" name="lc" value="US"&amp;gt;
&amp;lt;input type="hidden" name="item_name" value="product1"&amp;gt;
&amp;lt;input type="hidden" name="amount" value="1.00"&amp;gt;
&amp;lt;input type="hidden" name="currency_code" value="USD"&amp;gt;
&amp;lt;input type="hidden" name="return" value="www.website.com/mobile/paypalreturn.php"/&amp;gt;
&amp;lt;input type="hidden" name="cancel_return" value="www.website.com/mobile/" /&amp;gt;
&amp;lt;input type="hidden" name="currency_code" value="USD" /&amp;gt;
&amp;lt;input type="hidden" name="shopping_url" value="www.website.com/mobile/index.php"&amp;gt; 
&amp;lt;input type="hidden" name="notify_url" value="www.website.com/mobile/paypalnotify.php"&amp;gt;
&amp;lt;script&amp;gt;document.paypal.submit();&amp;lt;/script&amp;gt;
&amp;lt;/form&amp;gt;
&lt;/code&gt;&lt;/pre&gt;
&lt;p&gt;Here it show Desktop version . I want to change to mobile version.. I checked this with Android and Iphone Devices. in Mobile device also its shows desktop version. I googled it, some site said it automatically change according to devices but not working for me.. &lt;/p&gt;
&lt;p&gt;Please suggest on this to rectify &lt;/p&gt;
&lt;p&gt;Thanks in advance....&lt;/p&gt;</t>
  </si>
  <si>
    <t>2012-06-05 07:42:14.927000+00:00</t>
  </si>
  <si>
    <t>2012-06-05 11:26:24.473000+00:00</t>
  </si>
  <si>
    <t>2012-06-05 11:21:20.563000+00:00</t>
  </si>
  <si>
    <t>php|html|paypal|mobile-website|payment-gateway</t>
  </si>
  <si>
    <t>jquery, columns equal heights and at least as tall as the browser window</t>
  </si>
  <si>
    <t>&lt;p&gt;I'm using the following bit of jquery to make the two main columns on my page the same height.&lt;/p&gt;
&lt;pre&gt;&lt;code&gt;var $toEqualize = $('.equalheightbox');
$toEqualize.css('height', (function(){
    return Math.max.apply(null, $toEqualize.map(function(){
        return $(this).height();
    }).get());
})());
&lt;/code&gt;&lt;/pre&gt;
&lt;p&gt;Which works great except if the content of either div isn't big enough to stretch to the bottom of the page then the two columns are the same height but there's an unsightly gap at the bottom of my page. I'd like the columns to be the same height but also to be at least as tall as the browser window being used to show the page.&lt;/p&gt;
&lt;p&gt;Anyone any ideas?&lt;/p&gt;</t>
  </si>
  <si>
    <t>2013-11-26 13:54:46.937000+00:00</t>
  </si>
  <si>
    <t>2013-11-26 14:07:12.167000+00:00</t>
  </si>
  <si>
    <t>in Google Apps Script, how to create a file by bytes?</t>
  </si>
  <si>
    <t>&lt;p&gt;Related to my earlier question &lt;a href="https://stackoverflow.com/questions/32707715/how-to-reconstruct-a-blob-for-an-image-from-a-binary-string-client-side-hidden"&gt;How to reconstruct a blob for an image from a binary string (client side hidden form field) in Google Apps Script&lt;/a&gt;, I digged further and realize my critical question is how to create a file in Google Drive if I know exactly the value for each byte of the file? &lt;/p&gt;
&lt;p&gt;The DriveApp.createFile function accepts blobs, but I am not sure where to start if I want to create a file with each byte as 0x89,0xFF,0x99,... ? &lt;/p&gt;</t>
  </si>
  <si>
    <t>2015-09-22 16:34:17.813000+00:00</t>
  </si>
  <si>
    <t>2015-09-22 16:49:31.150000+00:00</t>
  </si>
  <si>
    <t>2017-05-23 12:22:26.013000+00:00</t>
  </si>
  <si>
    <t>javascript|google-apps-script</t>
  </si>
  <si>
    <t>how to make open link in new tab in blogger</t>
  </si>
  <si>
    <t>&lt;p&gt;In Blogger, how make a link open in new tab!?&lt;/p&gt;
&lt;p&gt;I'm using a normal free template with few pages&lt;/p&gt;
&lt;p&gt;i need to know how to open the respective link in new tab when clicked on its respective text.&lt;/p&gt;
&lt;p&gt;For ex, I clicked on the page name "Our Service" on my website then it should open link-10: &lt;code&gt;examplee.com&lt;/code&gt; in a new tab&lt;/p&gt;
&lt;p&gt;I've tried using &lt;code&gt;target='_blank'&lt;/code&gt; but it doesn't work for me.
here is the code:-&lt;/p&gt;
&lt;pre&gt;&lt;code&gt;    &amp;lt;b:widget id='LinkList210' locked='true' title='Menu' type='LinkList' 
  version='1'&amp;gt;
        &amp;lt;b:widget-settings&amp;gt;
          &amp;lt;b:widget-setting name='text-9'&amp;gt;Documentation&amp;lt;/b:widget-setting&amp;gt;
          &amp;lt;b:widget-setting name='link-9'&amp;gt;http://www.example.com&amp;lt;/b:widget-setting&amp;gt;
          &amp;lt;b:widget-setting name='text-8'&amp;gt; Services&amp;lt;/b:widget-setting&amp;gt;
          &amp;lt;b:widget-setting name='link-7'&amp;gt;http://example.com&amp;lt;/b:widget-setting&amp;gt;
          &amp;lt;b:widget-setting name='link-8'&amp;gt;http://www.example.com&amp;lt;/b:widget-setting&amp;gt;
          &amp;lt;b:widget-setting name='text-10'&amp;gt;our services&amp;lt;/b:widget-setting&amp;gt;
          &amp;lt;b:widget-setting name='link-5'&amp;gt;http:example&amp;lt;/b:widget-setting&amp;gt;
          &amp;lt;b:widget-setting name='link-6'&amp;gt;http://www.example.com&amp;lt;/b:widget-setting&amp;gt;
          &amp;lt;b:widget-setting name='link-3'&amp;gt;#&amp;lt;/b:widget-setting&amp;gt;
          &amp;lt;b:widget-setting name='link-4'&amp;gt;#&amp;lt;/b:widget-setting&amp;gt;
          &amp;lt;b:widget-setting name='text-1'&amp;gt;_Multi Dropdown&amp;lt;/b:widget-setting&amp;gt;
          &amp;lt;b:widget-setting name='text-0'&amp;gt;Features&amp;lt;/b:widget-setting&amp;gt;
          &amp;lt;b:widget-setting name='text-3'&amp;gt;__Dropdown 2&amp;lt;/b:widget-setting&amp;gt;
          &amp;lt;b:widget-setting name='text-2'&amp;gt;__Dropdown 1&amp;lt;/b:widget-setting&amp;gt;
          &amp;lt;b:widget-setting name='text-5'&amp;gt;_ShortCodes&amp;lt;/b:widget-setting&amp;gt;
          &amp;lt;b:widget-setting name='text-4'&amp;gt;__Dropdown 3&amp;lt;/b:widget-setting&amp;gt;
          &amp;lt;b:widget-setting name='text-7'&amp;gt;_Error Page&amp;lt;/b:widget-setting&amp;gt;
          &amp;lt;b:widget-setting name='text-6'&amp;gt;_SiteMap&amp;lt;/b:widget-setting&amp;gt;
          &amp;lt;b:widget-setting name='sorting'&amp;gt;NONE&amp;lt;/b:widget-setting&amp;gt;
          &amp;lt;b:widget-setting name='link-1'&amp;gt;#&amp;lt;/b:widget-setting&amp;gt;
          &amp;lt;b:widget-setting name='link-2'&amp;gt;#&amp;lt;/b:widget-setting&amp;gt;
          &amp;lt;b:widget-setting name='link-0'&amp;gt;#&amp;lt;/b:widget-setting&amp;gt;
          &amp;lt;b:widget-setting name='link-10'&amp;gt;http://examplee.com/&amp;lt;/b:widget-setting&amp;gt;
        &amp;lt;/b:widget-settings&amp;gt;
        &amp;lt;b:includable id='main'&amp;gt;
        &amp;lt;div class='widget-content'&amp;gt;
          &amp;lt;ul itemscope='' itemtype='http://schema.org/SiteNavigationElement'&amp;gt; 
            &amp;lt;li&amp;gt;&amp;lt;a expr:href='data:blog.homepageUrl' target='_blank'&amp;gt;Home&amp;lt;/a&amp;gt;&amp;lt;/li&amp;gt;
            &amp;lt;b:loop values='data:links' var='link'&amp;gt;
              &amp;lt;li itemprop='name'&amp;gt;&amp;lt;a expr:href='data:link.target' itemprop='url' target='_blank'&amp;gt; &amp;lt;data:link.name/&amp;gt;&amp;lt;/a&amp;gt;&amp;lt;/li&amp;gt;
            &amp;lt;/b:loop&amp;gt;
          &amp;lt;/ul&amp;gt;
        &amp;lt;/div&amp;gt;
      &amp;lt;/b:includable&amp;gt;
      &amp;lt;/b:widget&amp;gt;
&lt;/code&gt;&lt;/pre&gt;</t>
  </si>
  <si>
    <t>2017-08-02 12:46:29.410000+00:00</t>
  </si>
  <si>
    <t>2017-08-02 13:07:59.860000+00:00</t>
  </si>
  <si>
    <t>Getting the coordinates of the Bitmap inside a Timage</t>
  </si>
  <si>
    <t>&lt;p&gt;I have a TImage Control (not TImageControl) in Firemonkey. The Bitmap inside that control is centered and ocupies not the entire TImage. How can I get the coordinates of the Bitmap (Left And Top)?&lt;/p&gt;</t>
  </si>
  <si>
    <t>2013-11-13 21:16:31.303000+00:00</t>
  </si>
  <si>
    <t>2013-11-14 07:28:26.940000+00:00</t>
  </si>
  <si>
    <t>delphi|firemonkey|timage</t>
  </si>
  <si>
    <t>Access wrapping element with `wrap()`</t>
  </si>
  <si>
    <t>&lt;p&gt;I'm using the jQuery function &lt;code&gt;wrap()&lt;/code&gt;, which returns the original object, not the wrapping object. Is there an easy way to access the wrapping object?&lt;/p&gt;</t>
  </si>
  <si>
    <t>2011-08-23 14:23:31.580000+00:00</t>
  </si>
  <si>
    <t>2011-08-23 14:27:43.853000+00:00</t>
  </si>
  <si>
    <t>Couchbase-lite-net building source files: How does one resolve 'was not found' dll errors</t>
  </si>
  <si>
    <t>&lt;p&gt;I have forked and cloned &lt;a href="https://github.com/couchbase/couchbase-lite-net" rel="nofollow"&gt;https://github.com/couchbase/couchbase-lite-net&lt;/a&gt; via GitHub windows client.&lt;/p&gt;
&lt;p&gt;But, when I open the Couchbase.Lite.Net45.VS2013.sln and build. I get 10 errors stating that various dlls and 'metadata file' dlls could not be found.&lt;/p&gt;
&lt;p&gt;Some error examples:&lt;/p&gt;
&lt;blockquote&gt;
  &lt;p&gt;Error 1   Could not copy the file
  "C:\dev\repo_git\couchbase-lite-net\src\Couchbase.Lite.Shared\vendor\cbforest\CSharp\prebuilt\CBForest-Interop.dll"
  because it was not found. C:\Program Files
  (x86)\MSBuild\12.0\bin\Microsoft.Common.CurrentVersion.targets    3899    5   cbforest-sharp.Net45&lt;/p&gt;
  &lt;p&gt;Error 2   Metadata file
  'C:\dev\repo_git\couchbase-lite-net\src\Couchbase.Lite.Shared\vendor\cbforest\CSharp\cbforest-sharp.Net45\bin\Debug\cbforest-sharp.dll'
  could not be
  found C:\dev\repo_git\couchbase-lite-net\src\Couchbase.Lite.Net45\CSC Couchbase.Lite.Net45&lt;/p&gt;
  &lt;p&gt;Error 10  Metadata file
  'C:\dev\repo_git\couchbase-lite-net\src\ListenerComponent\Couchbase.Lite.Listener.Net45\bin\Debug\Couchbase.Lite.Listener.dll'
  could not be
  found C:\dev\repo_git\couchbase-lite-net\src\Couchbase.Lite.Net45.Tests\CSC   Couchbase.Lite.Net45.Tests&lt;/p&gt;
&lt;/blockquote&gt;
&lt;p&gt;I noticed on the Github readme.md it states once needs to issue:&lt;/p&gt;
&lt;blockquote&gt;
  &lt;p&gt;git submodule update --init --recursive&lt;/p&gt;
&lt;/blockquote&gt;
&lt;p&gt;But I think GitHub windows client already updated the submodules e.g. I can see many files in Couchbase.Lite.Shared\vendor\cbforest\CBForest but in CBForest example there is no "prebuilt\CBForest-Interop.dll" file.&lt;/p&gt;
&lt;p&gt;&lt;strong&gt;Update&lt;/strong&gt;
Got it working by building \src\Couchbase.Lite.Shared\vendor\cbforest\CBForest.VS2015 and copying the CBForest-Interop.dll into the above location &lt;/p&gt;
&lt;p&gt;but still have 1 more build error:&lt;/p&gt;
&lt;blockquote&gt;
  &lt;p&gt;Error 107 Error reading resource file 'c:\dev\repo_git\couchbase-lite-net\src\Couchbase.Lite.Net45.Tests\Assets\local-test.properties' -- 'The system cannot find the file specified. '   C:\dev\repo_git\couchbase-lite-net\src\Couchbase.Lite.Net45.Tests\CSC   Couchbase.Lite.Net45.Tests&lt;/p&gt;
&lt;/blockquote&gt;</t>
  </si>
  <si>
    <t>2015-11-19 08:56:35.453000+00:00</t>
  </si>
  <si>
    <t>2015-11-19 15:28:12.523000+00:00</t>
  </si>
  <si>
    <t>2015-11-19 12:48:18.650000+00:00</t>
  </si>
  <si>
    <t>couchbase-lite</t>
  </si>
  <si>
    <t>Access database connection in JSP</t>
  </si>
  <si>
    <t>&lt;p&gt;i have seen examples in stackoverflow wherein MS access database connection is established for access files stored in the same desktop/system C/D drive.. can a connection be established for MS access file stores in different system.&lt;/p&gt;
&lt;p&gt;(Am writing code in JSP in my laptop whereas the required MS access files is in use in another server..sorry i cant copy access file to my system)&lt;/p&gt;</t>
  </si>
  <si>
    <t>2017-02-14 16:27:36.060000+00:00</t>
  </si>
  <si>
    <t>2017-02-14 17:39:15.497000+00:00</t>
  </si>
  <si>
    <t>database|jsp|connection|access</t>
  </si>
  <si>
    <t>How to merge a nested List into a simple List using Java 8 Stream API</t>
  </si>
  <si>
    <t>&lt;p&gt;I have a &lt;code&gt;List&lt;/code&gt; which looks as follows:&lt;/p&gt;
&lt;pre&gt;&lt;code&gt;List&amp;lt;List&amp;lt;Class2&amp;gt;&amp;gt; list = new ArrayList&amp;lt;&amp;gt;();
List&amp;lt;Class2&amp;gt; l1 = new ArrayList&amp;lt;&amp;gt;();
l1.add(new Class2(new Class3()));
l1.add(new Class2(new Class3()));
l1.add(new Class2(new Class3()));
list.add(l1);
List&amp;lt;Class2&amp;gt; l2 = new ArrayList&amp;lt;&amp;gt;();
l2.add(new Class2(new Class3()));
l2.add(new Class2(new Class3()));
l2.add(new Class2(new Class3()));
list.add(l2);
&lt;/code&gt;&lt;/pre&gt;
&lt;p&gt;How can I convert the &lt;code&gt;List&lt;/code&gt; &lt;code&gt;list&lt;/code&gt; into a &lt;code&gt;List&amp;lt;Class3&amp;gt;&lt;/code&gt; using the Java 8 Stream API?&lt;/p&gt;</t>
  </si>
  <si>
    <t>2016-09-29 11:56:15.777000+00:00</t>
  </si>
  <si>
    <t>2016-09-29 12:16:18.347000+00:00</t>
  </si>
  <si>
    <t>java|java-8|java-stream</t>
  </si>
  <si>
    <t>Sleeps, waitUntil, waitForVisible, waitForExist webdriverio</t>
  </si>
  <si>
    <t>&lt;p&gt;I am coming from the world of Python and I am a bit confused on how I can add sleeps into my test (only been at JS for a week). I understand that sleeps are not best practice, though I would just like to learn how it can be done. Currently I have a test which launches the browser then immediately fails because the load times on the page. Just for debugging purposes, I would like to pause the test for a couple seconds. This is currently what I have that does not work. Thank you for your responses.&lt;/p&gt;
&lt;pre&gt;&lt;code&gt;var assert = require('assert');
describe('basic login', function() {
it('verify user is able to login', function () {
    browser.url('http://localhost:3000');
    var elem = browser.element('div.accounts-dropdown &amp;gt; div.dropdown-toggle &amp;gt; span');
    //elem.waitForVisible(2000); //not working
    //elem.waitForExist(3000); //not working
    return browser.waitUntil (function async() {
        elem.click();
        browser.setValue('//input', 'sy7nktvw@localhost');
        browser.setValue('//div[2]/input', 'kU3SPn75');
        browser.click("//button[@type='submit']");
        assert('//li/div/button');
    }, 50000, 'something_test');
    //browser.click('div.accounts-dropdown &amp;gt; div.dropdown-toggle &amp;gt; span');
});
&lt;/code&gt;&lt;/pre&gt;
&lt;p&gt;});&lt;/p&gt;</t>
  </si>
  <si>
    <t>2016-07-25 18:44:44.413000+00:00</t>
  </si>
  <si>
    <t>2016-09-23 14:04:08.417000+00:00</t>
  </si>
  <si>
    <t>javascript|node.js|mocha|webdriver-io</t>
  </si>
  <si>
    <t>Validating Captcha after server round-trip and subsequent re-generation of captcha</t>
  </si>
  <si>
    <t>&lt;p&gt;I'm implementing CAPTCHA in my form submission as per Sanderson's book &lt;em&gt;Pro ASP.NET MVC Framework&lt;/em&gt;.&lt;/p&gt;
&lt;p&gt;The view fields are generated with:&lt;/p&gt;
&lt;pre&gt;&lt;code&gt;&amp;lt;%= Html.Captcha("testCaptcha")%&amp;gt;
&amp;lt;%= Html.TextBox("attemptCaptcha")%&amp;gt;
&lt;/code&gt;&lt;/pre&gt;
&lt;p&gt;The VerifyAndExpireSolution helper is not working as his solution is implemented.&lt;/p&gt;
&lt;p&gt;I'm adding validation and when it fails I add a ModelState error message and send the user back to the view as stated in the book:&lt;/p&gt;
&lt;pre&gt;&lt;code&gt;return ModelState.IsValid ? View("Completed", appt) : View();
&lt;/code&gt;&lt;/pre&gt;
&lt;p&gt;But, doing so, generates a new GUID which generates new CAPTCHA text.  &lt;/p&gt;
&lt;p&gt;The problem is, however, that the CAPTCHA hidden field value and the CAPTCHA image url both retain the &lt;em&gt;original&lt;/em&gt; GUID.  So, you'll never be able to enter the correct value.  You basically only have one shot to get it right.&lt;/p&gt;
&lt;p&gt;I'm new to all of this, but it has something to do with the view retaining the values from the first page load.&lt;/p&gt;
&lt;p&gt;Captcha is generated with:&lt;/p&gt;
&lt;pre&gt;&lt;code&gt;public static string Captcha(this HtmlHelper html, string name)
{
    // Pick a GUID to represent this challenge
    string challengeGuid = Guid.NewGuid().ToString();
    // Generate and store a random solution text
    var session = html.ViewContext.HttpContext.Session;
    session[SessionKeyPrefix + challengeGuid] = MakeRandomSolution();
    // Render an &amp;lt;IMG&amp;gt; tag for the distorted text,
    // plus a hidden field to contain the challenge GUID
    var urlHelper = new UrlHelper(html.ViewContext.RequestContext);
    string url = urlHelper.Action("Render", "CaptchaImage", new{challengeGuid});
    return string.Format(ImgFormat, url) + html.Hidden(name, challengeGuid);
}
&lt;/code&gt;&lt;/pre&gt;
&lt;p&gt;And then I try to validate it with:&lt;/p&gt;
&lt;pre&gt;&lt;code&gt;public static bool VerifyAndExpireSolution(HttpContextBase context,
                                       string challengeGuid,
                                       string attemptedSolution)
{
    // Immediately remove the solution from Session to prevent replay attacks
    string solution = (string)context.Session[SessionKeyPrefix + challengeGuid];
    context.Session.Remove(SessionKeyPrefix + challengeGuid);
    return ((solution != null) &amp;amp;&amp;amp; (attemptedSolution == solution));
}
&lt;/code&gt;&lt;/pre&gt;
&lt;p&gt;What about re-building the target field names with the guid?  Then, each field is unique and won't retain the previous form generations' value?&lt;/p&gt;
&lt;p&gt;Or do I just need a different CAPTCHA implementation?&lt;/p&gt;</t>
  </si>
  <si>
    <t>2010-02-02 23:39:51.840000+00:00</t>
  </si>
  <si>
    <t>2011-08-12 23:10:18.563000+00:00</t>
  </si>
  <si>
    <t>I can't get right url in asp.net</t>
  </si>
  <si>
    <t>&lt;p&gt;i need your help.
I have an home button (it exactly is ) in masterpage use for all aspx. Pages is my folder name (it containts my aspx webpages) and it has an "Admin" folder inside (it containts my admin page). It works in all of pages except admin page. when I clicked "Home" from admin page I got "The resource cannot be found." error, and the Url in web browser's address bar is "localhost/Pages/Pages/Home"
I don't know why i get two "Pages" in the Url.
help me please&lt;/p&gt;
&lt;pre&gt;&lt;code&gt;table&amp;gt;
&amp;lt;tr&amp;gt;
    &amp;lt;td width="700px"&amp;gt;
        &amp;lt;ul class="menu"&amp;gt;
            &amp;lt;li&amp;gt;&amp;lt;a href="../Pages/Home.aspx"&amp;gt;Trang ch���&amp;lt;/a&amp;gt; &amp;lt;/li&amp;gt;
            &amp;lt;li class="Parent"&amp;gt;S���n Ph���m
                &amp;lt;ul&amp;gt;
                    &amp;lt;li&amp;gt;&amp;lt;a href="../Pages/DienThoai.aspx"&amp;gt;��i���n tho���i&amp;lt;/a&amp;gt; &amp;lt;/li&amp;gt;
                    &amp;lt;li&amp;gt;&amp;lt;a href="../Pages/MayTinhBang.aspx"&amp;gt;M��y t��nh b���ng&amp;lt;/a&amp;gt; &amp;lt;/li&amp;gt;
                    &amp;lt;li&amp;gt;&amp;lt;a href="../Pages/PhuKien.aspx"&amp;gt;Ph��� ki���n&amp;lt;/a&amp;gt; &amp;lt;/li&amp;gt;
                &amp;lt;/ul&amp;gt;
            &amp;lt;/li&amp;gt;
            &amp;lt;li&amp;gt;&amp;lt;a href="#"&amp;gt;Gi���i thi���u&amp;lt;/a&amp;gt; &amp;lt;/li&amp;gt;
            &amp;lt;li&amp;gt;&amp;lt;a href="#"&amp;gt;G��p ��&amp;lt;/a&amp;gt; &amp;lt;/li&amp;gt;
            &amp;lt;li&amp;gt;&amp;lt;a href="../Pages/DangNhap.aspx"&amp;gt;����ng nh���p&amp;lt;/a&amp;gt; &amp;lt;/li&amp;gt;
            &amp;lt;li&amp;gt;&amp;lt;a href="../Pages/DangKi.aspx"&amp;gt;����ng k��&amp;lt;/a&amp;gt;&amp;lt;/li&amp;gt;
        &amp;lt;/ul&amp;gt;
    &amp;lt;/td&amp;gt;
    &amp;lt;td width="300px"&amp;gt;
        &amp;lt;table cellpadding="0" cellspacing="0" width="100%"&amp;gt;
            &amp;lt;tr&amp;gt;
                &amp;lt;td&amp;gt;
                    &amp;lt;asp:Label ID="lblUser" runat="server" Font-Bold="True" ForeColor="White"&amp;gt;&amp;lt;/asp:Label&amp;gt;
                &amp;lt;/td&amp;gt;
                &amp;lt;td&amp;gt;
                    &amp;lt;asp:HyperLink ID="HyperQuantri" runat="server" Font-Bold="True" ForeColor="White"
                        NavigateUrl="~/HienThi/ThongTin.aspx"&amp;gt;Th��ng tin&amp;lt;/asp:HyperLink&amp;gt;
                &amp;lt;/td&amp;gt;
                &amp;lt;td&amp;gt;
                    &amp;lt;asp:HyperLink ID="HyperThoat" runat="server" Font-Bold="True" ForeColor="White"
                        Visible="False" NavigateUrl="~/HienThi/Thoat.aspx"&amp;gt;Tho��t&amp;lt;/asp:HyperLink&amp;gt;
                &amp;lt;/td&amp;gt;
            &amp;lt;/tr&amp;gt;
        &amp;lt;/table&amp;gt;
    &amp;lt;/td&amp;gt;
&amp;lt;/tr&amp;gt;
&lt;/code&gt;&lt;/pre&gt;
&lt;p&gt;&lt;/p&gt;</t>
  </si>
  <si>
    <t>2013-06-03 16:32:04.203000+00:00</t>
  </si>
  <si>
    <t>2013-06-03 16:52:37.507000+00:00</t>
  </si>
  <si>
    <t>ViewController and drawRect</t>
  </si>
  <si>
    <t>&lt;p&gt;I have a UIViewController and I would like it to call drawRect so i can draw on the view but nothing happens.&lt;/p&gt;
&lt;pre&gt;&lt;code&gt;#import &amp;lt;UIKit/UIKit.h&amp;gt;
@interface ViewController : UIViewController {
...code...
}
@end
&lt;/code&gt;&lt;/pre&gt;
&lt;p&gt;and the implementation&lt;/p&gt;
&lt;pre&gt;&lt;code&gt;#import "ViewController.h"
@implementation ViewController
-(void) drawRect:(CGRect) rect {
draw a pony
}
- (void)viewDidLoad {
}
- (void)didReceiveMemoryWarning {
    // Releases the view if it doesn't have a superview.
    [super didReceiveMemoryWarning];
    // Release any cached data, images, etc that aren't in use.
}
- (void)viewDidUnload {
    [super viewDidUnload];
    // Release any retained subviews of the main view.
    // e.g. self.myOutlet = nil;
}
- (void)dealloc {
    [super dealloc];
}
@end
&lt;/code&gt;&lt;/pre&gt;
&lt;p&gt;But no pony gets drawn on the view when the app is run, what do i do wrong?&lt;/p&gt;</t>
  </si>
  <si>
    <t>2010-06-24 11:34:47.780000+00:00</t>
  </si>
  <si>
    <t>2013-05-07 06:18:22.307000+00:00</t>
  </si>
  <si>
    <t>iphone|cocoa|uiviewcontroller|drawrect</t>
  </si>
  <si>
    <t>How to find a comboxbox having selected user value</t>
  </si>
  <si>
    <t>&lt;p&gt;I do have 5 combobex with same class.&lt;/p&gt;
&lt;p&gt;I would like to find among which combobox has selected value 5 in them&lt;/p&gt;
&lt;p&gt;my attempt:&lt;/p&gt;
&lt;pre&gt;&lt;code&gt;$(document).ready(function($){
    previous = 0;
    $('.check').focus(function () {
        // Store the current value on focus and on change
        previous = this.value;
    }).change(function() {
        // Do something with the previous value after the change
        //change previous container with value
        newVal = this.value; 
        //alert(previous);
        console.log('Old Val: ' + previous + '- new val:' + newVal);
        $lst = $('.ranking option[value=' + newVal + ']:selected');
        console.log('one ' + $lst.length);
        // Make sure the previous value is updated
        previous = this.value;
    });
});
&lt;/code&gt;&lt;/pre&gt;</t>
  </si>
  <si>
    <t>2013-04-25 02:32:20.627000+00:00</t>
  </si>
  <si>
    <t>2013-04-25 02:57:09.060000+00:00</t>
  </si>
  <si>
    <t>2013-04-25 02:39:07.153000+00:00</t>
  </si>
  <si>
    <t>Using react-loadable with Nodemon?</t>
  </si>
  <si>
    <t>&lt;p&gt;I added React-Loadable to an SSR React app. I was using Nodemon to keep the dev server running, but now I always get&lt;/p&gt;
&lt;p&gt;&lt;code&gt;[nodemon] clean exit - waiting for changes before restart&lt;/code&gt;&lt;/p&gt;
&lt;p&gt;This is likely because of the React-Loadable change in &lt;code&gt;server.js&lt;/code&gt;, but I'm not too familiar with how Nodemon works.&lt;/p&gt;
&lt;pre&gt;&lt;code&gt;Loadable.preloadAll().then(() =&amp;gt; {
  app.listen(process.env.PORT || 3000);
});
&lt;/code&gt;&lt;/pre&gt;
&lt;p&gt;Open to switching to webpack-dev-server if that makes things easier.&lt;/p&gt;</t>
  </si>
  <si>
    <t>2018-09-26 01:31:13.943000+00:00</t>
  </si>
  <si>
    <t>nodemon|react-loadable</t>
  </si>
  <si>
    <t>Returning User name into form when registration failed</t>
  </si>
  <si>
    <t>&lt;p&gt;Sorry for my english, it will hard to describe problem. I have user devise model with registration params [:name, :email, :password, :confirm_password] . Problem is in name field. For example if registration was failed because of mismatched password RAILS render new reg. form but name field will be  empty, but i need to set it by previous value. Email filed sets good, because it is a default param of devise gem. Can some one help?&lt;/p&gt;</t>
  </si>
  <si>
    <t>2015-05-31 19:20:29.190000+00:00</t>
  </si>
  <si>
    <t>ruby-on-rails|ruby|devise</t>
  </si>
  <si>
    <t>How to pass querystring value?</t>
  </si>
  <si>
    <t>&lt;p&gt;in my web application  we have show some products demo that we  are  developed  and i have stored that product details on database like &lt;/p&gt;
&lt;pre&gt;&lt;code&gt;tblProduct{Id,ProductName,ProductDescription}
&lt;/code&gt;&lt;/pre&gt;
&lt;p&gt;now suppose  User Click on Download link for Product A so on hyperLink of that page i have pass querystring like Demo Download
so it will redirect to that Inquiryform with ProductName is A  and  i have retrive that Querystring Value On that Inquiry Page  with code &lt;/p&gt;
&lt;pre&gt;&lt;code&gt; string productName = Request.QueryString["ProductName"] as string;
 objInquiry.InquiryFor = productName; 
&lt;/code&gt;&lt;/pre&gt;
&lt;p&gt;Now on next step  whenever User Press Submit Button On that inquiryForm one link should send to his Email ID  That Link is for Perticular that ProductOnly....now On code for Submit button i have Made Querystring like 
 &lt;code&gt;mail.Body += "&amp;lt;a href=\"http://www.abc.co.in/test.aspx?period=" + DateTime.Now + "&amp;amp;ProductName=[]\"&amp;gt;Download Demo Software&amp;lt;/a&amp;gt;";&lt;/code&gt; now my question is how can i pass this productname  means   ProductName is A  so how can i pass this and how can i retrive this on test.aspx page..???pls help me &lt;/p&gt;</t>
  </si>
  <si>
    <t>2013-04-10 08:52:56.637000+00:00</t>
  </si>
  <si>
    <t>2013-04-10 10:22:21.280000+00:00</t>
  </si>
  <si>
    <t>2013-04-10 08:54:05.220000+00:00</t>
  </si>
  <si>
    <t>pandoc-citeproc.exe: could not find locale data for DE-</t>
  </si>
  <si>
    <t>&lt;p&gt;When trying to convert a .md file into .pdf, using pandoc:&lt;/p&gt;
&lt;pre&gt;&lt;code&gt;pandoc --filter pandoc-citeproc input.md -s -o output.pdf
&lt;/code&gt;&lt;/pre&gt;
&lt;p&gt;it throws me an error:&lt;/p&gt;
&lt;pre&gt;&lt;code&gt;pandoc-citeproc.exe: could not find locale data for DE-
pandoc.exe: Error running pandoc-citeproc
Filter returned error status 1
&lt;/code&gt;&lt;/pre&gt;
&lt;p&gt;I really have no clue how pandoc and pandoc-citeproc are working and therefore no idea how to locate the problem. So any help is appreciated.&lt;/p&gt;
&lt;p&gt;I am using: Windows 7 - pandoc 1.17.0.2 - pandoc-citeproc 0.9.1.1&lt;/p&gt;</t>
  </si>
  <si>
    <t>2016-04-14 16:29:35.807000+00:00</t>
  </si>
  <si>
    <t>2016-04-23 10:00:07.600000+00:00</t>
  </si>
  <si>
    <t>markdown|pandoc|bibtex</t>
  </si>
  <si>
    <t>Android APK doesn't have the .so in the right directory</t>
  </si>
  <si>
    <t>&lt;p&gt;I'm working on a relatively simple Android NDK project using Eclipse 3.6. I built my shared library with no problem and ndk-build put it in libs/armaebi (note: I didn't specifiy that directory in either my Android.mk or Application.mk files).  When I tried to run the project on the emulator, I got an UnsatisfiedLinkError.  &lt;/p&gt;
&lt;p&gt;I then went through everything making sure I called System.loadlibrary, verified my header, etc. and everything looked OK. Finally, I noticed that logcat was saying it was looking for the file in ../lib &lt;em&gt;not&lt;/em&gt; ../libs/armeabi. I then manually created a lib directory and put my .so in there, but still got the same error.  When I unzip the APK, I can see that Eclipse is still putting it in the ../lib/armaebi directory. I tried removing/adding the project, looking for a setting, etc. with no luck.&lt;/p&gt;
&lt;p&gt;My question is: what the heck is going on?  Is this something really stupid? A setting somewhere that I just can't seem to find? Or is it somehow dependent on the API version? How does Eclipse decide what directory to put the .so in because it's clearly ignoring the structure I have in the project!&lt;/p&gt;
&lt;p&gt;Thanks to all in advance.&lt;/p&gt;
&lt;p&gt;-Pavel&lt;/p&gt;</t>
  </si>
  <si>
    <t>2011-02-25 07:10:00.403000+00:00</t>
  </si>
  <si>
    <t>2011-12-04 22:56:09.050000+00:00</t>
  </si>
  <si>
    <t>android|eclipse|shared-libraries|android-ndk</t>
  </si>
  <si>
    <t>Are databases hosted with Heroku Postgres persistent?</t>
  </si>
  <si>
    <t>&lt;p&gt;I am building an app on Heroku (with Node.JS) and need persistent data storage. I would have liked to use Redis, but this is a small app and don't want to have to pay for persistence. Is Postgres the same? As in, are Postgres databases persistent?&lt;/p&gt;</t>
  </si>
  <si>
    <t>2017-08-04 00:24:22.340000+00:00</t>
  </si>
  <si>
    <t>2017-08-04 02:56:12.330000+00:00</t>
  </si>
  <si>
    <t>node.js|postgresql|heroku</t>
  </si>
  <si>
    <t>Creating a method and returning object</t>
  </si>
  <si>
    <t>&lt;p&gt;I am extremely stuck on this assignment I have, this is the last part of the assignment and it is going over my head. We were given this code to start off with.&lt;/p&gt;
&lt;pre&gt;&lt;code&gt;import java.util.*;
import java.io.*;
public class TestEmployee2
{
  public static void main(String[] args) throws IOException
  {
    Employee e1 = new Employee2(7, "George Costanza");
    e1.setDepartment("Front Office");
    e1.setPosition("Assistant to the Traveling Secretary");
    e1.setSalary(50000.0);
    e1.setRank(2);
    e1.displayEmployee();
    //Employee e2 = createEmployeeFromFile();
    //e2.displayEmployee();
  }
}
&lt;/code&gt;&lt;/pre&gt;
&lt;p&gt;We were told to create a method called createEmployeeFromFile();. In this method we are to read from a .txt file with a Scanner and use the data to create an Employee object. Now I am confused on two things. First on the method type I should be using, and how to create an object with the data from the .txt file. This is the first time we have done this and it is difficult for me. Employee1 works fine, but when trying to create my method I get stuck on what to create it as.&lt;/p&gt;
&lt;p&gt;Here is my rough draft code for right now.&lt;/p&gt;
&lt;pre&gt;&lt;code&gt;import java.util.*;
import java.io.*;
public class TestEmployee2
{
  public static void main(String[] args) throws IOException
  {
    EckEmployee2 e1 = new EckEmployee2(7, "George Costanza");
    EckEmployee2 e2 = createEmployeeFromFile();
    e1.setDepartment("Front Office");
    e1.setPosition("Assistant to the Traveling Secretary");
    e1.setSalary(50000.0);
    e1.setRank(2);
    e2.setNumber();
    e2.setName();
    e2.setDepartment();
    e2.setPosition();
    e2.setSalary();
    e2.setRank();
    e1.displayEmployee();
    e2.displayEmployee();
  }
  createEmployeeFromFile(){
    File myFile = new File("employee1.txt");
    Scanner kb = new Scanner(myFile);
 }
}
&lt;/code&gt;&lt;/pre&gt;
&lt;p&gt;I am not expecting to get the answer just someone to point me in the right direction. Any help is greatly appreciated.&lt;/p&gt;
&lt;p&gt;Here is my code from my main class.&lt;/p&gt;
&lt;pre&gt;&lt;code&gt;public class EckEmployee2 {
 private int rank;
 private double number;
 private double salary;
 private String name;
 private String department;
 private String position;
 public EckEmployee2() {
  number = 0;
  name = null;
  department = null;
  position = null;
  salary = 0;
  rank = 0;
 }
 public EckEmployee2(double number, String name) {
   this.number = number;
   this.name = name;
 }
 public EckEmployee2(double number, String name, String department, String position, double salary, int rank) {
  this.number = number;
  this.name = name;
  this.department = department;
  this.position = position;
  this.salary = salary;
  this.rank = rank;
 }
 public void setNumber(double num) {
  this.number = num;
 }
 public double getNumber() {
  return this.number;
 }
 public void setName(String nam) {
  this.name = nam;
 }
 public String getName() {
  return this.name;
 }
 public void setDepartment(String dept) {
  this.department = dept;
 }
 public String getDepartment() {
  return this.department;
 }
 public void setPosition(String pos) {
  this.position = pos;
 }
 public String getPosition() {
  return this.position;
 }
 public void setSalary(double sal) {
  this.salary = sal;
 }
 public double getSalary() {
  return this.salary;
 }
 public void setRank(int ran) {
  this.rank = ran;
 }
 public int getRank() {
  return this.rank;
 }
 public boolean checkBonus() {
  boolean bonus = false;
  if (rank &amp;lt; 5) {
   bonus = false;
  } else if (rank &amp;gt;= 5)
   bonus = true;
  return bonus;
 }
 public void displayEmployee() {
  if (checkBonus() == true) {
   System.out.println("-------------------------- ");
   System.out.println("Name: " + name);
   System.out.printf("Employee Number: %09.0f\n" , number, "\n");
   System.out.println("Department: \n" + department);
   System.out.println("Position: \n" + position);
   System.out.printf("Salary: %,.2\n" , salary);
   System.out.println("Rank: \n" + rank);
   System.out.printf("Bonus: $\n", 1000);
   System.out.println("-------------------------- ");
  } else if (checkBonus() == false)
   System.out.println("--------------------------");
   System.out.println("Name: " + name);
   System.out.printf("Employee Number: %09.0f\n" , number, "\n");
   System.out.println("Department: " + department);
   System.out.println("Position: " + position);
   System.out.printf("Salary: %,.2f\n" , salary);
   System.out.println("Rank: " + rank);
   System.out.println("-------------------------- ");
 }
}
&lt;/code&gt;&lt;/pre&gt;
&lt;p&gt;To make things more clear here are the directions &lt;/p&gt;
&lt;blockquote&gt;
  &lt;p&gt;Create a method in TestEmployee2 called createEmployeeFromFile() that will read data from a file and create, populate and return an Employee object.   The file it will read from is called employee1.txt, which is provided.  Hard code the name of the file in the method.  This file contains the employee���s number, name, department, position, salary and rank. Create a Scanner object and use the Scanner class���s methods to read the data in the file and use this data to create the Employee object.  Finally return the employee object.  &lt;/p&gt;
&lt;/blockquote&gt;</t>
  </si>
  <si>
    <t>2018-11-18 22:35:06.427000+00:00</t>
  </si>
  <si>
    <t>2018-11-18 23:01:03.930000+00:00</t>
  </si>
  <si>
    <t>2018-11-18 22:45:11.613000+00:00</t>
  </si>
  <si>
    <t>How do you switch from heatmap to clickable markers with Google Maps JS API?</t>
  </si>
  <si>
    <t>&lt;p&gt;I want to have a heat map for the initial view of my data, but when someone scrolls closer in, I want the heatmap to change to clickable markers. Right now it loads both. How do I make it change?&lt;/p&gt;
&lt;p&gt;Javascript:&lt;/p&gt;
&lt;pre&gt;&lt;code&gt;&amp;lt;script&amp;gt;
  var map;
   function initMap() {
     var infowindow = new google.maps.InfoWindow();
     var mapDiv = document.getElementById('map');
         var map = new google.maps.Map(mapDiv, {
           center: {lat: 39.2888414, lng: -76.6099112},
           zoom: 12
   });
   google.maps.event.addListener(map, 'click', function() {
     infowindow.close();
     });
   map.data.loadGeoJson('https://data.baltimorecity.gov/resource/4ih5-d5d5.geojson?description=SHOOTING');
   map.data.loadGeoJson('https://data.baltimorecity.gov/resource/4ih5-d5d5.geojson?description=HOMICIDE');
   var data;
   $.ajax({
      dataType: "json",
      url: "https://data.baltimorecity.gov/resource/4ih5-d5d5.geojson?description=SHOOTING",
      data: data,
      success: letsGo
    });
  var JSONLoaded;
   var latLngList = [];
  var heatMapData = [];
   function letsGo(mapData){
     console.log(mapData.features.length);
   for (i=0; i &amp;lt; mapData.features.length; i++){
   tempLocation = mapData.features[i]
   latLngList.push(tempLocation.geometry.coordinates);
   //console.log(latLngList);
    }
 console.log(latLngList);
 console.log(latLngList.length);
   for (i=0; i &amp;lt; latLngList.length; i++){
     var tempLat = latLngList[i][1];
     var tempLong = latLngList[i][0];
     var tempVar = new google.maps.LatLng(tempLat, tempLong);
     heatMapData.push(new google.maps.LatLng(tempLat, tempLong));
    //  console.log(tempLat);
    //  console.log(tempLong);
   }
 var pointArray = new google.maps.MVCArray(heatMapData);
 console.log(pointArray);
   var heatmap = new google.maps.visualization.HeatmapLayer({
     data: pointArray
   });
   console.log("got to heatmap");
   heatmap.setMap(map);
 }
   map.data.addListener('click', function(event) {
        infowindow.setContent(event.feature.getProperty('description')+"&amp;lt;br&amp;gt;"+event.feature.getProperty('crimedate'));
        infowindow.setPosition(event.latLng);
        infowindow.setOptions({pixelOffset: new google.maps.Size(0,-34)});
        infowindow.open(map);
     });
   google.maps.event.addDomListener(window, 'load', initMap);
   }
&amp;lt;/script&amp;gt;
&lt;/code&gt;&lt;/pre&gt;</t>
  </si>
  <si>
    <t>2016-04-25 22:14:54.160000+00:00</t>
  </si>
  <si>
    <t>2016-04-25 22:33:04.177000+00:00</t>
  </si>
  <si>
    <t>javascript|google-maps|google-maps-api-3|maps</t>
  </si>
  <si>
    <t>Mockito local variable</t>
  </si>
  <si>
    <t>&lt;p&gt;I am using mockito with spring (java 1.8) and I am trying to use a local variable inside my Answer object:&lt;/p&gt;
&lt;pre&gt;&lt;code&gt;public IProductDTO productForMock = null;
@Bean
@Primary
public ICouchbaseDTOProvider mockCreateProductDelegate() {
    CouchbaseDTOProvider mockService = mock(CouchbaseDTOProvider.class);
    Mockito.when(mockService.get(anyString(), ProductDTO.class)).thenReturn((IBaseCouchbaseDTO) productForMock);
    Mockito.when(mockService.getEnvironment()).thenReturn(null);
    Mockito.when(mockService.insert((IBaseCouchbaseDTO) anyObject())).thenAnswer(
            new Answer&amp;lt;IProductDTO&amp;gt;() {
                @Override
                public IProductDTO answer(InvocationOnMock invocation) throws Throwable {
                    productForMock = invocation.getArgumentAt(0, IProductDTO.class);
                    return null;
                }
            }
    );
    return mockService;
}
&lt;/code&gt;&lt;/pre&gt;
&lt;p&gt;But I am getting this error:&lt;/p&gt;
&lt;pre&gt;&lt;code&gt;This exception may occur if matchers are combined with raw values:
    //incorrect:
    someMethod(anyObject(), "raw String");
When using matchers, all arguments have to be provided by matchers.
For example:
    //correct:
    someMethod(anyObject(), eq("String by matcher"));
&lt;/code&gt;&lt;/pre&gt;</t>
  </si>
  <si>
    <t>2017-10-30 16:45:40.630000+00:00</t>
  </si>
  <si>
    <t>2017-10-31 16:49:11.100000+00:00</t>
  </si>
  <si>
    <t>java|spring|mocking|mockito</t>
  </si>
  <si>
    <t>Style of bitwise operators in Python</t>
  </si>
  <si>
    <t>&lt;p&gt;I can't find in PEPs information about style of bitwise operators (|, &amp;amp;), in this code in particular:&lt;/p&gt;
&lt;pre&gt;&lt;code&gt;class MySplashScreen(wx.SplashScreen):
    def __init__(self, parent=None):
        wx.SplashScreen.__init__(self, logo.getBitmap(), wx.SPLASH_CENTRE_ON_SCREEN | wx.SPLASH_TIMEOUT, 2000, parent)
&lt;/code&gt;&lt;/pre&gt;
&lt;p&gt;Should I use spaces in this case (&lt;strong&gt;wx.SPLASH_CENTRE_ON_SCREEN | wx.SPLASH_TIMEOUT&lt;/strong&gt;)?&lt;/p&gt;</t>
  </si>
  <si>
    <t>2013-02-04 00:38:30.360000+00:00</t>
  </si>
  <si>
    <t>2013-02-04 00:53:56.470000+00:00</t>
  </si>
  <si>
    <t>python|pep</t>
  </si>
  <si>
    <t>How to print out line in Javascript</t>
  </si>
  <si>
    <t>&lt;p&gt;I want to test the return value of this function getFileExtension(input.files[0].name)  (I have a comment there to point at that line)
My question is how to print out that value in javascript? Thanks!&lt;/p&gt;
&lt;pre class="lang-html prettyprint-override"&gt;&lt;code&gt;&amp;lt;script&amp;gt;
    function getFileExtension(filename) {
        var ext=filename.split('.').pop();
        return ext
    }
&amp;lt;/script&amp;gt;
&amp;lt;input type='file' onchange="readURL(this);"&amp;gt; 
&amp;lt;script&amp;gt;
function readURL(input) {
    if (input.files &amp;amp;&amp;amp; input.files[0]) {
        if (getFileExtension(input.files[0].name)=="png") { // this line is our problem 
            var reader = new FileReader();
            reader.onload = function (e) {
                document.getElementById("pdf").innerHTML="&amp;lt;img id='blah' src=" +
                                       e.target.result + " alt='your image' width='450'&amp;gt;"
            }
            reader.readAsDataURL(input.files[0]);
        }
    }
}
&amp;lt;/script&amp;gt;
&lt;/code&gt;&lt;/pre&gt;</t>
  </si>
  <si>
    <t>2013-07-10 19:27:58.093000+00:00</t>
  </si>
  <si>
    <t>2018-09-23 18:07:33.313000+00:00</t>
  </si>
  <si>
    <t>2013-07-10 20:52:16.073000+00:00</t>
  </si>
  <si>
    <t>Decryption failed with error: 0 when Update-SPSolution</t>
  </si>
  <si>
    <t>&lt;p&gt;When I want to update WSP file to SharePoint 2013 using below PowerShell command:&lt;/p&gt;
&lt;pre&gt;&lt;code&gt;Update-SPSolution ���Identity SystemIntegrator.wsp ���LiteralPath c:\WSPUpdate\SystemIntegrator.wsp ���GACDeployment 
&lt;/code&gt;&lt;/pre&gt;
&lt;p&gt;I encountered the error:&lt;/p&gt;
&lt;blockquote&gt;
  &lt;p&gt;System.ArgumentException: Error during decryption. System error code 0.&lt;br&gt;
   at Microsoft.SharePoint.Administration.SPCredentialManager.DecryptWithKey(Byte[] rgbEncryptedPassphrase, Byte[] rgbKey)&lt;br&gt;
   at Microsoft.SharePoint.Administration.SPCredentialManager.GetFarmEncryptionKey(SPFarm farm)&lt;br&gt;
   at Microsoft.SharePoint.Administration.SPCredentialManager.EncryptWithMasterKey(SecureString sstrPassphrase)&lt;br&gt;
   at Microsoft.SharePoint.Administration.SPEncryptedString.SetSecureStringValue(SecureString sstrValue)&lt;br&gt;
   at Microsoft.SharePoint.Administration.SPSolutionDeploymentJobDefinition.Update()&lt;br&gt;
   at Microsoft.SharePoint.Administration.SPSolutionLanguagePack.CreateSolutionDeployTimerJob(DateTime dt, Collection`1 webApplications, SPSolutionDeploymentJobType jobType, Boolean globalInstallDlls, Boolean force, Boolean isRestore, SPCompatibilityRange compatibilityRange)&lt;br&gt;
   at Microsoft.SharePoint.Administration.SPSolutionLanguagePack.Upgrade(String path, DateTime dt, Boolean isRestore)&lt;br&gt;
   at Microsoft.SharePoint.PowerShell.SPCmdletUpdateSolution.InternalProcessRecord()&lt;br&gt;
   at Microsoft.SharePoint.PowerShell.SPCmdlet.ProcessRecord() &lt;/p&gt;
&lt;/blockquote&gt;
&lt;p&gt;But I can updated it in test environment successfully. The update account is an administrator. I dug into the log and found no more useful information.&lt;/p&gt;
&lt;p&gt;How should I do this? Any comments should be appreciated! &lt;/p&gt;</t>
  </si>
  <si>
    <t>2018-05-22 17:17:51.227000+00:00</t>
  </si>
  <si>
    <t>2018-05-22 17:20:40.147000+00:00</t>
  </si>
  <si>
    <t>c#|powershell|sharepoint-2013|deploying</t>
  </si>
  <si>
    <t>How do I actually get somewhere in GUI programming?</t>
  </si>
  <si>
    <t>&lt;p&gt;I am an undergraduate student. I was exposed to basic programming couple of years back in school. Till now I have an understanding of Core Java, Core Python and basic C and C++.&lt;/p&gt;
&lt;p&gt;Every time I start off with some GUI programming so as I can start off with a project of mine, I get boggled by the sheer amount which is to be done, API to be learnt, MVC architecture and everything programmers talk about, event handling etc etc.&lt;/p&gt;
&lt;p&gt;Studied awt and swings for a while. Tried my hands on Qt and Gtk, could not find much of documentation. Tried to make sense of pygame. I end up at the same place, knowing the core language.&lt;/p&gt;
&lt;p&gt;Tkinter on my zenwalk Linux is broken so could never start it athough I own a book on python with Tkinter explained.&lt;/p&gt;
&lt;p&gt;But I end up at the same place, with just the basic understanding of the language.&lt;/p&gt;
&lt;p&gt;Want to start over, seriously now. I would like to choose python. How should I go about studying GUI programming?&lt;/p&gt;
&lt;p&gt;I need some Internet resources and direction so that I don't end up at the same place!&lt;/p&gt;</t>
  </si>
  <si>
    <t>2009-12-07 19:42:50.247000+00:00</t>
  </si>
  <si>
    <t>2009-12-09 19:43:47.980000+00:00</t>
  </si>
  <si>
    <t>2009-12-08 16:17:44.480000+00:00</t>
  </si>
  <si>
    <t>java|user-interface</t>
  </si>
  <si>
    <t>what is the best Serializable replacement for "Set" and "Collection" interfaces?</t>
  </si>
  <si>
    <t>&lt;p&gt;I have to serialize Collection and Set interfaces. Which are the best Serializable replacements for those interfaces on Java?&lt;/p&gt;</t>
  </si>
  <si>
    <t>2012-01-20 11:15:26.567000+00:00</t>
  </si>
  <si>
    <t>2012-01-20 11:26:02.853000+00:00</t>
  </si>
  <si>
    <t>riot jsfiddle breaks when adding a tag function</t>
  </si>
  <si>
    <t>&lt;p&gt;This fiddle is broken.  Remove the oops function to fix it.  What do I do when I need the oops function?
&lt;a href="https://jsfiddle.net/mvvapzub/1/" rel="nofollow"&gt;https://jsfiddle.net/mvvapzub/1/&lt;/a&gt;&lt;/p&gt;
&lt;pre&gt;&lt;code&gt;oops(e) {
}
&lt;/code&gt;&lt;/pre&gt;
&lt;p&gt;Here is a fiddle that has a riot function (isFolder) and it's not broken.
&lt;a href="https://jsfiddle.net/walkermatt/1vdo5pmf/1/" rel="nofollow"&gt;https://jsfiddle.net/walkermatt/1vdo5pmf/1/&lt;/a&gt;&lt;/p&gt;</t>
  </si>
  <si>
    <t>2015-06-26 23:00:48.647000+00:00</t>
  </si>
  <si>
    <t>2015-06-27 18:17:53.573000+00:00</t>
  </si>
  <si>
    <t>jsfiddle|riot.js</t>
  </si>
  <si>
    <t>PHP function use variable from outside</t>
  </si>
  <si>
    <t>&lt;pre&gt;&lt;code&gt;function parts($part) { 
    $structure = 'http://' . $site_url . 'content/'; 
    echo($tructure . $part . '.php'); 
}
&lt;/code&gt;&lt;/pre&gt;
&lt;p&gt;This function uses a variable &lt;code&gt;$site_url&lt;/code&gt; that was defined at the top of this page, but this variable is not being passed into the function. &lt;/p&gt;
&lt;p&gt;How do we get it to return in the function?&lt;/p&gt;</t>
  </si>
  <si>
    <t>2012-06-18 16:09:55.750000+00:00</t>
  </si>
  <si>
    <t>2018-09-22 17:32:26.557000+00:00</t>
  </si>
  <si>
    <t>2012-06-18 19:33:15.323000+00:00</t>
  </si>
  <si>
    <t>php|function|variables</t>
  </si>
  <si>
    <t>DevExpress - windows forms application1 has encountered a problem and needs to close?</t>
  </si>
  <si>
    <t>&lt;p&gt;I've playing around with DevExpress gauges. Works fine on my computer, yet when I build the .exe file and give it to someone, his computer shows "windows forms application1 has encountered a problem and needs to close".&lt;/p&gt;
&lt;p&gt;Any ideas what might be causing it?
Thanks!&lt;/p&gt;</t>
  </si>
  <si>
    <t>2010-12-26 17:29:41.197000+00:00</t>
  </si>
  <si>
    <t>2010-12-26 17:43:13.187000+00:00</t>
  </si>
  <si>
    <t>c#|devexpress</t>
  </si>
  <si>
    <t>Mongo query search updateOne $elemmatch</t>
  </si>
  <si>
    <t>&lt;p&gt;I'm having trouble updating my database. I have a surveys collection and each document is as follows: &lt;/p&gt;
&lt;pre&gt;&lt;code&gt;{
    "_id": {
        "$oid": "5aaf4f7984521736d88db4bb"
    },
    "title": "4242 ",
    "body": "4242 ",
    "subject": "4242 ",
    "recipients": [
        {
            "email": "a@gmail.com",
            "responded": false,
            "_id": {
                "$oid": "5ab04084be3c1529bcbdcd6e"
            }
        },
        {
            "email": " b@gmail.com",
            "responded": false,
            "_id": {
                "$oid": "5ab04084be3c1529bcbdcd6d"
            }
        },
        {
            "email": " c@gmail.com",
            "responded": false,
            "_id": {
                "$oid": "5ab04084be3c1529bcbdcd6c"
            }
        },
        {
            "email": " d@gmail.com",
            "responded": false,
            "_id": {
                "$oid": "5ab04084be3c1529bcbdcd6b"
            }
        },
        {
            "email": " e@gmail.com",
            "responded": false,
            "_id": {
                "$oid": "5ab04084be3c1529bcbdcd6a"
            }
        }
    ],
    "_user": {
        "$oid": "5aa5edbf8887a21af8a8db4c"
    },
    "dateSent": {
        "$date": "2018-03-20T00:11:55.943Z"
    },
    "yes": 0,
    "no": 0,
    "__v": 0
}
&lt;/code&gt;&lt;/pre&gt;
&lt;p&gt;I'm calling this on my back-end using mongoose to try and update my database whenever a user responded to a survey.&lt;/p&gt;
&lt;pre&gt;&lt;code&gt;const Survey = mongoose.model('surveys');
Survey.updateOne(
    {
        _id: surveyId,
        recipients: {
            $elemMatch: { email: email, responded: false }
        }
    }, 
    {
        $inc: { [choice]: 1 },
        $set: { 'recipients.$.responded': true }
    }
).exec();
&lt;/code&gt;&lt;/pre&gt;
&lt;p&gt;But the update is only successful when the query matches the first object in the recipients array. For example, this would work. The query successfully updates the survey document and the recipient subdocument.&lt;/p&gt;
&lt;pre&gt;&lt;code&gt;Survey.updateOne(
    {
        _id: surveyId,
        recipients: {
            $elemMatch: { email: "a@gmail.com", responded: false }
        }
    }, 
    {
        $inc: { [choice]: 1 },
        $set: { 'recipients.$.responded': true }
    }
).exec();
&lt;/code&gt;&lt;/pre&gt;
&lt;p&gt;But this doesn't work&lt;/p&gt;
&lt;pre&gt;&lt;code&gt;Survey.updateOne(
    {
        _id: surveyId,
        recipients: {
            $elemMatch: { email: "b@gmail.com", responded: false }
        }
    }, 
    {
        $inc: { [choice]: 1 },
        $set: { 'recipients.$.responded': true }
    }
).exec();
&lt;/code&gt;&lt;/pre&gt;
&lt;p&gt;These are my schemas&lt;/p&gt;
&lt;pre&gt;&lt;code&gt;const surveySchema = new Schema({
    title: String,
    body: String,
    subject: String,
    recipients: [RecipientSchema],
    yes: { type: Number, default: 0 },
    no: { type: Number, default: 0 },
    _user: { type: Schema.Types.ObjectId, ref: 'User' },
    dateSent: Date,
    lastResponded: Date
});
const recipientSchema = new Schema({
    email: String,
    responded: { type: Boolean, default: false }
});
&lt;/code&gt;&lt;/pre&gt;
&lt;p&gt;When I use node to try to query the database manually, it also only returns the survey when the query matches the first recipient subdocument.&lt;/p&gt;
&lt;p&gt;This successfully finds the survey and returns it.&lt;/p&gt;
&lt;pre&gt;&lt;code&gt;Survey.find(
    {   
        _id: "5aaf4f7984521736d88db4bb", 
        recipients: { 
            $elemMatch: {
                email: "a@gmail.com",
                responded: false
            }
    }
}).then(console.log)
&lt;/code&gt;&lt;/pre&gt;
&lt;p&gt;These don't&lt;/p&gt;
&lt;pre&gt;&lt;code&gt;Survey.find(
    {   
        _id: "5aaf4f7984521736d88db4bb", 
        recipients: { 
            $elemMatch: {
                email: "b@gmail.com",
                responded: false
            }
    }
}).then(console.log)
Survey.find(
    {   
        _id: "5aaf4f7984521736d88db4bb", 
        recipients: { 
            $elemMatch: {
                email: "c@gmail.com",
                responded: false
            }
    }
}).then(console.log)
&lt;/code&gt;&lt;/pre&gt;
&lt;p&gt;I have been trying to look up how $elemMatch works and someone told me that I can't query the properties of objects inside the recipients array, and that I can only query its IDs. &lt;/p&gt;</t>
  </si>
  <si>
    <t>2018-03-20 09:12:09.077000+00:00</t>
  </si>
  <si>
    <t>2018-04-20 20:27:34.497000+00:00</t>
  </si>
  <si>
    <t>2018-03-20 09:45:44.843000+00:00</t>
  </si>
  <si>
    <t>javascript|mongodb|mongoose</t>
  </si>
  <si>
    <t>Angular2 Service not persisting data</t>
  </si>
  <si>
    <t>&lt;p&gt;This is my first Angular app and it's based on the &lt;a href="https://angular.io/docs/ts/latest/tutorial/" rel="nofollow"&gt;tutorial&lt;/a&gt;.&lt;/p&gt;
&lt;p&gt;I created a &lt;code&gt;CartService&lt;/code&gt; to manage my shopping cart, a &lt;code&gt;CartComponent&lt;/code&gt; to show in my navbar, and a &lt;code&gt;CartReviewComponent&lt;/code&gt; for reviewing the cart.&lt;/p&gt;
&lt;p&gt;The &lt;code&gt;CartService&lt;/code&gt; is in the providers array of the &lt;code&gt;app.module.ts&lt;/code&gt;. &lt;strong&gt;This, I believe, essentially creates a singleton.&lt;/strong&gt;&lt;/p&gt;
&lt;p&gt;The &lt;code&gt;NavbarComponent&lt;/code&gt; is in the &lt;code&gt;app.component.html&lt;/code&gt; file with the routing.&lt;/p&gt;
&lt;p&gt;When a product is added to the cart, the &lt;code&gt;CartComponent&lt;/code&gt; in the navbar observes the change and updates to show the total $. &lt;/p&gt;
&lt;p&gt;As soon as I route somewhere else (another page, or cart-review) then the &lt;code&gt;CartComponent&lt;/code&gt; in the navbar shows an empty cart. &lt;/p&gt;
&lt;p&gt;How can I get the data to persist in the cart so when I change pages the cart isn't empty?&lt;/p&gt;
&lt;p&gt;Thanks. &lt;/p&gt;
&lt;p&gt;Here's the &lt;code&gt;CartService&lt;/code&gt;:  &lt;/p&gt;
&lt;pre&gt;&lt;code&gt;import {Injectable} from "@angular/core";
import {OrderedItem} from "../models/OrderedItem";
import {Subject} from "rxjs/Subject";
@Injectable()
export class CartService {
private orderedItems: OrderedItem[] = [];
//observable number sources
private cartPriceTotalSource = new Subject&amp;lt;number&amp;gt;();
private cartItemTotalSource = new Subject&amp;lt;number&amp;gt;();
//observable number streams
cartPriceTotal$ = this.cartPriceTotalSource.asObservable();
cartItemTotal$ = this.cartItemTotalSource.asObservable();
//message commands
addToCart(item: OrderedItem) {
    this.orderedItems.push(item);
    this.calculateCartTotals();
}
private calculateCartTotals()
{
    let items = 0;
    let price = 0;
    this.orderedItems.forEach((element) =&amp;gt; {
        items += element.quantity;
        price += element.quantity * element.item.price;
    });
    this.cartItemTotalSource.next(items);
    this.cartPriceTotalSource.next(price);
}
}
&lt;/code&gt;&lt;/pre&gt;
&lt;p&gt;*******UPDATE**********&lt;/p&gt;
&lt;p&gt;Here's the &lt;code&gt;CartComponent&lt;/code&gt;:&lt;/p&gt;
&lt;pre&gt;&lt;code&gt;import {Component} from "@angular/core";
import {OrderedItem} from "../../models/OrderedItem";
import {CartService} from "../../services/cart.service";
@Component({
    selector: "my-cart",
    templateUrl: "app/components/cart/cart.component.html",
    styleUrls: ["app/components/cart/cart.component.css"]
})
export class CartComponent {
    itemTotal: number = 0;
    priceTotal: number = 0;
    constructor(
        private cartService: CartService
    ) {
        cartService.cartItemTotal$.subscribe(
            itemTotal =&amp;gt; this.itemTotal = itemTotal
        );
        cartService.cartPriceTotal$.subscribe(
             priceTotal =&amp;gt; this.priceTotal = priceTotal
        );
    }
}
&lt;/code&gt;&lt;/pre&gt;</t>
  </si>
  <si>
    <t>2016-09-14 19:55:02.320000+00:00</t>
  </si>
  <si>
    <t>2016-09-21 04:30:21.557000+00:00</t>
  </si>
  <si>
    <t>2016-09-14 20:30:02.150000+00:00</t>
  </si>
  <si>
    <t>angularjs|angular</t>
  </si>
  <si>
    <t>Fatal error encountered during command execution MySQL C# VisualStudio</t>
  </si>
  <si>
    <t>&lt;p&gt;I have this error in a connection to MySQL. Code:                     .................................................................................&lt;/p&gt;
&lt;pre&gt;&lt;code&gt;public clsProductos ObtenerProductosClave(clsProductos pb)
        {
            clsProductos p = new clsProductos();
            MySqlConnection con = new MySqlConnection();
            MySqlCommand query = new MySqlCommand();
            try
            {
                con.ConnectionString = "server=localhost; database=sistema_tiendas; user=root; pwd=root";
                con.Open();
                string sql = "select * from productos where clave=@clave";
                query = new MySqlCommand(sql, con);
                query.Parameters.AddWithValue("@codigo", pb.codigo);
                MySqlDataReader dr = query.ExecuteReader();
                int cont = 0;
                while (dr.Read())
                {
                    cont++;
                    p.codigo = dr.GetString("clave");
                    p.nombre = dr.GetString("nombre");
                    p.precio = dr.GetDouble("precio");
                    p.idCategoria = dr.GetInt32("idCategoria");
                }
                if (cont == 0)
                {
                    return null;
                }
                else
                {
                    return p;
                }
            }
            catch (Exception e)
            {
                return null;
            }
            finally
            {
                query.Dispose();
                con.Close();
                con.Dispose();
            }
        }
&lt;/code&gt;&lt;/pre&gt;
&lt;p&gt;The MySQL service looks good, I do not know what the problem is.&lt;/p&gt;</t>
  </si>
  <si>
    <t>2018-11-25 02:24:54.013000+00:00</t>
  </si>
  <si>
    <t>2018-11-25 02:31:04.387000+00:00</t>
  </si>
  <si>
    <t>c#|mysql</t>
  </si>
  <si>
    <t>EM Problem involving 3 coins</t>
  </si>
  <si>
    <t>&lt;p&gt;I'm working on an estimation problem using the EM algorithm. The problem is as follows: &lt;/p&gt;
&lt;p&gt;You have 3 coins with probabilities of being heads P1, P2, and P3 respectively. You flip coin 1. If coin 1=H, then you flip coin 2; if coin 1=T, then you flip coin 3. You only record whether coin 2 or 3 is heads or tails, not which coin was flipped. So the observations are strings of heads and tails, but nothing else. The problem is to estimate P1, P2, and P3.&lt;/p&gt;
&lt;p&gt;My R code to do this is below. It's not working, and I can't figure out why. Any thoughts would be appreciated as I think this is a pretty crafty problem.&lt;/p&gt;
&lt;p&gt;Ben&lt;/p&gt;
&lt;pre&gt;&lt;code&gt;###############
#simulate data
p1&amp;lt;-.8
p2&amp;lt;-.8
p3&amp;lt;-.3
tosses&amp;lt;-1000
rbinom(tosses,size=1,prob=p1)-&amp;gt;coin.1
pv&amp;lt;-rep(p3,tosses)
pv[coin.1==1]&amp;lt;-p2
#face now contains the probabilities of a head
rbinom(tosses,size=1,prob=pv)-&amp;gt;face
rm(list=(ls()[ls()!="face"])) 
#face is all you get to see!
################
#e-step
e.step&amp;lt;-function(x,theta.old) {
    fun&amp;lt;-function(p,theta.old,x) {
        theta.old[1]-&amp;gt;p1
        theta.old[2]-&amp;gt;p2
        theta.old[3]-&amp;gt;p3
        log(p1*p2^x*(1-p2)^(1-x))*(x*p1*p2+(1-x)*p1*(1-p2))-&amp;gt;tmp1 #this is the first part of the expectation
        log((1-p1)*p3^x*(1-p3)^(1-x))*(x*(1-p1)*p3+(1-x)*(1-p1)*(1-p3))-&amp;gt;tmp2 #this is the second
        mean(tmp1+tmp2)
    }
    return(fun)
}
#m-step
m.step&amp;lt;-function(fun,theta.old,face) {
    nlminb(start=runif(3),objective=fun,theta.old=theta.old,x=face,lower=rep(.01,3),upper=rep(.99,3))$par
}
#initial estimates
length(face)-&amp;gt;N
iter&amp;lt;-200
theta&amp;lt;-matrix(NA,iter,3)
c(.5,.5,.5)-&amp;gt;theta[1,]
for (i in 2:iter) {
    e.step(face,theta[i-1,])-&amp;gt;tmp
    m.step(tmp,theta[i-1,],face)-&amp;gt;theta[i,]
    print(c(i,theta[i,]))
    if (max(abs(theta[i,]-theta[i-1,]))&amp;lt;.005) break("conv")
}
#note that this thing isn't going anywhere!
&lt;/code&gt;&lt;/pre&gt;</t>
  </si>
  <si>
    <t>2011-04-16 01:03:35.587000+00:00</t>
  </si>
  <si>
    <t>2012-09-23 23:03:12.587000+00:00</t>
  </si>
  <si>
    <t>algorithm|r</t>
  </si>
  <si>
    <t>How can I send form content with different subjects</t>
  </si>
  <si>
    <t>&lt;p&gt;I need help with my contact formular on &lt;a href="http://robert-richter.com" rel="nofollow"&gt;http://robert-richter.com&lt;/a&gt; under the navigation point Kontakt. I want to send this form with different subjects. Dependung on with option is selected in the drop down menu, I want to create an individual subject. The reason why I want to do this is because I want to use a filter in my email account wich saves emails based on the sibject title.&lt;/p&gt;
&lt;p&gt;Example:&lt;/p&gt;
&lt;p&gt;Contact Form Name: John Alex Option Selected: Anfrage pers��nlich // german for private request&lt;/p&gt;
&lt;p&gt;Subject in Mailbox: Pers��nliche Anfrage von Alex John 23/08/2013&lt;/p&gt;
&lt;p&gt;Filter 'Pers��nliche Anfrage von' and save it in the folder 'Pers��nliche Anfragen' (eng: Private Requests)&lt;/p&gt;
&lt;p&gt;Im brand new to jQuery. This is what I got so far:&lt;/p&gt;
&lt;pre&gt;&lt;code&gt;&amp;lt;form action="#" method="post" title="Kontaktformular" class="ajax"&amp;gt;
&amp;lt;div&amp;gt;&amp;lt;label for="name"&amp;gt;Name&amp;lt;/label&amp;gt;
    &amp;lt;input name="name" type="text" title="Name"&amp;gt;&amp;lt;/div&amp;gt;
&amp;lt;div&amp;gt;&amp;lt;label for="email"&amp;gt;E-Mail-Adresse&amp;lt;/label&amp;gt;
    &amp;lt;input name="email" type="text" title="Email"&amp;gt;&amp;lt;/div&amp;gt;
&amp;lt;div&amp;gt;&amp;lt;label for="auswahl"&amp;gt;Pr��fix&amp;lt;/label&amp;gt;
&amp;lt;label class="label"&amp;gt;
    &amp;lt;select name="auswahl" class="dropdown"&amp;gt;
    &amp;lt;option selected value="Webdesign"&amp;gt;Anfrage Webdesign&amp;lt;/option&amp;gt;
    &amp;lt;option value="Persoenlich"&amp;gt;Anfrage pers��nlich&amp;lt;/option&amp;gt;
    &amp;lt;option value="Andere"&amp;gt;Alles andere&amp;lt;/option&amp;gt;
    &amp;lt;option value="Spam"&amp;gt;Spam&amp;lt;/option&amp;gt;
    &amp;lt;/select&amp;gt;
    &amp;lt;/label&amp;gt;&amp;lt;/div&amp;gt;
    &amp;lt;div&amp;gt;&amp;lt;textarea name="message" title="Nachricht"&amp;gt;&amp;lt;/textarea&amp;gt;&amp;lt;/div&amp;gt;
&amp;lt;button value="Send" type="submit" class="button"&amp;gt;Absenden&amp;lt;/button&amp;gt;
&amp;lt;/form&amp;gt;
//php file
&amp;lt;?php
if (isset($_POST['name'], $_POST['email'],$_POST['auswahl'], $_POST['message'])) {
    print_r($_POST);
}
$('form.ajax').on('submit', function() {
var that = $(this),
    url = that.attr('action'),
    type = that.attr('method'),
    data = {};
that.find('[name]').each(function(index, value) {
    var that = $(this),
        name = that.attr('name'),
        value = that.val();
    data[name] = value;
});
$.ajax({
    url: url,
    type: type,
    data: data,
    success: function(response) {
        console.log(response);
    }
});
return false;
&lt;/code&gt;&lt;/pre&gt;
&lt;p&gt;});&lt;/p&gt;
&lt;p&gt;&lt;a href="http://jsfiddle.net/c5C8F/2/" rel="nofollow"&gt;http://jsfiddle.net/c5C8F/2/&lt;/a&gt;&lt;/p&gt;
&lt;p&gt;How can I add the selected option instead of the select element?&lt;/p&gt;</t>
  </si>
  <si>
    <t>2013-08-23 13:48:02.393000+00:00</t>
  </si>
  <si>
    <t>2017-02-07 14:49:14.103000+00:00</t>
  </si>
  <si>
    <t>2013-08-23 14:01:33.397000+00:00</t>
  </si>
  <si>
    <t>Get function pointer from std::function when using std::bind</t>
  </si>
  <si>
    <t>&lt;p&gt;I'm trying to use &lt;code&gt;std::function&lt;/code&gt; in conjunction with &lt;code&gt;std::bind&lt;/code&gt;, but I'm having some problems.&lt;/p&gt;
&lt;p&gt;This works:&lt;/p&gt;
&lt;pre&gt;&lt;code&gt;#include &amp;lt;functional&amp;gt;
#include &amp;lt;iostream&amp;gt;
void print() {
    std::cout &amp;lt;&amp;lt; 2;
}
int main() {
    std::function&amp;lt;void ()&amp;gt; foo = print;
    (*foo.target&amp;lt;void (*)()&amp;gt;())(); //prints 3
}
&lt;/code&gt;&lt;/pre&gt;
&lt;p&gt;This crashes at the second line of &lt;code&gt;main&lt;/code&gt;:&lt;/p&gt;
&lt;pre&gt;&lt;code&gt;#include &amp;lt;functional&amp;gt;
#include &amp;lt;iostream&amp;gt;
void print (int i) {
    std::cout &amp;lt;&amp;lt; i;
}
int main() {
    std::function&amp;lt;void ()&amp;gt; foo = std::bind (print, 2);
    (*foo.target&amp;lt;void (*)()&amp;gt;())();
}
&lt;/code&gt;&lt;/pre&gt;
&lt;p&gt;I'm really holding the &lt;code&gt;std::function&amp;lt;void ()&amp;gt;&lt;/code&gt; and need to be able to return the function; not just call it. I expect the usage would be something like this:&lt;/p&gt;
&lt;pre&gt;&lt;code&gt;#include &amp;lt;functional&amp;gt;
#include &amp;lt;iostream&amp;gt;
void print (int i) {
    std::cout &amp;lt;&amp;lt; i;
}
int main() {
    Container c (std::bind (print, 2));
    //I would expect the original
    c.func() (3); //prints 3
    if (c.func() == print) /* this is what I'm mostly getting at */
}
&lt;/code&gt;&lt;/pre&gt;
&lt;p&gt;Is there any way to get the original function to return it, or an alternative? It does kind of conflict with the return type as well, as &lt;code&gt;void (*)()&lt;/code&gt; matches the bound signature quite nicely.&lt;/p&gt;</t>
  </si>
  <si>
    <t>2012-06-07 19:44:08.913000+00:00</t>
  </si>
  <si>
    <t>2014-02-26 10:57:15.623000+00:00</t>
  </si>
  <si>
    <t>2012-06-07 19:45:08.773000+00:00</t>
  </si>
  <si>
    <t>c++|c++11|bind|function-pointers</t>
  </si>
  <si>
    <t>Howto recognize documents in Alfresco 5.0 and filing them according content?</t>
  </si>
  <si>
    <t>&lt;p&gt;I have following use case:&lt;/p&gt;
&lt;ol&gt;
&lt;li&gt;Existing scanner scans documents and stores them via WebDAV or a shared network drive to Alfresco &lt;/li&gt;
&lt;li&gt;Documents are separated with a barcode to identify the customer and document type (e.g. bill)&lt;/li&gt;
&lt;li&gt;If a document arrives in the shared drive, Alfresco should analyse it and move it (according customer and document type) to the suitable internal folder structure.&lt;/li&gt;
&lt;/ol&gt;
&lt;p&gt;Example of a folder structure:&lt;/p&gt;
&lt;ul&gt;
&lt;li&gt;/scans/&lt;/li&gt;
&lt;li&gt;/customers/ExampleCustomer1/bills &lt;/li&gt;
&lt;li&gt;/customers/ExampleCustomer1/emails&lt;/li&gt;
&lt;li&gt;/customers/ExampleCustomer1/hr &lt;/li&gt;
&lt;li&gt;/customers/ExampleCustomer2/bills&lt;/li&gt;
&lt;li&gt;/customers/ExampleCustomer2/emails &lt;/li&gt;
&lt;li&gt;/customers/ExampleCustomer2/hr&lt;/li&gt;
&lt;/ul&gt;
&lt;p&gt;Question:&lt;/p&gt;
&lt;ul&gt;
&lt;li&gt;What do I need in Alfresco to process step 3) to automatically recognize documents and file them?&lt;/li&gt;
&lt;/ul&gt;
&lt;p&gt;P.s. I know there exists applications like Ephesoft/Kofax but I would like to have a module inside Alfresco which does the job for me without external dependencies.&lt;/p&gt;</t>
  </si>
  <si>
    <t>2015-11-10 10:53:04.607000+00:00</t>
  </si>
  <si>
    <t>2015-11-17 10:29:28.273000+00:00</t>
  </si>
  <si>
    <t>2015-11-10 13:16:04.150000+00:00</t>
  </si>
  <si>
    <t>alfresco</t>
  </si>
  <si>
    <t>In asp.net-mvc, Is there any good reason to keep your model in the same project?</t>
  </si>
  <si>
    <t>&lt;p&gt;I have an asp.net-mvc site and recently I have wanted to generate emails with the same data that i am using to render to a webpage.  So slowly but surely I started moving a lot of my model and data access code into a seperate project so i can do the email generation stuff from a command line app or a service, etc (no dependency on any web stuff) . . if I take this one step further, I am now thinking I should just move all of my model and data access code outside of the MVC project so its a bit more future proof.   I know MVC gives you the default Model folder inside the web project.  Is there any reason to keep it there?&lt;/p&gt;
&lt;p&gt;I basically want to protect myself from accidentally having a dependency on System.Web.MVC inside my model or data access code.&lt;/p&gt;</t>
  </si>
  <si>
    <t>2012-07-26 03:20:48.123000+00:00</t>
  </si>
  <si>
    <t>2012-07-26 03:45:22.750000+00:00</t>
  </si>
  <si>
    <t>asp.net-mvc|model-view-controller|model</t>
  </si>
  <si>
    <t>How do I substitute unseen name-value pairs (from radio buttons) in my CGI script?</t>
  </si>
  <si>
    <t>&lt;p&gt;Cross from PerlMonks, see bottom.&lt;/p&gt;
&lt;p&gt;UPDATE: Perhaps the best way to do this is through HTML or JavaScript(I know nothing of these)?&lt;/p&gt;
&lt;p&gt;&lt;strong&gt;Objective&lt;/strong&gt;&lt;/p&gt;
&lt;p&gt;After the whole code is run and an output is given, I'd like to provide a hyperlink to re-run the code, with the same search word, but different radio buttons pressed.&lt;/p&gt;
&lt;p&gt;Here is a portion of my CGI script, related to the user input:&lt;/p&gt;
&lt;pre&gt;&lt;code&gt;my $search_key  = param('query');
my $c_verb      = param('verb_only'); 
my $c_enabling  = param('enabling'); 
my $c_subject   = param('subject');
my $c_object    = param('object'); 
my $c_prep      = param('prep'); 
my $c_adj       = param('adjective');
my $c_modnoun   = param('modnoun');
my $category_id;
if ($c_verb eq 'on')
    {
    if ($c_enabling eq 'on')
        {$category_id = 'xcomp';}
    elsif ($c_subject eq 'on')
        {$category_id = 'subj';}
    elsif ($c_object eq 'on')
        {$category_id = 'obj';}
    elsif ($c_prep eq 'on')
        {$category_id = 'prep';}
&lt;/code&gt;&lt;/pre&gt;
&lt;p&gt;I don't have access to the HTML, but from viewing the source code, all the &lt;code&gt;$c_...&lt;/code&gt; have the form:
    &lt;code&gt;&amp;lt;input type="checkbox" name="verb_only" onClick="ch...&lt;/code&gt;&lt;/p&gt;
&lt;p&gt;The "unseen" in the title is referring to no appended name/tag value pairs, so I don't know what to change, Where can I find this information?&lt;/p&gt;
&lt;p&gt;I was thinking of changing &lt;code&gt;$c_enabling&lt;/code&gt; to &lt;code&gt;$c_subject&lt;/code&gt; and another link to a case where it was as if &lt;code&gt;$c_prep&lt;/code&gt; was chosen from the user. Is there a way to substitute the name-value pairs of that single param? (So user inputs options, runs, instead of going back to input different ones, just click hyperlink, because some options stay the same)&lt;/p&gt;
&lt;p&gt;The URL of the form is like: &lt;code&gt;http://concept.whatever.com/test.html&lt;/code&gt; and the output is at the URL: &lt;code&gt;http://concept.whatever.com/cgi-bin/search2011.cgi&lt;/code&gt;&lt;/p&gt;
&lt;p&gt;&lt;strong&gt;My attempt&lt;/strong&gt;&lt;/p&gt;
&lt;p&gt;See posted answer&lt;/p&gt;
&lt;p&gt;UPDATE: I've tried `url(-query) but nothing was appended to the end...&lt;/p&gt;
&lt;p&gt;Thanks for any advice. Let me know if this is not clear.&lt;/p&gt;
&lt;p&gt;Original:  &lt;a href="http://www.perlmonks.org/?node_id=910616" rel="nofollow"&gt;http://www.perlmonks.org/?node_id=910616&lt;/a&gt;.... Particularly applying this advice: &lt;a href="http://www.perlmonks.org/?node_id=910630" rel="nofollow"&gt;http://www.perlmonks.org/?node_id=910630&lt;/a&gt;&lt;/p&gt;</t>
  </si>
  <si>
    <t>2011-06-21 13:13:57.440000+00:00</t>
  </si>
  <si>
    <t>2011-06-20 22:25:02.197000+00:00</t>
  </si>
  <si>
    <t>2011-06-21 22:46:27.920000+00:00</t>
  </si>
  <si>
    <t>2011-06-21 20:12:29.743000+00:00</t>
  </si>
  <si>
    <t>html|perl|cgi</t>
  </si>
  <si>
    <t>how to use opus DTX from opensource OPUS demo binary</t>
  </si>
  <si>
    <t>&lt;p&gt;i want help in OPUS DTX&lt;/p&gt;
&lt;p&gt;1.how OPUS DTX is working.
2.how opus encoder and decoder works for dtx
3.Is there any bit representation for DTX in OPUS &lt;/p&gt;
&lt;p&gt;From rfc When DTX is enabled, only one frame is encoded
 every 400 milliseconds it didnt works for me with opus_demo binary.
 please help with OPUS DTX.&lt;/p&gt;</t>
  </si>
  <si>
    <t>2016-09-27 07:12:39.560000+00:00</t>
  </si>
  <si>
    <t>2016-11-20 00:19:45.060000+00:00</t>
  </si>
  <si>
    <t>opus</t>
  </si>
  <si>
    <t>Rank of a variable in a counter</t>
  </si>
  <si>
    <t>&lt;p&gt;I have data stored in a counter e.g.&lt;/p&gt;
&lt;pre&gt;&lt;code&gt;industries = Counter({'Automotive': 17, 'Commercial Banks': 10, 'Insurance': 4, 'Hospitals': 2, 'Other': 2})
&lt;/code&gt;&lt;/pre&gt;
&lt;p&gt;I am interested in looking up the 'index' (i.e. 'rank') of a particular variable. For example, if I am interested in &lt;code&gt;Automotive&lt;/code&gt; to return that it has the highest key, &lt;code&gt;commercial banks&lt;/code&gt; has the second highest.&lt;/p&gt;
&lt;p&gt;At the moment I am converting to a list, and then looking up the index of that item. e.g.&lt;/p&gt;
&lt;pre&gt;&lt;code&gt;industries_list = [key[0] for key in industries.most_common()]
rank_of_automotive = industries_list.index("Automotive")
&lt;/code&gt;&lt;/pre&gt;
&lt;p&gt;Is there a way of doing this directly form the counter without the need to convert to a list?&lt;/p&gt;
&lt;p&gt;[Obviously, I am aware that my current code does not deal with variables of the same value correctly - i.e. although &lt;code&gt;Hospitals&lt;/code&gt; and &lt;code&gt;Other&lt;/code&gt; which both have value 2, my could would return a different rank for them. This isn't a big issue for me, but if it were the case that both returned the same value that would also be find]&lt;/p&gt;</t>
  </si>
  <si>
    <t>2016-03-22 00:06:31.130000+00:00</t>
  </si>
  <si>
    <t>2016-03-22 18:22:40.640000+00:00</t>
  </si>
  <si>
    <t>2016-03-22 00:09:46.643000+00:00</t>
  </si>
  <si>
    <t>JavaFX Drag Drop Window Not Responding</t>
  </si>
  <si>
    <t>&lt;p&gt;I am trying a simple Java FX program which creates a Window and all I need is to add the ability of reading a dropped file. I have got the following code snippet which doesn't throw any error but neither let me drop anything. When I try to drop a file, it shows a Red cursor(not allowed windows cursor)&lt;/p&gt;
&lt;p&gt;I am on Windows 8 machine and JDK Version 8.0_60. Not sure what the problem is. Is there something wrong with the code? Am I missing something?&lt;/p&gt;
&lt;p&gt;What I have tried - &lt;/p&gt;
&lt;ol&gt;
&lt;li&gt;Tried changing the Transfer Mode&lt;/li&gt;
&lt;li&gt;Tried checking the file permissions&lt;/li&gt;
&lt;/ol&gt;
&lt;p&gt;Sorry, if there is a fooling mistake in the code as I am new to JavaFx.&lt;/p&gt;
&lt;p&gt;Here goes the code - &lt;/p&gt;
&lt;pre&gt;&lt;code&gt;import javafx.application.Application;
import javafx.event.EventHandler;
import javafx.scene.Scene;
import javafx.scene.control.Label;
import javafx.scene.input.*;
import javafx.scene.layout.StackPane;
import javafx.scene.layout.VBox;
import javafx.stage.Stage;
public class DragMe extends Application {
    @Override
    public void start(Stage primaryStage) {
        Label label = new Label("Please Drag Your File Here.");
        Label dropped = new Label("");
        VBox dragTarget = new VBox();
        dragTarget.getChildren().addAll(label,dropped);
        dragTarget.setOnDragOver(new EventHandler&amp;lt;DragEvent&amp;gt;() {
            @Override
            public void handle(DragEvent event) {
                if (event.getGestureSource() != dragTarget
                        &amp;amp;&amp;amp; event.getDragboard().hasString()) {
                    /* allow for both copying and moving, whatever user chooses */
                    event.acceptTransferModes(TransferMode.ANY);
                }
                event.consume();
            }
        });
        dragTarget.setOnDragDropped(new EventHandler&amp;lt;DragEvent&amp;gt;() {
            @Override
            public void handle(DragEvent event) {
                Dragboard db = event.getDragboard();
                boolean success = false;
                if (db.hasString()) {
                    dropped.setText(db.getString());
                    success = true;
                }
                /* let the source know whether the string was successfully 
                 * transferred and used */
                event.setDropCompleted(success);
                event.consume();
            }
        });
        StackPane root = new StackPane();
        root.getChildren().add(dragTarget);
        Scene scene = new Scene(root, 500, 250);
        primaryStage.setTitle("Testing the Drap File");
        primaryStage.setScene(scene);
        primaryStage.show();
    }
    public static void main(String[] args) {
        launch(args);
    }
}
&lt;/code&gt;&lt;/pre&gt;
&lt;p&gt;&lt;strong&gt;UPDATE&lt;/strong&gt;&lt;/p&gt;
&lt;p&gt;Had a discussion with NwDx and we tried to figure out the drag-drop in different scenarios.&lt;/p&gt;
&lt;ol&gt;
&lt;li&gt;If the file is dragged from Eclipse File Tree, the dropping is allowed&lt;/li&gt;
&lt;li&gt;If the file is dragged from any other location e.g. Desktop, it doesn't work&lt;/li&gt;
&lt;li&gt;Tried creating a new Workspace for eclipse, but didn't work.&lt;/li&gt;
&lt;li&gt;Tried drag-drop in MS Word, and it works fine.&lt;/li&gt;
&lt;li&gt;Tried creating a JAR and running it, and it works fine.&lt;/li&gt;
&lt;/ol&gt;
&lt;p&gt;Tried starting Eclipse as Administrator but no luck. &lt;/p&gt;
&lt;p&gt;&lt;strong&gt;SOLVED&lt;/strong&gt;&lt;/p&gt;
&lt;p&gt;Running Eclipse as Administrator causes this issue. Running normally works! Thanks NwDx for your code.
(&lt;a href="https://stackoverflow.com/questions/16124102/unable-to-drag-and-drop-to-eclipse"&gt;Unable to drag and drop to Eclipse&lt;/a&gt;) &lt;/p&gt;</t>
  </si>
  <si>
    <t>2015-09-23 16:02:41.780000+00:00</t>
  </si>
  <si>
    <t>2015-09-23 18:43:42.760000+00:00</t>
  </si>
  <si>
    <t>2017-05-23 11:58:22.720000+00:00</t>
  </si>
  <si>
    <t>xml2json.js error: Syntax error</t>
  </si>
  <si>
    <t>&lt;p&gt;I want to convert an XML file, after many trials with my AngularJS application, I've simply uploaded on the server the samples.html that I've found at &lt;a href="https://github.com/abdmob/x2js" rel="nofollow noreferrer"&gt;https://github.com/abdmob/x2js&lt;/a&gt; .
The result is always the same: on the console I receive a "SCRIPTxxxx: Syntax error xml2json.min.js" and "SCRIPTxxxx: 'X2JS' is undefined". The script is linked normally, like:&lt;code&gt;&amp;lt;script type="text/javascript" src="/vendor-scripts/xml2json.min.js"&amp;gt;&amp;lt;/script&amp;gt;&lt;/code&gt; (same issue with xml2json.js) and also this simple code gives the same error: &lt;code&gt;var x2js = new X2JS();
var xmlText = "&amp;lt;MyRoot&amp;gt;&amp;lt;test&amp;gt;Success&amp;lt;/test&amp;gt;&amp;lt;test2&amp;gt;&amp;lt;item&amp;gt;val1&amp;lt;/item&amp;gt;&amp;lt;item&amp;gt;val2&amp;lt;/item&amp;gt;&amp;lt;/test2&amp;gt;&amp;lt;/MyRoot&amp;gt;";
var jsonObj = x2js.xml_str2json( xmlText );&lt;/code&gt;. Does anyone know if this is a known issue (I didn't find anything on the net) or if there are other libraries to do this job?&lt;/p&gt;</t>
  </si>
  <si>
    <t>2017-08-30 11:45:33.953000+00:00</t>
  </si>
  <si>
    <t>Square tiles merging algorithm</t>
  </si>
  <si>
    <t>&lt;p&gt;I have an 8x8 square board on which there can be any combination of SQUARE tiles of different colors. These square tiles can be of different sizes, we can have squares of side ranging from 1 to 8, 8 being the max value due to the size of the board.&lt;/p&gt;
&lt;p&gt;I need to find an algorithm that allows me to replace square areas of the same color with a square tile as big as the area itself.&lt;/p&gt;
&lt;p&gt;See the examples below:&lt;/p&gt;
&lt;p&gt;&lt;img src="https://i.stack.imgur.com/Nz6Fa.jpg" alt="Click here to see an example"&gt;&lt;/p&gt;
&lt;p&gt;In these examples, we are changing the color of the tile marked with 'x' to yellow in order to obtain a bigger square yellow area. I am looking for an algorithm that will replace the big yellow square area with a corresponding tile of the same size as the area itself (step C). Perhaps the algorithm could start checking for neighboring tiles starting from the tile that we change the color of (the one marked with 'x').&lt;/p&gt;</t>
  </si>
  <si>
    <t>2013-07-14 21:47:26.020000+00:00</t>
  </si>
  <si>
    <t>2018-10-11 09:15:17.523000+00:00</t>
  </si>
  <si>
    <t>algorithm|tiles</t>
  </si>
  <si>
    <t>NSTableView doesn't increase the number of elements in table?</t>
  </si>
  <si>
    <t>&lt;p&gt;I've an NSTableView that uses the controller object for the NIB being displayed as the data source. I implement the NSTableView informal protocol.&lt;/p&gt;
&lt;p&gt;This NSTableView gets its values from Core Data. I startup the application, load all values I have in XML and then display them.&lt;/p&gt;
&lt;p&gt;My problem is, the NSTableView doesn't seem to add any new rows to the end of the table. If I start the application with no values in permanent storage and add another one (adding values works as I can see them being saved to XML), the table view simply ignores the new value.&lt;/p&gt;
&lt;p&gt;If I add a value I know will go to the end of the table (the contents are organized alphabetically), I won't see the new value.&lt;/p&gt;
&lt;p&gt;If I and a value that I know won't go to the end of the table, the value will be added, I will see it on the table, but the last value on the table will be pushed out and disappear.&lt;/p&gt;
&lt;p&gt;I've noticed that - (int)numberOfRowsInTableView:(NSTableView *)tv is only being called when the application starts up and not when I do [tableView reloadData]. What causes this event to be fired? I tried firing it by hand before calling reloadData on the tableView but doesn't seem to work.&lt;/p&gt;
&lt;p&gt;Any ideas to what might be causing this?&lt;/p&gt;
&lt;p&gt;Has anyone encountered something like this? Any clues to what might be?&lt;/p&gt;</t>
  </si>
  <si>
    <t>2009-09-08 16:30:23.063000+00:00</t>
  </si>
  <si>
    <t>2009-09-16 19:23:55.247000+00:00</t>
  </si>
  <si>
    <t>How can I switch the language of TextToSpeech between American English and British English?</t>
  </si>
  <si>
    <t>&lt;p&gt;I am building a text to speech app. In the app, the user can select whether they want to use American English or British English. So I created a &lt;code&gt;UserSettings&lt;/code&gt; class that fetches some data from Shared Preferences.&lt;/p&gt;
&lt;p&gt;&lt;code&gt;UserSettings&lt;/code&gt; has a method called &lt;code&gt;getPrefTTS&lt;/code&gt; which returns a &lt;code&gt;TextToSpeech&lt;/code&gt; configured to the user's preferences (pitch, rate, and voice). And this is the class:&lt;/p&gt;
&lt;pre&gt;&lt;code&gt;public final class UserSettings {
    private  UserSettings () {}
    private static final String SP_KEY_RATE = "rate";
    private static final String SP_KEY_PITCH = "pitch";
    private static final String SP_KEY_VOICE = "voice";
    public static String getPrefVoice(Context c) {
        SharedPreferences sp = PreferenceManager.getDefaultSharedPreferences (c);
        return sp.getString (SP_KEY_VOICE, "GB");
    }
    //irrelevant
    public static float getPrefRate(Context c) {
        SharedPreferences sp = PreferenceManager.getDefaultSharedPreferences (c);
        return sp.getFloat (SP_KEY_RATE, 1.0f);
    }
    //irrelevant
    public static float getPrefPitch(Context c) {
        SharedPreferences sp = PreferenceManager.getDefaultSharedPreferences (c);
        return sp.getFloat (SP_KEY_PITCH, 1.0f);
    }
    public static TextToSpeech getPrefTTS(Context c) {
        TextToSpeech tts = new TextToSpeech (c, null);
        tts.setLanguage (new Locale ("en", getPrefVoice (c)));
        tts.setPitch (getPrefPitch (c));
        tts.setSpeechRate (getPrefRate (c));
        return tts;
    }
}
&lt;/code&gt;&lt;/pre&gt;
&lt;p&gt;As you can see, for the &lt;code&gt;setLanguage&lt;/code&gt; method, I pass in the country that is stored in SharedPReferences. This will either be &lt;code&gt;GB&lt;/code&gt; or &lt;code&gt;US&lt;/code&gt;.&lt;/p&gt;
&lt;p&gt;Because I haven't put anything into SharedPreferences yet, a default value of &lt;code&gt;GB&lt;/code&gt; is used.&lt;/p&gt;
&lt;p&gt;But when I run the app, a Chinese voice speaks the text out loud, in pinyin! I think this is because my device's language is set to Chinese. But that isn't right! I set the language explicitly to English!&lt;/p&gt;
&lt;p&gt;So I changed the &lt;code&gt;getPrefTTS&lt;/code&gt; method to this to check the result of the &lt;code&gt;setLanguage&lt;/code&gt; call.&lt;/p&gt;
&lt;pre&gt;&lt;code&gt;public static TextToSpeech getPrefTTS(Context c) {
    TextToSpeech tts = new TextToSpeech (c, null);
    int result = tts.setLanguage (new Locale ("en", getPrefVoice (c)));
    tts.setPitch (getPrefPitch (c));
    tts.setSpeechRate (getPrefRate (c));
    switch (result) {
        case TextToSpeech.LANG_AVAILABLE:
            Toast.makeText (c, "Language Available", Toast.LENGTH_LONG).show ();
            break;
        case TextToSpeech.LANG_COUNTRY_AVAILABLE:
            Toast.makeText (c, "Country Available", Toast.LENGTH_LONG).show ();
            break;
        case TextToSpeech.LANG_COUNTRY_VAR_AVAILABLE:
            Toast.makeText (c, "Country Variable Available", Toast.LENGTH_LONG).show ();
            break;
        case TextToSpeech.LANG_MISSING_DATA:
            Toast.makeText (c, "Missing Data", Toast.LENGTH_LONG).show ();
            break;
        case TextToSpeech.LANG_NOT_SUPPORTED:
            Toast.makeText (c, "Language Not Supported", Toast.LENGTH_LONG).show ();
            break;
    }
    return tts;
}
&lt;/code&gt;&lt;/pre&gt;
&lt;p&gt;And "Language Not Supported" shows up in the toast.&lt;/p&gt;
&lt;p&gt;I think this is because &lt;code&gt;GB&lt;/code&gt; is not a valid country code, so I tried &lt;code&gt;UK&lt;/code&gt; and &lt;code&gt;US&lt;/code&gt; but they all shows &lt;code&gt;Language Not Supported&lt;/code&gt;!&lt;/p&gt;
&lt;p&gt;What should I use to create a locale of UK and US?&lt;/p&gt;
&lt;p&gt;P.S. I know there are constants in the &lt;code&gt;Locale&lt;/code&gt; class, but I want to know what exactly am I doing wrong. My code seems very reasonable.&lt;/p&gt;
&lt;p&gt;EDIT:&lt;/p&gt;
&lt;p&gt;I decided to use the constants defined in &lt;code&gt;Locale&lt;/code&gt; (&lt;code&gt;UK&lt;/code&gt; and &lt;code&gt;US&lt;/code&gt;) but it still says "Language Not Supported"! What is happening? Is it because of my device?&lt;/p&gt;</t>
  </si>
  <si>
    <t>2016-02-21 05:52:07.710000+00:00</t>
  </si>
  <si>
    <t>2016-02-23 01:22:55.520000+00:00</t>
  </si>
  <si>
    <t>2016-02-21 05:58:54.837000+00:00</t>
  </si>
  <si>
    <t>java|android|locale|text-to-speech</t>
  </si>
  <si>
    <t>How to remove style from styleUrl in component Angular 2</t>
  </si>
  <si>
    <t>&lt;p&gt;Here is my component&lt;/p&gt;
&lt;pre&gt;&lt;code&gt;@Component({
selector: 'app-pages-landing',
templateUrl: './pages-landing.component.html',
styleUrls:['../../assets/pages-landing/main.css'],
encapsulation: ViewEncapsulation.None,
})
&lt;/code&gt;&lt;/pre&gt;
&lt;p&gt;I import file css of this component by stylesUrls it gen style to head element
 &lt;a href="https://i.stack.imgur.com/CmcwB.png" rel="nofollow noreferrer"&gt;&lt;img src="https://i.stack.imgur.com/CmcwB.png" alt="enter image description here"&gt;&lt;/a&gt;&lt;/p&gt;
&lt;p&gt;When i change component. This style still remain and next component load style from previous component. How i can remove it. I want each component have separate style&lt;/p&gt;</t>
  </si>
  <si>
    <t>2018-07-08 10:32:46.027000+00:00</t>
  </si>
  <si>
    <t>angular|angular-components</t>
  </si>
  <si>
    <t>Chromium Embedded: How to scale a website to account for higher DPI (CEF3)</t>
  </si>
  <si>
    <t>&lt;p&gt;I use CEF3 for displaying a web page in my Windows application. It works fine, but it doesn't scale if Windows has higher DPI settings (e.g. 150%). I don't expect it to do this automatically but I also don't find any property which can be set to tell chromium to scale. Is there any way to do that?&lt;/p&gt;</t>
  </si>
  <si>
    <t>2014-03-26 13:05:41.100000+00:00</t>
  </si>
  <si>
    <t>2014-08-27 15:09:19.677000+00:00</t>
  </si>
  <si>
    <t>delphi|chromium-embedded</t>
  </si>
  <si>
    <t>EL expression in JSF f:param name attribute</t>
  </si>
  <si>
    <t>&lt;p&gt;I tried the following:&lt;/p&gt;
&lt;p&gt;Something like the facelet I used:&lt;/p&gt;
&lt;pre&gt;&lt;code&gt;...
&amp;lt;h:button value="x" outcome="nextpage"&amp;gt;
  &amp;lt;f:param name="#{myBean.PARAM_NAME}" value="someValue"/&amp;gt;
&amp;lt;/h:button&amp;gt;
...
&lt;/code&gt;&lt;/pre&gt;
&lt;p&gt;Something like the managed bean I used as a controller for the previous facelet:&lt;/p&gt;
&lt;pre&gt;&lt;code&gt;@Named(value="myBean")
@ViewScoped
public MyBean implements Serializable
{
  private static final String PARAM_NAME = "paramName";
  public String getPARAM_NAME()
  { return PARAM_NAME };
  @PostConstruct
  public void init()
  {
    String passedParamValue = (String) FacesContext.getCurrentInstance().getExternalContext().getRequestParameterMap().get(
PARAM_NAME );
    ...
  }
}
&lt;/code&gt;&lt;/pre&gt;
&lt;p&gt;The advantage of this is : I use the param name in two places. In the facelet and in the managed bean as well. This two places are separated. I sould use constants to reduced the possibility of the mistyping. But it seems the &lt;code&gt;name&lt;/code&gt; of the &lt;code&gt;f:param&lt;/code&gt; does not evaluate EL expressions. (&lt;code&gt;passedParamValue&lt;/code&gt; is always &lt;code&gt;null&lt;/code&gt;). But if I directly wire the text 'paramName' to the &lt;code&gt;name&lt;/code&gt; attribute, it works fine. Am I right or is there any way to use constants here?&lt;/p&gt;</t>
  </si>
  <si>
    <t>2017-11-29 21:03:50.343000+00:00</t>
  </si>
  <si>
    <t>2017-11-30 09:48:24.377000+00:00</t>
  </si>
  <si>
    <t>jsf</t>
  </si>
  <si>
    <t>Math function to remove minus</t>
  </si>
  <si>
    <t>&lt;p&gt;If input value is &lt;code&gt;-0.088&lt;/code&gt; and I want take from &lt;code&gt;x = 0.8&lt;/code&gt; like this &lt;code&gt;0.8 - -0.088&lt;/code&gt; but in result I want get &lt;code&gt;0.712&lt;/code&gt; instead of &lt;code&gt;0.888&lt;/code&gt; as it would be with minus &lt;code&gt;0.8 - 0.088&lt;/code&gt;. &lt;/p&gt;
&lt;p&gt;How to remove minus from number without direct string processing, can I use some Math function for such case:&lt;/p&gt;
&lt;pre&gt;&lt;code&gt;    double x1 = 0.8;
    double x2 = 0.8;
    double a = -0.088;
    double b = 0.088;
    x1 = (x1 - a); 
    x2 = (x2 - b); 
    Console.WriteLine("0.8 minus -0.088 equals to [ " + x1 + 
                 " ]\r\n0.8 minus 0.088 equals to [ " + x2 + " ]");
&lt;/code&gt;&lt;/pre&gt;
&lt;p&gt;result:&lt;/p&gt;
&lt;pre&gt;&lt;code&gt; 0.8 minus -0.088 equals to [ 0.888 ]
 0.8 minus 0.088 equals to [ 0.712 ]
&lt;/code&gt;&lt;/pre&gt;
&lt;p&gt;desired result:&lt;/p&gt;
&lt;pre&gt;&lt;code&gt;0.8 minus -0.088 equals to [ 0.712 ]
0.8 minus 0.088 equals to [ 0.712 ]
&lt;/code&gt;&lt;/pre&gt;</t>
  </si>
  <si>
    <t>2017-02-05 03:44:58.010000+00:00</t>
  </si>
  <si>
    <t>2017-02-05 03:50:32.753000+00:00</t>
  </si>
  <si>
    <t>c#|math|numbers|double</t>
  </si>
  <si>
    <t>Angular 2 ERROR in ./~/@angular/material/esm5/icon.es5.js</t>
  </si>
  <si>
    <t>&lt;p&gt;I execute the command ng serve and an error occurs&lt;/p&gt;
&lt;blockquote&gt;
  &lt;p&gt;(ERROR in ./~/@angular/material/esm5/icon.es5.js Module not found:
  Error: Can't resolve '@angular/common/http' in
  'D:\study_project\bookstore-angular\admin-portal\node_modules\@angular\material\esm5')&lt;/p&gt;
&lt;/blockquote&gt;
&lt;p&gt;My package.json wrote below &lt;/p&gt;
&lt;pre&gt;&lt;code&gt;"dependencies": {
    "@angular/cdk": "github:angular/cdk-builds",
    "@angular/common": "^2.4.0",
    "@angular/compiler": "^2.4.0",
    "@angular/core": "^2.4.0",
    "@angular/forms": "^2.4.0",
    "@angular/http": "^2.4.0",
    "@angular/material": "github:angular/material2-builds",
    "@angular/platform-browser": "^2.4.10",
    "@angular/platform-browser-dynamic": "^2.4.0",
    "@angular/router": "^3.4.0",
    "core-js": "^2.4.1",
    "hammerjs": "^2.0.8",
    "rxjs": "^5.1.0",
    "zone.js": "^0.7.6"
  },
  "devDependencies": {
    "@angular/cli": "1.0.0-rc.1",
    "@angular/compiler-cli": "^2.4.0",
    "@types/jasmine": "2.5.38",
    "@types/node": "~6.0.60",
    "codelyzer": "~2.0.0",
    "jasmine-core": "~2.5.2",
    "jasmine-spec-reporter": "~3.2.0",
    "karma": "~1.4.1",
    "karma-chrome-launcher": "~2.0.0",
    "karma-cli": "~1.0.1",
    "karma-jasmine": "~1.1.0",
    "karma-jasmine-html-reporter": "^0.2.2",
    "karma-coverage-istanbul-reporter": "^0.2.0",
    "protractor": "~5.1.0",
    "ts-node": "~2.0.0",
    "tslint": "~4.4.2",
    "typescript": "~2.0.0"
  }
}
&lt;/code&gt;&lt;/pre&gt;</t>
  </si>
  <si>
    <t>2017-12-11 21:16:54.660000+00:00</t>
  </si>
  <si>
    <t>2018-05-08 12:00:57.293000+00:00</t>
  </si>
  <si>
    <t>2017-12-11 22:49:07.370000+00:00</t>
  </si>
  <si>
    <t>pip install UnicodeDecodeError</t>
  </si>
  <si>
    <t>&lt;p&gt;When I'm trying to install beautifulsoup4 on my new notebook (Win 7 64) using pip, I get this error:&lt;/p&gt;
&lt;pre&gt;&lt;code&gt;Cleaning up...
Exception:
Traceback (most recent call last):
  File "C:\Python27\lib\site-packages\pip\basecommand.py", line 122, in main
    status = self.run(options, args)
  File "C:\Python27\lib\site-packages\pip\commands\install.py", line 278, in run
    requirement_set.prepare_files(finder, force_root_egg_info=self.bundle, bundl
e=self.bundle)
  File "C:\Python27\lib\site-packages\pip\req.py", line 1234, in prepare_files
    req_to_install.assert_source_matches_version()
  File "C:\Python27\lib\site-packages\pip\req.py", line 464, in assert_source_ma
tches_version
    % (display_path(self.source_dir), version, self))
UnicodeDecodeError: 'ascii' codec can't decode byte 0x9e in position 58: ordinal
 not in range(128)
Traceback (most recent call last):
  File "C:\Python27\lib\runpy.py", line 162, in _run_module_as_main
    "__main__", fname, loader, pkg_name)
  File "C:\Python27\lib\runpy.py", line 72, in _run_code
    exec code in run_globals
  File "C:\Python27\Scripts\pip.exe\__main__.py", line 9, in &amp;lt;module&amp;gt;
  File "C:\Python27\lib\site-packages\pip\__init__.py", line 185, in main
    return command.main(cmd_args)
  File "C:\Python27\lib\site-packages\pip\basecommand.py", line 161, in main
    text = '\n'.join(complete_log)
UnicodeDecodeError: 'ascii' codec can't decode byte 0x9e in position 73: ordinal
 not in range(128)
&lt;/code&gt;&lt;/pre&gt;
&lt;p&gt;I use: &lt;code&gt;pip install beautifulsoup4&lt;/code&gt; command&lt;/p&gt;
&lt;p&gt;Do you have an idea where could be the problem?&lt;/p&gt;
&lt;p&gt;PS: The notebook was used for presentations before  get it, so there are programs in multiple languages installed. &lt;/p&gt;</t>
  </si>
  <si>
    <t>2014-07-30 12:30:15.037000+00:00</t>
  </si>
  <si>
    <t>2017-12-12 12:16:48.473000+00:00</t>
  </si>
  <si>
    <t>python|windows|pip</t>
  </si>
  <si>
    <t>Auto Populate textboxes using drop down</t>
  </si>
  <si>
    <t>&lt;p&gt;I have been trying to auto populate form fields using js, php file and form but it only display the correct numbers of rows but i cant see data. Thanks in advance  as you check this;&lt;/p&gt;
&lt;p&gt;this is my form to be auto filled;&lt;/p&gt;
&lt;pre&gt;&lt;code&gt;Reg No:    
    &amp;lt;select name="users" onchange="showVec(this.value)"&amp;gt;
    &amp;lt;option value=""&amp;gt;Select a RegNo:&amp;lt;/option&amp;gt;
    &amp;lt;?php
        $Query = mysql_query("SELECT * FROM vehicledetails");
        while ($row = mysql_fetch_array($Query))
        {
            $id = $row['id'];
            $regno = $row['regno'];
            $vehicletype = $row['vehicletype'];
            $tankcapacity = $row['tankcapacity'];
            $kml = $row['kml'];
            $contingency = $row['contingency'];
            $ccapacity = $row['ccapacity'];
            echo "&amp;lt;option value=\"$id\"&amp;gt;$regno&amp;lt;/option&amp;gt;";
        }
    ?&amp;gt;
    &amp;lt;/select&amp;gt;
    &amp;lt;br&amp;gt;&amp;lt;div id="GetInformation"&amp;gt;
&lt;/code&gt;&lt;/pre&gt;
&lt;p&gt;The php file is like this;&lt;/p&gt;
&lt;pre&gt;&lt;code&gt;&amp;lt;?php
    $q=$_GET["q"];
?&amp;gt;
&amp;lt;?php
    mysql_select_db("DropDown", $DBCONN);
    $sql="SELECT * FROM vehicledetails WHERE id = '".$q."'";
    $result = mysql_query($sql);
    if($result === FALSE) {
        die(mysql_error()); // TODO: better error handling
    }
    while($row = mysql_fetch_array($result))
    {
        $id = $row['id'];
        $regno = $row['regno'];
        $vehicletype = $row['vehicletype'];
        $tankcapacity = $row['tankcapacity'];
        $kml = $row['kml'];
        $contingency = $row['contingency'];
        $ccapacity = $row['ccapacity'];
?&amp;gt;
&amp;lt;p&amp;gt;Reg No: &amp;lt;input type="text" id="regno" name="regno" value="&amp;lt;?php echo $regno?&amp;gt;" &amp;gt;&amp;lt;/p&amp;gt;
&amp;lt;p&amp;gt;Vehicle Type &amp;lt;input type="text" id="vehicletype"name="vehicletype" value="&amp;lt;?php       echo $vehicletype?&amp;gt;"&amp;gt;&amp;lt;/p&amp;gt;
&amp;lt;p&amp;gt;Tank Capacity &amp;lt;input type="text" id="tankcapacity" name="tankcapacity" value="&amp;lt;?php echo $tankcapacity?&amp;gt;"&amp;gt;&amp;lt;/p&amp;gt;
&amp;lt;p&amp;gt;KM/Litre: &amp;lt;input type="text" id="kml" name="kml" value="&amp;lt;?php echo $kml?&amp;gt;" &amp;gt;&amp;lt;/p&amp;gt;
&amp;lt;p&amp;gt;Contingency: &amp;lt;input type="text" id="contingency" name="contingency" value="&amp;lt;?php echo $contingency?&amp;gt;"&amp;gt;&amp;lt;/p&amp;gt;
&amp;lt;p&amp;gt;Carriage Capacity: &amp;lt;input type="text" id="ccapacity" name="ccapacity" value="&amp;lt;?php echo $ccapacity?&amp;gt;"&amp;gt;&amp;lt;/p&amp;gt;
&amp;lt;?php
    }
    mysql_close($con);
?&amp;gt; 
&lt;/code&gt;&lt;/pre&gt;
&lt;p&gt;the js script is like this;&lt;/p&gt;
&lt;pre&gt;&lt;code&gt;function showVec(str)
{
    if (str=="")
    {
        document.getElementById("GetInformation").innerHTML="";
        return;
    }
    if (window.XMLHttpRequest)
    {// code for IE7+, Firefox, Chrome, Opera, Safari
        xmlhttp=new XMLHttpRequest();
    }
    else
    {// code for IE6, IE5
        xmlhttp=new ActiveXObject("Microsoft.XMLHTTP");
    }
    xmlhttp.onreadystatechange=function()
    {
        if (xmlhttp.readyState==4 &amp;amp;&amp;amp; xmlhttp.status==200)
        {
            document.getElementById("GetInformation").innerHTML=xmlhttp.responseText;
        }
    }
    xmlhttp.open("GET","populatebudget.php?q="+str,true);
xmlhttp.send();
}
&lt;/code&gt;&lt;/pre&gt;</t>
  </si>
  <si>
    <t>2014-11-25 07:01:39.383000+00:00</t>
  </si>
  <si>
    <t>2014-11-25 08:20:04.317000+00:00</t>
  </si>
  <si>
    <t>Howto get list of IIS changes</t>
  </si>
  <si>
    <t>&lt;p&gt;I've made some tweaks here and there on an IIS7, and am about to migrate to IIS8. How can I get a good overview of the things I've been poking with? Mime-types, rewrite-rules etc.&lt;/p&gt;
&lt;p&gt;WinMerge would be nice - towards the default files. But I'm guessing IIS won't let me of the hook that easy, right? &lt;/p&gt;</t>
  </si>
  <si>
    <t>2015-03-19 14:48:35.250000+00:00</t>
  </si>
  <si>
    <t>2015-03-19 14:54:53.590000+00:00</t>
  </si>
  <si>
    <t>iis</t>
  </si>
  <si>
    <t>How to check if a path fits inside of another path with Extendscript?</t>
  </si>
  <si>
    <t>&lt;p&gt;I've asked this question in the Adobe forums, but I haven't gotten an answer yet, I'm afraid. If this is truly impossible, then shame on Adobe for not making it possible.&lt;/p&gt;
&lt;p&gt;I need a script that will check and see if a path fits &lt;strong&gt;entirely&lt;/strong&gt; within another path. In my case, I need to see if a &lt;code&gt;GroupItem&lt;/code&gt; fits within a circle/ellipse of a specific size. I don't see any methods available for &lt;code&gt;PageItem&lt;/code&gt; that will do it for me, so does anyone know of a workaround? (Preferably without having to check every single &lt;code&gt;PathPoint&lt;/code&gt; of every single item in the group.) I am using Illustrator CS6 and do my scripting with Javascript.&lt;/p&gt;
&lt;p&gt;I am aware of the &lt;code&gt;visibleBounds&lt;/code&gt; property of paths, but that only gives you a top, bottom, left, and right maximum boundaries of a path. It's entirely possible for an object's &lt;code&gt;visibleBounds&lt;/code&gt; to be within an ellipse's &lt;code&gt;visibleBounds&lt;/code&gt;, but still have parts of it sticking outside of the ellipse. I hope this makes sense and that someone out there has an idea on how to overcome this problem.&lt;/p&gt;</t>
  </si>
  <si>
    <t>2014-09-04 18:30:51.250000+00:00</t>
  </si>
  <si>
    <t>2014-09-04 19:20:13.687000+00:00</t>
  </si>
  <si>
    <t>javascript|adobe-illustrator|extendscript</t>
  </si>
  <si>
    <t>Online C++ compiler: output binary files for me?</t>
  </si>
  <si>
    <t>&lt;p&gt;Is there any website which would allow me to upload my source code, and it would return me the binary files which can be ran from Linux ?&lt;/p&gt;
&lt;p&gt;I am so bad at using Linux, that this kind of service would be a life saver for me.&lt;/p&gt;
&lt;p&gt;I know codepad.org but as far as I know, it only outputs the text from those programs. I need to download the executables which it generates while compiling.&lt;/p&gt;</t>
  </si>
  <si>
    <t>2012-08-26 15:06:01.240000+00:00</t>
  </si>
  <si>
    <t>2013-09-21 22:13:37.483000+00:00</t>
  </si>
  <si>
    <t>c++|linux|compiler-construction|executable</t>
  </si>
  <si>
    <t>Connection refused error when connecting to Kong on Debian</t>
  </si>
  <si>
    <t>&lt;p&gt;I ran konghq from the &lt;a href="https://docs.konghq.com/install/debian/?_ga=2.155252344.2113249446.1538806145-359804514.1537784236" rel="nofollow noreferrer"&gt;offical Kong Debian Installation instructions&lt;/a&gt;.&lt;/p&gt;
&lt;p&gt;But, when I run:&lt;/p&gt;
&lt;p&gt;&lt;code&gt;curl -i http://arzesh:8001/&lt;/code&gt;&lt;/p&gt;
&lt;p&gt;I get:&lt;/p&gt;
&lt;blockquote&gt;
  &lt;p&gt;curl: (7) Failed to connect to arzesh port 8001: Connection refused&lt;/p&gt;
&lt;/blockquote&gt;
&lt;p&gt;This is my &lt;code&gt;/etc/hosts&lt;/code&gt; file:&lt;/p&gt;
&lt;pre&gt;&lt;code&gt;127.0.0.1   arzesh localhost.localdomain arzesh
127.0.0.1   domain1.local
127.0.1.1   arzesh
#192.168.1.110  gitlabreg.local
#127.0.0.1  192.168.1.6
127.0.0.1   drfactory.local
127.0.0.1   laravel-ci.local
127.0.0.1   latest.local
127.0.0.1   ahf.local
# The following lines are desirable for IPv6 capable hosts
::1     arzesh ip6-localhost ip6-loopback
ff02::1 ip6-allnodes
ff02::2 ip6-allrouters
&lt;/code&gt;&lt;/pre&gt;
&lt;p&gt;Now, I run this command:&lt;/p&gt;
&lt;p&gt;&lt;code&gt;curl -I 'arzesh'&lt;/code&gt;&lt;/p&gt;
&lt;p&gt;and I get:&lt;/p&gt;
&lt;pre&gt;&lt;code&gt;HTTP/1.1 200 OK
Server: nginx/1.10.3
Date: Sat, 06 Oct 2018 08:37:46 GMT
Content-Type: text/html
Content-Length: 612
Last-Modified: Thu, 04 Oct 2018 09:39:44 GMT
Connection: keep-alive
ETag: "5bb5dfe0-264"
Accept-Ranges: bytes
&lt;/code&gt;&lt;/pre&gt;
&lt;p&gt;without any problem! &lt;/p&gt;
&lt;p&gt;All ports such as &lt;code&gt;8080&lt;/code&gt;, &lt;code&gt;22&lt;/code&gt;, and &lt;code&gt;80&lt;/code&gt; are working on the server. I run Kong with the default port (8001).&lt;/p&gt;
&lt;p&gt;All firewalls (&lt;code&gt;ufw&lt;/code&gt;,&lt;code&gt;firewalld&lt;/code&gt;,&lt;code&gt;iptable&lt;/code&gt;) are disabled.&lt;/p&gt;
&lt;p&gt;How I can solve the connection refused error?&lt;/p&gt;</t>
  </si>
  <si>
    <t>2018-10-06 08:58:22.757000+00:00</t>
  </si>
  <si>
    <t>2018-10-06 13:07:17.383000+00:00</t>
  </si>
  <si>
    <t>curl|kong</t>
  </si>
  <si>
    <t>How can I create a Magento child theme?</t>
  </si>
  <si>
    <t>&lt;p&gt;I'm customizing a Magento 1.9.1 CE template, bought from themeforest.net. I know that I should create a child theme so the website can be updated easily, but I'm having some doubts.&lt;/p&gt;
&lt;p&gt;This is the theme structure, using the template folder as an example:&lt;/p&gt;
&lt;pre&gt;&lt;code&gt;app&amp;gt;design&amp;gt;frontend&amp;gt;theme-package&amp;gt;theme-option-1&amp;gt;template&amp;gt;*
&lt;/code&gt;&lt;/pre&gt;
&lt;p&gt;So, isn't it a child theme already? How can I create my child theme?&lt;/p&gt;
&lt;p&gt;Option 1:&lt;/p&gt;
&lt;pre&gt;&lt;code&gt;app&amp;gt;design&amp;gt;frontend&amp;gt;theme-package&amp;gt;theme-option1&amp;gt;my-child-theme&amp;gt;template&amp;gt;*
&lt;/code&gt;&lt;/pre&gt;
&lt;p&gt;Option 2:&lt;/p&gt;
&lt;pre&gt;&lt;code&gt;app&amp;gt;design&amp;gt;frontend&amp;gt;theme-package&amp;gt;my-child-theme&amp;gt;template&amp;gt;*
&lt;/code&gt;&lt;/pre&gt;
&lt;p&gt;Using the second option, wouldn't I be losing some configuration files from "theme-option-1"?&lt;/p&gt;</t>
  </si>
  <si>
    <t>2015-09-21 03:20:44.390000+00:00</t>
  </si>
  <si>
    <t>2015-09-21 10:41:50.333000+00:00</t>
  </si>
  <si>
    <t>2015-09-21 04:56:07.590000+00:00</t>
  </si>
  <si>
    <t>php|magento|magento-1.9</t>
  </si>
  <si>
    <t>Bash - Catch and Retry Curl intermittent error "java.lang.reflect.UndeclaredThrowableException"</t>
  </si>
  <si>
    <t>&lt;p&gt;I have a requirement where I am doing a curl, which intermittently throws :&lt;/p&gt;
&lt;pre&gt;&lt;code&gt;error java.lang.reflect.UndeclaredThrowableException
&lt;/code&gt;&lt;/pre&gt;
&lt;p&gt;In bash I am looking to catch whenever this or any other error happens and retry the command and overwrite the output file&lt;/p&gt;
&lt;p&gt;What I use :&lt;/p&gt;
&lt;pre&gt;&lt;code&gt;curl -sN --negotiate -u foo:bar 'http://hostname:port/source' &amp;gt; output
&lt;/code&gt;&lt;/pre&gt;
&lt;p&gt;Most of the times output file gets the desired result, however sometimes it fails with above mentioned error.&lt;/p&gt;</t>
  </si>
  <si>
    <t>2018-09-21 16:05:18.753000+00:00</t>
  </si>
  <si>
    <t>bash|curl</t>
  </si>
  <si>
    <t>Change date format for xAxis in nvd3 chart</t>
  </si>
  <si>
    <t>&lt;p&gt;I have a working multibar chart but i have not been able to change the date format.&lt;/p&gt;
&lt;p&gt;In the json datastring the date reads as 2016-01-01, 2016-02-01 etc and I would like to have it read as Jan 16 on the x Axis.&lt;/p&gt;
&lt;p&gt;Here is my fiddle:&lt;/p&gt;
&lt;p&gt;&lt;a href="http://jsfiddle.net/xpz526xo/6/" rel="nofollow"&gt;http://jsfiddle.net/xpz526xo/6/&lt;/a&gt;&lt;/p&gt;
&lt;p&gt;Here is what i tried to add to change the date but has no effect&lt;/p&gt;
&lt;p&gt;&lt;code&gt;chart.xAxis
      .tickFormat(function(d) {
          return d3.time.format('%m %y')(new Date(d))
      });&lt;/code&gt;&lt;/p&gt;
&lt;p&gt;Apologies for the formatting of above code as i'm submitting on a mobile phone&lt;/p&gt;</t>
  </si>
  <si>
    <t>2016-06-25 03:46:19.947000+00:00</t>
  </si>
  <si>
    <t>2016-06-25 04:08:34.773000+00:00</t>
  </si>
  <si>
    <t>javascript|d3.js|nvd3.js</t>
  </si>
  <si>
    <t>Syntax error at or near "on"</t>
  </si>
  <si>
    <t>&lt;p&gt;In PostgreSQL 8.4.13 why do I please get the syntax error&lt;/p&gt;
&lt;pre&gt;&lt;code&gt;ERROR:  syntax error at or near "on" 
LINE: ... references balkan_users(id) check (id &amp;lt;&amp;gt; author) on delete ...
&lt;/code&gt;&lt;/pre&gt;
&lt;p&gt;for the following 2 statements?&lt;/p&gt;
&lt;pre&gt;&lt;code&gt;create table balkan_users (
        id varchar(32) primary key,
        first_name varchar(64) not null,
        last_name varchar(64),
        female boolean,
        avatar varchar(128),
        city varchar(64),
        mobile varchar(64),
        login timestamp default current_timestamp,
        logout timestamp,
        last_ip inet,
        vip timestamp,
        mail varchar(256),
        green integer,
        red integer,
        medals integer not null default 0
);
create table balkan_rep (
        rep_id serial,
        id varchar(32) references balkan_users(id) check (id &amp;lt;&amp;gt; author) on delete cascade,
        author varchar(32) references balkan_users(id) on delete cascade,
        author_ip inet,
        nice boolean,
        about varchar(256),
        stamp timestamp default current_timestamp,
        primary key(id, author);
);
&lt;/code&gt;&lt;/pre&gt;
&lt;p&gt;I have also prepared &lt;a href="http://sqlfiddle.com/#!11" rel="nofollow"&gt;an SQLFiddle&lt;/a&gt; to demo my problem.&lt;/p&gt;</t>
  </si>
  <si>
    <t>2013-07-14 10:55:13.543000+00:00</t>
  </si>
  <si>
    <t>2013-07-14 11:08:32.080000+00:00</t>
  </si>
  <si>
    <t>sql|postgresql|postgresql-8.4</t>
  </si>
  <si>
    <t>Codeigniter (Select2) ajax can't load data</t>
  </si>
  <si>
    <t>&lt;p&gt;Today i'm make a new program with codeigniter and had some issue.
my code should be done when i call get and jsons of my items is fully loaded but when i'm make select2 it's can not be loaded.&lt;/p&gt;
&lt;p&gt;This is my Controller&lt;/p&gt;
&lt;pre&gt;&lt;code&gt;public function ajax_search_mitra()
{
    $query = $this-&amp;gt;input-&amp;gt;get('q');
    $result = $this-&amp;gt;TheModel-&amp;gt;get_ajax_entries($query);
    $this-&amp;gt;output-&amp;gt;set_status_header(200, 'OK')
                 -&amp;gt;set_content_type('application/json')
                 -&amp;gt;set_output(json_encode($result));
}
&lt;/code&gt;&lt;/pre&gt;
&lt;p&gt;This is my Model&lt;/p&gt;
&lt;pre&gt;&lt;code&gt;public function get_ajax_entries($query)
{
    $this-&amp;gt;db-&amp;gt;like('mtrId', $query);
    $this-&amp;gt;db-&amp;gt;or_like('mtrDescription', $query);
    $master_mitra = $this-&amp;gt;db-&amp;gt;get('master_mitra')-&amp;gt;result();
    $master_mitra_array = array();
    foreach ($master_mitra as $row) 
    {
        $master_mitra_array[] = array('mtrId' =&amp;gt; $row-&amp;gt;mtrId, 'text' =&amp;gt; $row-&amp;gt;mtrDescription);
    }
    return $master_mitra_array;
}
&lt;/code&gt;&lt;/pre&gt;
&lt;p&gt;some rutes&lt;/p&gt;
&lt;pre&gt;&lt;code&gt;$route['ajax_search_mitra']['get'] = "projects/ajax_search_mitra";
&lt;/code&gt;&lt;/pre&gt;
&lt;p&gt;ajax of select2&lt;/p&gt;
&lt;pre&gt;&lt;code&gt;$('select[id="prjMtrId"]').select2({
    placeholder: "Select Mitra",
    allowClear: true,
    ajax:{
      url : "ajax_search_mitra",
      dataType : 'json',
      delay : 250,
      data: function (params) {
        return {
          q: params.term
        };
      },
      processResults: function (data) {
        console.log(data);
        return {
          results: data
        };
      },
    }
});
&lt;/code&gt;&lt;/pre&gt;
&lt;p&gt;and my view&lt;/p&gt;
&lt;pre&gt;&lt;code&gt;&amp;lt;div class="form-group"&amp;gt;
 &amp;lt;label for="prjMtrId" class="control-label"&amp;gt;Mitra&amp;lt;/label&amp;gt;
 &amp;lt;select class="select" style="width:100%;" name="prjMtrId" id="prjMtrId"&amp;gt;&amp;lt;/select&amp;gt;
 &amp;lt;input type="hidden" name="code_emp" class="prjMtrId"&amp;gt;
&amp;lt;/div&amp;gt;
&lt;/code&gt;&lt;/pre&gt;
&lt;p&gt;and my items should be loaded
&lt;a href="https://i.stack.imgur.com/dra9P.png" rel="nofollow noreferrer"&gt;&lt;img src="https://i.stack.imgur.com/dra9P.png" alt="enter image description here"&gt;&lt;/a&gt;&lt;/p&gt;
&lt;p&gt;anyone know where's my problem, big thank's for solution.&lt;/p&gt;</t>
  </si>
  <si>
    <t>2018-06-07 08:17:19.950000+00:00</t>
  </si>
  <si>
    <t>2018-06-07 08:43:23.530000+00:00</t>
  </si>
  <si>
    <t>php|ajax|jquery-select2|codeigniter-3</t>
  </si>
  <si>
    <t>android, text retrieved from webservices</t>
  </si>
  <si>
    <t>&lt;p&gt;My problem is all the texts comes from webservices. So, at the beginning, I call the webservice and I have to set the texts in strings.xml. I know writing in strings.xml it's impossible but we had the same problem on iOs and a solution has been found here &lt;a href="http://iosapplove.com/archive/2013/01/localizable-strings-how-to-load-translations-dynamically-and-use-it-inside-your-iphone-app/" rel="nofollow"&gt;http://iosapplove.com/archive/2013/01/localizable-strings-how-to-load-translations-dynamically-and-use-it-inside-your-iphone-app/&lt;/a&gt;.&lt;/p&gt;
&lt;p&gt;So my question is : Is there a similar way on android ? (I think no)&lt;/p&gt;
&lt;p&gt;It exists alternative way like using database or sharedPreferences but these solutions won't be very effective. Moreover, the application will contain many languages.&lt;/p&gt;
&lt;p&gt;So my second question : What is the best way to do this ?&lt;/p&gt;</t>
  </si>
  <si>
    <t>2013-05-31 09:25:55.297000+00:00</t>
  </si>
  <si>
    <t>2013-05-31 11:37:59.240000+00:00</t>
  </si>
  <si>
    <t>VBA Formula too long</t>
  </si>
  <si>
    <t>&lt;h2&gt;&lt;strong&gt;Hello guys,&lt;/strong&gt;&lt;/h2&gt;
&lt;p&gt;we had an earlier template at work, where the formula had to be copied by hand to the last row to validate data. Now I have to get the Formula into vba to one click validate the data. This did work fine for all formulas except one, it seems to be too long. But when trying to append it with &lt;code&gt;&amp;amp; _&lt;/code&gt; it doesnt work.&lt;/p&gt;
&lt;p&gt;Can anyone tell me what I am doing wrong?&lt;/p&gt;
&lt;pre&gt;&lt;code&gt;=WENN(
L��NGE('Step 2 - Add Contact Informatio'!A2)&amp;gt;100;""too many characters"";
WENN('Step 2 - Add Contact Informatio'!A2="""";""Email is mandatory"";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amp;amp;"";'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amp;lt;"";'Step 2 - Add Contact Informatio'!A2));""special characters are not allowed"";
WENN(ISTZAHL(FINDEN("" "";'Step 2 - Add Contact Informatio'!A2));""spaces are not allowed"";
WENN(ISTZAHL(FINDEN(""#"";'Step 2 - Add Contact Informatio'!A2));""special characters are not allowed"";
WENN(ISTZAHL(FINDEN(""'"";'Step 2 - Add Contact Informatio'!A2));""special characters are not allowed"";
WENN(ISTZAHL(FINDEN("","";'Step 2 - Add Contact Informatio'!A2));""special characters are not allowed"";
WENN(ISTZAHL(FINDEN(""&amp;gt;"";'Step 2 - Add Contact Informatio'!A2));""special characters are not allowed"";
WENN(ISTFEHLER(D5);""error"";WENN(D5=FALSCH;""error"";""ok"")))))))))))))))))))))))))))))))))
&lt;/code&gt;&lt;/pre&gt;
&lt;p&gt;this is the original formula, I know it is ugly but I have to use it, as said I have tried splitting up the formula by &lt;/p&gt;
&lt;pre&gt;&lt;code&gt;"=WENN(
L��NGE('Step 2 - Add Contact Informatio'!A2)&amp;gt;100;""too many characters"";
WENN('Step 2 - Add Contact Informatio'!A2="""";""Email is mandatory"";
WENN(ISTZAHL(FINDEN(""!"";'Step 2 - Add Contact Informatio'!A2));""special characters are not allowed"";
WENN(ISTZAHL(FINDEN(""*"";'Step 2 - Add Contact Informatio'!A2));""special characters are not allowed"";
WENN(ISTZAHL(FINDEN("":"";'Step 2 - Add Contact Informatio'!A2));""special characters are not allowed"";
WENN(ISTZAHL(FINDEN(""="";'Step 2 - Add Contact Informatio'!A2));""special characters are not allowed"";" &amp;amp; _ 
&lt;/code&gt;&lt;/pre&gt;
&lt;p&gt;But this leads to Syntax errors. Can anybody help? Thanks a lot!&lt;/p&gt;</t>
  </si>
  <si>
    <t>2017-11-06 11:22:00.090000+00:00</t>
  </si>
  <si>
    <t>2017-11-07 04:18:04.130000+00:00</t>
  </si>
  <si>
    <t>What does a reference-to-reference mean in C++? (Not an rvalue reference)</t>
  </si>
  <si>
    <t>&lt;p&gt;suppose I have&lt;/p&gt;
&lt;pre&gt;&lt;code&gt;typedef int&amp;amp; intr;
typedef intr&amp;amp; intrr;
&lt;/code&gt;&lt;/pre&gt;
&lt;p&gt;I am allowed to declare&lt;/p&gt;
&lt;pre&gt;&lt;code&gt;int x = 7;
intrr y = x;
&lt;/code&gt;&lt;/pre&gt;
&lt;p&gt;But what &lt;em&gt;is&lt;/em&gt; a reference-to-reference? Is an intrr any different semantically than just an intr?&lt;/p&gt;</t>
  </si>
  <si>
    <t>2014-11-27 02:40:02.163000+00:00</t>
  </si>
  <si>
    <t>2014-11-27 03:10:11.153000+00:00</t>
  </si>
  <si>
    <t>c++|reference</t>
  </si>
  <si>
    <t>Generalising found transformation matrix to a whole image</t>
  </si>
  <si>
    <t>&lt;p&gt;I am using opencv and c++. I have successfully obtained the transformation matrix between images A and B based on 3 common points in the images. Now I want to apply this found transformation matrix to the whole image. I was hoping that warpAffine could do the job but it gives me this error &lt;a href="http://i.imgur.com/T7Xl0cw.jpg" rel="nofollow"&gt;http://i.imgur.com/T7Xl0cw.jpg&lt;/a&gt;. However, I used only part of the affineTransform code where it finds the warped image because I already found the transformation matrix using another method. Can anybody tell if this is the correct way to transform the whole image if I already have a transformation marix?Here is the piece of that code &lt;a href="http://pastebin.com/HFYSneG2" rel="nofollow"&gt;http://pastebin.com/HFYSneG2&lt;/a&gt;&lt;/p&gt;</t>
  </si>
  <si>
    <t>2014-02-05 06:43:31.773000+00:00</t>
  </si>
  <si>
    <t>2014-02-05 17:30:46.993000+00:00</t>
  </si>
  <si>
    <t>2014-02-05 08:01:11.320000+00:00</t>
  </si>
  <si>
    <t>c++|opencv|computer-vision|affinetransform</t>
  </si>
  <si>
    <t>For loop only running for last case</t>
  </si>
  <si>
    <t>&lt;p&gt;The main aim of the code is to take n lines of input and add this data to dictionary and then perform n queries on dictionary. however only the last query is working correctly. &lt;/p&gt;
&lt;pre&gt;&lt;code&gt;   from sys import stdin
n = int(input())
mydict={}
for i in range(0,n):
    pairs=input().split(' ')
    key=pairs[0]
    value=pairs[1]
    mydict[key]=value
    print (mydict)
for a in stdin:
    print(a)
    if(a in mydict):
        print(a+'='+mydict[a])
    else:
        print("Not Found")
&lt;/code&gt;&lt;/pre&gt;</t>
  </si>
  <si>
    <t>2017-10-09 05:30:35.023000+00:00</t>
  </si>
  <si>
    <t>2017-10-09 05:48:08.540000+00:00</t>
  </si>
  <si>
    <t>How to recover InnoDB after DB failure?</t>
  </si>
  <si>
    <t>&lt;p&gt;I was trying to install the mysqlgovernor, and in the end I got this mess, and now all my websites are down. &lt;/p&gt;
&lt;pre&gt;&lt;code&gt;root@panel [~]# systemctl status mariadb.service
��� mariadb.service - MariaDB database server
   Loaded: loaded (/usr/lib/systemd/system/mariadb.service; enabled; vendor preset: disabled)
  Drop-In: /etc/systemd/system/mariadb.service.d
           ������migrated-from-my.cnf-settings.conf
   Active: failed (Result: exit-code) since Sun 2016-03-06 06:35:31 CET; 5s ago
  Process: 6244 ExecStartPost=/usr/sbin/mariadb-wait-ready $MAINPID (code=exited, status=1/FAILURE)
  Process: 6243 ExecStart=/usr/bin/mysqld_safe --basedir=/usr (code=exited, status=0/SUCCESS)
  Process: 6205 ExecStartPre=/usr/sbin/mariadb-prepare-db-dir %n (code=exited, status=0/SUCCESS)
  Process: 6179 ExecStartPre=/usr/sbin/mariadb-check-socket (code=exited, status=0/SUCCESS)
 Main PID: 6243 (code=exited, status=0/SUCCESS)
   CGroup: /system.slice/mariadb.service
Mar 06 06:35:28 panel.uhlhosting.ch mariadb-prepare-db-dir[6205]: touch: cannot touch 'panel.uhlhosting.ch.err': Permission denied
Mar 06 06:35:28 panel.uhlhosting.ch mariadb-prepare-db-dir[6205]: chown: cannot access 'panel.uhlhosting.ch.err': No such file or directory
Mar 06 06:35:28 panel.uhlhosting.ch mariadb-prepare-db-dir[6205]: chmod: cannot access 'panel.uhlhosting.ch.err': No such file or directory
Mar 06 06:35:29 panel.uhlhosting.ch mysqld_safe[6243]: 160306 06:35:29 mysqld_safe Logging to '/var/lib/mysql/panel.uhlhosting.ch.err'.
Mar 06 06:35:29 panel.uhlhosting.ch mysqld_safe[6243]: 160306 06:35:29 mysqld_safe Starting mysqld daemon with databases from /var/lib/mysql
Mar 06 06:35:30 panel.uhlhosting.ch mysqld_safe[6243]: 160306 06:35:30 mysqld_safe mysqld from pid file /var/lib/mysql/panel.uhlhosting.ch.pid ended
Mar 06 06:35:31 panel.uhlhosting.ch systemd[1]: mariadb.service: control process exited, code=exited status=1
Mar 06 06:35:31 panel.uhlhosting.ch systemd[1]: Failed to start MariaDB database server.
Mar 06 06:35:31 panel.uhlhosting.ch systemd[1]: Unit mariadb.service entered failed state.
Mar 06 06:35:31 panel.uhlhosting.ch systemd[1]: mariadb.service failed.
root@panel [~]#
&lt;/code&gt;&lt;/pre&gt;
&lt;p&gt;Here is my Error list:&lt;/p&gt;
&lt;blockquote&gt;
  &lt;p&gt;InnoDB: Assertion failure in thread 140010623854336 in file buf0buf.cc line 2850&lt;/p&gt;
&lt;/blockquote&gt;
&lt;p&gt;Here is the working MariaDB after reinstall, and disabling the InnoDB db's yet we do not want to be without them.&lt;/p&gt;
&lt;pre&gt;&lt;code&gt;root@panel [~]# systemctl status mariadb.service
��� mariadb.service - MariaDB database server
   Loaded: loaded (/usr/lib/systemd/system/mariadb.service; enabled; vendor preset: disabled)
  Drop-In: /etc/systemd/system/mariadb.service.d
           ������migrated-from-my.cnf-settings.conf
   Active: active (running) since Sun 2016-03-06 10:16:12 CET; 29min ago
 Main PID: 16551 (mysqld)
   Status: "Taking your SQL requests now..."
   CGroup: /system.slice/mariadb.service
           ������16551 /usr/sbin/mysqld
Mar 06 10:16:12 panel.uhlhosting.ch mysqld[16551]: 2016-03-06 10:16:12 140128996632704 [Note] /usr/sbin/mysqld (mysqld 10.1.12-MariaDB) starting as process 16551 ...
Mar 06 10:16:12 panel.uhlhosting.ch mysqld[16551]: 2016-03-06 10:16:12 140128996632704 [Note] Plugin 'InnoDB' is disabled.
Mar 06 10:16:12 panel.uhlhosting.ch mysqld[16551]: 2016-03-06 10:16:12 140128996632704 [Note] Plugin 'FEEDBACK' is disabled.
Mar 06 10:16:12 panel.uhlhosting.ch mysqld[16551]: 2016-03-06 10:16:12 140128996632704 [Note] Server socket created on IP: '::'.
Mar 06 10:16:12 panel.uhlhosting.ch mysqld[16551]: 2016-03-06 10:16:12 140128995883776 [Warning] Failed to load slave replication state from table mysql.gtid_slave_pos: 1286: Unknown storage engine 'InnoDB'
Mar 06 10:16:12 panel.uhlhosting.ch mysqld[16551]: 2016-03-06 10:16:12 140128996632704 [Note] /usr/sbin/mysqld: ready for connections.
Mar 06 10:16:12 panel.uhlhosting.ch mysqld[16551]: Version: '10.1.12-MariaDB'  socket: '/var/lib/mysql/mysql.sock'  port: 3306  MariaDB Server
Mar 06 10:16:12 panel.uhlhosting.ch systemd[1]: Started MariaDB database server.
Mar 06 10:16:54 panel.uhlhosting.ch systemd[1]: Started MariaDB database server.
Mar 06 10:17:00 panel.uhlhosting.ch systemd[1]: Started MariaDB database server.
&lt;/code&gt;&lt;/pre&gt;
&lt;p&gt;&lt;a href="https://gist.github.com/highacid/271137e25af45d1419af" rel="nofollow"&gt;Server.err&lt;/a&gt;&lt;/p&gt;
&lt;p&gt;&lt;a href="https://gist.github.com/highacid/d35f6794bc102cf58565" rel="nofollow"&gt;my.cnf file&lt;/a&gt;&lt;/p&gt;</t>
  </si>
  <si>
    <t>2016-03-06 04:38:23.227000+00:00</t>
  </si>
  <si>
    <t>2016-03-06 13:20:08.053000+00:00</t>
  </si>
  <si>
    <t>mysql|database|mariadb</t>
  </si>
  <si>
    <t>console application runtime problems</t>
  </si>
  <si>
    <t>&lt;p&gt;I have a problem with my console application. I'm following some kind of a tutorial on networking, and when I try to run in debug I have a weird runtime error I have never seen before.&lt;/p&gt;
&lt;p&gt;When I put a breakpoint on the first new line inside the main function and go through the code with Step Over (F10), visual studio executes the first ~3 lines of code including WSAStartup(), then suddenly reaches acomment section:&lt;/p&gt;
&lt;pre&gt;&lt;code&gt;#include &amp;lt;winsock2.h&amp;gt;
#include &amp;lt;WS2tcpip.h&amp;gt;
#include &amp;lt;iostream&amp;gt;
#include "wsh_includes.h"
int main(int argc, const char* argv[])
{
//You have to make a call to WSAStartup() before doing anything else with the sockets library
    //WSADATA wsaData; // if this doesn't work
    WSAData wsaData; // then try this instead
    wsh::errcheck(WSAStartup(MAKEWORD(2, 2), &amp;amp;wsaData), "WSAStartup failed");
    //----------
    //You also have to tell your compiler to link in the Winsock library, usually called
    //wsock32.lib or winsock32.lib, or ws2_32.lib for Winsock 2.0
    //----------
    //you can't use close() to close a socket���you need to use closesocket()
    //----------
    //select() only works with socket descriptors, not file descriptors (like 0 for stdin).
    //There is also a socket class that you can use, CSocket
    //----------
    int status;
    addrinfo hints, *res, *p;
    char ipstr[INET6_ADDRSTRLEN];
    memset(&amp;amp;hints, 0, sizeof(hints)); //make sure it's empty
    hints.ai_family = AF_UNSPEC; // AF_INET or AF_INET6 to force version
    hints.ai_socktype = SOCK_STREAM; //TCP stream sockets
    status = getaddrinfo("www.example.net", NULL, &amp;amp;hints, &amp;amp;res);
    wsh::errcheck(status, "getaddrinfo failed");
    //servinfo now points to a linked list of 1 or more struct addrinfos
    //... do everything until you don't need servinfo anymore ...
    printf("IP addresses for %s:\n\n", argv[1]);
    for (p = res; p != NULL; p = p-&amp;gt;ai_next) {
        void* addr;
        char* ipver;
        //get the pointer to the address itself
        //different fields in IPv4 and IPv6:
        if (p-&amp;gt;ai_family == AF_INET) {
            sockaddr_in* ipv4 = (sockaddr_in*)p-&amp;gt;ai_addr;
            addr = &amp;amp;(ipv4-&amp;gt;sin_addr);
            ipver = "IPv4";
        }
        else {
            sockaddr_in6* ipv6 = (sockaddr_in6*)p-&amp;gt;ai_addr;
            addr = &amp;amp;(ipv6-&amp;gt;sin6_addr);
            ipver = "IPv6";
        }
        //convert the IP to a string and print it:
        inet_ntop(p-&amp;gt;ai_family, addr, ipstr, sizeof(ipstr));
        printf("  %s: %s\n", ipver, ipstr);
    }
    std::cin.get();
    freeaddrinfo(res); //free the linked list
//----------
//Finally, you need to call WSACleanup() when you're all through with the sockets library.
    wsh::errcheck(WSACleanup(), "WSACleanup failed");
    return 0;
}
&lt;/code&gt;&lt;/pre&gt;
&lt;p&gt;When it gets there, it suddenly moves to the file crtexe.c in the middle of the commented section.
More specifically, it jumps to: &lt;/p&gt;
&lt;pre&gt;&lt;code&gt;#ifdef WPRFLAG
            __winitenv = envp;
            mainret = wmain(argc, argv, envp);
#else  /* WPRFLAG */
            __initenv = envp;
            mainret = main(argc, argv, envp); //here
&lt;/code&gt;&lt;/pre&gt;
&lt;p&gt;then to:&lt;/p&gt;
&lt;pre&gt;&lt;code&gt;#else  /* !defined (_WINMAIN_) &amp;amp;&amp;amp; defined (_CRT_APP) */
            if ( !managedapp )
            {
#ifndef _CRT_APP
                exit(mainret); //here
&lt;/code&gt;&lt;/pre&gt;
&lt;p&gt;I have tried getting rid of all the comments, when I run in debug then the code will behave differently (yet not really as expected).&lt;/p&gt;
&lt;p&gt;What exactly is going on here and how can I fix it?&lt;/p&gt;</t>
  </si>
  <si>
    <t>2014-05-15 17:41:42.170000+00:00</t>
  </si>
  <si>
    <t>2014-05-15 18:03:59.097000+00:00</t>
  </si>
  <si>
    <t>visual-c++|visual-studio-2013</t>
  </si>
  <si>
    <t>Unknown assembly with random name loaded by WPF application</t>
  </si>
  <si>
    <t>&lt;p&gt;I have a WPF application and I notice that when I run it there's a line in Visual Studio's output window which says&lt;/p&gt;
&lt;blockquote&gt;
  &lt;p&gt;'SomeApp.exe' (Managed): Loaded 'lwrpft7j'&lt;/p&gt;
&lt;/blockquote&gt;
&lt;p&gt;The name is different every time. It is listed when I call &lt;code&gt;AppDomain.CurrentDomain.GetAssemblies()&lt;/code&gt; as well.&lt;/p&gt;
&lt;p&gt;What is this random assembly?&lt;/p&gt;</t>
  </si>
  <si>
    <t>2009-08-05 15:36:30.517000+00:00</t>
  </si>
  <si>
    <t>2009-08-05 16:15:54.337000+00:00</t>
  </si>
  <si>
    <t>c#|wpf|assemblies</t>
  </si>
  <si>
    <t>Half multiple newlines</t>
  </si>
  <si>
    <t>&lt;p&gt;This is kind of a silly question and really just for personal interests more than anything,
but how would you go about halving multiple newlines?&lt;/p&gt;
&lt;p&gt;So lets say I have a series of two \r\n (carriage return/newlines) as a constant, so&lt;/p&gt;
&lt;pre&gt;&lt;code&gt;Class FOO
{
    Const DELIM = "\r\n\r\n";
    private fullDelim, halfDelim = false;
    public function __construct()
    {
        $this-&amp;gt;fullDelim = self::DELIM;
        $this-&amp;gt;halfDelim = substr(self::DELIM, -(count(self::DELIM)/2); // or something ??
    }
}
&lt;/code&gt;&lt;/pre&gt;
&lt;p&gt;Would that be a sane thing to do? can you even substr on newlines? I'm very curious on how you'd go about this in a "sane" way?&lt;/p&gt;</t>
  </si>
  <si>
    <t>2013-12-26 19:39:08.860000+00:00</t>
  </si>
  <si>
    <t>2013-12-26 19:50:49.290000+00:00</t>
  </si>
  <si>
    <t>php|newline</t>
  </si>
  <si>
    <t>Hive query with sum analytical function</t>
  </si>
  <si>
    <t>&lt;p&gt;I have data in the below format in a hive table.
&lt;a href="https://i.stack.imgur.com/yje8e.png" rel="nofollow noreferrer"&gt;enter image description here&lt;/a&gt;&lt;/p&gt;
&lt;p&gt;Can some one help me to write a hive query which will give me the below result.&lt;/p&gt;
&lt;p&gt;&lt;a href="https://i.stack.imgur.com/eKYe3.png" rel="nofollow noreferrer"&gt;enter image description here&lt;/a&gt;&lt;/p&gt;
&lt;p&gt;The Result is the sum of previous 6 months without skipping months.&lt;/p&gt;
&lt;p&gt;Here is the query I have tried, But it gives only the running totals.&lt;/p&gt;
&lt;pre&gt;&lt;code&gt;SELECT t.key, 
       t.tran_date, 
       Date_add(Add_months(t.tran_date, 1), 1 - Day(Add_months(t.tran_date, 1))) 
       run_date, 
       month(t.tran_date) 
       month, 
       Year(t.tran_date) 
       year, 
       Sum(t.usd_amt) 
         OVER( 
           partition BY t.acct_key, Month(t.tran_date)) 
       current_month_agg_incoming_amt, 
       Sum(t.usd_amt) 
         OVER( 
           partition BY t.acct_key, Ceil(Month(t.tran_date) / 6.0) 
           ORDER BY Month(t.tran_date))
       Result
FROM   transaction_denorm_hist_tmp1 t 
order by tran_date desc; 
&lt;/code&gt;&lt;/pre&gt;
&lt;p&gt;&lt;a href="https://i.stack.imgur.com/NxE8o.png" rel="nofollow noreferrer"&gt;enter image description here&lt;/a&gt;&lt;/p&gt;</t>
  </si>
  <si>
    <t>2018-11-16 18:11:24.590000+00:00</t>
  </si>
  <si>
    <t>2018-11-18 10:27:03.233000+00:00</t>
  </si>
  <si>
    <t>hive</t>
  </si>
  <si>
    <t>Pymongo: How to insert an array of multiple fields in a document?</t>
  </si>
  <si>
    <t>&lt;p&gt;I am working on &lt;code&gt;MongoDB&lt;/code&gt; in &lt;code&gt;python&lt;/code&gt; &lt;code&gt;[pymongo]&lt;/code&gt;. I want to insert an array of multiple fields in a document. For example: In the below structure of a collection, I want to insert array of &lt;code&gt;Places Visited&lt;/code&gt; in all documents. I do not know what it is called in the world of &lt;code&gt;Mongo&lt;/code&gt;.So that I may insert it. &lt;strong&gt;How to insert an array in a document?&lt;/strong&gt; Can some one help?    &lt;/p&gt;
&lt;pre&gt;&lt;code&gt;collectionName
    {
            "_id" : "4564345343",
            "name": "Bunty",
            "Basic Intro": "A.B.C.D.",
            "Places Visited": [
                    "1" : "Palace of Dob",
                    "2" : "Palace of Victoria",
                    "3" : "Sahara Desert"
            ]
    }
    {
            "_id"  : "45657865745",
            "name": "Humty",
            "Basic Intro": "B.C.D.",
            "Places Visited": [
                    "1" : "Palace of Pakistan",
                    "2" : "Palace of U.S.A."
                    "3" : "White House"
            ]
    }
&lt;/code&gt;&lt;/pre&gt;</t>
  </si>
  <si>
    <t>2016-09-18 07:08:22.347000+00:00</t>
  </si>
  <si>
    <t>2016-09-18 08:11:45.197000+00:00</t>
  </si>
  <si>
    <t>2016-09-18 07:45:50.557000+00:00</t>
  </si>
  <si>
    <t>python|mongodb|pymongo</t>
  </si>
  <si>
    <t>Best way to interate in for loop to get field values in array</t>
  </si>
  <si>
    <t>&lt;p&gt;I've got a array that I am flipping through to process some lines of text. This code works but I know there has to be a better way to do it.&lt;/p&gt;
&lt;pre&gt;&lt;code&gt; local text_matches = {
                  {"^range:","range"},
                  {"^saving throw:","save"},
                  {"^casting time:","castingtime"},
                  {"^components:","components"},
                  {"^area of effect:","aoe"},
                  {"^duration:","duration"},
                  {"^school:","school"},
                  {"^sphere:","sphere"},
                  {"^type:","type"},
                  {"^arcane ","school","(.*)$"},
                  {"^phantasmal ","school","(.*)$"},
                  {"^druidic ","sphere","(.*)$"},
                  {"^clerical ","sphere","(.*)$"},
                  };
&lt;/code&gt;&lt;/pre&gt;
&lt;p&gt;and then I use the text_matches in a for loop&lt;/p&gt;
&lt;pre&gt;&lt;code&gt;  for _, sFind in ipairs(text_matches) do
    local sMatch = sFind[1];
    local sValue = sFind[2];
    local sFilter = sFind[3];
    if (string.match(sLine:lower(),sMatch)) then
      bProcessed = true;
      setTextValue(nodeSpell,sLine,sMatch,sValue,sFilter);
    end
  end
&lt;/code&gt;&lt;/pre&gt;
&lt;p&gt;I'd rather not have to assign values to sMatch/sValue/sFilter like I am. I'm still new to certain aspects of Lua but I suspect there has to be a way to  use a for loop AND get all 3 values for each entry in the array?&lt;/p&gt;
&lt;p&gt;something like &lt;code&gt;for sMatch, sValue, sFilter (text_matches) do&lt;/code&gt;?&lt;/p&gt;</t>
  </si>
  <si>
    <t>2018-03-29 19:08:04.243000+00:00</t>
  </si>
  <si>
    <t>2018-03-29 20:27:37.003000+00:00</t>
  </si>
  <si>
    <t>2018-03-29 19:20:51.900000+00:00</t>
  </si>
  <si>
    <t>lua</t>
  </si>
  <si>
    <t>SEO in AJAX-links</t>
  </si>
  <si>
    <t>&lt;p&gt;I have a couple of questions about loading pages with AJAX and Jquery - heres what im using to load external .html-pages without reloading index-page:&lt;/p&gt;
&lt;pre&gt;&lt;code&gt;$('a').click(function() {
    var page = $(this).attr("href");
        $("#content").load(page + ".html");
        return false;
});
&amp;lt;a href="page_one.html#page_one"&amp;gt; 1 &amp;lt;/a&amp;gt;
&amp;lt;a href="page_two.html?page_two"&amp;gt; 1 &amp;lt;/a&amp;gt;
&amp;lt;div id="content"&amp;gt; ..content from ext pages load here.. &amp;lt;/div&amp;gt;
&lt;/code&gt;&lt;/pre&gt;
&lt;p&gt;Q1: What does "return false" actually do here?
Q2: Will the link "page_one.html#page_one" get indexed by Google?
Q3: Should i be using hash-tag or ? in the links - both seems to be working so whats the differnece?&lt;/p&gt;
&lt;p&gt;Hope someone has the answers &lt;/p&gt;</t>
  </si>
  <si>
    <t>2013-12-17 15:23:03.620000+00:00</t>
  </si>
  <si>
    <t>2013-12-17 16:05:31.363000+00:00</t>
  </si>
  <si>
    <t>jquery|seo</t>
  </si>
  <si>
    <t>ASP.Net validator styling</t>
  </si>
  <si>
    <t>&lt;p&gt;I have multiple validators on a textbox (see structure below). When the RequiredFieldValidator passes but the CustomValidator fails there is a gap between the Textbox and the CustomValidator as the RequiredsFieldValidator has a Hidden CSS property.&lt;/p&gt;
&lt;pre&gt;&lt;code&gt;[FieldLabel] [TextBox] [RequiredFieldValidator] [CustomValidator]
&lt;/code&gt;&lt;/pre&gt;
&lt;p&gt;The HTML output from the validators can be seen below.&lt;/p&gt;
&lt;pre&gt;&lt;code&gt;&amp;lt;input name="...Age" value="65" id="...Age" type="text"&amp;gt;
&amp;lt;span id="...RequiredFieldValidator" style="color: rgb(195, 1, 185); visibility: hidden;"&amp;gt;required&amp;lt;/span&amp;gt;
&amp;lt;span id="...CustomValidator" style="color: rgb(195, 1, 185); visibility: visible;"&amp;gt;must be between 55 and 74&amp;lt;/span&amp;gt;
&lt;/code&gt;&lt;/pre&gt;
&lt;p&gt;How can I make sure there is no space between the textbox and CustomValidator?&lt;/p&gt;</t>
  </si>
  <si>
    <t>2010-09-07 16:37:54.080000+00:00</t>
  </si>
  <si>
    <t>2012-10-01 08:31:49.387000+00:00</t>
  </si>
  <si>
    <t>asp.net|.net|css|validation</t>
  </si>
  <si>
    <t>Issues displaying an image next to text inside a button</t>
  </si>
  <si>
    <t>&lt;p&gt;So I have a button inside a div in bootstrap and would like to display it like this underneath the text but I am having issues placing the image next to "Start" and also positioning the button in the correct place. Any help would be appreciated.&lt;/p&gt;
&lt;p&gt;&lt;div class="snippet" data-lang="js" data-hide="false"&gt;_x000D_
&lt;div class="snippet-code"&gt;_x000D_
&lt;pre class="snippet-code-css lang-css prettyprint-override"&gt;&lt;code&gt;    #tech-support {_x000D_
      margin: 0 auto;_x000D_
      border: 0px solid #ffad41;_x000D_
      -webkit-border-radius: 16px;_x000D_
      -moz-border-radius: 16px;_x000D_
      border-radius: 16px;_x000D_
      font-size: 38px;_x000D_
      font-family: arial, helvetica, sans-serif;_x000D_
      padding: 24px 24px 24px 24px;_x000D_
      text-decoration: none;_x000D_
      display: inline-block;_x000D_
      text-shadow: 0px 0px 0 rgba(0, 0, 0, 0.3);_x000D_
      font-weight: bold;_x000D_
      color: #FFFFFF;_x000D_
      background-color: #ffc579;_x000D_
      background-image: -webkit-gradient(linear, left top, left bottom, from(#ffc579), to(#fb9d23));_x000D_
      background-image: -webkit-linear-gradient(top, #ffc579, #fb9d23);_x000D_
      background-image: -moz-linear-gradient(top, #ffc579, #fb9d23);_x000D_
      background-image: -ms-linear-gradient(top, #ffc579, #fb9d23);_x000D_
      background-image: -o-linear-gradient(top, #ffc579, #fb9d23);_x000D_
      background-image: linear-gradient(to bottom, #ffc579, #fb9d23);_x000D_
      filter: progid: DXImageTransform.Microsoft.gradient(GradientType=0, startColorstr=#ffc579, endColorstr=#fb9d23);_x000D_
      text-align: center;_x000D_
    }_x000D_
    #tech-support:hover {_x000D_
      border: 0px solid #ff9913;_x000D_
      background-color: #ffaf46;_x000D_
      background-image: -webkit-gradient(linear, left top, left bottom, from(#ffaf46), to(#e78404));_x000D_
      background-image: -webkit-linear-gradient(top, #ffaf46, #e78404);_x000D_
      background-image: -moz-linear-gradient(top, #ffaf46, #e78404);_x000D_
      background-image: -ms-linear-gradient(top, #ffaf46, #e78404);_x000D_
      background-image: -o-linear-gradient(top, #ffaf46, #e78404);_x000D_
      background-image: linear-gradient(to bottom, #ffaf46, #e78404);_x000D_
      filter: progid: DXImageTransform.Microsoft.gradient(GradientType=0, startColorstr=#ffaf46, endColorstr=#e78404);_x000D_
    }_x000D_
    #support-image {_x000D_
      display: inline-block;_x000D_
    }&lt;/code&gt;&lt;/pre&gt;_x000D_
&lt;pre class="snippet-code-html lang-html prettyprint-override"&gt;&lt;code&gt;&amp;lt;link href="https://maxcdn.bootstrapcdn.com/bootstrap/3.3.6/css/bootstrap.min.css" rel="stylesheet"/&amp;gt;_x000D_
&amp;lt;div class="row"&amp;gt;_x000D_
  &amp;lt;div class="col-md-12"&amp;gt;_x000D_
    &amp;lt;div class="support-box"&amp;gt;_x000D_
      &amp;lt;h3&amp;gt;Start a Live Chat with one of our Tech Team&amp;lt;/h3&amp;gt;_x000D_
      &amp;lt;button class="btn btn-info btn-lg" id="tech-support" type="button"&amp;gt;_x000D_
        &amp;lt;h3&amp;gt;Start&amp;lt;/h3&amp;gt;_x000D_
        &amp;lt;img src="img/button-icon-livechat.png" id="support-image" class="img-responsive" /&amp;gt;_x000D_
      &amp;lt;/button&amp;gt;_x000D_
    &amp;lt;/div&amp;gt;&lt;/code&gt;&lt;/pre&gt;_x000D_
&lt;/div&gt;_x000D_
&lt;/div&gt;_x000D_
&lt;/p&gt;
&lt;p&gt;It should look like this &lt;a href="https://gyazo.com/d70db6a305892460289f84d3dcc6cf2d" rel="nofollow"&gt;https://gyazo.com/d70db6a305892460289f84d3dcc6cf2d&lt;/a&gt;, btw I am using bootstrap.&lt;/p&gt;
&lt;p&gt;Thanks in advance :).&lt;/p&gt;</t>
  </si>
  <si>
    <t>2016-03-16 23:24:05.413000+00:00</t>
  </si>
  <si>
    <t>2016-03-16 23:34:05.707000+00:00</t>
  </si>
  <si>
    <t>2016-03-16 23:27:56.037000+00:00</t>
  </si>
  <si>
    <t>Alternatives to the HitTest()</t>
  </si>
  <si>
    <t>&lt;p&gt;Currently my software uses the &lt;code&gt;HitTest()&lt;/code&gt; method of a chart object in MSCharts but as I scale this up to more and more data points on my chart combined with other factors this can have a massive performance hit.&lt;/p&gt;
&lt;p&gt;I was wondering if there any alternatives that you know of to provide the same functionality ( get the X Coordinate on the chart for the cursor position ) but without the performance hit as hit testing seems to be a very brute force way of obtaining my answer.&lt;/p&gt;
&lt;p&gt;My chart is created from the class &lt;code&gt;System.Windows.Forms.DataVisualization.Charting.Chart&lt;/code&gt;&lt;/p&gt;
&lt;p&gt;Edit for clarity: I need to find the position of a line on my chart to use it for other calculations.&lt;/p&gt;</t>
  </si>
  <si>
    <t>2013-07-18 11:44:24.137000+00:00</t>
  </si>
  <si>
    <t>2014-02-02 14:53:35.457000+00:00</t>
  </si>
  <si>
    <t>2013-07-18 12:13:35.477000+00:00</t>
  </si>
  <si>
    <t>c#|visual-studio-2012|charts</t>
  </si>
  <si>
    <t>show and hide table row on click for JQUERY</t>
  </si>
  <si>
    <t>&lt;p&gt;I'm working on a project in ASP and I'm not used to Javascript or Jquery&lt;/p&gt;
&lt;p&gt;I found some code that if I click on a row, it will change the color.&lt;/p&gt;
&lt;p&gt;I now want to change the display to normal when I click on a row and then hide it if I click on any other row. &lt;/p&gt;
&lt;p&gt;What I have so far&lt;/p&gt;
&lt;pre&gt;&lt;code&gt;&amp;lt;table id="myTable" class="tablesorter"&amp;gt; 
&amp;lt;thead&amp;gt; 
&amp;lt;tr&amp;gt; 
    &amp;lt;th&amp;gt;INFO&amp;lt;/th&amp;gt; 
&amp;lt;/tr&amp;gt; 
&amp;lt;/thead&amp;gt; 
&amp;lt;tbody&amp;gt; 
&amp;lt;tr onclick="changeMe(this);"&amp;gt; 
    &amp;lt;td&amp;gt;INFO&amp;lt;/td&amp;gt; 
            &amp;lt;tr class="versionRow" style ="display:none"&amp;gt;
                &amp;lt;td&amp;gt;INFO&amp;lt;/td&amp;gt;
            &amp;lt;/tr&amp;gt;
&amp;lt;/tr&amp;gt; 
&amp;lt;/tbody&amp;gt; 
&amp;lt;/table&amp;gt; 
&lt;/code&gt;&lt;/pre&gt;
&lt;p&gt;And my script for changing the color.&lt;/p&gt;
&lt;pre&gt;&lt;code&gt;&amp;lt;script&amp;gt;
    var whosChanged = null;
    function changeMe(el) {
        el.style.backgroundColor = "#00FF00";
        el.style.color = "#000000";
        if (whosChanged != null) {
            whosChanged.style.backgroundColor = ""
            whosChanged.style.color = ""
        }
        whosChanged = el;
    }
&amp;lt;/script&amp;gt;
&lt;/code&gt;&lt;/pre&gt;
&lt;p&gt;I just want to be able to display the row with the class versionRow when I click on it.&lt;/p&gt;
&lt;p&gt;Any ideas or suggestions? Thank you.&lt;/p&gt;</t>
  </si>
  <si>
    <t>2012-11-24 21:44:20.153000+00:00</t>
  </si>
  <si>
    <t>2012-11-24 22:54:58.343000+00:00</t>
  </si>
  <si>
    <t>2012-11-24 22:05:41.727000+00:00</t>
  </si>
  <si>
    <t>jquery|asp.net-mvc</t>
  </si>
  <si>
    <t>calling .val() on date_select element returning undefined?</t>
  </si>
  <si>
    <t>&lt;p&gt;I'm trying to obtain the selected date from a date_select:&lt;/p&gt;
&lt;pre&gt;&lt;code&gt;    &amp;lt;%= form_for(@newevent) do |f| %&amp;gt;
        &amp;lt;%= f.date_select :day, { id: "date-select"} %&amp;gt;
        &amp;lt;button id="check-button" type="button"&amp;gt;Check&amp;lt;/button&amp;gt;
&amp;lt;% end %&amp;gt;
&lt;/code&gt;&lt;/pre&gt;
&lt;p&gt;using JQuery/Javascript:&lt;/p&gt;
&lt;pre&gt;&lt;code&gt;$(document).on('click', "#check-button", function(){
var selectedDate = $("#date-select").val();
alert(selectedDate);
var checkList = []; //creates array to store customer ids
$("#check-list li input").each(function(){ //for each listed colleague...
    if( $(this).is(":checked")){ //if check-box is ticked
        checkList.push($(this).val()); //add id to list
    }
});
$.ajax({
        url: '/events/check',
        data: {checkList: checkList , selected_date: selectedDate },
        method: "POST"
    }
);
&lt;/code&gt;&lt;/pre&gt;
&lt;p&gt;});&lt;/p&gt;
&lt;p&gt;for reference here is where &lt;code&gt;:day&lt;/code&gt; is defined in my migration file:&lt;/p&gt;
&lt;pre&gt;&lt;code&gt;class CreateEvents &amp;lt; ActiveRecord::Migration
  def change
    create_table :events do |t|
      t.timestamps
      t.references :calendar, foreign_key: true
      ...
      t.date :day
      ...
    end
&lt;/code&gt;&lt;/pre&gt;
&lt;p&gt;However, on alert the returned value is "undefined". Why is this happening? I would like it to return the a value in the form &lt;code&gt;YYYY-MM-DD&lt;/code&gt;. Apologies if this is obvious, but I am new to programming and can't seem to fix this one myself&lt;/p&gt;</t>
  </si>
  <si>
    <t>2016-02-04 17:29:07.353000+00:00</t>
  </si>
  <si>
    <t>2016-02-04 18:09:35.627000+00:00</t>
  </si>
  <si>
    <t>javascript|jquery|ruby-on-rails|ruby</t>
  </si>
  <si>
    <t>blender + unity rig animation at which level?</t>
  </si>
  <si>
    <t>&lt;p&gt;hi i am a beginner in unity and blender both.&lt;/p&gt;
&lt;p&gt;here is my question&lt;/p&gt;
&lt;p&gt;i created 1 player character with rig and make 1 animation of moving hand like punching in boxing game.
now if i put another character, on whom my player is going to punch, required animation to show the reaction of punch or it will be done by unity it self? &lt;/p&gt;
&lt;p&gt;and if this is right (i have to create the animation for reaction), so is that in all the game like vice city player moving and fell down on floor etc. etc...?&lt;/p&gt;</t>
  </si>
  <si>
    <t>2014-04-08 19:23:00.100000+00:00</t>
  </si>
  <si>
    <t>2014-04-09 05:38:00.993000+00:00</t>
  </si>
  <si>
    <t>animation|unity3d|blender</t>
  </si>
  <si>
    <t>PayPal recurring payments using codeigniter ci_marchant_Lib library</t>
  </si>
  <si>
    <t>&lt;p&gt;i want to use recurring payment in codeigniter using &lt;code&gt;online paypal payment&lt;/code&gt;.
But all options are available in &lt;code&gt;offline payment&lt;/code&gt; any library or any help?&lt;/p&gt;</t>
  </si>
  <si>
    <t>2014-11-24 10:33:01.627000+00:00</t>
  </si>
  <si>
    <t>2015-07-13 08:59:04.550000+00:00</t>
  </si>
  <si>
    <t>php|codeigniter|paypal</t>
  </si>
  <si>
    <t>Can I create a ranked dict by iterating over an existing dict?</t>
  </si>
  <si>
    <t>&lt;p&gt;I've been searching for the answer to this for a while, but no joy.&lt;/p&gt;
&lt;p&gt;I have a dict containing hotel names and prices.&lt;/p&gt;
&lt;pre&gt;&lt;code&gt;mydict = {'HotelA': 100, 'HotelB': 300, 'HotelC': 200}
&lt;/code&gt;&lt;/pre&gt;
&lt;p&gt;I would simply like to iterate over the dict and return a separate dict whose values rank the keys based on lowest to highest values, eg:&lt;/p&gt;
&lt;pre&gt;&lt;code&gt;mynewdict = {'HotelA': 1, 'HotelB': 3, 'HotelC': 2}
&lt;/code&gt;&lt;/pre&gt;
&lt;p&gt;I am aware of how to use &lt;code&gt;sorted&lt;/code&gt; to iterate over a dictionary and provide an ordered list, but am unsure as to the best way to handle the above. All help greatly appreciated.&lt;/p&gt;</t>
  </si>
  <si>
    <t>2013-09-15 16:02:34.107000+00:00</t>
  </si>
  <si>
    <t>2013-09-16 15:23:06.373000+00:00</t>
  </si>
  <si>
    <t>python-2.7|dictionary|ranking</t>
  </si>
  <si>
    <t>Porting RSVP.js map idiom over to bluebird</t>
  </si>
  <si>
    <t>&lt;p&gt;In &lt;a href="https://github.com/tildeio/rsvp.js#arrays-of-promises" rel="nofollow"&gt;RSVP.js&lt;/a&gt;, there is a very elegant idiom:&lt;/p&gt;
&lt;pre&gt;&lt;code&gt;var promises = [2, 3, 5, 7, 11, 13].map(function(id){
  return getJSON("/post/" + id + ".json");
});
RSVP.all(promises).then(function(posts) {
  // posts contains an array of results for the given promises
}).catch(function(reason){
  // if any of the promises fails.
});
&lt;/code&gt;&lt;/pre&gt;
&lt;p&gt;However I am using a library that already relies on, and exposes some of &lt;a href="https://github.com/petkaantonov/bluebird" rel="nofollow"&gt;bluebird's api&lt;/a&gt;. So I'd rather avoid mixing in RSVP.js even if it may seem at times more elegant.&lt;/p&gt;
&lt;p&gt;What would be the equivalent in &lt;a href="https://github.com/petkaantonov/bluebird/blob/master/API.md#mapfunction-mapper--object-options---promise" rel="nofollow"&gt;bluebird&lt;/a&gt;, of the RSVP.js code snippet above?&lt;/p&gt;</t>
  </si>
  <si>
    <t>2014-08-18 15:43:30.937000+00:00</t>
  </si>
  <si>
    <t>2014-08-18 19:16:58.630000+00:00</t>
  </si>
  <si>
    <t>javascript|promise|bluebird|rsvp.js</t>
  </si>
  <si>
    <t>IF condition for a merged text field based on several tex fields</t>
  </si>
  <si>
    <t>&lt;p&gt;this is my first questions, my apologies for any unclear aspects of it. Here's what I got:&lt;/p&gt;
&lt;pre&gt;&lt;code&gt;// Get field values
var full_name = getField('Full Name').value;
var full_name2 = getField('Full Name 2').value;
// Build account_name string
var account_name = full_name + " " + "and/or" + " " + full_name2;
// Set this field's value equal to account_name
event.value = account_name;
&lt;/code&gt;&lt;/pre&gt;
&lt;p&gt;It aggregates two name fields into one for an account opening form and adds "and/or". This form is used for both individual accounts (i.e. one person) and joint accounts (i.e. two persons). &lt;/p&gt;
&lt;p&gt;&lt;strong&gt;My question: What coding can I add to suppress/not show the "and/or" if the full name 2 field is empty?&lt;/strong&gt; &lt;/p&gt;
&lt;p&gt;Thanks a million for your help. Joe &lt;/p&gt;</t>
  </si>
  <si>
    <t>2017-04-20 08:59:36.637000+00:00</t>
  </si>
  <si>
    <t>2017-04-20 10:27:40.070000+00:00</t>
  </si>
  <si>
    <t>2017-04-20 10:09:51.320000+00:00</t>
  </si>
  <si>
    <t>javascript|text|field|condition</t>
  </si>
  <si>
    <t>SSRS datepart expression, Error</t>
  </si>
  <si>
    <t>&lt;p&gt;I didnt know whats wrong with this expression.This expression always return #error.how to solve this?&lt;/p&gt;
&lt;pre&gt;&lt;code&gt;=MonthName(datepart("M",format(Fields!date.Value,"yyyy-MM-dd"))) + " " + datepart("yyyy",format(Fields!date.Value,"yyyy-MM-dd"))
&lt;/code&gt;&lt;/pre&gt;
&lt;p&gt;expression works fine with just&lt;code&gt;=MonthName(datepart("M",format(Fields!date.Value,"yyyy-MM-dd")))&lt;/code&gt;, when added &lt;code&gt;+ " " + datepart("yyyy",format(Fields!date.Value,"yyyy-MM-dd"))&lt;/code&gt; become error.curious.&lt;/p&gt;</t>
  </si>
  <si>
    <t>2014-01-06 00:59:42.543000+00:00</t>
  </si>
  <si>
    <t>2014-01-06 01:47:11.040000+00:00</t>
  </si>
  <si>
    <t>2014-01-06 01:07:11.230000+00:00</t>
  </si>
  <si>
    <t>reporting-services</t>
  </si>
  <si>
    <t>Autolaunch exe on USB in windows XP SP3</t>
  </si>
  <si>
    <t>&lt;p&gt;I want to autolaunch my application on USB as soon as I plug it into a PC running on windows XP SP3. I have made an autorun.inf (having below written code) and also tried to lauch setup using a batch file(autorun.bat) but none of these seem to be working.&lt;/p&gt;
&lt;p&gt;I have also read that a particular windows update (KB971029) disables the autorun/autoplay feature of USB. How can I overcome it? (I can't ask my client to uninstall a windows security update for using my product..)&lt;/p&gt;
&lt;h2&gt;Code Of autorun.inf file&lt;/h2&gt;
&lt;pre&gt;&lt;code&gt;[autorun]
UseAutoPlay=1
icon=setup.exe
Open=setup.exe
action="Start my application"
Label=setup
[Autoplay]
shellexecute=autorun.bat
Icon=setup.exe
&lt;/code&gt;&lt;/pre&gt;
&lt;p&gt;My product contains some media (video) files too so on inserting the USB I get a pop up asking following options
1.) to open files in explorer 
2.) play files using media player
3.) take no action&lt;/p&gt;</t>
  </si>
  <si>
    <t>2012-04-17 13:09:34.367000+00:00</t>
  </si>
  <si>
    <t>2012-04-17 14:27:05.943000+00:00</t>
  </si>
  <si>
    <t>usb|autorun|autoplay|windows-xp-sp3</t>
  </si>
  <si>
    <t>Using jquery ajax in Rails doesn't work properly.</t>
  </si>
  <si>
    <t>&lt;p&gt;currently, I'm learning rails then I come up to the point to use jquery to send ajax for the form, I know about the ujs but I don't want to use it. I want to use the pure javascript or jquery for learning purpose ( understanding it ). So, I have this problem that &lt;strong&gt;&lt;em&gt;when I click the submit the button it become disable&lt;/em&gt;&lt;/strong&gt; and also when I use this way&lt;/p&gt;
&lt;pre&gt;&lt;code&gt;$( function(  ) {
  var form = $( '#new_post' );
  var formData = $( form ).serialize();
  $( form ).submit( function( event ) {
    $.ajax( {
      type: 'POST',
      url: $( this ).attr( 'action' ),
      dataType: 'json',
      data: formData
    } ).done( function ( response ) {
      console.log( response );
    } )
    event.preventDefault();
  } )
} );
&lt;/code&gt;&lt;/pre&gt;
&lt;p&gt;the serialize &lt;code&gt;formData&lt;/code&gt; is empty but when I tried this way&lt;/p&gt;
&lt;pre&gt;&lt;code&gt;$( function(  ) {
  var form = $( '#new_post' );    
  $( form ).submit( function( event ) {
    $.ajax( {
      type: 'POST',
      url: $( this ).attr( 'action' ),
      dataType: 'json',
      data: $( form ).serialize()
    } ).done( function ( response ) {
      console.log( response );
    } )
    event.preventDefault();
  } )
} );
&lt;/code&gt;&lt;/pre&gt;
&lt;p&gt;which is I call directly the &lt;code&gt;$( form ).serialize()&lt;/code&gt; inside the ajax. I don't understand what's the difference but I tried to do some research already and I can't find the answer.&lt;/p&gt;
&lt;p&gt;By the way, this the rails form.&lt;/p&gt;
&lt;pre&gt;&lt;code&gt;&amp;lt;%= form_for( post ) do |f| %&amp;gt;
  &amp;lt;div class="field"&amp;gt;
    &amp;lt;%= f.label :title %&amp;gt;
    &amp;lt;%= f.text_field :title %&amp;gt;
  &amp;lt;/div&amp;gt;
  &amp;lt;div class="field"&amp;gt;
    &amp;lt;%= f.label :content %&amp;gt;
    &amp;lt;%= f.text_area :content %&amp;gt;
  &amp;lt;/div&amp;gt;
  &amp;lt;div class="actions"&amp;gt;
    &amp;lt;%= f.submit %&amp;gt;
  &amp;lt;/div&amp;gt;
&amp;lt;% end %&amp;gt;
&lt;/code&gt;&lt;/pre&gt;</t>
  </si>
  <si>
    <t>2016-07-06 08:25:17.363000+00:00</t>
  </si>
  <si>
    <t>2016-07-06 12:52:02.087000+00:00</t>
  </si>
  <si>
    <t>javascript|jquery|ruby-on-rails|ajax</t>
  </si>
  <si>
    <t>Connecting Django with MSSQL server</t>
  </si>
  <si>
    <t>&lt;p&gt;I'm trying to connect my Django app to SQL Server 2016. I've tried using django-pyodbc but it doesn't support Django 1.11. Instead I installed django-mssql 1.8. When I try to run the application I get this error.&lt;/p&gt;
&lt;pre&gt;&lt;code&gt;TypeError was unhandled by user code
Message: 'NoneType' object is not callable
&lt;/code&gt;&lt;/pre&gt;
&lt;p&gt;At &lt;code&gt;execute_from_command_line(sys.argv)&lt;/code&gt; in manage.py&lt;/p&gt;
&lt;p&gt;Here is my DATABASES from settings.py&lt;/p&gt;
&lt;pre&gt;&lt;code&gt;DATABASES = {
'default': {
    'ENGINE': 'sqlserver_ado',
    'NAME': 'TEST2',
    'HOST': 'PCNAME\SQLEXPRESS',
    'USER': '',
    'PASSWORD': '',
    'OPTIONS' : {
     'provider': 'SQLOLEDB',
     'use_mars': True,
     },
}
}
&lt;/code&gt;&lt;/pre&gt;
&lt;p&gt;I've tried both the default and SQLOLEDB provider but always get the same error. I've also tried with and without user and password set but the error remains the same. I am able to connect to a local MySQL DB just fine.&lt;/p&gt;
&lt;p&gt;I'm running Windows 10, Visual Studio 2015, SQL Server Express 2016&lt;/p&gt;
&lt;p&gt;Edit:&lt;/p&gt;
&lt;p&gt;Here's the output from &lt;code&gt;pip freeze&lt;/code&gt;&lt;/p&gt;
&lt;pre&gt;&lt;code&gt;appdirs==1.4.3
Django==1.11
django-mssql==1.8
mysqlclient==1.3.10
packaging==16.8
pyodbc==4.0.16
pyparsing==2.2.0
pytz==2017.2
six==1.10.0
&lt;/code&gt;&lt;/pre&gt;
&lt;p&gt;Here's my requirements.txt&lt;/p&gt;
&lt;pre&gt;&lt;code&gt;django==1.11
mysqlclient==1.3.10
django-mssql==1.8
&lt;/code&gt;&lt;/pre&gt;</t>
  </si>
  <si>
    <t>2017-04-15 19:01:38.190000+00:00</t>
  </si>
  <si>
    <t>2018-05-08 07:45:13.320000+00:00</t>
  </si>
  <si>
    <t>2017-04-15 22:59:26.643000+00:00</t>
  </si>
  <si>
    <t>python|sql-server|django|django-mssql</t>
  </si>
  <si>
    <t>Communication from Pod to Pod on same node inside kubernetes in GCP</t>
  </si>
  <si>
    <t>&lt;p&gt;I have dockerized and created deployment and service for both front(REACT) and backend (EXPRESS NODE JS) project in kubernetes. I have successfully deployed in Kubernetes(Single node cluster) in Same Node with Two Pods(i.e &lt;strong&gt;One Pod --&gt; REACT APP and SECOND POD --&gt; EXPRESS NODE JS&lt;/strong&gt;) in Google cloud Platform. &lt;/p&gt;
&lt;p&gt;&lt;strong&gt;&lt;em&gt;Question:&lt;/em&gt;&lt;/strong&gt;&lt;/p&gt;
&lt;p&gt;1.) How to communicate from one pod to another pod inside the Node in Kubernetes cluster?&lt;/p&gt;
&lt;p&gt;2.) I have exposed my REACT app to the Outer world by creating &lt;strong&gt;LoadBalancer&lt;/strong&gt; Type Service in &lt;strong&gt;kubernetes&lt;/strong&gt; and i am able to access the React App Endpoint from the Browser. Now, Is it possible to access EXPRESS app from REACT app inside the node without exposing my EXPRESS app to outer world. How to achieve this? &lt;/p&gt;
&lt;p&gt;Thanks in Advance.&lt;/p&gt;</t>
  </si>
  <si>
    <t>2018-11-05 05:09:15.767000+00:00</t>
  </si>
  <si>
    <t>2018-11-08 03:03:09.573000+00:00</t>
  </si>
  <si>
    <t>docker|kubernetes|google-cloud-platform|google-kubernetes-engine</t>
  </si>
  <si>
    <t>How to use a string to go to a URL in Django view?</t>
  </si>
  <si>
    <t>&lt;p&gt;in my template, I have a DOM element with an id.&lt;/p&gt;
&lt;pre&gt;&lt;code&gt;&amp;lt;h1 id="club-title"&amp;gt;{{club.title}}&amp;lt;/h1&amp;gt;
&lt;/code&gt;&lt;/pre&gt;
&lt;p&gt;Something like this.&lt;/p&gt;
&lt;p&gt;This is for a view called &lt;strong&gt;club_detail&lt;/strong&gt;. The url for this view is in &lt;strong&gt;urls.py&lt;/strong&gt;:&lt;/p&gt;
&lt;pre&gt;&lt;code&gt;url(r'^club/(?P&amp;lt;pk&amp;gt;[0-9]+)/$', views.club_detail, name='club_detail'),
&lt;/code&gt;&lt;/pre&gt;
&lt;p&gt;In one of my views, I want to go to the url above, but I also want to add '#club-title' to the end of the url so that the browser scrolls down to my element. How do I do this?&lt;/p&gt;
&lt;p&gt;Currently, the view looks something like this:&lt;/p&gt;
&lt;pre&gt;&lt;code&gt;def index(request):
    .....
    return redirect('myapp:club_detail', pk = str(club.pk))
&lt;/code&gt;&lt;/pre&gt;
&lt;p&gt;I hope I was clear enough. Thanks!&lt;/p&gt;</t>
  </si>
  <si>
    <t>2016-03-30 10:08:33.127000+00:00</t>
  </si>
  <si>
    <t>2016-03-30 10:10:59.713000+00:00</t>
  </si>
  <si>
    <t>python|django|django-views|django-urls</t>
  </si>
  <si>
    <t>Choosing Javascript Libraries When Designing a Web App</t>
  </si>
  <si>
    <t>&lt;p&gt;Even as an experienced developer (mainly PHP &amp;amp; Java/Android), moving into the world of web app development has been a little overwhelming. I am certainly not the first to say that the number of Javascript Frameworks available is overwhelming.&lt;/p&gt;
&lt;p&gt;&lt;a href="https://stackoverflow.com/questions/394601/which-javascript-framework-jquery-vs-dojo-vs"&gt;https://stackoverflow.com/questions/394601/which-javascript-framework-jquery-vs-dojo-vs&lt;/a&gt;&lt;/p&gt;
&lt;p&gt;&lt;a href="http://www.infoq.com/research/top-javascript-mvc-frameworks" rel="nofollow noreferrer"&gt;http://www.infoq.com/research/top-javascript-mvc-frameworks&lt;/a&gt;&lt;/p&gt;
&lt;p&gt;&lt;a href="http://www.netmagazine.com/features/essential-javascript-top-five-mvc-frameworks" rel="nofollow noreferrer"&gt;http://www.netmagazine.com/features/essential-javascript-top-five-mvc-frameworks&lt;/a&gt;&lt;/p&gt;
&lt;p&gt;But as any web app developer knows, the Javascript libraries available go far beyond MV* Frameworks. A few really cool &amp;amp; useful libraries that I have found include:&lt;/p&gt;
&lt;p&gt;&lt;a href="http://backbonejs.org/" rel="nofollow noreferrer"&gt;Backbone&lt;/a&gt; / &lt;a href="http://angularjs.org/" rel="nofollow noreferrer"&gt;Angujar&lt;/a&gt; / &lt;a href="http://emberjs.com/" rel="nofollow noreferrer"&gt;Ember&lt;/a&gt; (MV* Frameworks)&lt;/p&gt;
&lt;p&gt;&lt;a href="http://jquery.com/" rel="nofollow noreferrer"&gt;JQuery&lt;/a&gt; / &lt;a href="http://prototypejs.org/" rel="nofollow noreferrer"&gt;Prototype&lt;/a&gt; / &lt;a href="http://dojotoolkit.org/" rel="nofollow noreferrer"&gt;Dojo&lt;/a&gt; / &lt;a href="http://mootools.net/" rel="nofollow noreferrer"&gt;MooTools&lt;/a&gt; (DOM Manipulation)&lt;/p&gt;
&lt;p&gt;&lt;a href="http://underscorejs.org/" rel="nofollow noreferrer"&gt;Underscore&lt;/a&gt; / &lt;a href="https://github.com/janl/mustache.js/" rel="nofollow noreferrer"&gt;Mustache&lt;/a&gt; / &lt;a href="http://handlebarsjs.com/" rel="nofollow noreferrer"&gt;Handlebars&lt;/a&gt; (Templating)&lt;/p&gt;
&lt;p&gt;&lt;a href="http://requirejs.org/" rel="nofollow noreferrer"&gt;Require.js&lt;/a&gt; (AMD)&lt;/p&gt;
&lt;p&gt;&lt;a href="http://twitter.github.io/bootstrap/" rel="nofollow noreferrer"&gt;Bootstrap&lt;/a&gt; (Multiple)&lt;/p&gt;
&lt;p&gt;&lt;a href="http://pivotal.github.io/jasmine/" rel="nofollow noreferrer"&gt;Jasmine&lt;/a&gt; (Testing)&lt;/p&gt;
&lt;p&gt;&lt;a href="http://jqueryui.com/" rel="nofollow noreferrer"&gt;JQueryUI&lt;/a&gt; (UI)&lt;/p&gt;
&lt;p&gt;This is by no means intended to be a complete list. I'm sure there are hundreds of other good libraries out there. What's more, these are all general-purpose libraries (not graphing, animation, math, etc).&lt;/p&gt;
&lt;p&gt;My question is, from a &lt;strong&gt;design&lt;/strong&gt; standpoint, how should a new web app developer go about choosing which general-purpose libraries to use for an app? More specifically, what &lt;strong&gt;types&lt;/strong&gt; of libraries should a new web app developer look at using?&lt;/p&gt;</t>
  </si>
  <si>
    <t>2013-04-11 21:13:35.650000+00:00</t>
  </si>
  <si>
    <t>2013-04-11 21:53:23.187000+00:00</t>
  </si>
  <si>
    <t>2017-05-23 11:51:24.130000+00:00</t>
  </si>
  <si>
    <t>web-applications|javascript</t>
  </si>
  <si>
    <t>html select list - display seleted value when size is 10</t>
  </si>
  <si>
    <t>&lt;p&gt;I have a html select list that I am using to display many options.&lt;/p&gt;
&lt;p&gt;I have the size of the select to &lt;code&gt;10&lt;/code&gt; and I am using &lt;code&gt;autofocus&lt;/code&gt;.&lt;/p&gt;
&lt;p&gt;&lt;strong&gt;How do I dcisplay the select list so that the selected option is displayed when the page loads, even if the selected option is not in the 1st 10 options&lt;/strong&gt;, like this:&lt;/p&gt;
&lt;p&gt;&lt;a href="https://i.stack.imgur.com/mmxNH.png" rel="nofollow noreferrer"&gt;&lt;img src="https://i.stack.imgur.com/mmxNH.png" alt="enter image description here"&gt;&lt;/a&gt;&lt;/p&gt;
&lt;p&gt;Currently, when the page loads, the select list is displayed as follows (option 19 is selected, but not displayed):&lt;/p&gt;
&lt;p&gt;&lt;a href="https://i.stack.imgur.com/9pxO3.png" rel="nofollow noreferrer"&gt;&lt;img src="https://i.stack.imgur.com/9pxO3.png" alt="enter image description here"&gt;&lt;/a&gt;&lt;/p&gt;
&lt;p&gt;Here is my select list code:&lt;/p&gt;
&lt;pre&gt;&lt;code&gt;&amp;lt;select id="id_preview_style_select" name="preview_style" title="Preview Style" size="10" autofocus&amp;gt;
    ....
    ....
&amp;lt;/select&amp;gt;
&lt;/code&gt;&lt;/pre&gt;</t>
  </si>
  <si>
    <t>2015-12-17 03:24:31.003000+00:00</t>
  </si>
  <si>
    <t>2015-12-17 03:32:45.847000+00:00</t>
  </si>
  <si>
    <t>javascript|jquery|html|html-select</t>
  </si>
  <si>
    <t>How to unsubscribe from an Observable when using an Android library</t>
  </si>
  <si>
    <t>&lt;p&gt;In &lt;a href="https://stackoverflow.com/questions/26197386/why-is-my-timer-observable-never-called/26197716#26197716"&gt;Why is my timer Observable never called?&lt;/a&gt; 
@Miguel Lavigne says:&lt;/p&gt;
&lt;p&gt;"Keep in mind that if you're using Observables from within a Fragment or an Activity you should always make sure you unsubscribe from your Observables to eliminate chances of memory leaks."&lt;/p&gt;
&lt;p&gt;It is clear to me how it works as long as I am using an Observable in an Activity, Fragment or View. But what if I am using it where there is no context?&lt;/p&gt;
&lt;p&gt;My situation: I am having an external library which holds an object model. Each object has a .save() function, which is called from the UI. In save, an API endpoint call is performed by an Observable asynchronously.&lt;/p&gt;
&lt;p&gt;Example:&lt;/p&gt;
&lt;pre&gt;&lt;code&gt;public Overlay save() {
        Observable.create(new Observable.OnSubscribe&amp;lt;Overlay&amp;gt;() {
        @Override public void call(Subscriber&amp;lt;? super Overlay&amp;gt; subscriber) {
            try {
                Overlay overlay= OverlayEndpoint.insertOverlay(this); // call the API endpoint here
                subscriber.onNext(overlay);
                subscriber.onCompleted();
            } catch (IOException e) {
                subscriber.onError(e);
            }
        }
    }).subscribeOn(Schedulers.newThread()).observeOn(AndroidSchedulers.mainThread())
            .subscribe(new Action1&amp;lt;Overlay&amp;gt;() {
                @Override public void call(Overlay overlay) {
                    // process the saved result [omitted for brevity]
                }
            }, new Action1&amp;lt;Throwable&amp;gt;() {
                @Override public void call(Throwable throwable) {
                    // put the overlay into a local upload queue in case the endpoint is unreachable [omitted]
                }
            });
    return this; // return the call immediately
}
&lt;/code&gt;&lt;/pre&gt;
&lt;p&gt;The Observable is for one-time use within save and becomes obsolete thereafter. How can I make sure it does not persist?&lt;/p&gt;
&lt;p&gt;Situation 1: Normal unsubscribe. Is there a way to unsubscribe right from within the call(), once processing is complete?&lt;/p&gt;
&lt;p&gt;Situation 2: For whatever reason the Observable stays in memory. Could I use .timeout() to ensure the Observable is destroyed after enough time has passed?&lt;/p&gt;</t>
  </si>
  <si>
    <t>2014-10-05 18:47:34.737000+00:00</t>
  </si>
  <si>
    <t>2014-10-06 08:28:21.480000+00:00</t>
  </si>
  <si>
    <t>2017-05-23 10:27:15.820000+00:00</t>
  </si>
  <si>
    <t>android|rx-java</t>
  </si>
  <si>
    <t>Automapper not ignoring nested property</t>
  </si>
  <si>
    <t>&lt;p&gt;I've had a look through the various similar posts but can't spot the error of my ways with this one. Basically I have two views which update different parts of a "Settings" object. The view models contain one of two properties and depending on which is being set, should ignore the other. It works fine when it's ViewModel ==&gt; Entity direct but when Automapper tries to update the nested object it fails.&lt;/p&gt;
&lt;p&gt;I have the following object structure:&lt;/p&gt;
&lt;pre&gt;&lt;code&gt;public class Account
{
    public int AccountId { get; set; }
    public DateTime DateToBeIgnored { get; set; }
    public AccountSetting Settings { get; set; }
}
public class AccountSetting
{
    public string PropertyOne { get; set; }
    public string PropertyTwo { get; set; }
}
public class AccountViewModel
{
    public int AccountId { get; set; }
    public DateTime DateToBeIgnored { get; set; }
    public AccountSettingViewModel Settings { get; set; }
}
public class AccountSettingViewModel
{
    public string PropertyTwo { get; set; }
}
public class OtherAccountSettingViewModel
{
    public string PropertyOne { get; set; }
}
&lt;/code&gt;&lt;/pre&gt;
&lt;p&gt;With the mappings:&lt;/p&gt;
&lt;pre&gt;&lt;code&gt;void WireUpMappings()
{
    // From the entities to the view models
    Mapper.CreateMap&amp;lt;Account, AccountViewModel&amp;gt;();
    Mapper.CreateMap&amp;lt;AccountSetting, AccountSettingViewModel&amp;gt;();
    Mapper.CreateMap&amp;lt;AccountSetting, OtherAccountSettingViewModel&amp;gt;();
    // From the view models to the entities
    Mapper.CreateMap&amp;lt;AccountViewModel, Account&amp;gt;()
        .ForMember(dest =&amp;gt; dest.DateToBeIgnored, opt =&amp;gt; opt.Ignore());
    Mapper.CreateMap&amp;lt;AccountSettingViewModel, AccountSetting&amp;gt;()
        .ForMember(dest =&amp;gt; dest.PropertyTwo, opt =&amp;gt; opt.Ignore());
    Mapper.CreateMap&amp;lt;OtherAccountSettingViewModel, AccountSetting&amp;gt;()
        .ForMember(dest =&amp;gt; dest.PropertyOne, opt =&amp;gt; opt.Ignore());
    Mapper.AssertConfigurationIsValid();
}
&lt;/code&gt;&lt;/pre&gt;
&lt;p&gt;When mapping [OtherAccountSettingViewModel --&gt; AccountSetting], only the property "PropertyTwo" is assigned (and the original value for "PropertyOne" remains unchanged) -this is what I would expect.&lt;/p&gt;
&lt;p&gt;However when mapping [AccountViewModel --&gt; Account] "DateToBeIgnored" is ignored as intended whereas Account.AccountSetting.PropertyTwo's previous value is replaced with "null".&lt;/p&gt;
&lt;p&gt;Can anyone spot the error of my ways?&lt;/p&gt;</t>
  </si>
  <si>
    <t>2012-09-15 16:30:03.530000+00:00</t>
  </si>
  <si>
    <t>2012-09-26 13:20:15.720000+00:00</t>
  </si>
  <si>
    <t>c#|automapper</t>
  </si>
  <si>
    <t>"App isn't installed" error on Android 4.4.2</t>
  </si>
  <si>
    <t>&lt;p&gt;Good evening,&lt;/p&gt;
&lt;p&gt;I keep getting the error "App isn't installed" whenever I try to open Whatsapp from the Home screen in Android 4.4.2. When I look for it in Settings-&gt;Apps, Whatsapp is not displayed on the app list; however, the App Store tells me it's already installed. If I download the .apk, it says the app is already installed but doesn't let me update it or re-install. How can I completely delete Whatsapp in order to re-install it?&lt;/p&gt;</t>
  </si>
  <si>
    <t>2015-07-22 00:51:29.610000+00:00</t>
  </si>
  <si>
    <t>2017-07-04 06:58:19.753000+00:00</t>
  </si>
  <si>
    <t>android|android-4.4-kitkat|whatsapp</t>
  </si>
  <si>
    <t>how do i create a prompt in javascript with 3 checkboxes/radio buttons as choices?</t>
  </si>
  <si>
    <t>&lt;p&gt;How do I create a javascript prompt box where you have to select 1 of 3 choices? I'm looking to do something similar to a html form's radio buttons except within a javascript prompt.&lt;/p&gt;</t>
  </si>
  <si>
    <t>2011-05-16 23:49:09.793000+00:00</t>
  </si>
  <si>
    <t>2018-02-03 12:27:21.613000+00:00</t>
  </si>
  <si>
    <t>javascript|prompt</t>
  </si>
  <si>
    <t>Quartus 2 verliog using curly craces to set particular bits</t>
  </si>
  <si>
    <t>&lt;p&gt;Hi I am new to verilog and I try to set some particular bits from one reg variable to another reg but it didn't work for me. what am �� doing wrong?  &lt;/p&gt;
&lt;pre&gt;&lt;code&gt;reg [31:0] a;
reg [31:0] b;
initial begin
 a =32'b0;
 b =32'b1;
 $display("current value of a = %32b ",a);
 a ={b[5:0]};
 $display("value of a %32b ",a);
 #10 $finish;
 end
&lt;/code&gt;&lt;/pre&gt;
&lt;p&gt;bit of a from a[0] to a[5] should be 1 but only a[0] became 1 &lt;/p&gt;</t>
  </si>
  <si>
    <t>2017-12-17 10:13:58.713000+00:00</t>
  </si>
  <si>
    <t>2017-12-17 10:57:46.960000+00:00</t>
  </si>
  <si>
    <t>set|verilog|bits|quartus</t>
  </si>
  <si>
    <t>Debugging intermittent failures with Apple IAP</t>
  </si>
  <si>
    <t>&lt;p&gt;I'm working on an app with Swift 3, XCode 8.1, iOS 10.1.1. I'm testing my in-app purchases on my iPhone. About 30-40% of my purchase attempts are failing with SKError code 0: Cannot connect to iTunes Store. However, I can't figure out the pattern of the failures. IAPs that fail will frequently work if you just try again - same build, no changes, etc.&lt;/p&gt;
&lt;p&gt;Things I've checked:&lt;/p&gt;
&lt;ul&gt;
&lt;li&gt;I've verified that the product identifiers are correct, and have successfully purchased each IAP multiple times. There does not appear to be any problem getting the list of available products.&lt;/li&gt;
&lt;li&gt;I'm using a sandbox tester (gone through 6 of them at this point), having signed out of my regular account. &lt;/li&gt;
&lt;li&gt;I'm on my iPhone, not on Simulator.&lt;/li&gt;
&lt;li&gt;I've tried it under different network speeds using the Network Link Conditioner, with no change other than the success/failures happen faster or slower.&lt;/li&gt;
&lt;li&gt;My device has plenty of space, and the IAP isn't downloading anything anyway.&lt;/li&gt;
&lt;li&gt;Twitter isn't showing any complaints from other people about App Store issues.&lt;/li&gt;
&lt;li&gt;This same behavior is happening on two different devices, both iPhone 6.&lt;/li&gt;
&lt;li&gt;Each IAP is live and available.&lt;/li&gt;
&lt;/ul&gt;
&lt;p&gt;Restoring purchases appears to work every time. I've seen some people on SO have success resetting their device when they can't get any IAP to work, but I'm hesitant to do that when my symptoms seem different.&lt;/p&gt;
&lt;p&gt;Any suggestions on how to debug further?&lt;/p&gt;</t>
  </si>
  <si>
    <t>2016-11-29 20:32:25.493000+00:00</t>
  </si>
  <si>
    <t>ios|iphone|in-app-purchase|app-store</t>
  </si>
  <si>
    <t>why child component not showing console.log Outputs?</t>
  </si>
  <si>
    <t>&lt;p&gt;My child component showing its html Output fine but its showing console.log output in console and console.log working fine everywhere else in the project .And showing no error about this component in console&lt;/p&gt;
&lt;pre&gt;&lt;code&gt;import { Component, OnInit, Input } from '@angular/core';
console.log('Mian is here')
@Component({
  selector: 'app-media-input',
  templateUrl: './media-input.component.html',
  styleUrls: ['./media-input.component.scss']
})
export class MediaInputComponent implements OnInit {
  Gallery='hello'
  @Input('media') media
  constructor() { 
    console.log('okok', this.media);
  }
  ngOnInit() {
    console.log('okomianas');
  }
}
&lt;/code&gt;&lt;/pre&gt;</t>
  </si>
  <si>
    <t>2018-05-10 05:10:19.273000+00:00</t>
  </si>
  <si>
    <t>2018-05-10 05:25:21.447000+00:00</t>
  </si>
  <si>
    <t>2018-05-10 05:24:08.063000+00:00</t>
  </si>
  <si>
    <t>javascript|angular|typescript|angular2-directives</t>
  </si>
  <si>
    <t>"Zone in" on the coordinate with the lowest generated value?</t>
  </si>
  <si>
    <t>&lt;p&gt;I have a function that generates a value for a coordinate (latitude, longitude). I want to find the coordinate on the world map that has the lowest value.&lt;/p&gt;
&lt;p&gt;What's the best way to do this?&lt;/p&gt;
&lt;p&gt;I don't think typical search algorithms (such as binary sort) would work considering that there are two planes to deal with and the accuracy can be improved each time (by adding more decimal places to the coordinates).&lt;/p&gt;
&lt;p&gt;I've tried to obtain the lowest value through randomly generating coordinates but as you can guess it's too inefficient:&lt;/p&gt;
&lt;pre&gt;&lt;code&gt;import random
shortest = [500, 0, 0]
while True:
    lat = (random.random()*180)-90
    lon = (random.random()*360)-180
    value = compute(lat, lon) #function which obtains the value
    if value &amp;lt; shortest[0]:
        shortest = [value, lat, lon]
        print(shortest)
&lt;/code&gt;&lt;/pre&gt;</t>
  </si>
  <si>
    <t>2018-08-22 14:58:30.100000+00:00</t>
  </si>
  <si>
    <t>send picture as an attachment via SMS</t>
  </si>
  <si>
    <t>&lt;p&gt;I want to send a picture via an iphone app.&lt;/p&gt;
&lt;p&gt;How to send the picture as an attachment with the SMS?
How to do that programatically?&lt;/p&gt;
&lt;p&gt;Thanks in Advance.&lt;/p&gt;</t>
  </si>
  <si>
    <t>2011-06-06 07:45:13.940000+00:00</t>
  </si>
  <si>
    <t>2011-06-06 08:05:06.903000+00:00</t>
  </si>
  <si>
    <t>iphone|objective-c</t>
  </si>
  <si>
    <t>how to generate allure test report in eclipse</t>
  </si>
  <si>
    <t>&lt;p&gt;I created some automation scripts using "selenide", "testng", "maven", "eclipse".
I tried to add allure test results. I followed allure-testng-maven instructions and updated pom.xml.&lt;/p&gt;
&lt;p&gt;For running test from eclipse I'm doing rightclick on pom.xml + "run as" + " Maven test". This is executing all the testng tests and generated allure xml files in "./target/allure-results" folder.&lt;/p&gt;
&lt;p&gt;My doubt is how to see the allure report from eclipse.&lt;/p&gt;
&lt;p&gt;Below is my pom.xml file.&lt;/p&gt;
&lt;pre&gt;&lt;code&gt; &amp;lt;!-- language: lang-xml --&amp;gt;
&amp;lt;project xmlns="http://maven.apache.org/POM/4.0.0"    xmlns:xsi="http://www.w3.org/2001/XMLSchema-instance"
xsi:schemaLocation="http://maven.apache.org/POM/4.0.0 http://maven.apache.org/xsd/maven-4.0.0.xsd"&amp;gt;
&amp;lt;modelVersion&amp;gt;4.0.0&amp;lt;/modelVersion&amp;gt;
&amp;lt;groupId&amp;gt;xxxxxxxxxxxxxxxxxxx&amp;lt;/groupId&amp;gt;
&amp;lt;artifactId&amp;gt;xxxxxxxxxxxxxxx&amp;lt;/artifactId&amp;gt;
&amp;lt;version&amp;gt;0.0.1-SNAPSHOT&amp;lt;/version&amp;gt;
&amp;lt;packaging&amp;gt;jar&amp;lt;/packaging&amp;gt;
&amp;lt;name&amp;gt;servicenow&amp;lt;/name&amp;gt;
&amp;lt;url&amp;gt;http://maven.apache.org&amp;lt;/url&amp;gt;
&amp;lt;properties&amp;gt;
&amp;lt;project.build.sourceEncoding&amp;gt;UTF-8&amp;lt;/project.build.sourceEncoding&amp;gt;
&amp;lt;allure.version&amp;gt;1.5.0.RC2&amp;lt;/allure.version&amp;gt;
&amp;lt;aspectj.version&amp;gt;1.8.9&amp;lt;/aspectj.version&amp;gt;
&amp;lt;/properties&amp;gt;
&amp;lt;dependencies&amp;gt;
&amp;lt;dependency&amp;gt;
  &amp;lt;groupId&amp;gt;junit&amp;lt;/groupId&amp;gt;
  &amp;lt;artifactId&amp;gt;junit&amp;lt;/artifactId&amp;gt;
  &amp;lt;version&amp;gt;3.8.1&amp;lt;/version&amp;gt;
  &amp;lt;scope&amp;gt;test&amp;lt;/scope&amp;gt;
&amp;lt;/dependency&amp;gt;
&amp;lt;dependency&amp;gt;
 &amp;lt;groupId&amp;gt;org.seleniumhq.selenium&amp;lt;/groupId&amp;gt;
 &amp;lt;artifactId&amp;gt;selenium-java&amp;lt;/artifactId&amp;gt;
 &amp;lt;version&amp;gt;2.53.1&amp;lt;/version&amp;gt;
 &amp;lt;scope&amp;gt;test&amp;lt;/scope&amp;gt;            
&amp;lt;/dependency&amp;gt;
&amp;lt;dependency&amp;gt;
 &amp;lt;groupId&amp;gt;org.seleniumhq.selenium&amp;lt;/groupId&amp;gt;
 &amp;lt;artifactId&amp;gt;selenium-server&amp;lt;/artifactId&amp;gt;
 &amp;lt;version&amp;gt;2.53.1&amp;lt;/version&amp;gt;
 &amp;lt;scope&amp;gt;test&amp;lt;/scope&amp;gt;            
&amp;lt;/dependency&amp;gt;
&amp;lt;dependency&amp;gt;
 &amp;lt;groupId&amp;gt;org.seleniumhq.selenium&amp;lt;/groupId&amp;gt;
 &amp;lt;artifactId&amp;gt;selenium-remote-driver&amp;lt;/artifactId&amp;gt;
 &amp;lt;version&amp;gt;2.53.1&amp;lt;/version&amp;gt;
 &amp;lt;scope&amp;gt;test&amp;lt;/scope&amp;gt;            
&amp;lt;/dependency&amp;gt;
&amp;lt;dependency&amp;gt;
 &amp;lt;groupId&amp;gt;org.seleniumhq.selenium&amp;lt;/groupId&amp;gt;
 &amp;lt;artifactId&amp;gt;selenium-firefox-driver&amp;lt;/artifactId&amp;gt;
 &amp;lt;version&amp;gt;2.53.1&amp;lt;/version&amp;gt;
 &amp;lt;scope&amp;gt;test&amp;lt;/scope&amp;gt;    
&amp;lt;/dependency&amp;gt;  
&amp;lt;dependency&amp;gt;
 &amp;lt;groupId&amp;gt;org.seleniumhq.selenium&amp;lt;/groupId&amp;gt;
 &amp;lt;artifactId&amp;gt;selenium-chrome-driver&amp;lt;/artifactId&amp;gt;
 &amp;lt;version&amp;gt;2.53.1&amp;lt;/version&amp;gt;
 &amp;lt;scope&amp;gt;test&amp;lt;/scope&amp;gt;    
&amp;lt;/dependency&amp;gt;
&amp;lt;dependency&amp;gt;                
 &amp;lt;groupId&amp;gt;org.testng&amp;lt;/groupId&amp;gt;                              
 &amp;lt;artifactId&amp;gt;testng&amp;lt;/artifactId&amp;gt;                                
 &amp;lt;version&amp;gt;6.9.10&amp;lt;/version&amp;gt;                              
 &amp;lt;scope&amp;gt;test&amp;lt;/scope&amp;gt;                                        
&amp;lt;/dependency&amp;gt;
&amp;lt;dependency&amp;gt;
 &amp;lt;groupId&amp;gt;com.codeborne&amp;lt;/groupId&amp;gt;
 &amp;lt;artifactId&amp;gt;selenide&amp;lt;/artifactId&amp;gt;
 &amp;lt;version&amp;gt;3.9.1&amp;lt;/version&amp;gt;
 &amp;lt;scope&amp;gt;test&amp;lt;/scope&amp;gt;
&amp;lt;/dependency&amp;gt;
&amp;lt;dependency&amp;gt;
 &amp;lt;groupId&amp;gt;ru.yandex.qatools.allure&amp;lt;/groupId&amp;gt;
 &amp;lt;artifactId&amp;gt;allure-testng-adaptor&amp;lt;/artifactId&amp;gt;
 &amp;lt;version&amp;gt;${allure.version}&amp;lt;/version&amp;gt;
 &amp;lt;exclusions&amp;gt;
    &amp;lt;exclusion&amp;gt;
       &amp;lt;groupId&amp;gt;junit&amp;lt;/groupId&amp;gt;
       &amp;lt;artifactId&amp;gt;junit&amp;lt;/artifactId&amp;gt;
    &amp;lt;/exclusion&amp;gt;
 &amp;lt;/exclusions&amp;gt;
 &amp;lt;/dependency&amp;gt;
 &amp;lt;dependency&amp;gt;
    &amp;lt;groupId&amp;gt;com.codeborne&amp;lt;/groupId&amp;gt;
    &amp;lt;artifactId&amp;gt;phantomjsdriver&amp;lt;/artifactId&amp;gt;
    &amp;lt;version&amp;gt;1.2.1&amp;lt;/version&amp;gt;
&amp;lt;/dependency&amp;gt;
 &amp;lt;dependency&amp;gt;
        &amp;lt;groupId&amp;gt;org.hamcrest&amp;lt;/groupId&amp;gt;
        &amp;lt;artifactId&amp;gt;hamcrest-all&amp;lt;/artifactId&amp;gt;
        &amp;lt;version&amp;gt;1.3&amp;lt;/version&amp;gt;
  &amp;lt;/dependency&amp;gt;
&amp;lt;/dependencies&amp;gt;
&amp;lt;build&amp;gt;
    &amp;lt;plugins&amp;gt;
        &amp;lt;plugin&amp;gt;
            &amp;lt;groupId&amp;gt;org.apache.maven.plugins&amp;lt;/groupId&amp;gt;
            &amp;lt;artifactId&amp;gt;maven-surefire-plugin&amp;lt;/artifactId&amp;gt;
            &amp;lt;version&amp;gt;2.19.1&amp;lt;/version&amp;gt;
            &amp;lt;configuration&amp;gt;
                &amp;lt;testFailureIgnore&amp;gt;true&amp;lt;/testFailureIgnore&amp;gt;
                &amp;lt;argLine&amp;gt;
                    -javaagent:"${settings.localRepository}/org/aspectj/aspectjweaver/${aspectj.version}/aspectjweaver-${aspectj.version}.jar"
                &amp;lt;/argLine&amp;gt;
            &amp;lt;/configuration&amp;gt;
            &amp;lt;dependencies&amp;gt;
                &amp;lt;dependency&amp;gt;
                    &amp;lt;groupId&amp;gt;org.aspectj&amp;lt;/groupId&amp;gt;
                    &amp;lt;artifactId&amp;gt;aspectjweaver&amp;lt;/artifactId&amp;gt;
                    &amp;lt;version&amp;gt;${aspectj.version}&amp;lt;/version&amp;gt;
                &amp;lt;/dependency&amp;gt;
            &amp;lt;/dependencies&amp;gt;
        &amp;lt;/plugin&amp;gt;
        &amp;lt;!--Needed only to show reports locally. Run jetty:run and
        open localhost:8080 to show the report--&amp;gt;
        &amp;lt;plugin&amp;gt;
            &amp;lt;groupId&amp;gt;org.eclipse.jetty&amp;lt;/groupId&amp;gt;
            &amp;lt;artifactId&amp;gt;jetty-maven-plugin&amp;lt;/artifactId&amp;gt;
            &amp;lt;version&amp;gt;9.4.0.M1&amp;lt;/version&amp;gt;
            &amp;lt;configuration&amp;gt;
                    &amp;lt;webAppSourceDirectory&amp;gt;${project.build.directory}/site/allure-maven-plugin&amp;lt;/webAppSourceDirectory&amp;gt;
                &amp;lt;stopKey&amp;gt;stop&amp;lt;/stopKey&amp;gt;
                &amp;lt;stopPort&amp;gt;1234&amp;lt;/stopPort&amp;gt;
            &amp;lt;/configuration&amp;gt;
        &amp;lt;/plugin&amp;gt;
    &amp;lt;/plugins&amp;gt;
&amp;lt;/build&amp;gt;
&amp;lt;reporting&amp;gt;
    &amp;lt;excludeDefaults&amp;gt;true&amp;lt;/excludeDefaults&amp;gt;
    &amp;lt;plugins&amp;gt;
        &amp;lt;plugin&amp;gt;
            &amp;lt;groupId&amp;gt;ru.yandex.qatools.allure&amp;lt;/groupId&amp;gt;
            &amp;lt;artifactId&amp;gt;allure-maven-plugin&amp;lt;/artifactId&amp;gt;
            &amp;lt;version&amp;gt;2.5&amp;lt;/version&amp;gt;
        &amp;lt;/plugin&amp;gt;
    &amp;lt;/plugins&amp;gt;
&amp;lt;/reporting&amp;gt;
&amp;lt;/project&amp;gt;
&lt;/code&gt;&lt;/pre&gt;
&lt;p&gt;Any help is appreciated.
Thanks!&lt;/p&gt;</t>
  </si>
  <si>
    <t>2016-08-31 07:24:04.893000+00:00</t>
  </si>
  <si>
    <t>2016-09-02 09:03:15.460000+00:00</t>
  </si>
  <si>
    <t>eclipse|maven|selenium-webdriver|allure|selenide</t>
  </si>
  <si>
    <t>Logstash fails to parse array index from URL</t>
  </si>
  <si>
    <t>&lt;p&gt;I'm trying to extract query parameters from an URL. The troubling line from the log file I'm parsing, looks something like this:  &lt;/p&gt;
&lt;pre&gt;&lt;code&gt;127.0.0.1 - - [09/May/2016:09:32:19 +0200] "GET /ps?attrib[vendor][]=GOK&amp;amp;attrib[vendor][0]=GOK HTTP/1.1" 200 12049 "-" "-"  
&lt;/code&gt;&lt;/pre&gt;
&lt;p&gt;The first occurence of &lt;code&gt;attrib&lt;/code&gt; produces a hash (as expected). However, the second occurence leads to an exception:  &lt;/p&gt;
&lt;pre&gt;&lt;code&gt;IndexError: string not matched
            []= at org/jruby/RubyString.java:3910
            set at /opt/logstash/vendor/bundle/jruby/1.9/gems/logstash-core-event-2.3.3-java/lib/logstash/util/accessors.rb:64
            []= at /opt/logstash/vendor/bundle/jruby/1.9/gems/logstash-core-event-2.3.3-java/lib/logstash/event.rb:136
         filter at /opt/logstash/vendor/bundle/jruby/1.9/gems/logstash-filter-kv-2.1.0/lib/logstash/filters/kv.rb:287
           each at org/jruby/RubyHash.java:1342
         filter at /opt/logstash/vendor/bundle/jruby/1.9/gems/logstash-filter-kv-2.1.0/lib/logstash/filters/kv.rb:287
   multi_filter at /opt/logstash/vendor/bundle/jruby/1.9/gems/logstash-core-2.3.3-java/lib/logstash/filters/base.rb:151
           each at org/jruby/RubyArray.java:1613
   multi_filter at /opt/logstash/vendor/bundle/jruby/1.9/gems/logstash-core-2.3.3-java/lib/logstash/filters/base.rb:148
    filter_func at (eval):189
   filter_batch at /opt/logstash/vendor/bundle/jruby/1.9/gems/logstash-core-2.3.3-java/lib/logstash/pipeline.rb:267
           each at org/jruby/RubyArray.java:1613
         inject at org/jruby/RubyEnumerable.java:852
   filter_batch at /opt/logstash/vendor/bundle/jruby/1.9/gems/logstash-core-2.3.3-java/lib/logstash/pipeline.rb:265
    worker_loop at /opt/logstash/vendor/bundle/jruby/1.9/gems/logstash-core-2.3.3-java/lib/logstash/pipeline.rb:223
  start_workers at /opt/logstash/vendor/bundle/jruby/1.9/gems/logstash-core-2.3.3-java/lib/logstash/pipeline.rb:201
&lt;/code&gt;&lt;/pre&gt;
&lt;p&gt;I guess that's because logstash interprets the array index from the URL as string, while the indexes are actually integers.&lt;br&gt;
After days of googling and trying different configs, I've come to a dead end. Any idea how to make this work?&lt;/p&gt;
&lt;p&gt;For debugging purposes:&lt;/p&gt;
&lt;blockquote&gt;
  &lt;p&gt;&lt;b&gt;logstash config&lt;/b&gt;  &lt;/p&gt;
&lt;/blockquote&gt;
&lt;pre&gt;&lt;code&gt;input {
  file {
    path =&amp;gt; "/var/log/apache2/some.log"
    start_position =&amp;gt; "beginning"
    sincedb_path =&amp;gt; "/dev/null"
  }
}
filter {
  grok {
    match =&amp;gt; {
      "message" =&amp;gt; '%{IPORHOST:clientip} %{USER:ident} %{USER:auth}\s?(%{NUMBER:seconds:int}\/%{NUMBER:microseconds:int})? \[%{HTTPDATE:timestamp}\] "%{WORD:verb} (%{WORD:schema}:)?[\S]+/(%{DATA:endpoint})\?%{DATA:query_string} HTTP/%{NUMBER:httpversion}" %{NUMBER:response:int} (?:-|%{NUMBER:bytes:int}) %{QS:referrer} %{QS:agent}(\s{1}(?:%{HOSTNAME:backend_used}|-) (?:%{NUMBER:backend_time_seconds:float}|-)s)?'
    }
  }
  urldecode {
    field =&amp;gt; "query_string"
    charset =&amp;gt; "ISO-8859-1"
  }
  kv {
    field_split =&amp;gt; "&amp;amp;"
    source =&amp;gt; "query_string"
    recursive =&amp;gt; true
    allow_duplicate_values =&amp;gt; false
  }
  date {
    match =&amp;gt; [ "timestamp", "dd/MMM/YYYY:HH:mm:ss Z" ]
    locale =&amp;gt; en
  }
  geoip {
    source =&amp;gt; "clientip"
  }
  useragent {
    source =&amp;gt; "agent"
    target =&amp;gt; "useragent"
  }
}
output {
  stdout {
    codec =&amp;gt; json
  }
}  
&lt;/code&gt;&lt;/pre&gt;
&lt;blockquote&gt;
  &lt;p&gt;&lt;b&gt;custom dynamic template&lt;/b&gt;&lt;/p&gt;
&lt;/blockquote&gt;
&lt;pre&gt;&lt;code&gt;{
  "template": "apache_elk_example",
  "settings": {
     "index.refresh_interval": "5s"
  },
  "mappings": {
     "_default_": {
        "numeric_detection" : true,
        "dynamic_templates": [
           {
              "message_field": {
                 "mapping": {
                    "index": "analyzed",
                    "omit_norms": true,
                    "type": "string"
                 },
                 "match_mapping_type": "string",
                 "match": "message"
              }
           },
           {
              "string_fields": {
                 "mapping": {
                    "index": "analyzed",
                    "omit_norms": true,
                    "type": "string",
                    "dynamic": true,
                    "fields": {
                       "raw": {
                          "index": "not_analyzed",
                          "ignore_above": 256,
                          "type": "string"
                       }
                    }
                 },
                 "match_mapping_type": "string",
                 "match": "*"
              }
           }
        ],
        "properties": {
           "geoip": {
              "dynamic": true,
              "properties": {
                 "location": {
                    "type": "geo_point"
                 }
              },
              "type": "object"
           },
           "@version": {
              "index": "not_analyzed",
              "type": "string"
           }
        },
        "_all": {
           "enabled": true
        }
     }
  }
}
&lt;/code&gt;&lt;/pre&gt;</t>
  </si>
  <si>
    <t>2016-06-30 14:48:33.653000+00:00</t>
  </si>
  <si>
    <t>2018-04-10 14:54:07.177000+00:00</t>
  </si>
  <si>
    <t>elastic-stack</t>
  </si>
  <si>
    <t>Visual Basic Skipping If Statement</t>
  </si>
  <si>
    <t>&lt;p&gt;Please dont flag this as a duplicate the only threads i could find were on c++ and c# i need help with vb.&lt;/p&gt;
&lt;p&gt;Im happy to report my game is pretty much completely functional however ive set it so when the player score value is 10 it pops up a victory dialog and asks if you want to play again and the same for if the computer score reaches 10 except its defeat&lt;/p&gt;
&lt;p&gt;the if statement for the player is skipped because when the computer reaches 10 it pops up a defeat dialog but when the player reaches 10 the if statement isnt triggered&lt;/p&gt;
&lt;p&gt;help?&lt;/p&gt;
&lt;pre&gt;&lt;code&gt;Public Class gameForm
    Dim playerscore As Integer = 0
    Dim comscore As Integer = 0
    Private Sub btnPlay_Click(sender As Object, e As EventArgs) Handles btnPlay.Click
        Try
            Dim rock = 3
            Dim paper = 2
            Dim scissors = 1
            Dim num As Integer = CInt(Int((3 * Rnd()) + 1))
            Randomize()
            ' IF PLAYER CHOOSES ROCK
            If rbRock.Checked And num = rock Then
                lblPlayerChoice.Text = "You Chose Rock"
                lblComChoice.Text = "Computer Chose Rock"
                lblOutcome.Text = "DRAW"
            ElseIf rbRock.Checked And num = paper Then
                lblPlayerChoice.Text = "You Chose Rock"
                lblComChoice.Text = "Computer Chose Paper"
                lblOutcome.Text = "YOU LOSE"
                comscore = comscore + 1
                lblComScoreVal.Text = CStr(comscore)
            ElseIf rbRock.Checked And num = scissors Then
                lblPlayerChoice.Text = "You Chose Rock"
                lblComChoice.Text = "Computer Chose Scissors"
                lblOutcome.Text = "YOU WIN"
                playerscore = playerscore + 1
                lblPlayerScoreVal.Text = CStr(playerscore)
            End If
            ' IF PLAYER CHOOSES PAPER
            If rbPaper.Checked And num = rock Then
                lblPlayerChoice.Text = "You Chose Paper"
                lblComChoice.Text = "Computer Chose Rock"
                lblOutcome.Text = "YOU WIN"
                playerscore = playerscore + 1
                lblPlayerScoreVal.Text = CStr(playerscore)
            ElseIf rbPaper.Checked And num = paper Then
                lblPlayerChoice.Text = "You Chose Paper"
                lblComChoice.Text = "Computer Chose Paper"
                lblOutcome.Text = "DRAW"
            ElseIf rbPaper.Checked And num = scissors Then
                lblPlayerChoice.Text = "You Chose Paper"
                lblComChoice.Text = "Computer Chose Scissors"
                lblOutcome.Text = "YOU LOSE"
                comscore = comscore + 1
                lblComScoreVal.Text = CStr(comscore)
            End If
            ' IF PLAYER CHOOSES SCISSORS
            If rbScissors.Checked And num = rock Then
                lblPlayerChoice.Text = "You Chose Scissors"
                lblComChoice.Text = "Computer Chose Rock"
                lblOutcome.Text = "YOU LOSE"
                comscore = comscore + 1
                lblComScoreVal.Text = CStr(comscore)
            ElseIf rbScissors.Checked And num = paper Then
                lblPlayerChoice.Text = "You Chose Scissors"
                lblComChoice.Text = "Computer Chose Paper"
                lblOutcome.Text = "YOU WIN"
                playerscore = playerscore + 1
                lblPlayerScore.Text = CStr(playerscore)
            ElseIf rbScissors.Checked And num = scissors Then
                lblPlayerChoice.Text = "You Chose Scissors"
                lblComChoice.Text = "Computer Chose Scissors"
                lblOutcome.Text = "DRAW"
            End If
            If playerscore = 10 Then
                Dim victory As MsgBoxResult = MsgBox("You Won, Congratulations!" &amp;amp; vbCrLf &amp;amp; "Would You Like To Play Again?", "VICTORY", MessageBoxButtons.YesNo)
                If victory = MsgBoxResult.Yes Then
                    playerscore = 0
                    comscore = 0
                    lblPlayerScoreVal.Text = CStr(playerscore)
                    lblComScoreVal.Text = CStr(comscore)
                    lblPlayerChoice.Text = Nothing
                    lblComChoice.Text = Nothing
                    lblOutcome.Text = Nothing
                Else
                    Me.Close()
                End If
            End If
            If comscore = 10 Then
                Dim defeat As MsgBoxResult = MsgBox("You Were Defeated, Unlucky!" &amp;amp; vbCrLf &amp;amp; "Would You Like To Play Again?", MessageBoxButtons.YesNo)
                If defeat = MsgBoxResult.Yes Then
                    playerscore = 0
                    comscore = 0
                    lblPlayerScoreVal.Text = CStr(playerscore)
                    lblComScoreVal.Text = CStr(comscore)
                    lblPlayerChoice.Text = Nothing
                    lblComChoice.Text = Nothing
                    lblOutcome.Text = Nothing
                Else
                    Me.Close()
                End If
            End If
        Catch ex As Exception
        End Try
    End Sub
End Class
&lt;/code&gt;&lt;/pre&gt;</t>
  </si>
  <si>
    <t>2018-08-02 01:33:39.290000+00:00</t>
  </si>
  <si>
    <t>2018-08-02 01:44:47.443000+00:00</t>
  </si>
  <si>
    <t>.net|vb.net</t>
  </si>
  <si>
    <t>How to find the Entry Point in the Magento project version 1.9.3.1</t>
  </si>
  <si>
    <t>&lt;p&gt;I am unable to find the entry point in the project where my index.php is located in the project, please help me on this.&lt;/p&gt;</t>
  </si>
  <si>
    <t>2017-01-23 05:06:56.270000+00:00</t>
  </si>
  <si>
    <t>2017-04-18 07:08:36.510000+00:00</t>
  </si>
  <si>
    <t>entry-point</t>
  </si>
  <si>
    <t>Pipeline dump and load from s3 for predict</t>
  </si>
  <si>
    <t>&lt;p&gt;Im creating a pipeline: &lt;/p&gt;
&lt;pre&gt;&lt;code&gt;estimator = RandomForestClassifier(max_depth=18,n_estimators=100, n_jobs=-1)
mapper = DataFrameMapper([(i, None) if j != 'object' and j != 'bool' else (i, LabelEncoder()) for i, j in
                                  zip(train_x.columns.values, train_x.dtypes.values)]
                                 , input_df=True, df_out=True)
pipeline = Pipeline([("mapper", mapper),
                   ("classifier", estimator)])
pipeline.fit(train_x, train_y)
&lt;/code&gt;&lt;/pre&gt;
&lt;p&gt;I want to be able to load it to s3 and then load it for predict. 
I understand how can I do it locally: &lt;/p&gt;
&lt;pre&gt;&lt;code&gt;joblib.dump(pipeline, 'filename.pkl') 
pkl_file = joblib.load('filename.pkl') 
prediction = pkl_file.predict(train_x)
&lt;/code&gt;&lt;/pre&gt;
&lt;p&gt;But how can I dump the pickle to s3 and load it from s3 ? 
Thanks &lt;/p&gt;</t>
  </si>
  <si>
    <t>2017-11-29 09:43:10.673000+00:00</t>
  </si>
  <si>
    <t>python|amazon-s3|pickle</t>
  </si>
  <si>
    <t>Git url vs http url</t>
  </si>
  <si>
    <t>&lt;p&gt;When you want to Clone a Git Repo, you have the option of the &lt;code&gt;git://&lt;/code&gt; url or the &lt;code&gt;https://&lt;/code&gt; url, my question is which is faster, or does it even make a difference&lt;/p&gt;</t>
  </si>
  <si>
    <t>2011-09-11 11:00:28.617000+00:00</t>
  </si>
  <si>
    <t>2011-09-11 11:04:37.727000+00:00</t>
  </si>
  <si>
    <t>git</t>
  </si>
  <si>
    <t>Xcode crashes while adding RxDataSource to UICollectionView</t>
  </si>
  <si>
    <t>&lt;p&gt;Hey I'm trying to get an UICollectionView, hosted by an UICollectionViewController working with RxCocoa and RxDataSources.&lt;/p&gt;
&lt;p&gt;Everything works fine when I use an UIViewController, with an embedded UICollectionView.&lt;/p&gt;
&lt;p&gt;But when I try to connect via the same logic:&lt;/p&gt;
&lt;pre&gt;&lt;code&gt;        self.vm.sections
        .bind(to: self.collectionView!.rx.items(dataSource: self.vm.data))
        .disposed(by: self.bag)
&lt;/code&gt;&lt;/pre&gt;
&lt;p&gt;with an UICollectionView inside an UICollectionViewController, Xcode crashes completely. &lt;/p&gt;
&lt;p&gt;Is there something I'm missing about RxDataSources, that you cannot use them with UICollectionViewController?&lt;/p&gt;</t>
  </si>
  <si>
    <t>2017-11-23 01:01:45.870000+00:00</t>
  </si>
  <si>
    <t>2018-02-22 10:34:27.180000+00:00</t>
  </si>
  <si>
    <t>ios|swift|uicollectionview|rx-swift|rxdatasources</t>
  </si>
  <si>
    <t>Powershell sort two fields and and get latest from CSV</t>
  </si>
  <si>
    <t>&lt;p&gt;I am trying to find a way to sort a CSV by two fields and retrieve only the latest item.  &lt;/p&gt;
&lt;p&gt;CSV fields: time, computer, type, domain.&lt;/p&gt;
&lt;p&gt;Item that works is below but is slow due to scale of CSV and I feel like there is a better way. &lt;/p&gt;
&lt;pre&gt;&lt;code&gt;$sorted = $csv | Group-Object {$_.computer} | ForEach {$_.Group | Sort-Object Time -Descending | Select-Object -First 1}
&lt;/code&gt;&lt;/pre&gt;</t>
  </si>
  <si>
    <t>2018-11-15 17:27:45.667000+00:00</t>
  </si>
  <si>
    <t>2018-11-15 22:43:51.210000+00:00</t>
  </si>
  <si>
    <t>powershell|sorting|unique</t>
  </si>
  <si>
    <t>A loop that I don't see</t>
  </si>
  <si>
    <t>&lt;p&gt;I implemented an Alert Dialog but I have a problem. This dialog is repeated three times: When the app is started and two times when I start the game (after the use of the spinner and the intent). My request is that this Alert dialog has to show itself just one time (maybe when I open the game so after the intent) but it will good also if it will be opened at the beginning of the app. Thanks for all. Here there is my code:&lt;/p&gt;
&lt;pre&gt;&lt;code&gt;Spinner s = (Spinner) findViewById(R.id.Spinner01);
        @SuppressWarnings("rawtypes")
        ArrayAdapter adapter = ArrayAdapter.createFromResource(
                this, R.array.type, android.R.layout.simple_spinner_item);
        adapter.setDropDownViewResource(android.R.layout.simple_spinner_dropdown_item);
        s.setAdapter(adapter);
        scelta = flags;
        button1 = (Button) findViewById(R.id.button1);
        button1.setOnClickListener(new OnClickListener() {
        @Override
        public void onClick(View view) {
            scelta = flags;
   }
    });
        button2 = (Button) findViewById(R.id.button2);
        button2.setOnClickListener(new OnClickListener() {
            public void onClick(View view) {
                scelta = pokemon;
}
        });
        button3 = (Button) findViewById(R.id.button3);
        button3.setOnClickListener(new OnClickListener() {
            public void onClick(View view) {
                scelta = smiles;
}
        });
        button4 = (Button) findViewById(R.id.button4);
        button4.setOnClickListener(new OnClickListener() {
            public void onClick(View view) {
                scelta = MU;
}
        });
 s.setOnItemSelectedListener(new OnItemSelectedListener(){
   @Override
   public void onItemSelected(
        android.widget.AdapterView&amp;lt;?&amp;gt; arg0, 
   View arg1, int pos, long arg3){
   AlertDialog.Builder miaAlert = new AlertDialog.Builder(Manager.this);
   miaAlert.setTitle("Which is the difficulty?");
   miaAlert.setCancelable(false);
   miaAlert.setPositiveButton("Facile", new DialogInterface.OnClickListener() {
   public void onClick(DialogInterface dialog, int id) {
           easy = 10;
                }
              });
   miaAlert.setNegativeButton("Difficile", new DialogInterface.OnClickListener() {
    public void onClick(DialogInterface dialog, int id) {
             hard = -5; 
                }
              });
              AlertDialog alert = miaAlert.create();
              alert.show();
 //  ((Spinner) findViewById(R.id.Spinner01)).setSelection(0);
&lt;/code&gt;&lt;/pre&gt;
&lt;p&gt;Hard and Easy are two int variables that I used to increment and decrement the possibilities of a player in the game&lt;/p&gt;</t>
  </si>
  <si>
    <t>2014-09-08 20:05:16.543000+00:00</t>
  </si>
  <si>
    <t>2014-09-08 20:18:01.593000+00:00</t>
  </si>
  <si>
    <t>user2829013</t>
  </si>
  <si>
    <t>android|eclipse|android-alertdialog</t>
  </si>
  <si>
    <t>How to SQL Server traffic is encrypted?</t>
  </si>
  <si>
    <t>&lt;p&gt;I need to prove that the encryption settings we have in our app's connection string are working.  &lt;/p&gt;
&lt;p&gt;What would be the simplest way to validate that traffic from our web site to the SQL Server is in fact encrypted?&lt;/p&gt;</t>
  </si>
  <si>
    <t>2009-05-25 15:01:07.437000+00:00</t>
  </si>
  <si>
    <t>2017-09-22 14:52:13.917000+00:00</t>
  </si>
  <si>
    <t>2011-06-01 02:28:19.203000+00:00</t>
  </si>
  <si>
    <t>sql-server|security</t>
  </si>
  <si>
    <t>Postrge: rows to columns</t>
  </si>
  <si>
    <t>&lt;p&gt;i have table which contains street names in several languages:&lt;/p&gt;
&lt;pre&gt;&lt;code&gt;streetName(addressId uuid, languageCode text, name text);
&lt;/code&gt;&lt;/pre&gt;
&lt;p&gt;with values:&lt;/p&gt;
&lt;pre&gt;&lt;code&gt;addressid                            |languagecode |name            |
-------------------------------------|-------------|----------------|
e5c8c25c-f21e-47df-9172-7f3c7e52d669 |cz           |streetName_1_cz |
e5c8c25c-f21e-47df-9172-7f3c7e52d669 |en           |streetName_1_en |
e5c8c25c-f21e-47df-9172-7f3c7e52d669 |fi           |streetName_1_fi |
e5c8c25c-f21e-47df-9172-7f3c7e52d669 |sv           |streetName_1_sv |
bff096cc-4d4d-4b2e-aac2-bdc6ab659a72 |fi           |streetName_2_fi |
bff096cc-4d4d-4b2e-aac2-bdc6ab659a72 |cz           |streetName_2_cz |
&lt;/code&gt;&lt;/pre&gt;
&lt;p&gt;and need to transform street names in cz, fi, en to columns.
(exactly those three languages even if there are more languages in the table, and it can happen, that value for some of those three language is missing).&lt;/p&gt;
&lt;p&gt;so expected result is:&lt;/p&gt;
&lt;pre&gt;&lt;code&gt;addressid                            |streetNameCz    |streetNameEn    |streetNameFi    |
-------------------------------------|----------------|----------------|----------------|
e5c8c25c-f21e-47df-9172-7f3c7e52d669 |streetName_1_cz |streetName_1_en |streetName_1_fi |
bff096cc-4d4d-4b2e-aac2-bdc6ab659a72 |streetName_2_cz |                |streetName_2_fi |
&lt;/code&gt;&lt;/pre&gt;
&lt;p&gt;How should do it?
I tried to use crosstable, but it didn't work correctly because there are missing values for some languages, 
so i had result like:&lt;/p&gt;
&lt;pre&gt;&lt;code&gt;addressid                            |streetNameCz    |streetNameEn    |streetNameFi    |
-------------------------------------|----------------|----------------|----------------|
e5c8c25c-f21e-47df-9172-7f3c7e52d669 |streetName_1_cz |streetName_1_en |streetName_1_fi |
bff096cc-4d4d-4b2e-aac2-bdc6ab659a72 |streetName_2_cz |streetName_2_fi |                |
&lt;/code&gt;&lt;/pre&gt;
&lt;p&gt;which is not correct :-(.&lt;/p&gt;
&lt;p&gt;This is select i used:&lt;/p&gt;
&lt;pre&gt;&lt;code&gt;SELECT *
FROM crosstab(
  'select 
    "addressid"::uuid as rowid, 
    languagecode::text as attribute,
    name::text as value
from streetName
where languageCode in (''cz'', ''en'', ''fi'') 
order by 1, 2')
AS ct(row_name uuid, "streetNameCz" text, "streetNameEn" text, "streetNameFi" text);
&lt;/code&gt;&lt;/pre&gt;
&lt;p&gt;Thanks for any advice.&lt;/p&gt;
&lt;p&gt;Lange.&lt;/p&gt;</t>
  </si>
  <si>
    <t>2018-04-10 13:05:43.497000+00:00</t>
  </si>
  <si>
    <t>2018-04-10 13:23:37.703000+00:00</t>
  </si>
  <si>
    <t>Phonegap XMLHttpRequest POST SOAP packet</t>
  </si>
  <si>
    <t>&lt;p&gt;I have a PhoneGap iOS app that I want to POST a SOAP packet to a web service and get a response. If I don't set a SOAPAction header, the POST works but server returns error because it expects a SOAPAction header.&lt;/p&gt;
&lt;p&gt;If I do set a SOAPAction header, &lt;code&gt;onreadystatechange&lt;/code&gt; never fires.&lt;/p&gt;
&lt;pre&gt;&lt;code&gt;    var xhr = new XMLHttpRequest();
    xhr.open ("POST", url);
    xhr.setRequestHeader("SOAPAction", "http://schemas.microsoft.com/sharepoint/soap/GetListItems");
    xhr.setRequestHeader("Method", "POST "+url+" HTTP/1.1");
    xhr.setRequestHeader("Content-Type","text/xml; charset=utf-8");
    xhr.send ('SOAP here');
    xhr.onreadystatechange = function (event) {
    //etc etc
&lt;/code&gt;&lt;/pre&gt;
&lt;p&gt;Why would setting SOAPAction header completely kill the xhr, preventing onreadystatechange from firing?&lt;/p&gt;</t>
  </si>
  <si>
    <t>2013-05-20 23:07:21.603000+00:00</t>
  </si>
  <si>
    <t>web-services|cordova|xmlhttprequest</t>
  </si>
  <si>
    <t>Execute laravel route from a Artisan console command</t>
  </si>
  <si>
    <t>&lt;p&gt;how to execute a route request and get response from artisan console command class?&lt;/p&gt;
&lt;p&gt;I have tried method suggested by others, which does not work as expected.&lt;/p&gt;
&lt;pre&gt;&lt;code&gt;$request = Request::create('/', 'GET');
.
.
.
$response =  $route-&amp;gt;run($request);
&lt;/code&gt;&lt;/pre&gt;
&lt;p&gt;[using laravel 5]&lt;/p&gt;</t>
  </si>
  <si>
    <t>2015-02-06 04:26:03.180000+00:00</t>
  </si>
  <si>
    <t>2015-02-06 12:18:32.523000+00:00</t>
  </si>
  <si>
    <t>2015-02-06 08:25:41.067000+00:00</t>
  </si>
  <si>
    <t>php|class|laravel|laravel-5</t>
  </si>
  <si>
    <t>Can CreateThread interfere with VirtualAlloc usage?</t>
  </si>
  <si>
    <t>&lt;p&gt;Is it possible for stack space allocated by &lt;code&gt;CreateThread&lt;/code&gt; to interfere with the usage of &lt;code&gt;VirtualAlloc&lt;/code&gt;? I can't find any discussion or documentation explaining precisely where stack space is allowed to be allocated...&lt;/p&gt;
&lt;p&gt;The following more precisely illustrates my question:&lt;/p&gt;
&lt;pre&gt;&lt;code&gt;uint8_t *baseA = (uint8_t*)VirtualAlloc(NULL,1,MEM_RESERVE,PAGE_NOACCESS);
// Create a thread with the default stack size
HANDLE hThread = CreateThread(NULL,0,SomeThreadProc,NULL,NULL,NULL);
// Possibly create even more threads here.
// Can this ever fail in the absence of other allocators? It doesn't here...
uint8_t *baseB = (uint8_t*)VirtualAlloc(NULL,1,MEM_RESERVE,PAGE_NOACCESS);
// Furthermore, in this test, baseB-baseA == 65536 (unless the debugger did something),
// so nothing appeared between baseA and baseB... not even enough space for the
// full 64kb of wastage, as baseA points to 4096 bytes by itself
&lt;/code&gt;&lt;/pre&gt;
&lt;p&gt;If it &lt;i&gt;does&lt;/i&gt; in fact use some analogue of &lt;code&gt;VirtualAlloc&lt;/code&gt;, is there a way to change how Windows allocates stack space in a given process?&lt;/p&gt;</t>
  </si>
  <si>
    <t>2012-08-11 02:07:13.633000+00:00</t>
  </si>
  <si>
    <t>2012-08-13 00:41:20.457000+00:00</t>
  </si>
  <si>
    <t>c++|winapi|virtual-memory</t>
  </si>
  <si>
    <t>use variable from php as an alert for javascript</t>
  </si>
  <si>
    <t>&lt;p&gt;how can i use the variable from my php-sql to become the message for my javascript alert?&lt;/p&gt;
&lt;p&gt;heres my code&lt;/p&gt;
&lt;pre&gt;&lt;code&gt;&amp;lt;?php
    $select = "SELECT * FROM post";
    $result = mysql_query($select) or die("couldn't select table");
    while ($rows = mysql_fetch_array($result))
    {
        echo"&amp;lt;input type='button' class=term onclick='return terms()' value=Terms &amp;gt;";
        echo"&amp;lt;input type='hidden' value='$rows[terms]' id='term' name='term'&amp;gt;";
    }
?&amp;gt;  
&amp;lt;script language="JavaScript"&amp;gt;
    function terms() 
    {
        var readers = document.getElementById("term"); 
        alert(readers.value);
    }
&amp;lt;/script&amp;gt;
&lt;/code&gt;&lt;/pre&gt;
&lt;p&gt;It works, the alert message displays. But I got the problem on displaying the right message for specific fetch of row. All got the same message (message from the first row).&lt;/p&gt;
&lt;p&gt;I tried to use getElementByName but the alert doesn't pop-up,
so i dont have to try making the input name="term[]" --------(into its array form)&lt;/p&gt;
&lt;p&gt;Help please!&lt;/p&gt;</t>
  </si>
  <si>
    <t>2012-07-21 09:17:37.907000+00:00</t>
  </si>
  <si>
    <t>2012-07-22 02:53:56.603000+00:00</t>
  </si>
  <si>
    <t>2012-07-21 09:23:47.013000+00:00</t>
  </si>
  <si>
    <t>php|javascript|variables|alert</t>
  </si>
  <si>
    <t>Case with dates between now and 2 days?</t>
  </si>
  <si>
    <t>&lt;p&gt;I'm trying to list out a table, and if a schedule date is within 2 days, to list as a warning and if the date is past today then list it as late.  &lt;/p&gt;
&lt;p&gt;I'm having trouble getting the "Between" portion of this code to function properly.  The between code seems to work outside the case statement but not within.  Any help is greatly appreciated.&lt;/p&gt;
&lt;p&gt;Thanks,&lt;/p&gt;
&lt;pre&gt;&lt;code&gt;SELECT schedule,
case when schedule BETWEEN(curdate(), curdate() + 2)then 1 else 0 end as 
 warning,
case when schedule &amp;lt; CURDATE() then 1 else 0 end as late
 from upgrade_table
&lt;/code&gt;&lt;/pre&gt;
&lt;blockquote&gt;
  &lt;p&gt;error: 
      Error code 1064, SQL state 42000: You have an error in your SQL syntax; 
      check the manual that corresponds to your MySQL server version for the right 
      syntax to use near 'then 1 else 0 end as warning,
      case when sched &amp;lt; CURDATE() then 1 else 0 end as l' at line 2&lt;/p&gt;
&lt;/blockquote&gt;</t>
  </si>
  <si>
    <t>2017-07-12 15:04:42.490000+00:00</t>
  </si>
  <si>
    <t>2017-07-12 15:24:44.223000+00:00</t>
  </si>
  <si>
    <t>2017-07-12 15:21:47.157000+00:00</t>
  </si>
  <si>
    <t>Cassandra DB Java: for each row gotten in query, fetch data stored in seperate table (eg counter table)?</t>
  </si>
  <si>
    <t>&lt;p&gt;Does anyone know of an efficient way to fetch counter data stored in a separate table for each row gotten in a query?&lt;/p&gt;
&lt;p&gt;The tables are defined as follows&lt;/p&gt;
&lt;pre&gt;&lt;code&gt;TABLE person (
    id timeuuid,
    name text,
    many other attributes... );
TABLE person_counts(
      id timeuuid, //same id as person
      count1 counter,
      PRIMARY KEY (id));
&lt;/code&gt;&lt;/pre&gt;
&lt;p&gt;The goal is that when persons/single person are fetched, before returning to add the count then return. Is iterating over each person and querying person_counts the only way to achieve this? It needs to be a counter however since I need a certain Primary Key for the person table I cannot have a counter directly there it seems.&lt;/p&gt;
&lt;p&gt;I am using datastax cassandra if it makes a difference.&lt;/p&gt;</t>
  </si>
  <si>
    <t>2018-02-14 23:52:55.900000+00:00</t>
  </si>
  <si>
    <t>2018-02-16 05:47:42.030000+00:00</t>
  </si>
  <si>
    <t>cassandra|nosql|datastax|datastax-java-driver|cassandra-3.0</t>
  </si>
  <si>
    <t>Regarding Excel object</t>
  </si>
  <si>
    <t>&lt;p&gt;i am using ADO.Net oledb for inserting and fetching data from Excel database. I want to make first column in the excel sheet to bold and i want to add comments. I am achieving this thru Interop.Excel Application class. &lt;/p&gt;
&lt;p&gt;i dont want to use interop. is there anyway to achieve through ADO.net query itself ? or some other way? My application is c# windows application&lt;/p&gt;</t>
  </si>
  <si>
    <t>2009-12-15 12:16:43.623000+00:00</t>
  </si>
  <si>
    <t>2009-12-15 12:19:27.470000+00:00</t>
  </si>
  <si>
    <t>ado.net</t>
  </si>
  <si>
    <t>DJI Mobile SDK 3.0</t>
  </si>
  <si>
    <t>&lt;p&gt;When getting the mission manager, either by DJIMissionManager.getInstance() or djiAircraftInstance.getMissionManager(), the mission manager instance is never connected, ie missionManagerInstance.isConnected() always returns false, and proceeding without the isConnected check causes a crash. Am I missing a step in setting up or retreiving the mission manager?&lt;/p&gt;
&lt;p&gt;A minute ago I asked the same question on their forums &lt;a href="http://forum.dev.dji.com/thread-32075-1-1.html" rel="nofollow"&gt;here&lt;/a&gt;.&lt;/p&gt;
&lt;p&gt;Any help would be appreciated. I have been over their examples a thousand times but it seems all of the examples are using an older version of the sdk.&lt;/p&gt;
&lt;p&gt;&lt;strong&gt;EDIT:&lt;/strong&gt; More information that you could figure out but I'll add in for the heck of it.&lt;/p&gt;
&lt;p&gt;Mission manager instance is not null because calling isConnected() returns false, and the drone is connected as well.&lt;/p&gt;</t>
  </si>
  <si>
    <t>2016-01-22 17:42:26.853000+00:00</t>
  </si>
  <si>
    <t>2016-01-26 21:55:35.790000+00:00</t>
  </si>
  <si>
    <t>2016-01-22 18:08:03.640000+00:00</t>
  </si>
  <si>
    <t>android|dji-sdk</t>
  </si>
  <si>
    <t>Cant store facebook access token in android sqlLite3 database</t>
  </si>
  <si>
    <t>&lt;p&gt;I am making an application which involves facebook integration.
I have to store the access token so that it doesnt needs to login again to see the application. But i am not able to store the access token .
The following is the error which i get&lt;/p&gt;
&lt;pre&gt;&lt;code&gt;08-16 13:57:53.236: ERROR/Database(7964): Error inserting acces_token=177852938929775|8e4aec98e182f7034b497766.3-618306968|YAriJqaRTDz1aIgNHjom_tdBnnw
08-16 13:57:53.236: ERROR/Database(7964): android.database.sqlite.SQLiteConstraintException: error code 19: constraint failed
08-16 13:57:53.236: ERROR/Database(7964):     at android.database.sqlite.SQLiteStatement.native_execute(Native Method)
08-16 13:57:53.236: ERROR/Database(7964):     at android.database.sqlite.SQLiteStatement.execute(SQLiteStatement.java:55)
08-16 13:57:53.236: ERROR/Database(7964):     at android.database.sqlite.SQLiteDatabase.insertWithOnConflict(SQLiteDatabase.java:1623)
08-16 13:57:53.236: ERROR/Database(7964):     at android.database.sqlite.SQLiteDatabase.insert(SQLiteDatabase.java:1484)
08-16 13:57:53.236: ERROR/Database(7964):     at org.db.dbHelper.insertRows(dbHelper.java:63)
08-16 13:57:53.236: ERROR/Database(7964):     at org.neighbourhood.neighbourhood.onFacebookConnectorWorking(neighbourhood.java:142)
&lt;/code&gt;&lt;/pre&gt;
&lt;p&gt;Code :-&lt;/p&gt;
&lt;pre&gt;&lt;code&gt;  dbHelper db = new dbHelper(neighbourhood.this);
        db.open();
        ContentValues cv = new ContentValues();
        cv.put("acces_token",   
                  facebookConnector.getFacebook().getAccessToken());
        db.insertRows(cv, "facebook");
        db.close();
&lt;/code&gt;&lt;/pre&gt;
&lt;p&gt;Code to inset values in database :-&lt;/p&gt;
&lt;p&gt;public class dbHelper {&lt;/p&gt;
&lt;pre&gt;&lt;code&gt;private final String DATABASE_NAME = "neighbourhood.db";
private final String TAG = "dbHelper";
private static final String DATABASE_CREATE_TABLE_LOGIN = "create table login" +
        " (is_login text not null);";
private static final String DATABASE_CREATE_TABLE_FACEBOOK = "create table "
        + "facebook"
        + " (name text not null,"
        + "first_name text not null," +
        "last_name text not null," +
        "gender text not null," +
        "email text not null," +
        "id text not null," +
        "birthday text not null," +
        "acces_token text not null);";
private SQLiteDatabase myDatabase;
private myDbhelper helper;
public dbHelper(Context context) {
    helper = new myDbhelper(context, DATABASE_NAME, null, 1);
}
/**
 * This method is used to open the database in Writable mode
 * 
 * @return instance of the database
 */
public dbHelper open() {
    try {
        myDatabase = helper.getWritableDatabase();
    } catch (SQLException ex) {
        ex.printStackTrace();
        }
    return this;
}
/**
 * This method is used for closing the database
 */
public void close() {
    myDatabase.close();
}
public long insertRows(ContentValues values, String tableName) {
    long val = myDatabase.insert(tableName, null, values);
    return val;
}
public Cursor getAllValues(String tableName) {
    Cursor myResult;
    myResult = myDatabase.query(tableName, null, null, null, null, null,
            null, null);
    return myResult;
}
private static class myDbhelper extends SQLiteOpenHelper {
    public myDbhelper(Context context, String name, CursorFactory factory,
            int version) {
        super(context, name, factory, version);
    }
    /**
     * this method is called when the database is created first time
     */
    @Override
    public void onCreate(SQLiteDatabase _db) {
        _db.execSQL(DATABASE_CREATE_TABLE_LOGIN);
        _db.execSQL(DATABASE_CREATE_TABLE_FACEBOOK);
    }
    /**
     * this method is called when the database version is changed
     */
    @Override
    public void onUpgrade(SQLiteDatabase _db, int _oldVersion,
            int _newVersion) {
        /*
         * _db.execSQL("DROP TABLE IF EXISTS all_audio");
         * _db.execSQL("DROP TABLE IF EXISTS all_video");
         * _db.execSQL("DROP TABLE IF EXISTS all_playlist");
         */
        _db.execSQL("DROP TABLE IF EXISTS all_playlist_song");
        onCreate(_db);
    }
}
&lt;/code&gt;&lt;/pre&gt;
&lt;p&gt;}&lt;/p&gt;</t>
  </si>
  <si>
    <t>2011-08-16 08:31:38.820000+00:00</t>
  </si>
  <si>
    <t>2011-08-16 09:44:12.353000+00:00</t>
  </si>
  <si>
    <t>2011-08-16 09:06:04.920000+00:00</t>
  </si>
  <si>
    <t>android|sqlite|facebook-graph-api</t>
  </si>
  <si>
    <t>How do I connect to a local Socket in C#?</t>
  </si>
  <si>
    <t>&lt;p&gt;I'm trying to adapt this python code I found for connecting to the Dropbox daemon:&lt;/p&gt;
&lt;pre&gt;&lt;code&gt;def connect(self, cmd_socket="~/.dropbox/command_socket", iface_socket="~/.dropbox/iface_socket"):
    "Connects to the Dropbox command_socket, returns True if it was successfull."
    self.iface_sck = socket.socket(socket.AF_UNIX, socket.SOCK_STREAM)
    self.sck = socket.socket(socket.AF_UNIX, socket.SOCK_STREAM)
    try:
        self.sck.connect(os.path.expanduser(cmd_socket)) # try to connect
        self.iface_sck.connect(os.path.expanduser(iface_socket))
    except:
        self.connected = False
        return False
    else: # went smooth
        self.connected = True
        return True
&lt;/code&gt;&lt;/pre&gt;
&lt;p&gt;Here is what I have so far:&lt;/p&gt;
&lt;pre&gt;&lt;code&gt;public bool Connect (int port) {
    return Connect ("~/.dropbox/command_socket", "~/.dropbox/iface_socket",
                    port);
}
public bool Connect (string cmdSocket, string ifaceSocket, int port)
{
    IfaceSocket = new Socket (AddressFamily.Unix, SocketType.Stream,
                              ProtocolType.IP);
    CmdSocket = new Socket (AddressFamily.Unix, SocketType.Stream,
                            ProtocolType.IP);
    try {
        // ExpandUser replaces a leading "/~" with the user's home directory
        IPAddress [] CmdIPs = Dns.GetHostAddresses (ExpandUser (cmdSocket));
        CmdSocket.Connect (CmdIPs [0], port);
        IPAddress [] IfaceIPs = Dns.GetHostAddresses (ExpandUser (ifaceSocket));
        IfaceSocket.Connect (IfaceIPs [0], port);
    } catch (Exception e) {
        // Debug
        Console.WriteLine (e);
        Connected = false;
        return false;
    }
    Connected = true;
    return true;
}
&lt;/code&gt;&lt;/pre&gt;
&lt;p&gt;This compiles fine, but when I try to run it, I get &lt;code&gt;System.Net.Sockets.SocketException: No such host is known&lt;/code&gt;. I assume this is because &lt;code&gt;cmdSocket&lt;/code&gt; and &lt;code&gt;ifaceSocket&lt;/code&gt; are paths, not IP addreses. Python appears to handle this automatically, how do I do it in C#? This is my first foray into socket programming, so please point out any obvious mistakes.&lt;/p&gt;</t>
  </si>
  <si>
    <t>2009-12-22 19:28:16.893000+00:00</t>
  </si>
  <si>
    <t>2009-12-22 19:35:40.997000+00:00</t>
  </si>
  <si>
    <t>c#|linux|sockets|mono</t>
  </si>
  <si>
    <t>Holding data between onclick() event of Submit Button and Form Submission from View</t>
  </si>
  <si>
    <t>&lt;p&gt;Form below is posted from view to action method. &lt;code&gt;onclick()&lt;/code&gt; event invokes &lt;code&gt;jquery.ajax&lt;/code&gt; and passes data(content of the first &lt;code&gt;div&lt;/code&gt;) to the same action method. &lt;code&gt;jquery.ajax&lt;/code&gt; is executed first and form submission comes next. How can I have the value of pid (passed by jquery.ajax) when the form submitted? I need to use sth like Session, don't I?&lt;/p&gt;
&lt;p&gt;View:&lt;/p&gt;
&lt;pre&gt;&lt;code&gt;&amp;lt;form id="newform" action="/ad/newad" method="post"&amp;gt;
    &amp;lt;div id="divAjax"&amp;gt;
       &amp;lt;p align="center" style="background: white; margin: 0cm 0cm 0pt;"&amp;gt;Dan&amp;lt;/p&amp;gt;
       &amp;lt;p align="center" style="background: white; margin: 0cm 0cm 0pt;"&amp;gt;
       &amp;lt;b&amp;gt;&amp;lt;span contenteditable="true"&amp;gt; CLICK TO CHANGE&amp;lt;/span&amp;gt;&amp;lt;/b&amp;gt;
       &amp;lt;/p&amp;gt;
    &amp;lt;/div&amp;gt;
    &amp;lt;div class=" content"&amp;gt;
       &amp;lt;input type="text" name="PName"/&amp;gt;
       &amp;lt;input type="text" name="SName"/&amp;gt;
       &amp;lt;input type="submit" value="Submit" id="btnSubmit" onclick="return updatePerson();" /&amp;gt;
    &amp;lt;/div&amp;gt;
&amp;lt;/form&amp;gt;
&amp;lt;script&amp;gt;
function updatePerson(){
   $.ajax({
       url         : "/ad/newad",
       type        : "POST",
       dataType    : "json",
       contentType : "application/json;",
       data        : "{ pid:'" + $("#divAjax").html() + "' }"       
   });
&amp;lt;/script&amp;gt;
&lt;/code&gt;&lt;/pre&gt;
&lt;p&gt;Action Method:&lt;/p&gt;
&lt;pre&gt;&lt;code&gt;[HttpPost]
[ViewException]
[UserFilter(OpUserAuthType.Admin, OpUserAuthType.Normal)]
public ActionResult NewAd(string id, string pid, AdDetail model)
{
    ...
}
&lt;/code&gt;&lt;/pre&gt;</t>
  </si>
  <si>
    <t>2014-08-07 16:12:58.520000+00:00</t>
  </si>
  <si>
    <t>2014-08-07 17:57:18.060000+00:00</t>
  </si>
  <si>
    <t>2014-08-07 16:25:34.267000+00:00</t>
  </si>
  <si>
    <t>jquery|ajax|asp.net-mvc</t>
  </si>
  <si>
    <t>Regular expression works normally, but fails when placed in an XML schema</t>
  </si>
  <si>
    <t>&lt;p&gt;I have a simple &lt;code&gt;doc.xml&lt;/code&gt; file which contains a single root element with a Timestamp attribute:&lt;/p&gt;
&lt;pre&gt;&lt;code&gt;&amp;lt;?xml version="1.0" encoding="utf-8"?&amp;gt;
&amp;lt;root Timestamp="04-21-2010 16:00:19.000" /&amp;gt;
&lt;/code&gt;&lt;/pre&gt;
&lt;p&gt;I'd like to validate this document against a my simple &lt;code&gt;schema.xsd&lt;/code&gt; to make sure that the Timestamp is in the correct format:&lt;/p&gt;
&lt;pre&gt;&lt;code&gt;&amp;lt;?xml version="1.0" encoding="utf-8"?&amp;gt;
&amp;lt;xs:schema attributeFormDefault="unqualified" elementFormDefault="qualified" xmlns:xs="http://www.w3.org/2001/XMLSchema"&amp;gt;
  &amp;lt;xs:element name="root"&amp;gt;
    &amp;lt;xs:complexType&amp;gt;
      &amp;lt;xs:attribute name="Timestamp" use="required" type="timeStampType"/&amp;gt;
    &amp;lt;/xs:complexType&amp;gt;
  &amp;lt;/xs:element&amp;gt;
  &amp;lt;xs:simpleType name="timeStampType"&amp;gt;
    &amp;lt;xs:restriction base="xs:string"&amp;gt;
      &amp;lt;xs:pattern value="(0[0-9]{1})|(1[0-2]{1})-(3[0-1]{1}|[0-2]{1}[0-9]{1})-[2-9]{1}[0-9]{3} ([0-1]{1}[0-9]{1}|2[0-3]{1}):[0-5]{1}[0-9]{1}:[0-5]{1}[0-9]{1}.[0-9]{3}" /&amp;gt;
    &amp;lt;/xs:restriction&amp;gt;
  &amp;lt;/xs:simpleType&amp;gt;
&amp;lt;/xs:schema&amp;gt;
&lt;/code&gt;&lt;/pre&gt;
&lt;p&gt;So I use the &lt;a href="http://codespeak.net/lxml/" rel="nofollow noreferrer"&gt;lxml&lt;/a&gt; Python module and try to perform a simple schema validation and report any errors:&lt;/p&gt;
&lt;pre&gt;&lt;code&gt;from lxml import etree
schema = etree.XMLSchema( etree.parse("schema.xsd") )
doc = etree.parse("doc.xml")
if not schema.validate(doc):
    for e in schema.error_log:
        print e.message
&lt;/code&gt;&lt;/pre&gt;
&lt;p&gt;My XML document fails validation with the following error messages:&lt;/p&gt;
&lt;pre&gt;&lt;code&gt;Element 'root', attribute 'Timestamp': [facet 'pattern'] The value '04-21-2010 16:00:19.000' is not accepted by the pattern '(0[0-9]{1})|(1[0-2]{1})-(3[0-1]{1}|[0-2]{1}[0-9]{1})-[2-9]{1}[0-9]{3} ([0-1]{1}[0-9]{1}|2[0-3]{1}):[0-5]{1}[0-9]{1}:[0-5]{1}[0-9]{1}.[0-9]{3}'.
Element 'root', attribute 'Timestamp': '04-21-2010 16:00:19.000' is not a valid value of the atomic type 'timeStampType'.
&lt;/code&gt;&lt;/pre&gt;
&lt;p&gt;So it looks like my regular expression must be faulty.  But when I try to validate the regular expression at the command line, it passes:&lt;/p&gt;
&lt;pre&gt;&lt;code&gt;&amp;gt;&amp;gt;&amp;gt; import re
&amp;gt;&amp;gt;&amp;gt; pat = '(0[0-9]{1})|(1[0-2]{1})-(3[0-1]{1}|[0-2]{1}[0-9]{1})-[2-9]{1}[0-9]{3} ([0-1]{1}[0-9]{1}|2[0-3]{1}):[0-5]{1}[0-9]{1}:[0-5]{1}[0-9]{1}.[0-9]{3}'
&amp;gt;&amp;gt;&amp;gt; assert re.match(pat, '04-21-2010 16:00:19.000')
&amp;gt;&amp;gt;&amp;gt; 
&lt;/code&gt;&lt;/pre&gt;
&lt;p&gt;I'm aware that XSD regular expressions don't have every feature, but &lt;a href="http://www.regular-expressions.info/xml.html" rel="nofollow noreferrer"&gt;the documentation I've found&lt;/a&gt; indicates that every feature that I'm using should work.&lt;/p&gt;
&lt;p&gt;So what am I mis-understanding, and why does my document fail?&lt;/p&gt;</t>
  </si>
  <si>
    <t>2010-05-10 20:54:55.573000+00:00</t>
  </si>
  <si>
    <t>2010-05-10 21:18:10.113000+00:00</t>
  </si>
  <si>
    <t>python|regex|validation|schema|lxml</t>
  </si>
  <si>
    <t>Android Play Billing Library: onSkuDetailsResponse responseCode is 0, but the size of skuDetailsList is also 0</t>
  </si>
  <si>
    <t>&lt;p&gt;I'm now using the new Play Billing Library&lt;/p&gt;
&lt;p&gt;Basically, I followed the documentation to query available items to purchase&lt;/p&gt;
&lt;pre&gt;&lt;code&gt; SkuDetailsParams.Builder params = SkuDetailsParams.newBuilder();
            params.setSkusList(skuList).setType(itemType);
            mBillingClient.querySkuDetailsAsync(params.build(),
                    new SkuDetailsResponseListener() {
                        @Override
                        public void onSkuDetailsResponse(int responseCode,
                                                         List&amp;lt;SkuDetails&amp;gt; skuDetailsList) {
                            listener.onSkuDetailsResponse(responseCode, skuDetailsList);
                        }
&lt;/code&gt;&lt;/pre&gt;
&lt;p&gt;However, the responseCode is 0 and the list is also empty. But I checked onBillingSetupFinished is successful. The skuList that provided to SkuDetailsParams.Builder is not empty, and the values inside the skuList (sku_id) is also same as Product ID that specifies on Google Play Console. &lt;/p&gt;
&lt;p&gt;Does anyone know the reason? Thanks!!&lt;/p&gt;</t>
  </si>
  <si>
    <t>2017-10-17 04:13:13.647000+00:00</t>
  </si>
  <si>
    <t>2018-11-09 07:52:05.820000+00:00</t>
  </si>
  <si>
    <t>android|android-billing|android-inapp-purchase|play-billing-library</t>
  </si>
  <si>
    <t>Not Receiving iOS VoIP Notifications with In House Provisioning Profile</t>
  </si>
  <si>
    <t>&lt;p&gt;I'm trying to implement VoIP notifications into my app following this tutorial: &lt;a href="http://pierremarcairoldi.com/ios-8-voip-notifications/" rel="nofollow"&gt;http://pierremarcairoldi.com/ios-8-voip-notifications/&lt;/a&gt;&lt;/p&gt;
&lt;p&gt;I'm making an app that will be distributed internally with an Apple Developer Enterprise program (in-house deployment).&lt;/p&gt;
&lt;p&gt;I followed every step of the tutorial and I've tried to send notifications using a development provisioning profile. All works normally and I'm able to receive those notifications.&lt;/p&gt;
&lt;p&gt;The problem is when I switch to an In-house provisioning profile. The app finishes to register the VoIP token with the server correctly, but when I send notifications through &lt;code&gt;houston&lt;/code&gt; with the new token nothing happens, including the fact that the app doesn't enter in the &lt;code&gt;pushRegistry:didReceiveIncomingPushWithPayload:forType:&lt;/code&gt; method.&lt;/p&gt;
&lt;p&gt;Are there any limitations of this feature when using in-house profiles or am I doing something wrong? &lt;/p&gt;
&lt;p&gt;Thanks in advance!&lt;/p&gt;</t>
  </si>
  <si>
    <t>2016-07-15 08:46:35.610000+00:00</t>
  </si>
  <si>
    <t>ios|xcode|notifications|voip|provisioning-profile</t>
  </si>
  <si>
    <t>Typescript generics?</t>
  </si>
  <si>
    <t>&lt;p&gt;I am attempting to write a directive in typescript to display a table of items. The model I am using is something like this:&lt;/p&gt;
&lt;pre&gt;&lt;code&gt;export class Base implements IBase {
    prop1: number;
    prop2: string;
}
export class Concrete extends Base implements IConcrete {
    prop3: number;
    prop4: number;
}
&lt;/code&gt;&lt;/pre&gt;
&lt;p&gt;How could I write a directive that takes the Base class and display a list of items. Basically I want a generic directive that I can use to display a list of any object that extends the Base class.&lt;/p&gt;</t>
  </si>
  <si>
    <t>2015-09-02 01:30:10.023000+00:00</t>
  </si>
  <si>
    <t>2016-04-24 02:04:20.597000+00:00</t>
  </si>
  <si>
    <t>2015-11-29 06:23:38.223000+00:00</t>
  </si>
  <si>
    <t>javascript|angularjs|typescript|asp.net-core</t>
  </si>
  <si>
    <t>Add unique constraint based on field value</t>
  </si>
  <si>
    <t>&lt;p&gt;For the following table:&lt;/p&gt;
&lt;p&gt;&lt;img src="https://i.stack.imgur.com/T4XGk.jpg" alt="enter image description here"&gt;&lt;/p&gt;
&lt;p&gt;I'd like to add a constraint that if IsBanned flag is set to true, the BannedOn field cannot be left empty (cannot be set to null).&lt;/p&gt;
&lt;p&gt;How can I do this in MySQL? Here's my CREATE syntax:&lt;/p&gt;
&lt;pre&gt;&lt;code&gt;CREATE TABLE IF NOT EXISTS `fa_ranking_system`.`Player` (
  `PlayerID` INT NOT NULL AUTO_INCREMENT,
  `FK_ServerID` INT NOT NULL,
  `PlayerName` VARCHAR(15) NOT NULL,
  `RegDate` DATETIME NOT NULL,
  `IsBanned` TINYINT(1) NOT NULL,
  `LastUpdatedOn` DATETIME NOT NULL,
  `LastUpdatedBy` VARCHAR(20) NOT NULL,
  `BannedOn` DATETIME NULL,
  PRIMARY KEY (`PlayerID`, `FK_ServerID`),
  INDEX `fk_Player_Server_idx` (`FK_ServerID` ASC),
  CONSTRAINT `fk_Player_Server`
    FOREIGN KEY (`FK_ServerID`)
    REFERENCES `fa_ranking_system`.`Server` (`ServerID`)
    ON DELETE NO ACTION
    ON UPDATE NO ACTION)
&lt;/code&gt;&lt;/pre&gt;</t>
  </si>
  <si>
    <t>2013-08-27 07:53:56.380000+00:00</t>
  </si>
  <si>
    <t>2013-08-27 08:07:51.287000+00:00</t>
  </si>
  <si>
    <t>mysql|sql|datetime|constraints</t>
  </si>
  <si>
    <t>Best place to bring up new window in Model View ViewModel</t>
  </si>
  <si>
    <t>&lt;p&gt;I have an MVVM application.  In one of the ViewModels is the 'FindFilesCommand' which populates an ObservableCollection.  I then implement a 'RemoveFilesCommand' in the same ViewModel.  This command then brings up a window to get some more user input.  &lt;/p&gt;
&lt;p&gt;Where/what is the best way to do this whilst keeping with the MVVM paradigm?  Somehow 
doing: &lt;/p&gt;
&lt;pre&gt;new WhateverWindow( ).Show( ) &lt;/pre&gt; 
&lt;p&gt;in the ViewModel seems wrong.&lt;/p&gt;
&lt;p&gt;Cheers,&lt;/p&gt;
&lt;p&gt;Steve&lt;/p&gt;</t>
  </si>
  <si>
    <t>2009-03-17 16:21:49.407000+00:00</t>
  </si>
  <si>
    <t>2010-07-19 08:41:56.753000+00:00</t>
  </si>
  <si>
    <t>Steve Dunn</t>
  </si>
  <si>
    <t>wpf|design-patterns|mvvm</t>
  </si>
  <si>
    <t>OpenCV Error: Assertion failed</t>
  </si>
  <si>
    <t>&lt;pre&gt;&lt;code&gt;void detect_eye_in_image()
{
    CvRect *face = (CvRect*)cvGetSeqElem(faces, 0);
printf("\nIn detect_eye_in_image() %d %d %d %d\n\n",imgcpy-&amp;gt;height,imgcpy-&amp;gt;width,face-&amp;gt;width,face-&amp;gt;height);
        cvSetImageROI(
        imgcpy,                    /* the source image */
        cvRect(
            face-&amp;gt;x,            /* x = start from leftmost */
            face-&amp;gt;y , /* y = a few pixels from the top */
            face-&amp;gt;width,        /* width = same width with the face */
            face-&amp;gt;height/3    /* height = 1/3 of face height */
        )
    );
printf("\nIn detect_eye_in_image()");
        CvSeq *eyes = cvHaarDetectObjects(
        imgcpy,            /* the source image, with the
                           estimated location defined */
        cascade,      /* the eye classifier */
        storage,        /* memory buffer */
        1.15, 3, 0,     /* tune for your app */
        cvSize(25,25)  /* minimum detection scale */
    );
   printf("\nIn detect_eye_in_image()");
    /* draw a rectangle for each detected eye */
   // for( i = 0; i &amp;lt; (eyes ? eyes-&amp;gt;total : 0); i++ ) 
    {
        /* get one eye */
        CvRect *eye = (CvRect*)cvGetSeqElem(eyes, 0);
        /* draw a red rectangle */
        cvRectangle(
            imgcpy,
            cvPoint(eye-&amp;gt;x, eye-&amp;gt;y),
            cvPoint(eye-&amp;gt;x + eye-&amp;gt;width, eye-&amp;gt;y + eye-&amp;gt;height),
            CV_RGB(255, 0, 0),
            1, 8, 0
        );
    }
printf("\nIn detect_eye_in_image()");
    Show_Image(imgcpy);
cvResetImageROI(imgcpy);
}
&lt;/code&gt;&lt;/pre&gt;
&lt;p&gt;In the above function i keep getting the following output:&lt;/p&gt;
&lt;blockquote&gt;
  &lt;p&gt;In detect_eye_in_image() 154 154 154 154 &lt;/p&gt;
  &lt;p&gt;OpenCV Error: Assertion failed (rect.width &gt;= 0 &amp;amp;&amp;amp; rect.height &gt;= 0 &amp;amp;&amp;amp;
  rect.x &amp;lt; image-&gt;width &amp;amp;&amp;amp; rect.y &amp;lt; image-&gt;height &amp;amp;&amp;amp; rect.x + rect.width&gt;= (int)(rect.widt h &gt; 0) &amp;amp;&amp;amp; rect.y + rect.height &gt;= (int)(rect.height &gt; 0)) in unknown function, f ile ........\ocv\opencv\src\cxcore\cxarray.cpp, line 3000&lt;/p&gt;
&lt;/blockquote&gt;
&lt;p&gt;How to fix this problem?&lt;/p&gt;</t>
  </si>
  <si>
    <t>2011-10-18 13:38:08.620000+00:00</t>
  </si>
  <si>
    <t>2011-10-18 13:52:23.817000+00:00</t>
  </si>
  <si>
    <t>c|opencv</t>
  </si>
  <si>
    <t>Problem with inner classes of the same name in Visual C++</t>
  </si>
  <si>
    <t>&lt;p&gt;I have a problem with Visual C++ 2005, where apparently inner classes with the same name but in different outer classes are confused.&lt;/p&gt;
&lt;p&gt;The problem occurs for two layers, where each layer has a listener interface as an inner class. B is a listener of A, and has its own listener in a third layer above it (not shown).&lt;/p&gt;
&lt;p&gt;The structure of the code looks like this:&lt;/p&gt;
&lt;p&gt;A.h&lt;/p&gt;
&lt;pre&gt;&lt;code&gt;class A
{
public:
    class Listener
    {
    public:
        Listener();
        virtual ~Listener() = 0;
    };
    // ...
};
&lt;/code&gt;&lt;/pre&gt;
&lt;p&gt;B.h&lt;/p&gt;
&lt;pre&gt;&lt;code&gt;class B : public A::Listener
{
    class Listener
    {
    public:
        Listener();
        virtual ~Listener() = 0;
    };
    // ...
};
&lt;/code&gt;&lt;/pre&gt;
&lt;p&gt;A::Listener() and A::~Listener() are defined in A.cpp.&lt;/p&gt;
&lt;p&gt;B.cpp&lt;/p&gt;
&lt;pre&gt;&lt;code&gt;B::Listener::Listener() {}
B::Listener::~Listener() {}
&lt;/code&gt;&lt;/pre&gt;
&lt;p&gt;I get the error&lt;/p&gt;
&lt;pre&gt;&lt;code&gt;B.cpp(49) : error C2509: '{ctor}' : member function not declared in 'B'
&lt;/code&gt;&lt;/pre&gt;
&lt;p&gt;The C++ compiler for Renesas sh2a has no problem with this, but then it is more liberal than Visual C++ in some other respects, too.&lt;/p&gt;
&lt;p&gt;If I rename the listener interfaces to have different names the problem goes away, but I'd like to avoid that (the real class names instead of A or B are rather long).&lt;/p&gt;
&lt;p&gt;Is what I'm doing correct C++, or is the complaint by Visual C++ justified?&lt;/p&gt;
&lt;p&gt;Is there a way to work around this problem without renaming the listener interfaces?&lt;/p&gt;</t>
  </si>
  <si>
    <t>2010-05-07 09:53:10.007000+00:00</t>
  </si>
  <si>
    <t>2010-05-07 13:43:26.147000+00:00</t>
  </si>
  <si>
    <t>2010-05-07 13:10:41.880000+00:00</t>
  </si>
  <si>
    <t>c++|visual-c++|namespaces|inner-classes</t>
  </si>
  <si>
    <t>Laravel spatie/laravel-permissions Naming Conventions</t>
  </si>
  <si>
    <t>&lt;p&gt;Are there some naming guidelines I should be following when it comes to naming permissions? Right now, everything I find is just along the lines of "Add Foo","Edit Foo","Delete Foo","Add FooBar","Edit FooBar","Delete FooBar", and so forth and so forth.&lt;/p&gt;
&lt;p&gt;Keeping in mind that there is no grouping (which is a real pity), and when you have a management screen for all said permissions - the above approach seems quite sloppy.&lt;/p&gt;
&lt;p&gt;All your "adds" are together, "edits" are together, etc.
eg:&lt;/p&gt;
&lt;pre&gt;&lt;code&gt; - Add Foo
 - Add FooBar
 - Add FooBarBez
 - Edit Foo
 - Edit FooBar
 - Edit FooBarBez
 - Delete Foo
 - Delete FooBar
 - Delete FooBarBez
&lt;/code&gt;&lt;/pre&gt;
&lt;p&gt;Right now I'm leaning towards something along the lines of what route names look like, for example:&lt;/p&gt;
&lt;pre&gt;&lt;code&gt; - foo.add
 - foo.edit
 - foo.delete
 - foobar.add
 - foobar.edit
 - foobar.delete
 - foobarbez.add
 - foobarbez.edit
 - foobarbez.delete
&lt;/code&gt;&lt;/pre&gt;
&lt;p&gt;It's more organised in terms of keeping all the 'parent' permissions together (ie: all Foo's together, all FooBar's together, etc). Of course, if there are actual guidelines for this, please do let me know or if you have other valuable input / suggestions?&lt;/p&gt;
&lt;p&gt;//Edit Update for Clarity&lt;/p&gt;
&lt;p&gt;Specifically, &lt;/p&gt;
&lt;pre&gt;&lt;code&gt;- __Are__ any naming conventions? 
- Are there any preferences in terms of use of singular/plural when it comes to parents (eg: "User Create", "Users Create")
- If parents and action should be separated with a space, a dot, something else? (eg: "users.create"; "users create"; "users-&amp;gt;create")
- What about nested resources (Parent.Child)? eg: "users.banking_details.create"
- Captilisation? Lowercase? Camel Case?
&lt;/code&gt;&lt;/pre&gt;
&lt;p&gt;As mentioned previously, leaning towards laravel named routes as the guideline so would be: plural, lowercase, separated by dots, including full path (parent+child relationship). Just because thats what I'm leaning towards, doesnt mean its right though, hence me asking for input from the community :)&lt;/p&gt;</t>
  </si>
  <si>
    <t>2018-08-12 17:17:53.703000+00:00</t>
  </si>
  <si>
    <t>2018-08-13 14:36:32.003000+00:00</t>
  </si>
  <si>
    <t>laravel|naming-conventions|laravel-5.6|user-permissions|spatie</t>
  </si>
  <si>
    <t>GET variables in WordPress keeps going to 404 page</t>
  </si>
  <si>
    <t>&lt;p&gt;I'm using wordpress with a custom crm for a 2 part form.&lt;/p&gt;
&lt;p&gt;When I send the first form data through from the form on the homepage it returns a customer ID in the URL to the second form page. However, the &amp;amp;recordid=xx makes wordpress returna 404 page.&lt;/p&gt;
&lt;p&gt;How do I make the page not through a 404?&lt;/p&gt;
&lt;p&gt;Original form second page: &lt;a href="http://mysites.com/get-personalized-quote" rel="nofollow"&gt;http://mysites.com/get-personalized-quote&lt;/a&gt;&lt;/p&gt;
&lt;p&gt;Original form second page with variable: &lt;a href="http://mysite.com/get-personalized-quote&amp;amp;recordid=2763" rel="nofollow"&gt;http://mysite.com/get-personalized-quote&amp;amp;recordid=2763&lt;/a&gt;&lt;/p&gt;</t>
  </si>
  <si>
    <t>2013-10-15 20:13:41.220000+00:00</t>
  </si>
  <si>
    <t>2013-10-15 23:07:01.037000+00:00</t>
  </si>
  <si>
    <t>make GitX open via Terminal for the repo laying at the current path</t>
  </si>
  <si>
    <t>&lt;p&gt;I usually start gitx via the terminal command&lt;/p&gt;
&lt;pre&gt;&lt;code&gt;$ gitx
&lt;/code&gt;&lt;/pre&gt;
&lt;p&gt;Normally, when I'm at /path/to/repo as pwd in terminal, gitx was opening that repos log. I don't know if it was an update or if I changed some settings, but since some time, gitx opens blank, when i hit the command. I googled, and couldn't find. How do I get gitx to open the repo of the directory, I'm in at that moment?&lt;/p&gt;
&lt;p&gt;Thanks!&lt;/p&gt;</t>
  </si>
  <si>
    <t>2012-07-24 07:11:35.533000+00:00</t>
  </si>
  <si>
    <t>2015-01-12 12:15:28.143000+00:00</t>
  </si>
  <si>
    <t>terminal|gitx</t>
  </si>
  <si>
    <t>Display image from server dropzone js using angular js</t>
  </si>
  <si>
    <t>&lt;p&gt;I am using dropzone js to upload image to server and everything is working fine. The code can upload successfully. However when it comes to editing and fetch the image from server then back to dropzone area i don't have an idea how to push the mockfile to a dropzone area when hitting the edit button. Maybe an idea how to integrate the mockfile to may code. Thanks for advance.&lt;/p&gt;
&lt;p&gt;html&lt;/p&gt;
&lt;pre&gt;&lt;code&gt; &amp;lt;div class="input-container dropzonearea"&amp;gt;
    &amp;lt;div id="dropzone" class="dropzone" dropzone="dropzoneConfig"&amp;gt;
        &amp;lt;div class="dz-message"&amp;gt;
            Drop or click image file here to upload.&amp;lt;br&amp;gt;
            &amp;lt;span&amp;gt;&amp;lt;i class="icon-image2"&amp;gt;&amp;lt;/i&amp;gt;&amp;lt;/span&amp;gt;
        &amp;lt;/div&amp;gt;
    &amp;lt;/div&amp;gt;
&amp;lt;/div&amp;gt;
&lt;/code&gt;&lt;/pre&gt;
&lt;p&gt;js &lt;/p&gt;
&lt;pre&gt;&lt;code&gt; Dropzone.autoDiscover = false;
 var app = angular.module('app', ['dropzone']);
  app.controller('MainController', ['$scope', '$http', '$timeout', function($scope, $http, $timeout){
 $scope.fileUpload = null;
  $scope.dropzoneConfig = {
    'options': {
        url : '/upload.php',
        acceptedFiles : 'image/jpeg, images/jpg, image/png',
        addRemoveLinks : true,
        parallelUploads : 5,
        maxFiles: 1,
        autoProcessQueue : false
    },
    init: function () {
    },
    'eventHandlers': {
          'addedfile': function(file) {
              $scope.fileUpload = file;
          },
          'sending': function (file, xhr, formData) {},
          'success': function (file, response) {}
     }
  }
  $scope.Edit = function(id){
    $http.post(
      "imagefromserver.php", {
          'ID': id,
      }
  ).then(function(response) {
      var imageurl = response.data;
      //image from server to push on the dropzone area
  });
}
}]);
angular.module('dropzone', []).directive('dropzone', function () {
  return function (scope, element, attrs) {
  var config, dropzone;
config = scope[attrs.dropzone];
dropzone = new Dropzone(element[0], config.options);
angular.forEach(config.eventHandlers, function (handler, event) {
  dropzone.on(event, handler);
});
};
});
&lt;/code&gt;&lt;/pre&gt;</t>
  </si>
  <si>
    <t>2018-06-13 13:13:47.970000+00:00</t>
  </si>
  <si>
    <t>2018-06-13 13:22:34.100000+00:00</t>
  </si>
  <si>
    <t>Error running node on Yosemite</t>
  </si>
  <si>
    <t>&lt;p&gt;Apologies in advance if this is a rookie question, I am brand new to Node.js and I am trying to learn. I have successfully installed Node on my laptop and added the folder to my PATH variable:&lt;/p&gt;
&lt;pre&gt;&lt;code&gt;export PATH=$PATH:/usr/local/bin
&lt;/code&gt;&lt;/pre&gt;
&lt;p&gt;However, when I try to run a simple program to test, I get the following error:&lt;/p&gt;
&lt;pre&gt;&lt;code&gt;-bash: /usr/local/bin/node: Permission denied
&lt;/code&gt;&lt;/pre&gt;
&lt;p&gt;I got it to work by granting &lt;strong&gt;755&lt;/strong&gt; on &lt;strong&gt;/usr/local/bin&lt;/strong&gt; but I am not sure if that is a good idea as it grants everyone read and execute rights on a bin directory! &lt;/p&gt;
&lt;p&gt;Does anyone know of a better way to do this? Is my concern even justified?&lt;/p&gt;
&lt;p&gt;Thanks in advance for your kind help.&lt;/p&gt;</t>
  </si>
  <si>
    <t>2017-03-13 02:48:05.563000+00:00</t>
  </si>
  <si>
    <t>2017-03-13 04:04:13.953000+00:00</t>
  </si>
  <si>
    <t>node.js|macos|osx-yosemite|yosemite</t>
  </si>
  <si>
    <t>ARKit image recognized black and white</t>
  </si>
  <si>
    <t>&lt;p&gt;I have a problem with recognizing an image. As you can see from the video that I have attached, frame the desired picture and gives me the image in black and white.&lt;/p&gt;
&lt;p&gt;This is the code I am using, my aim is to recognize the image of a particular painting and to see it in colors in AR.&lt;/p&gt;
&lt;p&gt;PS: the image for recognition is uploaded to the color assets in PNG format.&lt;/p&gt;
&lt;p&gt;&lt;a href="https://streamable.com/b90xe" rel="nofollow noreferrer"&gt;Watch this video&lt;/a&gt;.&lt;/p&gt;
&lt;pre&gt;&lt;code&gt;import UIKit
import SceneKit
import ARKit
class ViewController: UIViewController, ARSCNViewDelegate, ARSessionDelegate {
    // MARK: - IBOutlets
    @IBOutlet weak var sessionInfoLabel: UILabel!
    @IBOutlet weak var sceneView: ARSCNView!
    // MARK: - View Life Cycle
    /// - Tag: StartARSession
    override func viewDidAppear(_ animated: Bool) {
        super.viewDidAppear(animated)
        guard ARWorldTrackingConfiguration.isSupported else {
            fatalError("""
                ARKit is not available on this device. For apps that require ARKit
                for core functionality, use the `arkit` key in the key in the
                `UIRequiredDeviceCapabilities` section of the Info.plist to prevent
                the app from installing. (If the app can't be installed, this error
                can't be triggered in a production scenario.)
                In apps where AR is an additive feature, use `isSupported` to
                determine whether to show UI for launching AR experiences.
            """) // For details, see https://developer.apple.com/documentation/arkit
        }
        // Start the view's AR session with a configuration that uses the rear camera,
        // device position and orientation tracking, and plane detection.
        let configuration = ARWorldTrackingConfiguration()
        configuration.planeDetection = [.horizontal, .vertical]
        sceneView.session.run(configuration)
        let scanningPanel = UIImageView()
        scanningPanel.backgroundColor = UIColor(white: 0.33, alpha: 0.6)
        scanningPanel.layer.masksToBounds = true
        scanningPanel.frame = CGRect(x: -2, y: self.sceneView.frame.height-270, width: 178, height: 50)
        scanningPanel.layer.cornerRadius = 10
        let scanInfo = UILabel(frame: CGRect(x: 8, y: self.sceneView.frame.height-268, width: 160, height: 45))
        scanInfo.textAlignment = .left
        scanInfo.font = scanInfo.font.withSize(15)
        scanInfo.textColor = UIColor.white
        scanInfo.text = "SCAN A SURFACE"
        self.sceneView.addSubview(scanningPanel)
        self.sceneView.addSubview(scanInfo)
        // Set a delegate to track the number of plane anchors for providing UI feedback.
        sceneView.session.delegate = self
        // Prevent the screen from being dimmed after a while as users will likely
        // have long periods of interaction without touching the screen or buttons.
        UIApplication.shared.isIdleTimerDisabled = true
        // Show debug UI to view performance metrics (e.g. frames per second).
        sceneView.showsStatistics = true
        resetTracking()
    }
    override func viewWillDisappear(_ animated: Bool) {
        super.viewWillDisappear(animated)
        // Pause the view's AR session.
        sceneView.session.pause()
    }
    // MARK: - ARSCNViewDelegate
    var session: ARSession {
        return sceneView.session
    }
    enum MessageType {
        case trackingStateEscalation
        case contentPlacement
        static var all: [MessageType] = [
            .trackingStateEscalation,
            .contentPlacement
        ]
    }
    func cancelScheduledMessage(for messageType: MessageType) {
        timers[messageType]?.invalidate()
        timers[messageType] = nil
    }
    @IBOutlet weak private var messagePanel: UIVisualEffectView!
    private var timers: [MessageType: Timer] = [:]
    private var messageHideTimer: Timer?
    private let displayDuration: TimeInterval = 6
    @IBOutlet weak private var messageLabel: UILabel!
    private func setMessageHidden(_ hide: Bool, animated: Bool) {
        // The panel starts out hidden, so show it before animating opacity.
        messagePanel.isHidden = false
        guard animated else {
            messagePanel.alpha = hide ? 0 : 1
            return
        }
        UIView.animate(withDuration: 0.2, delay: 0, options: [.beginFromCurrentState], animations: {
            self.messagePanel.alpha = hide ? 0 : 1
        }, completion: nil)
    }
    func showMessage(_ text: String, autoHide: Bool = true) {
        // Cancel any previous hide timer.
        messageHideTimer?.invalidate()
        messageLabel.text = text
        // Make sure status is showing.
        setMessageHidden(false, animated: true)
        if autoHide {
            messageHideTimer = Timer.scheduledTimer(withTimeInterval: displayDuration, repeats: false, block: { [weak self] _ in
                self?.setMessageHidden(true, animated: true)
            })
        }
    }
    func scheduleMessage(_ text: String, inSeconds seconds: TimeInterval, messageType: MessageType) {
        cancelScheduledMessage(for: messageType)
        let timer = Timer.scheduledTimer(withTimeInterval: seconds, repeats: false, block: { [weak self] timer in
            self?.showMessage(text)
            timer.invalidate()
        })
        timers[messageType] = timer
    }
    func resetTracking() {
        guard let referenceImages = ARReferenceImage.referenceImages(inGroupNamed: "AR Resources", bundle: nil) else {
            fatalError("Missing expected asset catalog resources.")
        }
        let configuration = ARWorldTrackingConfiguration()
        configuration.detectionImages = referenceImages
        session.run(configuration, options: [.resetTracking, .removeExistingAnchors])
        //statusViewController.scheduleMessage("Look around to detect images", inSeconds: 7.5, messageType: .contentPlacement)
    }
    let updateQueue = DispatchQueue(label: Bundle.main.bundleIdentifier! +
        ".serialSceneKitQueue")
    /// - Tag: PlaceARContent
    func renderer(_ renderer: SCNSceneRenderer, didAdd node: SCNNode, for anchor: ARAnchor) {
        // Place content only for anchors found by plane detection.
        guard let imageAnchor = anchor as? ARImageAnchor else { return }
        let referenceImage = imageAnchor.referenceImage
        updateQueue.async {
            // Create a SceneKit plane to visualize the plane anchor using its position and extent.
            let plane = SCNPlane(width: referenceImage.physicalSize.width,
                                 height: referenceImage.physicalSize.height)
            let planeNode = SCNNode(geometry: plane)
            planeNode.geometry?.materials.first?.diffuse.contents = UIImage(named: "Crocefissione")
            plane.firstMaterial?.diffuse.contents = UIImage(named: "Crocefissione")
            //planeNode.geometry?.firstMaterial?.diffuse.contents = ARReferenceImage.referenceImages(inGroupNamed: "AR Resources", bundle: nil)
            // `SCNPlane` is vertically oriented in its local coordinate space, so
            // rotate the plane to match the horizontal orientation of `ARPlaneAnchor`.
            planeNode.eulerAngles.x = -.pi / 2
            planeNode.runAction(self.imageHighlightAction)
            // Make the plane visualization semitransparent to clearly show real-world placement.
            // Add the plane visualization to the ARKit-managed node so that it tracks
            // changes in the plane anchor as plane estimation continues.
            node.addChildNode(planeNode)
        }
        /// - Tag: UpdateARContent
        func renderer(_ renderer: SCNSceneRenderer, didUpdate node: SCNNode, for anchor: ARAnchor) {
            // Update content only for plane anchors and nodes matching the setup created in `renderer(_:didAdd:for:)`.
            guard let planeAnchor = anchor as?  ARPlaneAnchor,
                let planeNode = node.childNodes.first,
                let plane = planeNode.geometry as? SCNPlane
                else { return }
            // Plane estimation may shift the center of a plane relative to its anchor's transform.
            planeNode.simdPosition = float3(planeAnchor.center.x, 0, planeAnchor.center.z)
            // Plane estimation may also extend planes, or remove one plane to merge its extent into another.
            plane.width = CGFloat(planeAnchor.extent.x)
            plane.height = CGFloat(planeAnchor.extent.z)
        }
        // MARK: - ARSessionDelegate
        func session(_ session: ARSession, didAdd anchors: [ARAnchor]) {
            guard let frame = session.currentFrame else { return }
            //updateSessionInfoLabel(for: frame, trackingState: frame.camera.trackingState)
        }
        func session(_ session: ARSession, didRemove anchors: [ARAnchor]) {
            guard let frame = session.currentFrame else { return }
            //updateSessionInfoLabel(for: frame, trackingState: frame.camera.trackingState)
        }
        func session(_ session: ARSession, cameraDidChangeTrackingState camera: ARCamera) {
            //updateSessionInfoLabel(for: session.currentFrame!, trackingState: camera.trackingState)
        }
        // MARK: - ARSessionObserver
        func sessionWasInterrupted(_ session: ARSession) {
            // Inform the user that the session has been interrupted, for example, by presenting an overlay.
            sessionInfoLabel.text = "Session was interrupted"
        }
        func sessionInterruptionEnded(_ session: ARSession) {
            // Reset tracking and/or remove existing anchors if consistent tracking is required.
            sessionInfoLabel.text = "Session interruption ended"
            resetTracking()
        }
        func session(_ session: ARSession, didFailWithError error: Error) {
            // Present an error message to the user.
            sessionInfoLabel.text = "Session failed: \(error.localizedDescription)"
            resetTracking()
        }
        // MARK: - Private methods
        func updateSessionInfoLabel(for frame: ARFrame, trackingState: ARCamera.TrackingState) {
            // Update the UI to provide feedback on the state of the AR experience.
            let message: String
            switch trackingState {
            case .normal where frame.anchors.isEmpty:
                // No planes detected; provide instructions for this app's AR interactions.
                message = "Move the device around to detect horizontal surfaces."
            case .notAvailable:
                message = "Tracking unavailable."
            case .limited(.excessiveMotion):
                message = "Tracking limited - Move the device more slowly."
            case .limited(.insufficientFeatures):
                message = "Tracking limited - Point the device at an area with visible surface detail, or improve lighting conditions."
            case .limited(.initializing):
                message = "Initializing AR session."
            default:
                // No feedback needed when tracking is normal and planes are visible.
                // (Nor when in unreachable limited-tracking states.)
                message = ""
            }
        }
        func resetTrackin() {
            let configuration = ARWorldTrackingConfiguration()
            configuration.planeDetection = .horizontal
            sceneView.session.run(configuration, options: [.resetTracking, .removeExistingAnchors])
        }
    }
    var imageHighlightAction: SCNAction {
        return .sequence([
            .wait(duration: 100.25),
            .fadeOpacity(to: 0, duration: 0.25),
            .fadeOpacity(to: 0, duration: 0.25),
            .fadeOpacity(to: 0, duration: 0.25),
            .fadeOut(duration: 0.5),
            .removeFromParentNode()
            ])
    }
}
&lt;/code&gt;&lt;/pre&gt;</t>
  </si>
  <si>
    <t>2018-07-09 07:28:44.243000+00:00</t>
  </si>
  <si>
    <t>2018-08-01 08:51:10.203000+00:00</t>
  </si>
  <si>
    <t>2018-07-09 11:29:06.257000+00:00</t>
  </si>
  <si>
    <t>ios|swift|xcode|image|arkit</t>
  </si>
  <si>
    <t>Matching partial text to array elements</t>
  </si>
  <si>
    <t>&lt;p&gt;I'm trying to slice string value of the current counter to do a partial match, is there a better way to match partial text to various array elements&lt;/p&gt;
&lt;pre&gt;&lt;code&gt;var autoList = [];
for (i = 0; i &amp;lt;= lang.length; i++) {
        if (entered.value === lang[i].slice(0, entered.value.length)) {
            autoList.push(lang[i]);
        }
    };
&lt;/code&gt;&lt;/pre&gt;</t>
  </si>
  <si>
    <t>2013-06-01 19:22:03.787000+00:00</t>
  </si>
  <si>
    <t>2013-06-01 19:22:33.583000+00:00</t>
  </si>
  <si>
    <t>OpenCV can't detect color red correctly</t>
  </si>
  <si>
    <t>&lt;p&gt;Recently, I'm trying to use java OpenCV to detect the color of a Rubik's Cube. My Rubik's Cube has six colors including white, yellow, orange, red, blue and green. The color space I use is HSV color space. According to Wiki, each color has their unique range of Hue value, so theoretically I can use Hue solely to determine which color I detect(except color white I use Saturation). However, this method works well for all colors except for red. The Hue value range I used for red is (179 &gt;= hue &gt;= 160 || 6.5 &gt;= hue &gt;= 0), but the actual value I got can range between almost any color. Red can be detected as all other colors except for white. What could be the reason? Is is possible that there's sth wrong in OpenCV? Below is the code I used to read color from the image. Thanks for any suggestion.&lt;/p&gt;
&lt;pre&gt;&lt;code&gt;Imgproc.cvtColor(oriImage, hsvImg, Imgproc.COLOR_RGB2HSV);
Imgproc.medianBlur(hsvImg, hsvImg, 5);
double[] color = new double[3];
double[] data = new double[3];
int sqr = (size*2+1)*(size*2+1);
//up left corner sampling
for(int i = centerX-size ; i&amp;lt;=centerX+size ; i++)
    for(int j = centerY-size ; j&amp;lt;=centerY+size ; j++)
    {
        data = hsvImg.get(j, i);
        color[0] += data[0]; color[1] += data[1]; color[2] += data[2];
    }
color[0] /= sqr; //Hue
color[1] /= sqr; //Saturation
color[2] /= sqr; //Value
if(color[1] &amp;lt;= 65)//if saturation is smaller than 65
    return standardWhite;
else if(color[0]&amp;gt;=18.49 &amp;amp;&amp;amp; color[0]&amp;lt;= 35.49)
    return standardYellow;
else if((color[0]&amp;gt;=160 &amp;amp;&amp;amp; color[0]&amp;lt;= 179)||(color[0]&amp;gt;=0 &amp;amp;&amp;amp; color[0]&amp;lt;=6.49))
    return standardRed;
else if(color[0]&amp;gt;=6.5 &amp;amp;&amp;amp; color[0]&amp;lt;= 17)
    return standardOrange;
else if(color[0]&amp;gt;=35.5 &amp;amp;&amp;amp; color[0]&amp;lt;= 92)
    return standardGreen;
else if(color[0]&amp;gt;=100 &amp;amp;&amp;amp; color[0]&amp;lt;= 158)
    return standardBlue;
else//color detection failed
    return standardGray;
&lt;/code&gt;&lt;/pre&gt;
&lt;p&gt;&lt;a href="https://i.stack.imgur.com/klcok.jpg" rel="nofollow noreferrer"&gt;an example&lt;/a&gt;&lt;/p&gt;</t>
  </si>
  <si>
    <t>2017-05-14 14:49:18.083000+00:00</t>
  </si>
  <si>
    <t>2017-05-14 15:01:59.453000+00:00</t>
  </si>
  <si>
    <t>java|eclipse|opencv|colors</t>
  </si>
  <si>
    <t>Passing Values among Winforms in C#.net</t>
  </si>
  <si>
    <t>&lt;p&gt;I am trying to obtain a value back to the parent form and below is the code that I was using for this and it was working fine until started loading the child-form in a panel control to avoid popup windows.&lt;/p&gt;
&lt;p&gt;Code in the mainform which contains the Panel&lt;/p&gt;
&lt;pre&gt;&lt;code&gt;MainMovement child = new MainMovement(new_dat, required_time, number);
child.TopLevel = false;
this.pnlmain.Controls.Add(child);
child.Show();
child.BringToFront();
///Obtaining value back from the child form
string updatingc = child.updatestatus; //This is not working, I am proceeding with some more functions depending on this value, but code does not work here after
&lt;/code&gt;&lt;/pre&gt;
&lt;p&gt;Child form has a public value as updatestatus and it sets the value before closing the child form.&lt;/p&gt;
&lt;p&gt;Please advise how to obtain this value. I believe it is something to do with changing &lt;code&gt;child.ShowDialog()&lt;/code&gt; to &lt;code&gt;child.Show()&lt;/code&gt;. (In order to load the form into a panel I had to change this, before that this was working fine).&lt;/p&gt;</t>
  </si>
  <si>
    <t>2013-03-16 07:26:47.383000+00:00</t>
  </si>
  <si>
    <t>2013-03-16 09:30:18.070000+00:00</t>
  </si>
  <si>
    <t>2013-03-16 07:30:22.053000+00:00</t>
  </si>
  <si>
    <t>c#|.net|winforms</t>
  </si>
  <si>
    <t>Error using Vlookup function in Excel</t>
  </si>
  <si>
    <t>&lt;p&gt;I have the following data set:&lt;/p&gt;
&lt;p&gt;&lt;a href="https://i.stack.imgur.com/YSQ05.jpg" rel="nofollow noreferrer"&gt;&lt;img src="https://i.stack.imgur.com/YSQ05.jpg" alt="enter image description here"&gt;&lt;/a&gt;&lt;/p&gt;
&lt;p&gt;I calculate the maximum return using &lt;code&gt;=max(B2:B13)&lt;/code&gt; in cell &lt;code&gt;D3&lt;/code&gt; (i.e., 13.55%), and then I would like to find the date where this maximum return was realized. Thus, I use &lt;code&gt;=vlookup(D3;A2:B13;1;FALSE)&lt;/code&gt;, and I get as a result &lt;code&gt;#N/A&lt;/code&gt;, which is clearly wrong. How can I make this work?&lt;/p&gt;</t>
  </si>
  <si>
    <t>2015-11-23 19:38:23.707000+00:00</t>
  </si>
  <si>
    <t>2015-11-23 19:45:23.453000+00:00</t>
  </si>
  <si>
    <t>excel|vlookup</t>
  </si>
  <si>
    <t>Change position of leaflet label</t>
  </si>
  <si>
    <t>&lt;p&gt;I'd like to add labels to my leaflet-markers, and then position them above and horizontally centered for the marker icon. &lt;/p&gt;
&lt;p&gt;With the labelAnchor option in the Leaflet.label plugin I can manually adjust every label so that I get what I want, and for now I've added a fixed width to my labels so that I know the text will be centered. But there must be a better way to achieve this?&lt;/p&gt;
&lt;p&gt;&lt;a href="http://jsfiddle.net/NYGvibeke/frUf4/3/" rel="nofollow"&gt;http://jsfiddle.net/NYGvibeke/frUf4/3/&lt;/a&gt;&lt;/p&gt;
&lt;pre&gt;&lt;code&gt;&amp;lt;style type="text/css"&amp;gt;
  .labeltext { width: 120px; text-align: center; border:none; }
&amp;lt;/style&amp;gt;
&amp;lt;script type="text/javascript"&amp;gt;
    var myIcon = L.icon({
        iconUrl: 'http://icons.iconarchive.com/icons/visualpharm/icons8-metro-       style/512/Maps-and-Geolocation-Marker-icon.png',
        iconSize:     [18, 30], 
        iconAnchor:   [10, 30], 
        labelAnchor: [-80, -40]
    });
    var layer = new L.StamenTileLayer("toner-lite", {maxZoom: 10});
    var map = new L.Map("map", {
        center: new L.LatLng(30, 100),
        zoom: 4,
        maxZoom: 12,
        minZoom: 2
    });
    map.addLayer(layer);
    var marker1 = L.marker([25, 100], {icon: myIcon}).bindLabel('This is a label text', { noHide: true, className: 'labeltext'}).addTo(map);
&amp;lt;/script&amp;gt;
&lt;/code&gt;&lt;/pre&gt;</t>
  </si>
  <si>
    <t>2014-03-21 13:13:48.697000+00:00</t>
  </si>
  <si>
    <t>2014-03-22 02:17:33.560000+00:00</t>
  </si>
  <si>
    <t>javascript|html|css|leaflet</t>
  </si>
  <si>
    <t>Django view, how to change deleting an object</t>
  </si>
  <si>
    <t>&lt;p&gt;I have two models:&lt;/p&gt;
&lt;pre&gt;&lt;code&gt;class Country(models.Model):
    name = models.CharField(verbose_name="Name of country", max_length=100, default="Australia")
    number = models.IntegerField(verbose_name="number of country", default="1")
    def __unicode__(self):
        return self.name
class World(models.Model):
    country = models.ManyToManyField(Country)
    name = models.CharField(verbose_name="New Map", max_length=100)
    def __unicode__(self):
        return self.name
&lt;/code&gt;&lt;/pre&gt;
&lt;p&gt;Now, when i create world with few countries inside i have this view:&lt;/p&gt;
&lt;pre&gt;&lt;code&gt;def my_world(request, pk):
    world = get_object_or_404(World, pk=pk)
    return render(request, 'game/my_world.html', {'world': world})
&lt;/code&gt;&lt;/pre&gt;
&lt;p&gt;and html file:&lt;/p&gt;
&lt;pre&gt;&lt;code&gt;{% for country in world.country.all %}
        &amp;lt;a href="{% url 'game.views.delete_country' pk=country.pk %}"&amp;gt;{{ country.name }}&amp;lt;/a&amp;gt;
{% endfor %}
&lt;/code&gt;&lt;/pre&gt;
&lt;p&gt;delete view:&lt;/p&gt;
&lt;pre&gt;&lt;code&gt;def delete_country(request, pk):
    country = get_object_or_404(Country, pk=pk)
    country.delete()
    return render(request, 'game/my_world.html', {'world': world})
&lt;/code&gt;&lt;/pre&gt;
&lt;p&gt;url:&lt;/p&gt;
&lt;pre&gt;&lt;code&gt;url(r'^world/(?P&amp;lt;pk&amp;gt;[%&amp;amp;+ \w]+)/$', views.my_world),
url(r'^world/(?P&amp;lt;pk&amp;gt;[%&amp;amp;+ \w]+)/$', views.delete_country, name='delete_country'),
&lt;/code&gt;&lt;/pre&gt;
&lt;p&gt;That's all what i invented&lt;/p&gt;
&lt;p&gt;Now i have in my_world list of countries and when i click one of this it is deleted. I want to change it:&lt;/p&gt;
&lt;ol&gt;
&lt;li&gt;how change it to delete country from choosen world but only within this world?&lt;/li&gt;
&lt;li&gt;How after this automatically return to this my_world?(probably something with primary key but current option does not work)&lt;/li&gt;
&lt;/ol&gt;</t>
  </si>
  <si>
    <t>2016-01-24 15:43:42.017000+00:00</t>
  </si>
  <si>
    <t>2016-01-29 17:31:49.137000+00:00</t>
  </si>
  <si>
    <t>I/O Warning Non ASCII found</t>
  </si>
  <si>
    <t>&lt;p&gt;This is my first question...&lt;/p&gt;
&lt;p&gt;I just checked this &lt;a href="https://stackoverflow.com/questions/16270174/how-to-deal-with-non-ascii-warning-when-performing-save-on-python-code-edited-wi"&gt;How to deal with Non-ASCII Warning when performing Save on Python code edited with IDLE?&lt;/a&gt;
but didn't find the solution.&lt;/p&gt;
&lt;p&gt;I wrote a very little code with idle and i save it. I call the file from the shell with python 3 and this image arrives.&lt;/p&gt;
&lt;p&gt;Sorry for my english, and if i make this questions wrong.&lt;a href="https://i.stack.imgur.com/TC79o.png" rel="nofollow noreferrer"&gt;enter image description here&lt;/a&gt; &lt;/p&gt;</t>
  </si>
  <si>
    <t>2016-07-30 13:31:35.780000+00:00</t>
  </si>
  <si>
    <t>2017-10-26 04:17:42.310000+00:00</t>
  </si>
  <si>
    <t>2017-05-23 11:59:00.367000+00:00</t>
  </si>
  <si>
    <t>python|syntax</t>
  </si>
  <si>
    <t>REST - Define name for JSON array from Restful Java Service</t>
  </si>
  <si>
    <t>&lt;p&gt;I got the following function in my REST Java service running in a Glassfish Server:&lt;/p&gt;
&lt;p&gt;&lt;strong&gt;serviceTest.java&lt;/strong&gt;&lt;/p&gt;
&lt;pre&gt;&lt;code&gt;@Path("/servicetest")
public class serviceTest{
    @GET
    @Path("/findall")
    @Produces(MediaType.APPLICATION_JSON)
    public List&amp;lt;Person&amp;gt; findAll(){
        List &amp;lt;Person&amp;gt; result = new ArrayList&amp;lt;&amp;gt;();
        result.add(new Person("1", "Charlie");
        result.add(new Person("2", "Mary");
        return result;
        }
    }
&lt;/code&gt;&lt;/pre&gt;
&lt;p&gt;Also I have defined a class:&lt;/p&gt;
&lt;p&gt;&lt;strong&gt;person.java&lt;/strong&gt;&lt;/p&gt;
&lt;pre&gt;&lt;code&gt;public class person {
    private String id;
    private String name;
    public person(String id, String name) {
        this.id = id;
        this.name = name;
    }
    public String getId() {
        return id;
    }
    public void setId(String id) {
        this.id = id;
    }
    public String getName() {
        return name;
    }
    public void setName(String name) {
        this.name = name;
    }
}
&lt;/code&gt;&lt;/pre&gt;
&lt;p&gt;When I called the &lt;code&gt;findAll()&lt;/code&gt; function from the client side or a web browser, I'm getting the following JSON object in this format:&lt;/p&gt;
&lt;pre&gt;&lt;code&gt;[
    {
        "id": "1",
        "name": "Charlie"    
    },
    {
        "id": "2",
        "name": "Mary"  
    }
]
&lt;/code&gt;&lt;/pre&gt;
&lt;p&gt;But I need to identify the JSON array by a name, something like this:&lt;/p&gt;
&lt;pre&gt;&lt;code&gt;{"person":
    [
        {
            "id": "1",
            "name": "Charlie"    
        },
        {
            "id": "2",
            "name": "Mary"  
        }
    ]
}
&lt;/code&gt;&lt;/pre&gt;
&lt;p&gt;How can I do this...? Thanks in advance...&lt;/p&gt;</t>
  </si>
  <si>
    <t>2016-02-11 21:16:38.013000+00:00</t>
  </si>
  <si>
    <t>2016-02-19 20:07:29.107000+00:00</t>
  </si>
  <si>
    <t>2016-02-11 21:42:13.383000+00:00</t>
  </si>
  <si>
    <t>java|json|rest|glassfish</t>
  </si>
  <si>
    <t>Responding when a USB device is connected</t>
  </si>
  <si>
    <t>&lt;p&gt;Is there a way to launch an app automatically when a user connects a USB device?&lt;/p&gt;
&lt;p&gt;I have read about launch daemons and launch agents, and also Launch Services, but the documentation doesn't answer my question: how can I react when the user plugs in a device?&lt;/p&gt;
&lt;p&gt;I've noticed in the Console that, if i unplug the device nothing happens, but if I plug it again then something in system does react.&lt;/p&gt;</t>
  </si>
  <si>
    <t>2013-03-20 15:10:48.850000+00:00</t>
  </si>
  <si>
    <t>2013-07-12 13:28:49.827000+00:00</t>
  </si>
  <si>
    <t>2013-03-28 04:27:30.950000+00:00</t>
  </si>
  <si>
    <t>macos</t>
  </si>
  <si>
    <t>A question relted to NSMUtabledata</t>
  </si>
  <si>
    <t>&lt;p&gt;NSDATA *data1;
NSDATA *data2;
NSDATA *data3;&lt;/p&gt;
&lt;p&gt;I want to convert my this all 3 data's to bytearray and then again i want to append it to the 
NSMutabledata;&lt;/p&gt;
&lt;p&gt;What Should I do For that?&lt;/p&gt;</t>
  </si>
  <si>
    <t>2010-07-31 12:04:07.613000+00:00</t>
  </si>
  <si>
    <t>2010-07-31 12:10:01.143000+00:00</t>
  </si>
  <si>
    <t>Can Template Specializations go in my .cpp?</t>
  </si>
  <si>
    <t>&lt;p&gt;Lets say that I have this:&lt;/p&gt;
&lt;pre&gt;&lt;code&gt;struct foo {
    template &amp;lt;typename T&amp;gt;
    void bar(const T param) { cout &amp;lt;&amp;lt; param &amp;lt;&amp;lt; endl; }
};
&lt;/code&gt;&lt;/pre&gt;
&lt;p&gt;Now I want to add the specialization:&lt;/p&gt;
&lt;pre&gt;&lt;code&gt;template &amp;lt;&amp;gt;
void bar&amp;lt;char&amp;gt;(const char param) { cout &amp;lt;&amp;lt; static_cast&amp;lt;int&amp;gt;(param) &amp;lt;&amp;lt; endl; }
&lt;/code&gt;&lt;/pre&gt;
&lt;p&gt;Can I just add the declaration to the header that &lt;code&gt;foo&lt;/code&gt; is declared in and defince &lt;code&gt;bar&amp;lt;char&amp;gt;&lt;/code&gt; in the implementation file &lt;code&gt;foo&lt;/code&gt; is implemented in?&lt;/p&gt;
&lt;hr&gt;
&lt;p&gt;The reason that I'm asking is that locally I'm seeing it work both ways. I think the difference is: Specialized template methods that I'm only using internally to the defining class can be defined in the implementation. Specialized template methods I'm using externally seem to need to be defined in the header. I haven't been able to find anything conclusive on this though so I thought I'd ask.&lt;/p&gt;</t>
  </si>
  <si>
    <t>2018-10-25 17:48:42.693000+00:00</t>
  </si>
  <si>
    <t>2018-10-25 18:14:41.707000+00:00</t>
  </si>
  <si>
    <t>c++|header|implementation|template-specialization|function-templates</t>
  </si>
  <si>
    <t>Exadata - Query with join between 2 databases</t>
  </si>
  <si>
    <t>&lt;p&gt;In Exadata, I have two different databases.&lt;/p&gt;
&lt;p&gt;Is it possible to perform a join between a table that is in database A, to a table that is in database B?&lt;/p&gt;
&lt;p&gt;On the standard Oracle database engine, I know this is not possible except via a db-link but I have a doubt with Exadata... If anyone can give me any information !&lt;/p&gt;</t>
  </si>
  <si>
    <t>2018-03-28 08:50:22.137000+00:00</t>
  </si>
  <si>
    <t>2018-03-29 05:42:28.280000+00:00</t>
  </si>
  <si>
    <t>exadata</t>
  </si>
  <si>
    <t>Will deprecated Google Sign-In scopes stop working?</t>
  </si>
  <si>
    <t>&lt;p&gt;Looks like Google has deprecated the following scopes:&lt;/p&gt;
&lt;pre&gt;&lt;code&gt;https://www.googleapis.com/auth/userinfo.profile  
https://www.googleapis.com/auth/userinfo.email 
&lt;/code&gt;&lt;/pre&gt;
&lt;p&gt;When will they completely stop working?&lt;/p&gt;</t>
  </si>
  <si>
    <t>2015-03-26 00:34:45.373000+00:00</t>
  </si>
  <si>
    <t>2015-03-26 03:13:35.797000+00:00</t>
  </si>
  <si>
    <t>2015-03-26 03:08:31.247000+00:00</t>
  </si>
  <si>
    <t>google-api|google-oauth|google-openid|google-profiles-api</t>
  </si>
  <si>
    <t>Why is my JQuery AjaxQ unable to access a route link in my Laravel app</t>
  </si>
  <si>
    <t>&lt;p&gt;I have a Laravel app where a blade view which calls a controller backend using Jquery ajaxQ. The blade has an array loop where each element makes the call. I need to queue each element ajax call, i.e. the current ajax call needs to be completed before the next Ajax call is made.&lt;/p&gt;
&lt;p&gt;On my route.php, I have this:&lt;/p&gt;
&lt;pre&gt;&lt;code&gt;$this-&amp;gt;group(['middleware' =&amp;gt; ['auth', 'profile']], function () {
   #get/post here
   $this-&amp;gt;post('ajaxcall', 'SomeController@ajaxcall');
});
&lt;/code&gt;&lt;/pre&gt;
&lt;p&gt;On my view blade, this is how I make my AjAXQ call:&lt;/p&gt;
&lt;pre&gt;&lt;code&gt;@push('script')
&amp;lt;script src="/js/jquery.ajaxq.js"&amp;gt;&amp;lt;/script&amp;gt;  
&amp;lt;script&amp;gt;
function genopts(){
      return {
      type: 'POST',
      url: '/ajaxcall',
      data: data_post,
      cache: false,
      success: function(){
         //some code here
      },
      error: function(){
        //some code 
      }
      dataType: 'json',
      async:false
      }
}
var csrf_token = $( "input[name*='_token']" ).val();
var arrID = [1, 2, 3, 4, 5];
arrID.forEach(function(id){
      var data_post = {};
      data_post.id = id;
      data_post['_token'] = csrf_token;
      $.ajaxq (id, genopts);
});
&amp;lt;/script&amp;gt;
@endpush
&lt;/code&gt;&lt;/pre&gt;
&lt;p&gt;The AjaxQ returns a 404 error. Previously I was using $.ajax(), but since this is asynchronous, I could not queue each ajax call in its sequential order.&lt;/p&gt;</t>
  </si>
  <si>
    <t>2018-09-26 08:38:55.490000+00:00</t>
  </si>
  <si>
    <t>jquery|ajax|laravel|laravel-5|jquery-ajaxq</t>
  </si>
  <si>
    <t>Library not found for -lRealmReact when building my .xworkspace iOS</t>
  </si>
  <si>
    <t>&lt;p&gt;When I try to build my project.xworkspace&lt;/p&gt;
&lt;p&gt;I get an error&lt;/p&gt;
&lt;pre&gt;&lt;code&gt;library not found for -lRealmReact
&lt;/code&gt;&lt;/pre&gt;
&lt;p&gt;I use cocoapod for my libraries but add &lt;code&gt;pod Realm&lt;/code&gt; is not working.&lt;/p&gt;</t>
  </si>
  <si>
    <t>2016-05-22 19:14:02.720000+00:00</t>
  </si>
  <si>
    <t>2016-05-24 05:15:48.153000+00:00</t>
  </si>
  <si>
    <t>2016-05-22 19:25:40.543000+00:00</t>
  </si>
  <si>
    <t>ios|react-native|realm</t>
  </si>
  <si>
    <t>java client certificate authentication</t>
  </si>
  <si>
    <t>&lt;p&gt;I implemented a strong authentication in a web server (apache) and it work great.
but I want to implement a java class that have to compare cac ID and suject name to the ones presents on java .properties file or XML&lt;/p&gt;</t>
  </si>
  <si>
    <t>2012-09-11 16:55:47.687000+00:00</t>
  </si>
  <si>
    <t>2017-10-12 09:05:58.573000+00:00</t>
  </si>
  <si>
    <t>jsp|authentication|certificate|cac</t>
  </si>
  <si>
    <t>JavaScript does not work on page reload [Rails]?</t>
  </si>
  <si>
    <t>&lt;p&gt;This is my JavaScript:&lt;/p&gt;
&lt;pre&gt;&lt;code&gt;function showQuestion(id) {
  $(".question").hide();
  $("#"+id).show();
}
$(document).ready(function() {
  current_question=1;
  showQuestion(current_question);
  $("#next_question").click(function(){
    alert('The current question is '+current_question);
    current_question=current_question+1;
    showQuestion(current_question);
  });
  $("#prev_question").click(function(){
    alert('The current question is '+current_question);
    current_question=current_question-1;
    showQuestion(current_question);
  });
});
&lt;/code&gt;&lt;/pre&gt;
&lt;p&gt;And this is my &lt;code&gt;show.html.erb&lt;/code&gt; [my Rails view]:&lt;/p&gt;
&lt;pre&gt;&lt;code&gt;&amp;lt;div id="questions"&amp;gt;
  &amp;lt;% @questions.each_with_index do |q,i| %&amp;gt;
    &amp;lt;div id="&amp;lt;%= i + 1 %&amp;gt;" class="question"&amp;gt;
    &amp;lt;strong&amp;gt;&amp;lt;%= q.body %&amp;gt;&amp;lt;/strong&amp;gt;
    &amp;lt;% if q.type == "MultipleChoice" %&amp;gt;
      &amp;lt;% q.choices.each do |choice| %&amp;gt;
        &amp;lt;br /&amp;gt;&amp;lt;%= radio_button_tag "question#{q.id.to_s}", "choice#{choice.id}", @answer == choice  %&amp;gt;&amp;amp;nbsp;&amp;lt;%= choice.body %&amp;gt;
      &amp;lt;% end %&amp;gt;
    &amp;lt;% end %&amp;gt;
    &amp;lt;table&amp;gt;
    &amp;lt;tr&amp;gt;&amp;lt;td&amp;gt;&amp;lt;%= link_to "&amp;lt; Previous", '#', :remote =&amp;gt; true, :id =&amp;gt; "prev_question" %&amp;gt;&amp;lt;/td&amp;gt;&amp;lt;td&amp;gt;&amp;lt;%= link_to "Next &amp;gt;", '#', :remote =&amp;gt; true, :id =&amp;gt; "next_question" %&amp;gt;&amp;lt;/td&amp;gt;&amp;lt;/tr&amp;gt;
    &amp;lt;/table&amp;gt;
    &amp;lt;/div&amp;gt;
  &amp;lt;% end %&amp;gt;
&amp;lt;/div&amp;gt;
&lt;/code&gt;&lt;/pre&gt;
&lt;p&gt;So, when I click the 'Next' or 'Previous' button, it works. But after that, neither button works. I have a feeling it has something to do with jQuery not working. Thanks!&lt;/p&gt;</t>
  </si>
  <si>
    <t>2011-06-14 02:12:54.820000+00:00</t>
  </si>
  <si>
    <t>2011-06-14 03:25:11.743000+00:00</t>
  </si>
  <si>
    <t>2011-06-14 02:18:03.347000+00:00</t>
  </si>
  <si>
    <t>user785100</t>
  </si>
  <si>
    <t>jquery|ruby-on-rails|ruby-on-rails-3|model-view-controller|views</t>
  </si>
  <si>
    <t>installing python module on windows 8</t>
  </si>
  <si>
    <t>&lt;p&gt;I am doing a project in python where I have a very large dataset where I have to do a fisher exact test. This must be done 600,000,000 times so efficiency is quite important. However, with the scipy package this takes 50 hours, but I have read that &lt;a href="https://pypi.python.org/pypi/fisher/" rel="nofollow"&gt;https://pypi.python.org/pypi/fisher/&lt;/a&gt; should be much faster. But I don't understand how to get it installed in Windows 8.&lt;/p&gt;
&lt;p&gt;I have tried using: python setup.py install, this gives the error:&lt;/p&gt;
&lt;pre&gt;&lt;code&gt;D:\Programmer\Python\Scripts\fisher-0.1.4&amp;gt;python setup.py install
running install
running build
running build_py
running build_ext
building 'fisher/cfisher' extension
error: Unable to find vcvarsall.bat
&lt;/code&gt;&lt;/pre&gt;
&lt;p&gt;what is wrong?&lt;/p&gt;</t>
  </si>
  <si>
    <t>2014-06-18 16:10:03.240000+00:00</t>
  </si>
  <si>
    <t>2014-06-18 16:22:40.007000+00:00</t>
  </si>
  <si>
    <t>2014-06-18 16:17:16.687000+00:00</t>
  </si>
  <si>
    <t>Using a C function from a C++ program - extern keyword problem</t>
  </si>
  <si>
    <t>&lt;p&gt;I am having a problem with a C++ program. I want to use a function which is defined in a C file in a C++ file.  Here is my code for the C++ file: &lt;/p&gt;
&lt;pre&gt;&lt;code&gt;#include &amp;lt;string&amp;gt;
#include &amp;lt;iostream&amp;gt;
#include &amp;lt;stdio.h&amp;gt;
extern void squre_array();
using namespace std;
int main() {
    squre_array();
}
&lt;/code&gt;&lt;/pre&gt;
&lt;p&gt;Now here is the code for the C file in which I defined &lt;code&gt;squre_array()&lt;/code&gt;:&lt;/p&gt;
&lt;pre&gt;&lt;code&gt;#include &amp;lt;stdio.h&amp;gt;
#include &amp;lt;cuda.h&amp;gt;
__global__ void square_array(float *a, int N)
{
  int idx = blockIdx.x * blockDim.x + threadIdx.x;
  if (idx&amp;lt;N) 
    a[idx] = a[idx] * a[idx];
}
void squre_array()
{
  float *a_h, *a_d; 
  const int N = 10;  
  size_t size = N * sizeof(float);
  a_h = (float *)malloc(size);        
  cudaMalloc((void **) &amp;amp;a_d, size);   
  for (int i=0; i&amp;lt;N; i++) a_h[i] = (float)i;
  cudaMemcpy(a_d, a_h, size, cudaMemcpyHostToDevice);
  int block_size = 4;
  int n_blocks = N/block_size + (N%block_size == 0 ? 0:1);
  square_array &amp;lt;&amp;lt;&amp;lt; n_blocks, block_size &amp;gt;&amp;gt;&amp;gt; (a_d, N);
  cudaMemcpy(a_h, a_d, sizeof(float)*N, cudaMemcpyDeviceToHost);
  // Print results
  for (int i=0; i&amp;lt;N; i++) printf("%d %f\n", i, a_h[i]);
  free(a_h); 
  cudaFree(a_d);
}
&lt;/code&gt;&lt;/pre&gt;
&lt;p&gt;Now can any one tell me how to link this function to my C++ program?
Every time I compile the program, I got the error message:&lt;/p&gt;
&lt;pre&gt;&lt;code&gt;cpp:: undefined reference to `squre_array()'
&lt;/code&gt;&lt;/pre&gt;
&lt;p&gt;Can anyone tell me what I was doing wrong?
How can I link the &lt;code&gt;squre_array()&lt;/code&gt; function into my C++ program?&lt;/p&gt;</t>
  </si>
  <si>
    <t>2011-03-16 05:54:33.680000+00:00</t>
  </si>
  <si>
    <t>2012-12-05 13:21:29.507000+00:00</t>
  </si>
  <si>
    <t>2011-03-16 06:09:25.330000+00:00</t>
  </si>
  <si>
    <t>c|extern</t>
  </si>
  <si>
    <t>how to add html &amp; javascript after PHP exit</t>
  </si>
  <si>
    <t>&lt;p&gt;Please Help, nothing i add after the ?&gt; works, i tried to put the code in a echo, but its not working would someone please put together a JSFiddle for me or point me in the right direction, i am fairly new with PHP, Thanks for the help&lt;/p&gt;
&lt;pre&gt;&lt;code&gt;&amp;lt;?php
    $filepath = 'http://www.godsgypsychristianchurch.net/music.json';
    $content = file_get_contents($filepath);
    $json = json_decode($content, true);
foreach ($json['rows'] as $row)
    {
            if ($_GET['album'] == $row[doc]['album'])
            {
                        echo "&amp;lt;title&amp;gt;{$row[doc]['album']}&amp;lt;/title&amp;gt;";
                        echo "&amp;lt;table align=\"center\" border=\"0\"&amp;gt;&amp;lt;tr&amp;gt;&amp;lt;td valign=\"top\" width=\"330\"&amp;gt;";
                        echo "&amp;lt;img src=\"{$row['doc']['artwork']}\" alt=\"my image \" width=\"250\" /&amp;gt;&amp;lt;br /&amp;gt;&amp;lt;br /&amp;gt;";
                        echo "&amp;lt;div class=\"albuminfo\" id=\"albuminfo\"&amp;gt;";
                    print ' &amp;lt;a href=http://ggcc.tv/archivealbum.php?download=' . urlencode($row[doc]['album']) . ' id=DownloadAlbum&amp;gt;&amp;lt;img src="http://ggcc.tv/musiclibrary/wp-content/plugins/zina/zina/themes/zinaEmbed/icons/download.gif" width="35"&amp;gt;Download entire album.&amp;lt;/a&amp;gt;&amp;lt;p&amp;gt;';
                        echo "&amp;lt;font color=\"#fff\"&amp;gt;Album: {$row[doc]['album']}&amp;lt;/font&amp;gt;&amp;lt;br /&amp;gt;";
                        echo "&amp;lt;font color=\"#fff\"&amp;gt;Church: {$row[doc]['church']}&amp;lt;/font&amp;gt;&amp;lt;br /&amp;gt;";
                        echo "&amp;lt;font color=\"#fff\"&amp;gt;Description: {$row[doc]['des']}&amp;lt;/font&amp;gt;&amp;lt;P&amp;gt;&amp;lt;br /&amp;gt;&amp;lt;P&amp;gt;";
                        echo "&amp;lt;a href=\"https://twitter.com/share\" class=\"twitter-share-button\" data-lang=\"en\"&amp;gt;Tweet&amp;lt;/a&amp;gt;&amp;lt;br&amp;gt;&amp;lt;br&amp;gt;";
                        print '&amp;lt;div id="like-button"&amp;gt;&amp;lt;/div&amp;gt;';
                        echo "&amp;lt;td valign=\"top\"&amp;gt;";
                        echo "&amp;lt;div class=\"playlist\" id=\"playlist\"&amp;gt;";
                        echo "&amp;lt;ol&amp;gt;";
                        $songCount = 0;
                        foreach ($row['doc']['tracks'] as $song) {
                            ++$songCount;
                            $songUrl = $row['doc']['baseurl'] . urldecode($song['url']);
                            echo "&amp;lt;li&amp;gt;&amp;lt;a href=\"#\" data-src=\"{$songUrl}\"&amp;gt;{$song['name']}&amp;lt;/a&amp;gt;&amp;lt;div id=\"download\"&amp;gt;&amp;lt;a href=\"{$songUrl}\"&amp;gt;Download&amp;lt;/a&amp;gt;&amp;lt;/li&amp;gt;";
                        }
                        echo "&amp;lt;/ol&amp;gt;";
                        echo "&amp;lt;br&amp;gt;&amp;lt;div id=\"player\"&amp;gt;&amp;lt;audio preload&amp;gt;&amp;lt;/audio&amp;gt;&amp;lt;/div&amp;gt;";
                        echo "&amp;lt;/div&amp;gt;";
                        echo "&amp;lt;P&amp;gt;";
                        echo "&amp;lt;small&amp;gt;To download a single MP3 at a time:&amp;lt;/br&amp;gt;&amp;lt;b&amp;gt;Windows OS:&amp;lt;/b&amp;gt; hold the ALT button on the keyboard and click the Download button&amp;lt;br&amp;gt;&amp;lt;b&amp;gt;Mac OSX:&amp;lt;/b&amp;gt; hold the OPTION button on the keyboard and click the Download button&amp;lt;P&amp;gt;&amp;lt;BR&amp;gt;&amp;lt;b&amp;gt;Controls:&amp;lt;/b&amp;gt;&amp;lt;br&amp;gt;Play/Pause = spacebar&amp;lt;/br&amp;gt;Next track = Right arrow&amp;lt;br&amp;gt;Previous track = Left arrow";
                        echo '&amp;lt;/tr&amp;gt;&amp;lt;/td&amp;gt;&amp;lt;/table&amp;gt;';
    }
            }
    exit;
?&amp;gt;
&amp;lt;!----NOTTING SHOWING UP----&amp;gt;
  &amp;lt;!-- begin htmlcommentbox.com --&amp;gt;
 &amp;lt;div id="HCB_comment_box"&amp;gt;&amp;lt;a href="http://www.htmlcommentbox.com"&amp;gt;HTML Comment Box&amp;lt;/a&amp;gt; is loading comments...&amp;lt;/div&amp;gt;
 &amp;lt;script type="text/javascript" language="javascript" id="hcb"&amp;gt; /*&amp;lt;!--*/ if(!window.hcb_user){hcb_user={};} (function(){s=document.createElement("script");s.setAttribute("type","text/javascript");s.setAttribute("src", "http://www.htmlcommentbox.com/jread?page="+escape((window.hcb_user &amp;amp;&amp;amp; hcb_user.PAGE)||(""+window.location)).replace("+","%2B")+"&amp;amp;opts=0&amp;amp;num=10");if (typeof s!="undefined") document.getElementsByTagName("head")[0].appendChild(s);})(); /*--&amp;gt;*/ &amp;lt;/script&amp;gt;
&amp;lt;!-- end htmlcommentbox.com --&amp;gt;
&lt;/code&gt;&lt;/pre&gt;</t>
  </si>
  <si>
    <t>2013-02-03 10:46:31.913000+00:00</t>
  </si>
  <si>
    <t>2013-02-03 10:48:21.060000+00:00</t>
  </si>
  <si>
    <t>php|javascript|html|json|parsing</t>
  </si>
  <si>
    <t>D3 - Align value label inside ordinal chart</t>
  </si>
  <si>
    <t>&lt;p&gt;I want to align the value of each bar on top of it but I can't align the middle of the label text with the middle of the rect.&lt;/p&gt;
&lt;pre&gt;&lt;code&gt;function createBarChart(panel, cs_data) {
  var data = [
   {
      "label":"1998",
      "value":"0.2301495972382"
   },
   {
      "label":"1999",
      "value":"0.12531328320802"
   },
   ....
   {
      "label":"2011",
      "value":"0.4907688712316"
   }];
  var margin = {top: 20, right: 30, bottom: 30, left: 40},
      width = parseInt(panel.getWidth()) - margin.left - margin.right,
      height = parseInt(panel.getHeight()) - margin.top - margin.bottom;
  var max = d3.max(data, function(d) {
    return d.value;
  });
  var x = d3.scale.ordinal()
      .domain([1998,1999,2000,2001,2002,2003,2004,2005,2006,2007,2008,2009,2010,2011])
      .rangeBands([0, width], .1);
  var y = d3.scale.linear()
      .domain([0, max])
      .range([height, 0]);
  var xAxis = d3.svg.axis()
      .scale(x)
      .orient("bottom");
  var yAxis = d3.svg.axis()
      .scale(y)
      .orient("left");
  d3.select(".chart").selectAll("*").remove();
  var chart = d3.select(".chart")
      .attr("width", width + margin.left + margin.right)
      .attr("height", height + margin.top + margin.bottom)
    .append("g")
      .attr("transform", "translate(" + margin.left + "," + margin.top + ")");
  chart.append("g")
      .attr("class", "x axis")
      .attr("transform", "translate(0," + height + ")")
      .call(xAxis);
  chart.append("g")
      .attr("class", "y axis")
      .call(yAxis);
  chart.selectAll(".bar")
    .data(data)
    .enter().append("rect")
      .attr("class", "bar")
      .attr("x", function(d) { return x(d.label); })
      .attr("y", function(d) { return y(d.value); })
      .attr("height", function(d) { return height - y(d.value); })
      .attr("width", x.rangeBand());
  chart.selectAll('.text')
      .data(data)
      .enter().append("svg:text")
        .attr("x", function(d) { return x(d.label) + x.rangeBand()/2; })
        .attr("y", function(d) { return y(d.value); })
        .attr("dy", ".35em")
        .text(function(d) { return d.value.toFixed(2); });
}
&lt;/code&gt;&lt;/pre&gt;</t>
  </si>
  <si>
    <t>2014-12-08 20:41:13.643000+00:00</t>
  </si>
  <si>
    <t>2014-12-09 19:01:27.807000+00:00</t>
  </si>
  <si>
    <t>2014-12-09 15:28:02.553000+00:00</t>
  </si>
  <si>
    <t>Add/delete item to bag collection</t>
  </si>
  <si>
    <t>&lt;p&gt;I am working with nHibernate, and trying make sense of bag collections. My data structure is relatively straight-forward...&lt;/p&gt;
&lt;p&gt;Entry:&lt;/p&gt;
&lt;pre&gt;&lt;code&gt;&amp;lt;class name="Entry"&amp;gt;
&amp;lt;id name="id" column="EntryId"&amp;gt;
    &amp;lt;generator type="guid.comb"/&amp;gt;
&amp;lt;/id&amp;gt;
    &amp;lt;property name="Name" column="Name"/&amp;gt;
&amp;lt;bag name="Results" table="Results" cascade="all"&amp;gt;
    &amp;lt;key column="EntryId" /&amp;gt;
    &amp;lt;one-to-many class="Result"/&amp;gt;
&amp;lt;/bag&amp;gt;
&amp;lt;/class&amp;gt;
&lt;/code&gt;&lt;/pre&gt;
&lt;p&gt;Result:&lt;/p&gt;
&lt;pre&gt;&lt;code&gt;&amp;lt;class name="Result"&amp;gt;
&amp;lt;id name="id" column="ResultId"&amp;gt;
    &amp;lt;generator type="guid.comb"/&amp;gt;
&amp;lt;/id&amp;gt;
&amp;lt;property name="Score" column="Score" /&amp;gt;
&amp;lt;many-to-one name="Entry" class="Entry" cascade="all" /&amp;gt;
&amp;lt;/class&amp;gt;
&lt;/code&gt;&lt;/pre&gt;
&lt;p&gt;What I would like to do, which doesn't seem to be working, is the following:&lt;/p&gt;
&lt;pre&gt;&lt;code&gt;Entry entry = new Entry();
entry.Name = "Name";
// have tried saving at this point to:
// dbSession.SaveOrUpdate(entry);
Result result = new Result();
result.Score = 100;
entry.Results.Add(result);
dbSession.SaveOrUpdate(entry);
&lt;/code&gt;&lt;/pre&gt;
&lt;p&gt;It seems to be creating the entry record in the database, but not the result record. In my database, I have EntryId as a foreign key in the Result table. Similarly, I would like to be able to remove the result object from the collection, and have it persist to the database. I thought the cascade feature took care of this, but not sure what I have done wrong...&lt;/p&gt;
&lt;p&gt;&lt;strong&gt;EDIT&lt;/strong&gt;&lt;/p&gt;
&lt;p&gt;I now have it adding the result object into the database, but delete does not seem to work:&lt;/p&gt;
&lt;pre&gt;&lt;code&gt;Entry entry = Entry.Load(id);
entry.Results.Remove(result);
dbSession.SaveOrUpdate(entry);
&lt;/code&gt;&lt;/pre&gt;
&lt;p&gt;I have tried adding cascade="all-delete-orphan", but this seems to remove both parent and children. I just want it to delete the one entry object from the database??&lt;/p&gt;</t>
  </si>
  <si>
    <t>2010-09-08 11:26:24.993000+00:00</t>
  </si>
  <si>
    <t>2015-01-02 22:28:39.090000+00:00</t>
  </si>
  <si>
    <t>2010-09-09 01:54:14.847000+00:00</t>
  </si>
  <si>
    <t>nhibernate|nhibernate-mapping</t>
  </si>
  <si>
    <t>Xcode 8 Swift 3 building error</t>
  </si>
  <si>
    <t>&lt;p&gt;My code is giving me an error. How do I fix it?&lt;/p&gt;
&lt;pre&gt;&lt;code&gt;   override func viewDidLoad() {
        super.viewDidLoad()
        view.backgroundColor = UIColor (r: 13, g: 214, b: 151)
        view.addSubview(inputsContainerView)
    setupInputsContainerView()
    }
    func setupInputsContainerView() {
        //need x, y, width, height constraints
        inputsContainerView.centerXAnchor.constraint(equalTo: view.centerXAnchor).isActive = true
        inputsContainerView.centerYAnchor.constraint(equalTo: view.centerYAnchor).isActive = true
        inputsContainerView.widthAnchor.constraint(equalTo: view.widthAnchor, constant: -24).isActive = true
        inputsContainerView.heightAnchor.constraint(equalToConstant: 150).isActive = true
    func  PreferredStatusBarStyle() -&amp;gt;UIStatusBarStyle {
    return.lightContent
    }
}
extension UIColor {
    convenience init(r: CGFloat, g: CGFloat, b: CGFloat) {
        self.init(red: r/255, green: g/255 , blue: b/255, alpha: 1)
    }
}
&lt;/code&gt;&lt;/pre&gt;
&lt;p&gt;but thing is I'm only getting an error in the extension UIColor {
and the view.backgroundColor = UIColor &amp;lt; is there any fix?&lt;/p&gt;
&lt;p&gt;&lt;img src="https://i.stack.imgur.com/f2xNI.png" alt=""&gt;&lt;/p&gt;</t>
  </si>
  <si>
    <t>2016-10-28 13:26:04.203000+00:00</t>
  </si>
  <si>
    <t>2016-11-26 06:44:00.110000+00:00</t>
  </si>
  <si>
    <t>How to set the second or middle images in a UIImage array? (Swift 3)</t>
  </si>
  <si>
    <t>&lt;p&gt;I'm using an imagePicker that enables me to select 4 images and creates an array of the selected. I want to set the images of 4 empty UIImageView with those 4 images that I have selected. Using the images array: images.first, I can set the the first empty UIImageView to the first image I select. I can also set another empty UIImageView using images.last to get the fourth selected image. &lt;/p&gt;
&lt;p&gt;How do I set the image of the empty UIImageViews the second and third image I have selected?&lt;/p&gt;
&lt;p&gt;I am using "if let" checks for the first and last element of the array, but I don't know if it's possible to do "if let" checks for the second and third elements in order to prevent my application from crashing if I do not select four images.&lt;/p&gt;
&lt;pre&gt;&lt;code&gt;    func doneButtonDidPress(_ imagePicker: ImagePickerController, images: [UIImage]) {
       let images = imageAssets
       if let imageOne = images.first {
        profileImageViewOne.image = imageOne
       }
       profileImageViewTwo.image = images[1]
       profileImageViewThree.image = images[2]
       if let imageFour = images.last {
        profileImageViewFour.image = imageFour
       }       
    }
&lt;/code&gt;&lt;/pre&gt;</t>
  </si>
  <si>
    <t>2017-08-14 01:18:04.590000+00:00</t>
  </si>
  <si>
    <t>2017-08-14 15:18:29.447000+00:00</t>
  </si>
  <si>
    <t>2017-08-14 01:47:23.907000+00:00</t>
  </si>
  <si>
    <t>ios|swift|uiimage</t>
  </si>
  <si>
    <t>How do I export backlog from versionone to JIRA?</t>
  </si>
  <si>
    <t>&lt;p&gt;How do I export backlog from versionone to JIRA?&lt;/p&gt;
&lt;p&gt;do I have an excel file, or xml.&lt;/p&gt;</t>
  </si>
  <si>
    <t>2013-10-14 14:55:02.923000+00:00</t>
  </si>
  <si>
    <t>2015-05-20 15:35:20.863000+00:00</t>
  </si>
  <si>
    <t>jira|versionone</t>
  </si>
  <si>
    <t>Don't ��pen custom link from browser</t>
  </si>
  <si>
    <t>&lt;p&gt;My app can open a special link. It's great when I click to link in a mail or saved note. But I do not want see a dialog with a choice of app when i click on a link from the browser. User has chosen browser and went to my site, and it turns out that at each transition to a new page it is necessary to choose the browser again. Can I somehow disable the selection of the app, if clicked on a link in the browser?&lt;/p&gt;
&lt;p&gt;P.S. Sorry for my english.&lt;/p&gt;</t>
  </si>
  <si>
    <t>2013-08-21 05:25:21.013000+00:00</t>
  </si>
  <si>
    <t>2013-08-21 07:57:21.610000+00:00</t>
  </si>
  <si>
    <t>android|android-intent|intentfilter</t>
  </si>
  <si>
    <t>Return a variable to a script from a view web2py</t>
  </si>
  <si>
    <t>&lt;p&gt;I have a program that takes a users input in a form and assigns the user input to a variable &lt;code&gt;session.dataQuery&lt;/code&gt; to be used through the program. &lt;code&gt;session.dataQuery&lt;/code&gt; is passed to the next function &lt;code&gt;resultsDisplay()&lt;/code&gt; where it is processed and used to generate a set of results. In the corresponding view &lt;code&gt;resultsDisplay.html&lt;/code&gt;, the users results are displayed along with some alternative suggestions.&lt;/p&gt;
&lt;p&gt;I want the alternative suggestions to be clickable links that will call the &lt;code&gt;resultsDisplay&lt;/code&gt; function and change &lt;code&gt;session.dataQuery&lt;/code&gt; to the clicked value, generating new results based on the revised query. I have no idea how to change the variable this way. Would really love some help with this. Hope the question makes sense, if you need clarification I will be happy to do so.&lt;/p&gt;
&lt;pre&gt;&lt;code&gt;def index():
    #This function gets session.dataQuery
def resultsDisplay():
    #This function uses the value assigned to session.dataQuery to
    #generate a set of results
resultsDisplay.html:
    &amp;lt;!-- Displays results obtained from resultsDisplay() --&amp;gt;
    &amp;lt;ul&amp;gt;
        &amp;lt;li&amp;gt;result_1&amp;lt;/li&amp;gt;
        &amp;lt;li&amp;gt;result_2&amp;lt;/li&amp;gt;
        ...
    &amp;lt;/ul&amp;gt;
    &amp;lt;!-- Alternative suggestions here. To be clickable links to reload this page. The 
     value be sent to resultsDisplay() to become the new session.dataQuery variable and 
     be reprocessed --&amp;gt;
&lt;/code&gt;&lt;/pre&gt;</t>
  </si>
  <si>
    <t>2012-07-26 19:22:59.533000+00:00</t>
  </si>
  <si>
    <t>2012-07-27 15:39:58.507000+00:00</t>
  </si>
  <si>
    <t>python|html|web2py</t>
  </si>
  <si>
    <t>Building a dataframe on the fly</t>
  </si>
  <si>
    <t>&lt;p&gt;This is a question about how to make building a Pandas.DataFrame more elegant / succinct.
I want to create a dataframe from a list of tuples. 
I can go as usual and create it from the list after collecting all of them, for example,&lt;/p&gt;
&lt;pre&gt;&lt;code&gt;import pandas as pd
L = []
for d in mydata:
    a,b,c = food(d)
    L.append(a,b,c)
df = pd.DataFrame(data=L,columns=['A','B','C'])
&lt;/code&gt;&lt;/pre&gt;
&lt;p&gt;However, I would like instead to immediately add the rows to the dataframe, instead of keeping the intermediate list, hence using  dataframes as the sole datastructure in my code. &lt;/p&gt;
&lt;p&gt;This seems much more elegant to me; one possible way to do this is to indeed use DataFrame's append function, as suggested by @PejoPhylo:&lt;/p&gt;
&lt;pre&gt;&lt;code&gt;df = pd.DataFrame(columns=['A','B','C'])
for d in mydata:
    a,b,c = food(d)
    df.append([(a,b,c)])
&lt;/code&gt;&lt;/pre&gt;
&lt;p&gt;However, If I do this, it creates additional columns, named 1,2,3, etc.
I could also add a dictionary in each row:&lt;/p&gt;
&lt;pre&gt;&lt;code&gt;df = pd.DataFrame(columns=['A','B','C'])
for d in mydata:
    a,b,c = food(d)
    df.append([{'A':a,'B':b,'C':c)])
&lt;/code&gt;&lt;/pre&gt;
&lt;p&gt;But I would still like some way to add the data without specifying the names of the columns at each iteration.&lt;/p&gt;
&lt;p&gt;Is there a way to do this which will be as efficient as the uppermost version of the code yes not seem cumbersome?&lt;/p&gt;</t>
  </si>
  <si>
    <t>2017-10-02 13:29:46.407000+00:00</t>
  </si>
  <si>
    <t>2017-10-02 14:19:49.343000+00:00</t>
  </si>
  <si>
    <t>python|dataframe</t>
  </si>
  <si>
    <t>DOMDocument XPath Query to get class name and tag values</t>
  </si>
  <si>
    <t>&lt;p&gt;I have this sample code that will extract the values of each tags.
And aside from that get the class name of that tag..&lt;/p&gt;
&lt;pre&gt;&lt;code&gt;&amp;lt;?php
$doc = new DOMDocument;
$doc-&amp;gt;loadxml( &amp;lt;&amp;lt;&amp;lt; eox
&amp;lt;tr class="calendar_row" data-eventid="42023"&amp;gt;
    &amp;lt;td class="date"/&amp;gt;
    &amp;lt;td class="time"&amp;gt;All Day&amp;lt;/td&amp;gt;
    &amp;lt;td class="currency"&amp;gt;CAD&amp;lt;/td&amp;gt;
    &amp;lt;td class="impact"&amp;gt;
        &amp;lt;span title="Non-Economic" class="holiday"/&amp;gt;
    &amp;lt;/td&amp;gt;
    &amp;lt;td class="event"&amp;gt;
        &amp;lt;span&amp;gt;Bank Holiday&amp;lt;/span&amp;gt;
    &amp;lt;/td&amp;gt;
    &amp;lt;td class="detail"&amp;gt;
        &amp;lt;a class="calendar_detail level1" data-level="1" title="Open Detail"/&amp;gt;
    &amp;lt;/td&amp;gt;
    &amp;lt;td class="actual"/&amp;gt;
    &amp;lt;td class="forecast"/&amp;gt;
    &amp;lt;td class="previous"/&amp;gt;
    &amp;lt;td class="graph"/&amp;gt;
&amp;lt;/tr&amp;gt;
eox
);
$xpath = new DOMXPath($doc);
foreach( $xpath-&amp;gt;query('//tr[@data-eventid="42023"]/td[@class]') as $n ) {
    echo $n-&amp;gt;nodeName.'-'.$n-&amp;gt;nodeValue."&amp;lt;br /&amp;gt;";
}
?&amp;gt;
&lt;/code&gt;&lt;/pre&gt;
&lt;p&gt;using the snippet above, all i want is to get those values even if some tags arent well formatted (im scrapping a web source).. How can i do this in DOMDocument XPath Query. I am having trouble 'cause the values being fetch are:&lt;/p&gt;
&lt;pre&gt;&lt;code&gt;td-
td-All Day
td-CAD
td- 
td-Bank Holiday 
td- 
td-
td-
td-
td-
&lt;/code&gt;&lt;/pre&gt;
&lt;p&gt;instead of:&lt;/p&gt;
&lt;pre&gt;&lt;code&gt;date-
time-All Day
currency-CAD
impact- 
event-Bank Holiday 
detail- 
actual-
forecast-
previous-
graph-
&lt;/code&gt;&lt;/pre&gt;</t>
  </si>
  <si>
    <t>2012-12-26 03:57:53.160000+00:00</t>
  </si>
  <si>
    <t>2012-12-26 04:07:18.353000+00:00</t>
  </si>
  <si>
    <t>php|xpath|domdocument|xpathquery</t>
  </si>
  <si>
    <t>How to remove jQuery [object Object] message</t>
  </si>
  <si>
    <t>&lt;p&gt;I created a java variable called 'html' in which I add a div with anchor inside using jQuery which I use for a revel modal popup. When I launch the site the modal works fine but I get this [object Object] message next to it and I don't really know why. Is there a way to remove it or do I need to modidy the code? You can find an example here &lt;a href="http://www.dogeglobal.com/page2.html" rel="nofollow"&gt;Website Example&lt;/a&gt; by clicking on any marker. I am using ajax jquery 1.8.0.&lt;/p&gt;
&lt;pre&gt;&lt;code&gt;        html = '&amp;lt;div id="infoWindow"&amp;gt;';
        if (paddimg) {var html = html + '&amp;lt;a class="infoa" data-reveal-id="modal2" href="#" data-animation="fade"&amp;gt;&amp;lt;/a&amp;gt;'};
        if (paddimg) {var div = $('&amp;lt;div id="modal2" class="modal"&amp;gt;&amp;lt;p&amp;gt;Public address: '+padd+'&amp;lt;/p&amp;gt;&amp;lt;br/&amp;gt;&amp;lt;img width="200px" src="'+paddimg+'"&amp;gt;&amp;lt;a class="close-reveal-modal"&amp;gt;&amp;amp;#215;&amp;lt;/a&amp;gt;&amp;lt;/div&amp;gt;')};
        $('body').append(div);                      
        if (paddimg) {var html = html + div};
        var html = html + '&amp;lt;\/div&amp;gt;'; 
&lt;/code&gt;&lt;/pre&gt;</t>
  </si>
  <si>
    <t>2014-06-12 07:05:14.410000+00:00</t>
  </si>
  <si>
    <t>2014-06-12 21:43:44.207000+00:00</t>
  </si>
  <si>
    <t>javascript|jquery|ajax|string|object</t>
  </si>
  <si>
    <t>Applying NSLayoutConstraints to a UIView subclass</t>
  </si>
  <si>
    <t>&lt;p&gt;I've tried using AutoLayout constraints in IB before and I understand how they work and that they need to be unambiguous etc...&lt;/p&gt;
&lt;p&gt;But when you have more than a couple of views it gets a bit complicated and tends to break.&lt;/p&gt;
&lt;p&gt;So, I've just read a blog about a guy having the same problem and using ASCII code to create the constraints instead.&lt;/p&gt;
&lt;p&gt;I have a UITableView with a custom UITableViewCell that has a dynamic size based on the amount of content. A perfect candidate for auto layout.&lt;/p&gt;
&lt;p&gt;So, I've tried several ways of doing it and now I've cut down the content so that there's only a single label in the cell.&lt;/p&gt;
&lt;p&gt;What I would like if for the label to fill the cell with a border around it.&lt;/p&gt;
&lt;p&gt;i.e. standard size points in from each edge of the cell.&lt;/p&gt;
&lt;p&gt;I've done it like this...&lt;/p&gt;
&lt;pre&gt;&lt;code&gt;- (id)initWithStyle:(UITableViewCellStyle)style reuseIdentifier:(NSString *)reuseIdentifier
{
    self = [super initWithStyle:style reuseIdentifier:reuseIdentifier];
    if (self) {
        _label = [[UILabel alloc] initWithFrame:CGRectMake(0, 0, 10, 10)];
        _label.textColor = [UIColor colorWithWhite:0.53 alpha:1.0];
        _label.backgroundColor = [UIColor yellowColor];
        [self addSubview:_label];
        NSDictionary *views = NSDictionaryOfVariableBindings(_label);
        [self addConstraints:[NSLayoutConstraint constraintsWithVisualFormat:@"V:|-[_label]-|"
                                                                     options:0
                                                                     metrics:nil
                                                                       views:views]];
        [self addConstraints:[NSLayoutConstraint constraintsWithVisualFormat:@"|-[_label]-|"
                                                                     options:0
                                                                     metrics:nil
                                                                       views:views]];
        self.backgroundView = [[UIView alloc] initWithFrame:CGRectZero];
        self.backgroundColor = [UIColor clearColor];
    }
    return self;
}
&lt;/code&gt;&lt;/pre&gt;
&lt;p&gt;But when the cell is displayed the label is in the top left hand corner exactly like the CGRect I used to init it and I get this load of errors about the constraints...&lt;/p&gt;
&lt;pre&gt;&lt;code&gt;Unable to simultaneously satisfy constraints.
    Probably at least one of the constraints in the following list is one you don't want. Try this: (1) look at each constraint and try to figure out which you don't expect; (2) find the code that added the unwanted constraint or constraints and fix it. (Note: If you're seeing NSAutoresizingMaskLayoutConstraints that you don't understand, refer to the documentation for the UIView property translatesAutoresizingMaskIntoConstraints) 
(
    "&amp;lt;NSAutoresizingMaskLayoutConstraint:0x1f859e40 h=--&amp;amp; v=--&amp;amp; UILabel:0x1f864a00.midX == + 5&amp;gt;",
    "&amp;lt;NSLayoutConstraint:0x1f86a4f0 H:|-(NSSpace(20))-[UILabel:0x1f864a00]   (Names: '|':MyCell:0x1f857740 )&amp;gt;"
)
Will attempt to recover by breaking constraint 
&amp;lt;NSLayoutConstraint:0x1f86a4f0 H:|-(NSSpace(20))-[UILabel:0x1f864a00]   (Names: '|':MyCell:0x1f857740 )&amp;gt;
Break on objc_exception_throw to catch this in the debugger.
The methods in the UIConstraintBasedLayoutDebugging category on UIView listed in &amp;lt;UIKit/UIView.h&amp;gt; may also be helpful.
2013-03-07 11:56:14.841 unasys[13082:907] Unable to simultaneously satisfy constraints.
    Probably at least one of the constraints in the following list is one you don't want. Try this: (1) look at each constraint and try to figure out which you don't expect; (2) find the code that added the unwanted constraint or constraints and fix it. (Note: If you're seeing NSAutoresizingMaskLayoutConstraints that you don't understand, refer to the documentation for the UIView property translatesAutoresizingMaskIntoConstraints) 
(
    "&amp;lt;NSLayoutConstraint:0x1f85f7b0 V:|-(NSSpace(20))-[UILabel:0x1f864a00]   (Names: '|':MyCell:0x1f857740 )&amp;gt;",
    "&amp;lt;NSAutoresizingMaskLayoutConstraint:0x1f859ec0 h=--&amp;amp; v=--&amp;amp; UILabel:0x1f864a00.midY == + 5&amp;gt;"
)
Will attempt to recover by breaking constraint 
&amp;lt;NSLayoutConstraint:0x1f85f7b0 V:|-(NSSpace(20))-[UILabel:0x1f864a00]   (Names: '|':MyCell:0x1f857740 )&amp;gt;
Break on objc_exception_throw to catch this in the debugger.
The methods in the UIConstraintBasedLayoutDebugging category on UIView listed in &amp;lt;UIKit/UIView.h&amp;gt; may also be helpful.
2013-03-07 11:56:14.854 unasys[13082:907] Unable to simultaneously satisfy constraints.
    Probably at least one of the constraints in the following list is one you don't want. Try this: (1) look at each constraint and try to figure out which you don't expect; (2) find the code that added the unwanted constraint or constraints and fix it. (Note: If you're seeing NSAutoresizingMaskLayoutConstraints that you don't understand, refer to the documentation for the UIView property translatesAutoresizingMaskIntoConstraints) 
(
    "&amp;lt;NSLayoutConstraint:0x1f86a540 H:[UILabel:0x1f864a00]-(NSSpace(20))-|   (Names: '|':MyCell:0x1f857740 )&amp;gt;",
    "&amp;lt;NSAutoresizingMaskLayoutConstraint:0x1f859e40 h=--&amp;amp; v=--&amp;amp; UILabel:0x1f864a00.midX == + 5&amp;gt;",
    "&amp;lt;NSAutoresizingMaskLayoutConstraint:0x1f859e80 h=--&amp;amp; v=--&amp;amp; H:[UILabel:0x1f864a00(10)]&amp;gt;",
    "&amp;lt;NSAutoresizingMaskLayoutConstraint:0x1ed8e150 h=--&amp;amp; v=--&amp;amp; H:[MyCell:0x1f857740(320)]&amp;gt;"
)
Will attempt to recover by breaking constraint 
&amp;lt;NSLayoutConstraint:0x1f86a540 H:[UILabel:0x1f864a00]-(NSSpace(20))-|   (Names: '|':MyCell:0x1f857740 )&amp;gt;
Break on objc_exception_throw to catch this in the debugger.
The methods in the UIConstraintBasedLayoutDebugging category on UIView listed in &amp;lt;UIKit/UIView.h&amp;gt; may also be helpful.
2013-03-07 11:56:14.858 unasys[13082:907] Unable to simultaneously satisfy constraints.
    Probably at least one of the constraints in the following list is one you don't want. Try this: (1) look at each constraint and try to figure out which you don't expect; (2) find the code that added the unwanted constraint or constraints and fix it. (Note: If you're seeing NSAutoresizingMaskLayoutConstraints that you don't understand, refer to the documentation for the UIView property translatesAutoresizingMaskIntoConstraints) 
(
    "&amp;lt;NSAutoresizingMaskLayoutConstraint:0x1eda7260 h=--&amp;amp; v=--&amp;amp; V:[MyCell:0x1f857740(143)]&amp;gt;",
    "&amp;lt;NSAutoresizingMaskLayoutConstraint:0x1f859f00 h=--&amp;amp; v=--&amp;amp; V:[UILabel:0x1f864a00(10)]&amp;gt;",
    "&amp;lt;NSLayoutConstraint:0x1f85f870 V:[UILabel:0x1f864a00]-(NSSpace(20))-|   (Names: '|':MyCell:0x1f857740 )&amp;gt;",
    "&amp;lt;NSAutoresizingMaskLayoutConstraint:0x1f859ec0 h=--&amp;amp; v=--&amp;amp; UILabel:0x1f864a00.midY == + 5&amp;gt;"
)
Will attempt to recover by breaking constraint 
&amp;lt;NSLayoutConstraint:0x1f85f870 V:[UILabel:0x1f864a00]-(NSSpace(20))-|   (Names: '|':MyCell:0x1f857740 )&amp;gt;
&lt;/code&gt;&lt;/pre&gt;
&lt;p&gt;and I've got no idea where to start with debugging this. The constraints are absolutely minimal but still it completely fails.&lt;/p&gt;
&lt;p&gt;Can someone point me in the right direction of how to get this constraint to work?&lt;/p&gt;</t>
  </si>
  <si>
    <t>2013-03-07 12:09:16.477000+00:00</t>
  </si>
  <si>
    <t>2013-09-17 17:29:44.913000+00:00</t>
  </si>
  <si>
    <t>iphone|ios|autolayout|nslayoutconstraint</t>
  </si>
  <si>
    <t>Insert Average into table from select query</t>
  </si>
  <si>
    <t>&lt;p&gt;I'm trying to insert to my table an average of my select query but I am encountering an error&lt;/p&gt;
&lt;p&gt;Here is my query:&lt;/p&gt;
&lt;pre&gt;&lt;code&gt;INSERT INTO tbl_average(student_id, first_avg) VALUES 
('100', AVG(SELECT fir_grad FROM tbl_grade 
            WHERE student_id='100' AND school_year='2015-2016'))
&lt;/code&gt;&lt;/pre&gt;
&lt;p&gt;pls help&lt;/p&gt;</t>
  </si>
  <si>
    <t>2016-04-04 14:49:45.250000+00:00</t>
  </si>
  <si>
    <t>2016-04-04 15:01:46.463000+00:00</t>
  </si>
  <si>
    <t>2016-04-04 14:53:08.393000+00:00</t>
  </si>
  <si>
    <t>Write Json to server endpoint</t>
  </si>
  <si>
    <t>&lt;p&gt;I have an Ubuntu server instance running in Amazon EC2.&lt;br&gt;
I want to write json to an endpoint in that url, for instance "&lt;a href="http://myurl/myendpoint" rel="nofollow noreferrer"&gt;http://myurl/myendpoint&lt;/a&gt;".&lt;br&gt;
How do I create this endpoint and how do I write json to it with C#?&lt;/p&gt;</t>
  </si>
  <si>
    <t>2017-06-05 20:08:31.863000+00:00</t>
  </si>
  <si>
    <t>2017-06-05 21:05:12.413000+00:00</t>
  </si>
  <si>
    <t>c#|json|amazon-ec2|json.net|endpoint</t>
  </si>
  <si>
    <t>Why is sizeof giving wrong answer</t>
  </si>
  <si>
    <t>&lt;p&gt;ok I've come across a weirdness, maybe someone can explain it. 
Source code is (c++ 11) :&lt;/p&gt;
&lt;pre&gt;&lt;code&gt;���#���include��� &amp;lt;stdio.h&amp;gt;
struct xyz_ {
    float xyz[3];
    float &amp;amp;x = xyz[0];
    float &amp;amp;y = xyz[1];
    float &amp;amp;z = xyz[2];
};
int main(int argc, char *argv[])
{
    xyz_ xyz;
    xyz.x = 0;
    xyz.y = 1;
    xyz.z = 2;
    xyz.xyz[1] = 1;
    printf("as array %f %f %f\n",xyz.xyz[0],xyz.xyz[1],xyz.xyz[2]);
    printf("as elements %f %f %f\n",xyz.x,xyz.y,xyz.z);
    int sizexyz = sizeof(xyz);
    int sizefloat = sizeof(float);
    printf("float is %d big, but xyz is %d big\n",sizefloat,sizexyz);
    return 0;
}
&lt;/code&gt;&lt;/pre&gt;
&lt;p&gt;output is: &lt;/p&gt;
&lt;pre&gt;&lt;code&gt;as array 0.000000 1.000000 2.000000
as elements 0.000000 1.000000 2.000000
float is 4 big, but xyz is 24 big
&lt;/code&gt;&lt;/pre&gt;
&lt;p&gt;So the structure works as I would expect, but the size is twice as large as it should be. Using chars instead of float in the structure gives a segfault when run. 
I wanted to use struct xyz_ as either an array of floats or individual float elements.&lt;/p&gt;</t>
  </si>
  <si>
    <t>2016-01-09 07:03:21.527000+00:00</t>
  </si>
  <si>
    <t>2016-01-09 17:40:19.850000+00:00</t>
  </si>
  <si>
    <t>c++11</t>
  </si>
  <si>
    <t>Control embedded Imeem and Youtube players with Javascript</t>
  </si>
  <si>
    <t>&lt;p&gt;On &lt;a href="http://songza.fm/~i7nolb" rel="nofollow noreferrer"&gt;Songza&lt;/a&gt; you can pause / resume a song by pressing &lt;strong&gt;Spacebar&lt;/strong&gt;.&lt;/p&gt;
&lt;p&gt;How do they accomplish this? I guess these embedded players expose some kind of Javascript API? If they do, where is it documented?&lt;/p&gt;</t>
  </si>
  <si>
    <t>2009-09-21 19:58:16.597000+00:00</t>
  </si>
  <si>
    <t>2009-10-31 17:19:12.023000+00:00</t>
  </si>
  <si>
    <t>javascript|jquery|api|flash</t>
  </si>
  <si>
    <t>Contacts ContentObserver called randomly</t>
  </si>
  <si>
    <t>&lt;p&gt;i am using a ContentObserver to listen for changes in the contacts database. now i realized that the onChange() method gets randomly called, even if i have not made any changes to the contacts. i suspect this is somehow related to the automatic contact syncing (even though there are no real changes to the contacts at this point).&lt;/p&gt;
&lt;p&gt;is there a possibility to get notified only if there are real changes in the contacts, made by the user?&lt;/p&gt;
&lt;p&gt;thx simon&lt;/p&gt;
&lt;pre&gt;&lt;code&gt;public class ContactsObserver extends ContentObserver {
private final static String TAG = ContactsObserver.class.getSimpleName();
private Context ctx;
private List&amp;lt;ContactsChangeListener&amp;gt; listeners = new ArrayList&amp;lt;ContactsChangeListener&amp;gt;();
private ContactsObserver(Context ctx) {
    super(new Handler());
    this.ctx = ctx.getApplicationContext();
    ctx.getContentResolver()
        .registerContentObserver(
                ContactsContract.Contacts.CONTENT_URI,  // uri
                false,                                  // notifyForDescendents
                this);                                  // observer
}
@Override
public void onChange(boolean selfChange) {
    Log.i(TAG, "Contacs change");
    for(ContactsChangeListener l : listeners){
        l.onContactsChange();
    }
}
@Override
public boolean deliverSelfNotifications() {
    return false; // set to true does not change anything...
}
public static ContactsObserver register(Context ctx){
    Log.d(TAG, "register");
    return new ContactsObserver(ctx);
}
public void unregister(){
    Log.d(TAG, "unregister");
    ctx.getContentResolver().unregisterContentObserver(this);
}
public void addContactsChangeListener(ContactsChangeListener l){
    listeners.add(l);
}
public interface ContactsChangeListener{
    void onContactsChange();
}
}
&lt;/code&gt;&lt;/pre&gt;</t>
  </si>
  <si>
    <t>2011-12-09 22:02:02.410000+00:00</t>
  </si>
  <si>
    <t>2014-07-04 10:49:50.293000+00:00</t>
  </si>
  <si>
    <t>android|contacts|contentobserver</t>
  </si>
  <si>
    <t>Feathers Social Login Oauth Authentication I���m getting an error on facebook login ���This authorization code has been used���, google ���invalid_grant���</t>
  </si>
  <si>
    <t>&lt;h3&gt;Steps to reproduce&lt;/h3&gt;
&lt;p&gt;&lt;a href="https://blog.feathersjs.com/how-to-setup-oauth-flow-with-featherjs-522bdecb10a8" rel="nofollow noreferrer"&gt;https://blog.feathersjs.com/how-to-setup-oauth-flow-with-featherjs-522bdecb10a8&lt;/a&gt;
Hi! 
I���m getting an error on facebook login ���This authorization code has been used���, google ���invalid_grant���&lt;/p&gt;
&lt;p&gt;any clues? I���m running server on localhost:3030 client on localhost:3000&lt;/p&gt;
&lt;h3&gt;Expected behavior&lt;/h3&gt;
&lt;p&gt;after clicking my account on redirected google/facebook signin page it should redirect to localhost:3000 with authentication. &lt;/p&gt;
&lt;h3&gt;Actual behavior&lt;/h3&gt;
&lt;p&gt;after clicking my account on redirected google/facebook signin page it just waits for long and returns wrong response. &lt;/p&gt;
&lt;h3&gt;System configuration&lt;/h3&gt;
&lt;p&gt;&lt;strong&gt;Module versions&lt;/strong&gt; (especially the part that's not working):
    "@feathersjs/authentication": "^2.0.1",
    "@feathersjs/authentication-jwt": "^2.0.0",
    "@feathersjs/authentication-local": "^1.0.2",
    "@feathersjs/authentication-oauth2": "^1.2.2",
    "@feathersjs/configuration": "^1.0.1",
    "@feathersjs/errors": "^3.2.0",
    "@feathersjs/express": "^1.1.2",
    "@feathersjs/feathers": "^3.0.2",
    "@feathersjs/socketio": "^3.0.1",
    "compression": "^1.7.1",
    "cors": "^2.8.4",
    "feathers-mongoose": "^6.1.4",
    "feathers-sync": "^1.0.3",
    "helmet": "^3.9.0",
    "mongoose": "^5.2.13",
    "passport-facebook": "^2.1.1",
    "passport-google-oauth2": "^0.1.6",
    "serve-favicon": "^2.4.5",
    "winston": "^3.0.0"&lt;/p&gt;
&lt;p&gt;&lt;strong&gt;NodeJS version&lt;/strong&gt;:  v9.11.1&lt;/p&gt;
&lt;p&gt;&lt;strong&gt;Operating System&lt;/strong&gt;: mac os&lt;/p&gt;
&lt;p&gt;&lt;strong&gt;Browser Version&lt;/strong&gt;: chrome&lt;/p&gt;
&lt;p&gt;&lt;strong&gt;React Native Version&lt;/strong&gt;: &lt;/p&gt;
&lt;p&gt;&lt;strong&gt;Module Loader&lt;/strong&gt;:&lt;/p&gt;</t>
  </si>
  <si>
    <t>2018-09-14 10:28:56.607000+00:00</t>
  </si>
  <si>
    <t>oauth-2.0|passport.js|feathersjs|passport-google-oauth|feathers-authentication</t>
  </si>
  <si>
    <t>pyspark: Explode struct into columns</t>
  </si>
  <si>
    <t>&lt;p&gt;I have created an udf that returns a StructType which is not nested. Simply a and array of mixed types (int, float) with field names. I want to explode /split them into separate columns. Note that this will create roughly 50 new columns. Through googling I found this solution:&lt;/p&gt;
&lt;pre&gt;&lt;code&gt;df_split = df.select('ID', 'my_struct.*')
&lt;/code&gt;&lt;/pre&gt;
&lt;p&gt;This works. However performance is absolutely terrible, eg. unusable. Checking on the cluster nodes this also uses only 1 core. But this only explains a small part of the issue.&lt;/p&gt;
&lt;p&gt;So what would be a good way to achieve my goal and why is above solution so slow?&lt;/p&gt;
&lt;p&gt;EDIT:&lt;/p&gt;
&lt;p&gt;it seems to be the specific combination of the udf and the splitting that results in the poor performance. This is slow:&lt;/p&gt;
&lt;pre&gt;&lt;code&gt;df_udf = df.withColumn('udf', my_udf(df.input))
df_exploded = df_udf.select('input', 'udf.*')
df_exploded.show(5)
&lt;/code&gt;&lt;/pre&gt;
&lt;p&gt;This is fast:&lt;/p&gt;
&lt;pre&gt;&lt;code&gt;df_udf = df.withColumn('udf', my_udf(df.input))
df_udf.cache()
df_exploded = df_udf.select('input', 'udf.*')
df_exploded.show(5)
&lt;/code&gt;&lt;/pre&gt;</t>
  </si>
  <si>
    <t>2018-05-25 10:30:34.853000+00:00</t>
  </si>
  <si>
    <t>2018-05-25 11:21:04.990000+00:00</t>
  </si>
  <si>
    <t>pyspark|user-defined-functions</t>
  </si>
  <si>
    <t>How to output different images depend on user screen?</t>
  </si>
  <si>
    <t>&lt;p&gt;For example if I have two sets of images for my website, one set is low resolution, 
another set is high resolution, I to show the low res to the screen size like 1280 width users, and the others are high res images, how can I do that?
Using javascript? or any other method ? possible to define in css or html?&lt;/p&gt;</t>
  </si>
  <si>
    <t>2012-12-08 10:14:59.543000+00:00</t>
  </si>
  <si>
    <t>2012-12-08 10:47:28.480000+00:00</t>
  </si>
  <si>
    <t>iOS: Manual Retain Release on iOS development</t>
  </si>
  <si>
    <t>&lt;p&gt;I am working with the project where i am doing manual retain and release. I have come across one of many tutorials related to this on the following link.&lt;/p&gt;
&lt;p&gt;&lt;a href="http://www.drdobbs.com/mobile/automatic-reference-counting-on-ios/240000820" rel="nofollow"&gt;http://www.drdobbs.com/mobile/automatic-reference-counting-on-ios/240000820&lt;/a&gt;&lt;/p&gt;
&lt;p&gt;I am little confused from the above link. Under 'Managing by Messaging' title, they mentioned if i use 'alloc/init' it increases the ref. count to '1', if I again 'retain' it, it again increases and becomes '2' and again use 'retain', becomes now '3', but they are &lt;strong&gt;NOT&lt;/strong&gt; 'releasing' three times to completely free this memory, instead they are freeing only two times. How this is possible? I'm little confused after seeing this.&lt;/p&gt;</t>
  </si>
  <si>
    <t>2012-10-09 12:23:11.753000+00:00</t>
  </si>
  <si>
    <t>2012-10-09 12:27:29.497000+00:00</t>
  </si>
  <si>
    <t>Nested UIStackViews in UITableViewCell, slows down the scrolling, reduce performance. How do I improve performance?</t>
  </si>
  <si>
    <t>&lt;p&gt;I am using nested &lt;code&gt;UIStackViews&lt;/code&gt; in my &lt;code&gt;UITableViewCell&lt;/code&gt;. However, when I scroll it is very slow and affects the performance greatly. Is there any way that I can improve performance of nested &lt;code&gt;UIStackViews&lt;/code&gt; in &lt;code&gt;UITableViewCell&lt;/code&gt;?&lt;/p&gt;
&lt;p&gt;This is how I add my stacks to my &lt;code&gt;UITableViewCell&lt;/code&gt;:&lt;/p&gt;
&lt;pre&gt;&lt;code&gt;    let verticalStack = UIStackView()
    verticalStack.axis = .Vertical
    for i in 0..&amp;lt;json["Rows"].arrayValue.count{
        let horizontalStack = UIStackView()
        horizontalStack.axis = .Horizontal
        for j in 0..&amp;lt;json["Rows"][i]["Column"].arrayValue.count{
            let label = UILabel()
            label.text = "Test"
            horizontalStack.addArrangedSubview(label)
        }
        verticalStack.addArrangedSubview(horizontalStack)
    }
    cell.addSubview(verticalStack)
&lt;/code&gt;&lt;/pre&gt;</t>
  </si>
  <si>
    <t>2016-08-03 12:02:47.127000+00:00</t>
  </si>
  <si>
    <t>2017-01-02 12:49:23.460000+00:00</t>
  </si>
  <si>
    <t>2016-08-03 14:06:26.357000+00:00</t>
  </si>
  <si>
    <t>ios|swift|uitableview|uistackview</t>
  </si>
  <si>
    <t>Getting a call hierarchy for Java methods including other projects in a repository</t>
  </si>
  <si>
    <t>&lt;p&gt;I have an Eclipse workspace with about ten projects, all of them checked out from a CVS repository that easily contains a hundred projects more.
I can now highlight a method and bring up a call hierarchy (usually with CTRL-ALT-H) showing all classes in my workspace that call this method.&lt;/p&gt;
&lt;p&gt;Is there a possibility to get a call hierarchy that checks not only my workspace projects, but also the resources from my repository? I'd like to kick out some legacy methods and I want to make sure that none of our projects still depend on them.&lt;/p&gt;
&lt;p&gt;BTW, non Eclipse solutions are also welcome of course.&lt;/p&gt;</t>
  </si>
  <si>
    <t>2014-07-05 07:56:43.533000+00:00</t>
  </si>
  <si>
    <t>2014-07-09 14:32:04.643000+00:00</t>
  </si>
  <si>
    <t>java|refactoring</t>
  </si>
  <si>
    <t>Does Microsoft Holographic C++ SDK support Oculus and Vive vr devices?</t>
  </si>
  <si>
    <t>&lt;p&gt;I'm looking for one reliable SDK for develop my C++ VR application for all popular devices (mainly: Oculus and Vive).
Can I use Microsoft Holographic C++ SDK to support Oculus or Vive devices?&lt;/p&gt;</t>
  </si>
  <si>
    <t>2018-03-21 11:23:55.167000+00:00</t>
  </si>
  <si>
    <t>windows|sdk|virtual-reality|hololens</t>
  </si>
  <si>
    <t>Google Charts dashboard - hide columns</t>
  </si>
  <si>
    <t>&lt;p&gt;I use google charts dashboard in order to display a line chart and I would like to control the  displayed elements in run-time.
for example:&lt;/p&gt;
&lt;pre&gt;&lt;code&gt;function drawVisualization() {
// Create and populate the data table.
var data = google.visualization.arrayToDataTable([
    ['x', 'Cats', 'Blanket 1', 'Blanket 2'],
    ['A',   1,       1,           0.5     ],
    ['B',   2,       0.5,         1       ],
    ['C',   4,       1,           0.5     ],
    ['D',   8,       0.5,         1       ],
    ['E',   7,       1,           0.5     ],
    ['F',   7,       0.5,         1       ],
    ['G',   8,       1,           0.5     ],
    ['H',   4,       0.5,         1       ],
    ['I',   2,       1,           0.5     ],
    ['J',   3.5,     0.5,         1       ],
    ['K',   3,       1,           0.5     ],
    ['L',   3.5,     0.5,         1       ],
    ['M',   1,       1,           0.5     ],
    ['N',   1,       0.5,         1       ]
]);
// Create and draw the visualization.
new google.visualization.LineChart(document.getElementById('visualization')).
  draw(data, {curveType: "function",
              width: 500, height: 400,
              vAxis: {maxValue: 10}}
      );
}
&lt;/code&gt;&lt;/pre&gt;
&lt;p&gt;I would like to control the visibility of &lt;code&gt;Cats&lt;/code&gt;, &lt;code&gt;Blanket 1&lt;/code&gt; and &lt;code&gt;Blanket 2&lt;/code&gt; in a similar way to how it is being done in &lt;a href="http://jsfiddle.net/fcqeA/1/" rel="nofollow"&gt;this Google Charts category filter example&lt;/a&gt;.&lt;/p&gt;</t>
  </si>
  <si>
    <t>2012-11-22 15:53:46.497000+00:00</t>
  </si>
  <si>
    <t>2016-02-27 20:54:25.040000+00:00</t>
  </si>
  <si>
    <t>javascript|google-visualization</t>
  </si>
  <si>
    <t>Why my website mp3 player does not work?</t>
  </si>
  <si>
    <t>&lt;p&gt;Hi I have a problem with my music song website. I'm uploading a mp3 song from my computer and want to play it on my websites. But don't know why the mp3 file name doest not appear in the player src attribut.&lt;/p&gt;
&lt;p&gt;Can someone able to help me out ?&lt;/p&gt;
&lt;pre&gt;&lt;code&gt;&amp;lt;body&amp;gt;
&amp;lt;div id="main_container"&amp;gt;
&amp;lt;form method="post" action='exercice.php' id="form1"&amp;gt;
&amp;lt;input type="file" name="files" id="files" onChange="submitForm();"&amp;gt;            
&amp;lt;/form&amp;gt;
&amp;lt;?php
if (isset($_FILES['files'])){
move_uploaded_file($_FILES['files']['tmp_name'], "uploaded/");
}
$src = isset($_FILES['files']['name'])?$_POST['files']['name']:'';  
?&amp;gt;      
&amp;lt;object id="MediaPlayer1" width="800" height="500" classid="CLSID:22D6F312-B0F6-11D0-94AB-0080C74C7E95"           codebase="http://activex.microsoft.com/activex/controls/mplayer/en/nsmp2inf.cab#Version=5,1,52,701"
        standby="Loading Microsoft�� Windows�� Media Player components..." type="application/x-oleobject"&amp;gt;
        &amp;lt;param id="fileName" name="FileName" value='uploaded/&amp;lt;?php echo $src; ?&amp;gt;' /&amp;gt;
        &amp;lt;param name="AutoStart" value="false" /&amp;gt;
        &amp;lt;param name="DefaultFrame" value="mainFrame" /&amp;gt;
        &amp;lt;param name="ShowStatusBar" value="0" /&amp;gt;
        &amp;lt;param name="ShowPositionControls" value="0" /&amp;gt;
        &amp;lt;param name="showcontrols" value="0" /&amp;gt;
        &amp;lt;param name="ShowAudioControls" value="0" /&amp;gt;
        &amp;lt;param name="ShowTracker" value="0" /&amp;gt;
        &amp;lt;param name="EnablePositionControls" value="0" /&amp;gt;
        &amp;lt;!-- BEGIN PLUG-IN HTML FOR FIREFOX--&amp;gt;
        &amp;lt;embed  type="application/x-mplayer2" pluginspage="http://www.microsoft.com/Windows/MediaPlayer/"
            src='uploaded/&amp;lt;?php echo $src; ?&amp;gt;' align="middle" width="800" height="500" defaultframe="rightFrame"
             id="MediaPlayer2" /&amp;gt;
        &amp;lt;/object&amp;gt;
&amp;lt;/div&amp;gt;
&amp;lt;/body&amp;gt;
&amp;lt;/html&amp;gt;
&lt;/code&gt;&lt;/pre&gt;</t>
  </si>
  <si>
    <t>2013-06-17 02:30:55.587000+00:00</t>
  </si>
  <si>
    <t>php|html</t>
  </si>
  <si>
    <t>Difference between CultureInfo.CreateSpecificCulture() and the constructor of the class?</t>
  </si>
  <si>
    <t>&lt;p&gt;The class &lt;code&gt;CultureInfo&lt;/code&gt; provides two way of creation:&lt;/p&gt;
&lt;ul&gt;
&lt;li&gt;via a &lt;a href="http://msdn.microsoft.com/en-us/library/system.globalization.cultureinfo.createspecificculture%28v=vs.90%29.aspx" rel="nofollow noreferrer"&gt;factory method CreateSpecificCulture(string)&lt;/a&gt;.&lt;/li&gt;
&lt;li&gt;via a &lt;a href="http://msdn.microsoft.com/en-us/library/ky2chs3h%28v=vs.90%29.aspx" rel="nofollow noreferrer"&gt;constructor with a string argument&lt;/a&gt;&lt;/li&gt;
&lt;/ul&gt;
&lt;p&gt;The MSDN documentation does slightly differ for the two, mentioning some "Windows culture" for the constructor. But does that really matter?&lt;/p&gt;
&lt;p&gt;&lt;strong&gt;Should I prefer one of the two over the other?&lt;/strong&gt;&lt;/p&gt;
&lt;p&gt;Note: I am using .NET version 3.5 if that matters, and I want to use it like this:&lt;/p&gt;
&lt;pre&gt;&lt;code&gt;Thread.CurrentThread.CurrentCulture = CultureInfo.CreateSpecificCulture(culture);
Thread.CurrentThread.CurrentUICulture = new CultureInfo(culture);
&lt;/code&gt;&lt;/pre&gt;
&lt;p&gt;as &lt;a href="https://stackoverflow.com/a/1138995/79485"&gt;described in this answer.&lt;/a&gt;&lt;/p&gt;</t>
  </si>
  <si>
    <t>2012-08-30 09:35:02.613000+00:00</t>
  </si>
  <si>
    <t>2018-09-17 21:49:51.493000+00:00</t>
  </si>
  <si>
    <t>2017-05-23 12:17:34.590000+00:00</t>
  </si>
  <si>
    <t>c#|.net-3.5|globalization|cultureinfo</t>
  </si>
  <si>
    <t>Emberjs: Accessing parent route model which is a Promise (master-detail)</t>
  </si>
  <si>
    <t>&lt;p&gt;&lt;img src="https://i.stack.imgur.com/AW6G9.png" alt="enter image description here"&gt;&lt;/p&gt;
&lt;p&gt;I've got master-detail page layout as on image. I access this page through &lt;code&gt;#/masters/:master_id&lt;/code&gt; app url.&lt;/p&gt;
&lt;p&gt;Routes a defined as follows:&lt;/p&gt;
&lt;pre&gt;&lt;code&gt;App.Router.map(function() {
  this.resource('masters', { path: '/masters' }, function() {
       this.route('detail', { path: '/:master_id' });
  });
});
App.MastersRoute = Ember.Route.extend({
   model: function() {
       return App.DataStore.getData('/api/masters'); //returns Promise!
   },
   setupController: function(controller, model) {
      controller.set("content", model);
   }
});
App.MastersDetailRoute = Ember.Route.extend({
   model: function(params) {
      return this.modelFor("masters").find(function(item) {
          return item.get("id") == params.master_id;
      });
   }
});
&lt;/code&gt;&lt;/pre&gt;
&lt;p&gt;Templates:&lt;/p&gt;
&lt;pre&gt;&lt;code&gt;&amp;lt;script type="text/x-handlebars-template" data-template-name="masters"&amp;gt;
    &amp;lt;div id="masters-grid"&amp;gt;
      {{#each master in model}}
         &amp;lt;div {{action "show" master}}&amp;gt;
            {{master.name}}
         &amp;lt;/div&amp;gt;
      {{/each}}
    &amp;lt;/div&amp;gt;
    &amp;lt;div id="detail"&amp;gt;
       {{outlet}}
    &amp;lt;/div&amp;gt;
&amp;lt;/script&amp;gt;
&amp;lt;script type="text/x-handlebars-template" data-template-name="masters/detail"&amp;gt;
   {{model.name}} &amp;lt;br /&amp;gt;
   {{model.age}} &amp;lt;br /&amp;gt;
   {{model.address}} &amp;lt;br /&amp;gt;
&amp;lt;/script&amp;gt;
&lt;/code&gt;&lt;/pre&gt;
&lt;p&gt;When clicking through masters in the grid I want to show their details in Detail outlet and I do not want to reload all masters from API when changing the master selection.&lt;/p&gt;
&lt;p&gt;I have a problem with &lt;code&gt;MastersDetailRoute&lt;/code&gt;'s model, because &lt;code&gt;this.modelFor("masters")&lt;/code&gt; returns &lt;code&gt;undefined&lt;/code&gt;. I think, it is caused by returning Promise in &lt;code&gt;model&lt;/code&gt; hook. Any idea or workaround how to access one item from Masters model or controller in "child route" &lt;code&gt;model&lt;/code&gt; hook?&lt;/p&gt;</t>
  </si>
  <si>
    <t>2014-11-19 19:27:51.533000+00:00</t>
  </si>
  <si>
    <t>2014-11-19 21:28:57.010000+00:00</t>
  </si>
  <si>
    <t>ember.js|master-detail</t>
  </si>
  <si>
    <t>Azure API App authentication</t>
  </si>
  <si>
    <t>&lt;p&gt;So I have an Azure API-App with protection working. &lt;/p&gt;
&lt;p&gt;I want to use &lt;code&gt;microsoftaccount&lt;/code&gt; and &lt;code&gt;google&lt;/code&gt; as tokenname for &lt;code&gt;GetRawTokenAsync&lt;/code&gt;.&lt;/p&gt;
&lt;p&gt;How can I know before which token name to use? Can I obtain that from the current user info?&lt;/p&gt;
&lt;p&gt;So something like:            &lt;/p&gt;
&lt;pre&gt;&lt;code&gt;var runtime = Runtime.FromAppSettings(Request);
var user = runtime.CurrentUser;         
if (user == "google account") { // google account    
   var token = await user.GetRawTokenAsync("google");    
}    
else if (user == "microsoft account") { // microsoftaccount    
   var token = await user.GetRawTokenAsync("microsoftaccount");    
}
&lt;/code&gt;&lt;/pre&gt;</t>
  </si>
  <si>
    <t>2015-11-03 12:17:09.473000+00:00</t>
  </si>
  <si>
    <t>2016-03-31 06:04:09.917000+00:00</t>
  </si>
  <si>
    <t>azure|azure-api-apps</t>
  </si>
  <si>
    <t>How do you query a database in the middle of a jruby on rails webpage?</t>
  </si>
  <si>
    <t>&lt;p&gt;Not sure how to ask it so sorry if I mess up my terminology.  In using jruby on rails, how would I query two (or more database) to serve back to the view page?&lt;/p&gt;
&lt;p&gt;I have seen where I set up my database connection in database.yml and it works fine but I am now wondering how I move beyond this to hitting many databases with jdbc and puttting them in one webpage view.&lt;/p&gt;
&lt;p&gt;My title is worded the way it is because I am used to a non-orm non-mvc way of doing things.  For example, need to query somethingn in classic asp?  Just create the object and emit html and your dataset for each database.  Cumbersome but at least I know how to do it.  Need to hit five databases in asp.net?  Just have a control and in the code-behind bind it to the table adapter or do a sql query.  Here, I'm just lost on how to do this.&lt;/p&gt;
&lt;p&gt;How do I do query several databases, different ones (oracle, sql server, etc.) in Jruby on Rails with jdbc and put them all in one page?  And do this the "right" way so that I don't end up with my jror application looking like classic asp.&lt;/p&gt;
&lt;p&gt;EDIT:  I think something like &lt;a href="http://pullmonkey.com/2008/4/21/ruby-on-rails-multiple-database-connections" rel="nofollow noreferrer"&gt;this&lt;/a&gt; might be what I am looking for, but I am not sure how to put both sets of data on the same page.&lt;/p&gt;</t>
  </si>
  <si>
    <t>2009-07-13 14:46:36.090000+00:00</t>
  </si>
  <si>
    <t>2010-03-04 06:00:04.987000+00:00</t>
  </si>
  <si>
    <t>2009-07-13 15:58:07.983000+00:00</t>
  </si>
  <si>
    <t>ruby-on-rails|database|jrubyonrails</t>
  </si>
  <si>
    <t>final fields and thread-safety</t>
  </si>
  <si>
    <t>&lt;p&gt;Should it be all fields, including super-fields, of a purposively immutable java class 'final' in order to be thread-safe or is it enough to have no modifier methods?&lt;/p&gt;
&lt;p&gt;Suppose I have a POJO with non-final fields where all fields are type of some immutable class. This POJO has getters-setters, and a constructor wich sets some initial value. If I extend this POJO with knocking out modifier methods, thus making it immutable, will extension class be thread-safe?&lt;/p&gt;</t>
  </si>
  <si>
    <t>2011-08-22 08:39:56.737000+00:00</t>
  </si>
  <si>
    <t>2016-03-03 14:26:00.103000+00:00</t>
  </si>
  <si>
    <t>2012-06-02 04:35:55.190000+00:00</t>
  </si>
  <si>
    <t>java|thread-safety|immutability</t>
  </si>
  <si>
    <t>Skobbler Maps. Annotations appear as black squares. Android</t>
  </si>
  <si>
    <t>&lt;p&gt;I'm developing an Android app that shows my different POIs with my custom design.&lt;/p&gt;
&lt;p&gt;Usually In most cases everything is fine. But sometimes, about 5% cases there are black squares instead of my POI.&lt;/p&gt;
&lt;p&gt;Check the screenshot please:
&lt;a href="https://www.dropbox.com/s/tlqqczq98w926oi/ss1.jpg" rel="nofollow noreferrer"&gt;https://www.dropbox.com/s/tlqqczq98w926oi/ss1.jpg&lt;/a&gt;&lt;/p&gt;
&lt;p&gt;I'm using for this &lt;code&gt;SKAnnotationView.setView&lt;/code&gt; passing my custom View object with &lt;code&gt;ImageView&lt;/code&gt;. Image can be set to &lt;code&gt;ImageView&lt;/code&gt; via &lt;code&gt;setImageBitmap&lt;/code&gt; in background or via &lt;code&gt;setImageResource&lt;/code&gt;. I tried different ways. And there is no difference with choice of Bitmaps or Resources. In both cases black square can be shown.&lt;/p&gt;
&lt;p&gt;Why it could happen? I don't see anything strange in logcat. No error messages, no warnings.&lt;/p&gt;
&lt;p&gt;I'm checked for sure that &lt;code&gt;SKMapSurfaceView.addAnnotation&lt;/code&gt; method is called from UI thread. Always.&lt;/p&gt;
&lt;p&gt;I'm using Skobbler Android SDK 3.0.3.&lt;/p&gt;
&lt;p&gt;How can I correct this issue? Or how can I detect the problem that cause this behavior?&lt;/p&gt;
&lt;p&gt;Thanks in advance.&lt;/p&gt;</t>
  </si>
  <si>
    <t>2018-03-23 10:24:39.420000+00:00</t>
  </si>
  <si>
    <t>2018-08-29 11:24:47.983000+00:00</t>
  </si>
  <si>
    <t>java|android|skmaps|skobbler-maps</t>
  </si>
  <si>
    <t>How to use NtCurrentTeb() without Windows header files?</t>
  </si>
  <si>
    <t>&lt;p&gt;Windows stores the &lt;a href="https://en.wikipedia.org/wiki/Win32_Thread_Information_Block" rel="nofollow noreferrer"&gt;TEB&lt;/a&gt; in FS (32bit) or GS (64bit) segment register. In a program using &lt;code&gt;NtCurrentPeb()&lt;/code&gt; the x86 instruction is &lt;code&gt;mov rax, gs:60h&lt;/code&gt;. The &lt;code&gt;0x60&lt;/code&gt; value is &lt;code&gt;offsetof(TEB, ProcessEnvironmentBlock)&lt;/code&gt;. &lt;/p&gt;
&lt;p&gt;To use this in a program I've to include both &lt;code&gt;Windows.h&lt;/code&gt; and &lt;code&gt;Winternl.h&lt;/code&gt; header file which has bunch of other &lt;code&gt;#define&lt;/code&gt;. As the question said I want to use the function without these header file and by directly accessing the segment register. I've also made a separate header file with the TEB and PEB structure. So how can I do that? I was thinking with &lt;code&gt;__asm&lt;/code&gt; keyword and a &lt;code&gt;typedef NtCurrentTeb()&lt;/code&gt; or something.&lt;/p&gt;</t>
  </si>
  <si>
    <t>2018-10-02 20:52:01.637000+00:00</t>
  </si>
  <si>
    <t>2018-11-30 05:08:16.497000+00:00</t>
  </si>
  <si>
    <t>c|winapi|assembly</t>
  </si>
  <si>
    <t>Get Facebook messages</t>
  </si>
  <si>
    <t>&lt;p&gt;I want to write custom facebook messaging application. Is this even possible?
Cannot figure out how to access user's messages. 
For example - i logged into my page, i want to retrieve messages from all my friends. I assume that &lt;code&gt;/me/inbox&lt;/code&gt; will give me required result, but it requires &lt;code&gt;read_page_mailboxes&lt;/code&gt; which is accessible only after &lt;code&gt;App Review&lt;/code&gt; procedure. So i even can't test how messages are working, without sending incomplete app/screencast of functionality which is not even exists.&lt;/p&gt;</t>
  </si>
  <si>
    <t>2016-05-19 13:36:37.837000+00:00</t>
  </si>
  <si>
    <t>2016-05-19 14:41:08.170000+00:00</t>
  </si>
  <si>
    <t>android|facebook-android-sdk|facebook-sdk-4.0</t>
  </si>
  <si>
    <t>Kubernetes pod cpu usage calculation method for HPA</t>
  </si>
  <si>
    <t>&lt;p&gt;Can someone explain how the cpu usage is calculated inside pods with multiple containers for use with an Horizontal Pod Autoscaler?
Is it the mean value and how is this calculated?&lt;/p&gt;
&lt;p&gt;For example:
If we have 2 containers:&lt;/p&gt;
&lt;ul&gt;
&lt;li&gt;Container1 requests 0.5 cpu and uses 0 cpu&lt;/li&gt;
&lt;li&gt;Container2 requests 1 cpu    and uses 2 cpu&lt;/li&gt;
&lt;/ul&gt;
&lt;p&gt;If we calculate both seperatly and take the mean: (0% + 200%)/2 = 100% usage?&lt;/p&gt;
&lt;p&gt;If we take the sums and take the mean: 2/1.5 = 133% usage?&lt;/p&gt;
&lt;p&gt;Or is my logic way off?&lt;/p&gt;</t>
  </si>
  <si>
    <t>2018-01-09 16:01:59.650000+00:00</t>
  </si>
  <si>
    <t>2018-01-10 14:11:01+00:00</t>
  </si>
  <si>
    <t>2018-01-09 16:07:09.023000+00:00</t>
  </si>
  <si>
    <t>docker|kubernetes|autoscaling</t>
  </si>
  <si>
    <t>Creating an instance variable that represents other variables with same names but unique values in different classes (Java)</t>
  </si>
  <si>
    <t>&lt;p&gt;I am currently attempting to integrate automated tests with our test management tool with the use of APIs. Each test(which is contained in a single class) has a unique id which needs to be referenced in the API call. I can either declare the Test IDs in the tests themselves (preferred) or create a separate class that contains all of the IDs for reference. The issue I am having is coming up with a good way to represent these IDs as a variable when the particular test is run, so I do not a have to repeat the API framework for each unique ID.&lt;/p&gt;
&lt;p&gt;Here is the general set up of the API class/listener class.&lt;/p&gt;
&lt;pre&gt;&lt;code&gt;  package testPackage;
import java.io.IOException;
import java.net.MalformedURLException;
import java.util.HashMap;
import java.util.Map;
import org.json.simple.JSONObject;
import org.testng.ITestResult;
import org.testng.TestListenerAdapter;
import com.gurock.testrail.APIClient;
import com.gurock.testrail.APIException;
public class MyTestResultsListener extends TestListenerAdapter {
    public final APIClient client = new APIClient("https://api.url/");
    public final Map data = new HashMap();
    public final void APISendCredentials() {
        client.setUser("username");
        client.setPassword("password");
    }
    @Override
    public void onTestFailure(ITestResult result) {
        APISendCredentials();
        data.put("status_id", new Integer(5));
        data.put("comment", "This test failed");
        try {
            JSONObject r = (JSONObject) client.sendPost("add_result_for_case/" + "Unique ID", data);
        } catch (MalformedURLException e) {
            e.printStackTrace();
        } catch (IOException e) {
            e.printStackTrace();
        } catch (APIException e) {
            e.printStackTrace();
        }
    }
    @Override
    public void onTestSuccess(ITestResult result) {
        APISendCredentials();
        data.put("status_id", new Integer(1));
        data.put("comment", "This test passed");
        try {
            JSONObject r = (JSONObject) client.sendPost("add_result_for_case/" + TestClass.AutomationID, data);
        } catch (MalformedURLException e) {
            e.printStackTrace();
        } catch (IOException e) {
            e.printStackTrace();
        } catch (APIException e) {
            e.printStackTrace();
        }
    }
    @Override
    public void onTestSkipped(ITestResult result) {
        APISendCredentials();
        data.put("status_id", new Integer(2));
        data.put("comment", "This test was blocked or skipped");
        try {
            JSONObject r = (JSONObject) client.sendPost("add_result_for_case/" + TestClass.AutomationID, data);
        } catch (MalformedURLException e) {
            e.printStackTrace();
        } catch (IOException e) {
            e.printStackTrace();
        } catch (APIException e) {
            e.printStackTrace();
        }
    }
}
&lt;/code&gt;&lt;/pre&gt;
&lt;p&gt;Test class&lt;/p&gt;
&lt;pre&gt;&lt;code&gt;package testPackage;
import java.io.IOException;
import java.lang.annotation.ElementType;
import java.lang.annotation.Retention;
import java.lang.annotation.RetentionPolicy;
import java.lang.annotation.Target;
import java.lang.reflect.Method;
import java.net.MalformedURLException;
import org.openqa.selenium.WebDriver;
import org.openqa.selenium.chrome.ChromeDriver;
import org.testng.Assert;
import org.testng.annotations.AfterTest;
import org.testng.annotations.Listeners;
import org.testng.annotations.Test;
import com.gurock.testrail.APIException;
@Listeners(MyTestResultsListener.class)
public class TestClass {
@Retention(RetentionPolicy.RUNTIME)
@Target(ElementType.METHOD)
public @interface TestData {
    String testId() default "0";
}
public static String AutomationID = "236/50819";
@Test
@TestData(testId = "236/50819")
public void test1() {
    //sometest 
}
@AfterTest
public void aftertest() {
    //This was my initial blind attempt at reflection. I am getting 
    //an error below stating "test1" cannot be resolved to a variable 
    //also unclear on how to feed this to the APIclass 
    Method testMethod = getClass().getMethod(test1);
    if (testMethod.isAnnotationPresent(TestData.class)) {
        TestData testData = testMethod.getAnnotation(TestData.class);
        //stuck at this point 
    }
}
&lt;/code&gt;&lt;/pre&gt;
&lt;p&gt;}&lt;/p&gt;
&lt;p&gt;As you can see on the lines that start with &lt;code&gt;JSONobject r&lt;/code&gt; I have a place holder for the uniqueID variable. What would be the best way/most efficient way to create a variable that could take these unqiue IDs from the different test classes ?&lt;/p&gt;
&lt;p&gt;Thx, let me know if there is any additional information needed that would be helpful !&lt;/p&gt;</t>
  </si>
  <si>
    <t>2017-07-06 18:25:33.117000+00:00</t>
  </si>
  <si>
    <t>2017-07-07 13:21:31.687000+00:00</t>
  </si>
  <si>
    <t>java|selenium|testrail</t>
  </si>
  <si>
    <t>Is CreateToolhelp32Snapshot function thread safe?</t>
  </si>
  <si>
    <t>&lt;p&gt;As title, I can't find any information about whether &lt;code&gt;CreateToolhelp32Snapshot&lt;/code&gt;, &lt;code&gt;Module32First&lt;/code&gt; and &lt;code&gt;Toolhelp32ReadProcessMemory function&lt;/code&gt; WinAPIs is thread-safe or not.&lt;/p&gt;
&lt;p&gt;Dose anyone know about this? Or is there any way I can figure out whether those APIs are thread-safe?&lt;/p&gt;
&lt;p&gt;MSDN: &lt;a href="https://msdn.microsoft.com/en-us/library/windows/desktop/ms686832(v=vs.85).aspx" rel="nofollow"&gt;Tool Help Functions&lt;/a&gt;&lt;/p&gt;</t>
  </si>
  <si>
    <t>2015-03-06 10:03:22.680000+00:00</t>
  </si>
  <si>
    <t>2015-03-06 10:07:32.537000+00:00</t>
  </si>
  <si>
    <t>c++|windows|winapi|process|thread-safety</t>
  </si>
  <si>
    <t>Using gRPC service definitions as an interface for multiple instances</t>
  </si>
  <si>
    <t>&lt;p&gt;Let's assume that we have a Search-Service&lt;/p&gt;
&lt;pre&gt;&lt;code&gt;service Search {
  rpc Search (SearchRequest) returns (SearchReply) {}
}
message SearchRequest {
  string query = 1;
}
message SearchReply {
  repeated string message = 1;
}
&lt;/code&gt;&lt;/pre&gt;
&lt;p&gt;Now, let's consider we multiple search engines that are all supposed to implement that interface to provide search.&lt;/p&gt;
&lt;p&gt;The wall I am hitting is that gRPC only allow a singleton of the Search service behind a single IP:PORT pair. So, the only way to integrate multiple search engines in an environment is to put each behind a different IP:PORT, it's impossible to have them on the same port.&lt;/p&gt;</t>
  </si>
  <si>
    <t>2017-09-22 07:28:15.920000+00:00</t>
  </si>
  <si>
    <t>2017-09-22 22:09:02.447000+00:00</t>
  </si>
  <si>
    <t>2017-09-22 08:25:51.427000+00:00</t>
  </si>
  <si>
    <t>grpc</t>
  </si>
  <si>
    <t>Fotorama : scroll arrow in fotorama thumbnail</t>
  </si>
  <si>
    <t>&lt;p&gt;I want to apply thumbnails scrolling functionality when there are 4 or more than 4 images available in fotorama thumbnail with next prev arrows as like display in main image.&lt;/p&gt;
&lt;p&gt;How can I apply it?&lt;/p&gt;
&lt;p&gt;Please help me.&lt;/p&gt;
&lt;p&gt;Thanks in advance.&lt;/p&gt;</t>
  </si>
  <si>
    <t>2018-01-12 05:56:02.663000+00:00</t>
  </si>
  <si>
    <t>jquery|fotorama</t>
  </si>
  <si>
    <t>react child component not updating after parent state changed</t>
  </si>
  <si>
    <t>&lt;p&gt;I am trying to make a react messaging app where the channel page is composed a channel bar &lt;code&gt;Channel.js&lt;/code&gt; (Parent Component) with a general and random channel and a message-list &lt;code&gt;ChannelMessage.js&lt;/code&gt; (Child Component).&lt;/p&gt;
&lt;p&gt;Currently, I can click on the channel bar and it changes the url and &lt;code&gt;this.props.channelName&lt;/code&gt;, but the child component displays the same text, regardless of &lt;code&gt;Link&lt;/code&gt; clicked. I believe it is because &lt;code&gt;ComponentDidMount&lt;/code&gt; does not get called in the child component. How would I go about updating/rerendering the child component to get ComponentDidMount to reload?&lt;/p&gt;
&lt;p&gt;Channel.js&lt;/p&gt;
&lt;pre&gt;&lt;code&gt;export default class Channel extends React.Component {
constructor(props) {
    super(props);
    this.state = {
        channelName: 'general'
    };
    this.handleSignOut = this.handleSignOut.bind(this);
}
...
render() {
    return (
        &amp;lt;div className="container"&amp;gt;
            &amp;lt;div className="row"&amp;gt;
                &amp;lt;div className="channel-list col-lg-2"&amp;gt;
                    &amp;lt;h2&amp;gt;Channels&amp;lt;/h2&amp;gt;
                    &amp;lt;ul className="list-group"&amp;gt;
                        &amp;lt;li&amp;gt;&amp;lt;Link to="/channel/general"
                            onClick={() =&amp;gt; this.setState({ channelName: 'general' })}&amp;gt;General&amp;lt;/Link&amp;gt;&amp;lt;/li&amp;gt;
                        &amp;lt;li&amp;gt;&amp;lt;Link to="/channel/random"
                            onClick={() =&amp;gt; this.setState({ channelName: 'random' })}&amp;gt;Random&amp;lt;/Link&amp;gt;&amp;lt;/li&amp;gt;
                    &amp;lt;/ul&amp;gt;
                    &amp;lt;div className="footer-segment"&amp;gt;
                        ...
                    &amp;lt;/div&amp;gt;
                &amp;lt;/div&amp;gt;
                &amp;lt;ChannelMessages channelName={this.state.channelName} /&amp;gt;
            &amp;lt;/div&amp;gt;
        &amp;lt;/div&amp;gt;
    );
}
&lt;/code&gt;&lt;/pre&gt;
&lt;p&gt;ChannelMessages.js&lt;/p&gt;
&lt;pre&gt;&lt;code&gt;export default class ChannelMessages extends React.Component {
constructor(props) {
    super(props);
    this.state = {
        channelName: this.props.channelName,
        message: '',
        messages: [],
        textValue: ''
    }
    ...
}
componentWillReceiveProps(nextProps) {
    this.setState({channelName: nextProps.channelName})
}
componentDidMount() {
    this.messageRef = firebase.database().ref('messages/' + this.state.channelName);
    this.messageRef.limitToLast(500).on('value', (snapshot) =&amp;gt; {
        let messages = snapshot.val();
        if (messages !== null) {
            let newMessages = [];
            for (let message in messages) {
                newMessages.push({
                    author: {
                        displayName: messages[message].author.displayName,
                        photoURL: messages[message].author.photoURL,
                        uid: messages[message].author.uid
                    },
                    body: messages[message].body,
                    createdAt: messages[message].createdAt,
                    id: message
                });
            }
            this.setState({ messages: newMessages, textValue: newMessages.body });
        }
        console.log(this.state.textValue)
    });
}
componentWillUnmount() {
    this.messageRef.off('value');
}
handleSubmitMessage(event) {
    event.preventDefault();
    let user = firebase.auth().currentUser;
    this.messageRef.push().set({
        author: {
            displayName: user.displayName,
            photoURL: user.photoURL,
            uid: user.uid
        },
        body: this.state.message,
        createdAt: firebase.database.ServerValue.TIMESTAMP
    });
    this.setState({ message: '' });
}
...
render() {
    return (...);
}
&lt;/code&gt;&lt;/pre&gt;
&lt;p&gt;}&lt;/p&gt;</t>
  </si>
  <si>
    <t>2017-11-25 11:56:41.057000+00:00</t>
  </si>
  <si>
    <t>2017-11-25 12:13:15.193000+00:00</t>
  </si>
  <si>
    <t>user8896885</t>
  </si>
  <si>
    <t>Cannot convert System.Collections.Generic.IEnumerable to bool in Linq Lambda expression</t>
  </si>
  <si>
    <t>&lt;p&gt;I guess this should be straight forward, but what is the correct way of filtering a related table in Linq to SQL. 
It works when I bring in the secondary table explicitely with a new join, but I'm sure filtering on the related table should also work.&lt;/p&gt;
&lt;p&gt;For example:&lt;/p&gt;
&lt;pre&gt;&lt;code&gt;var q = from p in db.Personnel
        where p.PersonnelGifts.Where(p =&amp;gt; p.GiftValue &amp;gt;= 2477)
        select {...}
&lt;/code&gt;&lt;/pre&gt;
&lt;p&gt;I get the error that &lt;/p&gt;
&lt;blockquote&gt;
  &lt;p&gt;Cannot implicitly convert type 'System.Collections.Generic.IEnumerable' to 'bool'&lt;/p&gt;
&lt;/blockquote&gt;</t>
  </si>
  <si>
    <t>2016-10-12 11:42:08.607000+00:00</t>
  </si>
  <si>
    <t>2016-10-12 11:54:30.217000+00:00</t>
  </si>
  <si>
    <t>2016-10-12 11:44:30.140000+00:00</t>
  </si>
  <si>
    <t>c#|linq-to-sql|where</t>
  </si>
  <si>
    <t>NLTK - About managing tagset</t>
  </si>
  <si>
    <t>&lt;p&gt;There several tools for adding pos tags to words.But are we able to manage these tagset ? For example sometimes uncapitalized words can have /NNP tags. To avoid this should i add specific words to make them stay untagged or tell nltk to stop tagging uncapitalized word ?&lt;/p&gt;
&lt;p&gt;&lt;strong&gt;EDIT :&lt;/strong&gt;
The reason created this question is in my previous work i tried to grouping capitalized words which are supposed to be proper nouns(if it's a not starting word of sentence). But some time there is a word between words which are capitalized:&lt;/p&gt;
&lt;pre&gt;&lt;code&gt;['Ayn��, 'zamanda', 'Ayhan', 'Eczanesi']
&lt;/code&gt;&lt;/pre&gt;</t>
  </si>
  <si>
    <t>2016-04-26 07:04:42.403000+00:00</t>
  </si>
  <si>
    <t>2016-04-26 07:12:27.063000+00:00</t>
  </si>
  <si>
    <t>python|nltk</t>
  </si>
  <si>
    <t>Android auto scroll activity content on long press</t>
  </si>
  <si>
    <t>&lt;p&gt;I am newbie to android  my activity implemented a drag and drop in list view but when my list is full its not displaying last record on the screen as length of the list record is bigger then screen size .. so when I tried to drag and drop my first record at the end of the list 
I can select first record but I cant scroll down to the last record .. I need to implement when I select my first record and drag it toward down list ll automatically scroll down toward end of the list and vice versa hope I make some thing clear to you .. if still there is any ambiguity let me know 
Thank&lt;/p&gt;</t>
  </si>
  <si>
    <t>2013-06-27 05:39:32.123000+00:00</t>
  </si>
  <si>
    <t>2013-06-27 06:19:58.990000+00:00</t>
  </si>
  <si>
    <t>android|android-listview</t>
  </si>
  <si>
    <t>I'm unable to update DB from web console</t>
  </si>
  <si>
    <t>&lt;p&gt;&lt;a href="https://i.stack.imgur.com/Dgjox.png" rel="nofollow noreferrer"&gt;&lt;img src="https://i.stack.imgur.com/Dgjox.png" alt="enter image description here"&gt;&lt;/a&gt;&lt;/p&gt;
&lt;p&gt;Hi there!&lt;/p&gt;
&lt;p&gt;I'm a big fan of Firebase but issues like these just might kill my app before even getting launched!
While I'm a paid customer and ready to pay $25-$100 a month to have a flawless running system, I'm not sure what to do in circumstances likes these. Don't know if there is an issue from my end or if I have written some bad code but I can't work or test my app right now since I get an error "Unable to save field" while trying to change Firestore values from console. &lt;/p&gt;
&lt;p&gt;I spent hours yesterday night thinking there is an issue from my end. But Firestore was buggy since last night. Result: my app is constantly crashing and my time is very valuable. Please, someone, suggest something!&lt;/p&gt;</t>
  </si>
  <si>
    <t>2018-02-18 16:02:30.420000+00:00</t>
  </si>
  <si>
    <t>database|firebase|firebase-cloud-messaging|google-cloud-firestore</t>
  </si>
  <si>
    <t>connection between mpirun command in bash script and MPI code</t>
  </si>
  <si>
    <t>&lt;p&gt;I'm wondering how it is possible to set a variable in a bash script(slurm) and use that variable in MPI program in C or vice versa.
For example:
In test-mpi.c define int i; ......
Then in bash script use it like this:&lt;/p&gt;
&lt;pre&gt;&lt;code&gt;if (i=o)
  mpirun --map-by ppr:1:socket ./test-mpi
if (i=1)
  mpirun --map-by ppr:1:node ./test-mpi  
&lt;/code&gt;&lt;/pre&gt;
&lt;p&gt;Actually, I want to do one part of my code using ppr:1:socket and the other using ppr:1:node&lt;/p&gt;
&lt;p&gt;Also, is there anyway to map a process to a socket in MPI program instead of doing it in bash script?&lt;/p&gt;
&lt;p&gt;Any suggestion would be appreciate.&lt;/p&gt;
&lt;p&gt;Edit:&lt;/p&gt;
&lt;p&gt;Is it ok if I use argc, argv in this way:&lt;/p&gt;
&lt;pre&gt;&lt;code&gt;for (count =0; count &amp;lt; argc; count++){
 if (argv[i] == "state1"){
  for (....)
      do something
for (count =0; count &amp;lt; argc; count++){
 if (argv[i] == "state2"){
  for (....)
      do something
&lt;/code&gt;&lt;/pre&gt;</t>
  </si>
  <si>
    <t>2016-03-13 08:40:14.937000+00:00</t>
  </si>
  <si>
    <t>2016-03-14 12:34:46.573000+00:00</t>
  </si>
  <si>
    <t>2016-03-14 10:06:08.623000+00:00</t>
  </si>
  <si>
    <t>mpi|slurm</t>
  </si>
  <si>
    <t>Targeting input number - step up</t>
  </si>
  <si>
    <t>&lt;p&gt;using a woo-commerce WordPress theme, on the checkout page there's the option to increase quantity buy using a input, however its only visible on hover and I am trying to make that visible always, I assumed its hidden on normal state and visible when hovered but I cannot seem to find the class that controls that, is there a way to target this? &lt;a href="http://edeals.nickritson.co.uk/cart/" rel="nofollow"&gt;site link&lt;/a&gt;&lt;/p&gt;</t>
  </si>
  <si>
    <t>2016-05-26 12:07:25.923000+00:00</t>
  </si>
  <si>
    <t>2016-05-26 14:15:07.297000+00:00</t>
  </si>
  <si>
    <t>php|css|wordpress|input</t>
  </si>
  <si>
    <t>DES Encryption generated Key says invalid key length</t>
  </si>
  <si>
    <t>&lt;p&gt;I'm making a program that can encrypt and decrypt text using various methods, for DES encryption, my program generates a key by doing&lt;/p&gt;
&lt;pre&gt;&lt;code&gt;KeyGenerator keygenerator = KeyGenerator.getInstance("DES");
SecretKey myDesKey = keygenerator.generateKey();
&lt;/code&gt;&lt;/pre&gt;
&lt;p&gt;The string of text supplied is successfully encrypted, the key converted to string using the toString() method looks like something like this&lt;/p&gt;
&lt;pre&gt;&lt;code&gt;com.sun.crypto.provider.DESKey@18738
&lt;/code&gt;&lt;/pre&gt;
&lt;p&gt;However, when I supply the same key (the toString one), like this&lt;/p&gt;
&lt;pre&gt;&lt;code&gt;byte[] decodedKey = com.sun.crypto.provider.DESKey@18738.getBytes();
&lt;/code&gt;&lt;/pre&gt;
&lt;p&gt;it says "Invalid key length: 36 bytes"
which is weird, because the same key was used to encrypt and decrypt the same string of text.&lt;/p&gt;
&lt;p&gt;Here is how I encrypt:&lt;/p&gt;
&lt;pre&gt;&lt;code&gt;    try {
 Cipher desCipher;
 byte[] decodedKey = pass.getText().getBytes();//the password is supplied here
 SecretKey originalKey = new SecretKeySpec(decodedKey, 0, decodedKey.length, "DES");
 desCipher = Cipher.getInstance("DES/ECB/PKCS5Padding");
 byte[] text = input.getText().getBytes();
 desCipher.init(Cipher.DECRYPT_MODE, originalKey);
 byte[] textDecrypted = desCipher.doFinal(input.getText().getBytes());
 output.setText(Arrays.toString(textDecrypted));
} catch (NoSuchAlgorithmException | InvalidKeyException | NoSuchPaddingException | IllegalBlockSizeException | BadPaddingException ex) {
 Error(ex.getMessage());
 Logger(ex.getMessage());
}
&lt;/code&gt;&lt;/pre&gt;
&lt;p&gt;Here is how I decrypt:&lt;/p&gt;
&lt;pre&gt;&lt;code&gt;            try {
                        Cipher desCipher;
                        byte[] decodedKey = pass.getText().getBytes();
                        SecretKey originalKey = new SecretKeySpec(decodedKey, 0, decodedKey.length, "DES");
                        desCipher = Cipher.getInstance("DES/ECB/PKCS5Padding");
                        byte[] text = input.getText().getBytes();
                        desCipher.init(Cipher.DECRYPT_MODE, originalKey);
                        byte[] textDecrypted = desCipher.doFinal(input.getText().getBytes());
                        output.setText(Arrays.toString(textDecrypted));
                    } catch (NoSuchAlgorithmException | InvalidKeyException | NoSuchPaddingException | IllegalBlockSizeException | BadPaddingException ex) {
                        Error(ex.getMessage());
                        Logger(ex.getMessage());
                    }
&lt;/code&gt;&lt;/pre&gt;
&lt;p&gt;For some reason, the code is poorly indented even though I used netbeans to fix it, probably because it's in like 10 switch blocks...&lt;/p&gt;
&lt;p&gt;Thank you for your help!&lt;/p&gt;</t>
  </si>
  <si>
    <t>2017-03-09 13:37:29.823000+00:00</t>
  </si>
  <si>
    <t>java|javafx|cryptography|key|des</t>
  </si>
  <si>
    <t>Check multiple boxes without scripting?</t>
  </si>
  <si>
    <t>&lt;p&gt;I'm building a website where one of the main features is a nice treeview menu used to select values. If a user clicks on a checkbox that has any children in its tree, I want it to check the children of that box. With scripting this is childsplay, of course, but I'm wondering if there's any equivalent to this with pure HTML/CSS?&lt;/p&gt;
&lt;p&gt;Basically I want the site to degrade well, but if the user has to select each value by hand it would be quite cumbersome. Is there any way to get this functionality without a script?&lt;/p&gt;
&lt;p&gt;EDIT: I realized that, although inconvenient, I could give the non-javascript users a multi-select box that would be a little more effort, but would still get the job done. Thanks so much for all of your input! :D&lt;/p&gt;</t>
  </si>
  <si>
    <t>2009-12-02 22:25:35.320000+00:00</t>
  </si>
  <si>
    <t>2009-12-02 22:50:15.490000+00:00</t>
  </si>
  <si>
    <t>Unable to receive JSON request with Spring 3.2 MVC Controller</t>
  </si>
  <si>
    <t>&lt;p&gt;I am trying to get my Controller to receive JSON, but it is failing. I am new to Spring and also new to HTML browser development. It seems I am returning JSON OK in the first few methods below, just can't receive it in the last method. I am at a total loss what to do. Here is my setup.&lt;/p&gt;
&lt;p&gt;Here is part of my controller code:&lt;/p&gt;
&lt;pre&gt;&lt;code&gt;@Controller
public class SDTM_Controller {
    private SDTM_Service service;
    @RequestMapping(value="/getVersions", method=RequestMethod.GET)
    public @ResponseBody List&amp;lt;String&amp;gt; getVersions(){
        return service.getVersions();
    }
    // URL: sdtm/getTemplateInfo?version=xxx
    @RequestMapping(value="/getTemplateInfo", params="version", method=RequestMethod.GET)
    public @ResponseBody List&amp;lt;DomainTemplateInfo&amp;gt; getTemplateInfo(@RequestParam String version){
        return service.getTemplates(version);
    }
    @RequestMapping(value="/createDomains", method=RequestMethod.POST, consumes="application/json")
    public @ResponseBody String createDomains(@RequestBody CreateDomainParams params){
// breakpoint set hit, but never reached.
    }
}
&lt;/code&gt;&lt;/pre&gt;
&lt;p&gt;The methods getVersions and getTemplateInfo work just fine, they return the data in JSON format. However the createDomains method never gets called.&lt;/p&gt;
&lt;p&gt;In the WEB-INF directory I have a file named sdtm-servlet.xml. Here is the content. I have tried this with and without the  element.&lt;/p&gt;
&lt;pre&gt;&lt;code&gt;    &amp;lt;?xml version="1.0" encoding="UTF-8"?&amp;gt;
    &amp;lt;beans xmlns="http://www.springframework.org/schema/beans"
        xmlns:mvc="http://www.springframework.org/schema/mvc"
        xmlns:xsi="http://www.w3.org/2001/XMLSchema-instance"
        xmlns:context="http://www.springframework.org/schema/context"
        xsi:schemaLocation=
        "http://www.springframework.org/schema/beans
        http://www.springframework.org/schema/beans/spring-beans-3.2.xsd
        http://www.springframework.org/schema/mvc
        http://www.springframework.org/schema/mvc/spring-mvc-3.2.xsd
        http://www.springframework.org/schema/context
        http://www.springframework.org/schema/context/spring-context-3.2.xsd"    
&amp;gt;
        &amp;lt;context:component-scan base-package="com.sas.hls.clc.clinicalstandards.sdtm" /&amp;gt;
        &amp;lt;mvc:annotation-driven&amp;gt;
            &amp;lt;mvc:message-converters&amp;gt;
                &amp;lt;bean class="org.springframework.http.converter.json.MappingJacksonHttpMessageConverter"/&amp;gt;
            &amp;lt;/mvc:message-converters&amp;gt;
        &amp;lt;/mvc:annotation-driven&amp;gt;
    &amp;lt;/beans&amp;gt;
&lt;/code&gt;&lt;/pre&gt;
&lt;p&gt;My WEB-INF/web.xml file contains the following entry:&lt;/p&gt;
&lt;pre&gt;&lt;code&gt;&amp;lt;servlet&amp;gt;
    &amp;lt;servlet-name&amp;gt;sdtm&amp;lt;/servlet-name&amp;gt;
    &amp;lt;servlet-class&amp;gt;org.springframework.web.servlet.DispatcherServlet&amp;lt;/servlet-class&amp;gt;
    &amp;lt;init-param&amp;gt;
        &amp;lt;param-name&amp;gt;contextConfigLocation&amp;lt;/param-name&amp;gt;
        &amp;lt;param-value&amp;gt;/WEB-INF/sdtm-servlet.xml&amp;lt;/param-value&amp;gt;
    &amp;lt;/init-param&amp;gt;
&amp;lt;/servlet&amp;gt;
&lt;/code&gt;&lt;/pre&gt;
&lt;p&gt;I am running this in Tomcat, using Spring 3.2. My application directory's WEB-INF/lib directory contains jackson-core-asl-1.9.13.jar and jackson-mapper-asl.1.9.13.jar.&lt;/p&gt;
&lt;p&gt;What am I missing?&lt;/p&gt;
&lt;p&gt;Also, another developer wrote a small HTML page that is used for submitting the requests to the server. We are using Chrome. He insists that the JSON data needs to be UURL encoded, but when I look at the request info being sent in Chrome, the request body is NOT in JSON format, it seems to be translated into a format that looks like a list of HTTP request parameters. Should he be doing the encoding? What is missing on the browswer or server side that is preventing the call of my controller's method called createDomain.&lt;/p&gt;</t>
  </si>
  <si>
    <t>2014-05-11 16:45:28.377000+00:00</t>
  </si>
  <si>
    <t>2014-05-12 03:46:41.127000+00:00</t>
  </si>
  <si>
    <t>json|spring|spring-mvc</t>
  </si>
  <si>
    <t>Python Special Characters Encoding</t>
  </si>
  <si>
    <t>&lt;p&gt;I have a python script that reads a &lt;strong&gt;CSV&lt;/strong&gt; file and writes in a &lt;strong&gt;XML&lt;/strong&gt; file. I have been hitting a wall trying to find out how to read special characters such as: ��, ��, ��, ��, etc. The script runs perfectly fine without special characters. That is the script header:&lt;/p&gt;
&lt;pre&gt;&lt;code&gt;# coding=utf-8
'''
@modified by: Julierme Pinheiro
'''
import os
import sys
import unittest
from unittest import skip
import csv
import uuid
import xml
import xml.dom.minidom as minidom
import owslib
from owslib.iso import *
import pyproj
from decimal import *
import logging
&lt;/code&gt;&lt;/pre&gt;
&lt;p&gt;The way I retrieve information from the csv file is shown bellow:&lt;/p&gt;
&lt;pre&gt;&lt;code&gt;# add the title
                title = data[1]
                titleElement = identificationInfo[0].getElementsByTagName('gmd:title')[0]
                titleNode = record.createTextNode(title)
                titleElement.childNodes[1].appendChild(titleNode)
                print "Title:" + title
&lt;/code&gt;&lt;/pre&gt;
&lt;p&gt;Note: If data[1], second column in the csv file, contains a special character as found in "Navega&lt;strong&gt;����&lt;/strong&gt;o" the script fails (&lt;strong&gt;It does not write anything in the xml file&lt;/strong&gt;).&lt;/p&gt;
&lt;p&gt;The way a new XML file is created based on a blank Template XML is shown bellow:&lt;/p&gt;
&lt;pre&gt;&lt;code&gt; # write out the gemini record
                filename = '../output/%s.xml' % fileId
                with open(filename,'w') as test_xml:
                    test_xml.write(record.toprettyxml(newl="", encoding="utf-8"))
            except:
                e = sys.exc_info()[1]
                logging.debug("Import failed for entry %s" % data[0])
                logging.debug("Specific error: %s" % e)
    @skip('')
    def testOWSMetadataImport(self):
        raw_data = []
        with open('../input/metadata_cartapapel.csv') as csvfile:
            reader = csv.reader(csvfile, dialect='excel')
            for columns in reader:
                raw_data.append(columns)   
        md = MD_Metadata(etree.parse('gemini-template.xml'))
        md.identification.topiccategory = ['farming','environment']
        print md.identification.topiccategory
        outfile = open('mdtest.xml','w')
        # crap, can't update the model and write back out - this is badly needed!!
        outfile.write(md.xml) 
if __name__ == "__main__":
    unittest.main()
&lt;/code&gt;&lt;/pre&gt;
&lt;p&gt;Could someone help to solve this issue, please?&lt;/p&gt;
&lt;p&gt;Thank you in advance for your time.&lt;/p&gt;</t>
  </si>
  <si>
    <t>2016-06-17 16:49:13.413000+00:00</t>
  </si>
  <si>
    <t>2016-06-18 17:09:10.620000+00:00</t>
  </si>
  <si>
    <t>python|xml|csv</t>
  </si>
  <si>
    <t>let's analyse "collect2: ld returned 1 exit status"?</t>
  </si>
  <si>
    <t>&lt;p&gt;I know this indicates a linker problem, mostly unresolved symbols. I know that to resolve that problem / to get rid of that errormessage, one would have to provide much more information. I know there is a lot of questions on resolving this problems on SO already.&lt;/p&gt;
&lt;p&gt;My questions aims at helping to understand make and ld, to find out what (and who) is trying to express what with this line.&lt;/p&gt;
&lt;pre&gt;&lt;code&gt;collect2: ld returned 1 exit status
&lt;/code&gt;&lt;/pre&gt;
&lt;ul&gt;
&lt;li&gt;What does "collect2:" mean? Is it a step make invokes ? I can't find an executable with that name on my system.&lt;/li&gt;
&lt;li&gt;Does it mean I am using ld ? I configured my project / Makefile so that g++ should do the linking, so why is LD still involved&lt;/li&gt;
&lt;li&gt;Who is writing that message ? make ? ld ? g++ ?&lt;/li&gt;
&lt;li&gt;Is there a meaningful list of possible exit codes ?&lt;/li&gt;
&lt;/ul&gt;</t>
  </si>
  <si>
    <t>2012-09-25 13:42:35.993000+00:00</t>
  </si>
  <si>
    <t>2018-06-18 10:59:00.503000+00:00</t>
  </si>
  <si>
    <t>c++|g++|makefile|ld</t>
  </si>
  <si>
    <t>Gameobject is not showing up when built</t>
  </si>
  <si>
    <t>&lt;p&gt;I have a 3D robot imported from bleder into my scene in Unity. It is fully rigged and has few animations attached to it. When playing it in Game View everything seems to work fine but, when built and run in android the 3D robot is not showing up. Got an error saying &lt;/p&gt;
&lt;blockquote&gt;
  &lt;p&gt;GPU does not support 32 bit mesh index buffers; skipped draw call&lt;/p&gt;
&lt;/blockquote&gt;
&lt;p&gt;Then I unchecked Use 32-bit Display Buffer in PlayerSettings-Resolution and Presentation. It didnt solve any thing, still having the same errors.&lt;/p&gt;
&lt;p&gt;I couldn't figure out what went wrong. I've been trying to solve it for a few hours now, &lt;a href="https://answers.unity.com/questions/1336523/game-object-not-visible-in-apk-built.html" rel="nofollow noreferrer"&gt;Tried this solution&lt;/a&gt; and few others but  non of them helped.&lt;/p&gt;
&lt;p&gt;P.s It's not working for only my 3D robot, it works  for other Models and Gameobjects.&lt;/p&gt;
&lt;p&gt;So, what could I possibly did wrong? How can I solve this problem ?&lt;/p&gt;</t>
  </si>
  <si>
    <t>2018-03-10 09:35:35.687000+00:00</t>
  </si>
  <si>
    <t>2018-03-10 18:30:36.473000+00:00</t>
  </si>
  <si>
    <t>2018-03-10 10:54:48.893000+00:00</t>
  </si>
  <si>
    <t>android|unity3d|blender</t>
  </si>
  <si>
    <t>PayU API paralell transactions</t>
  </si>
  <si>
    <t>&lt;p&gt;I am working on an e-commerce site and I nedd my paymnet to be done in PayU. The problem is that I want the money payed to be divided by 2 and be sent to 2 different users simultaneous. How ca I do this ? Can I do it with PayU? 
Example: i am a  buer of my site and i want to buy a jacket that costs 100$. Half of this money will go to user1 and the other half to usr2&lt;/p&gt;</t>
  </si>
  <si>
    <t>2018-01-08 17:39:01.920000+00:00</t>
  </si>
  <si>
    <t>javascript|php|e-commerce|payu</t>
  </si>
  <si>
    <t>Responsive web template for mobile</t>
  </si>
  <si>
    <t>&lt;p&gt;I'm working on the development of a responsive website.
It seems to work just fine when I'm re-sizing the window on my desktop, but when I'm opening the site from my phone it seems to thing I'm at a full size and doesn't show the smaller version.
Do I need special tags for mobile?&lt;/p&gt;
&lt;p&gt;Thank you!&lt;/p&gt;</t>
  </si>
  <si>
    <t>2014-01-09 20:22:39.693000+00:00</t>
  </si>
  <si>
    <t>2015-08-25 13:00:07.607000+00:00</t>
  </si>
  <si>
    <t>css|html5|mobile|responsive-design</t>
  </si>
  <si>
    <t>Can I overload the conditional operator in C#?</t>
  </si>
  <si>
    <t>&lt;p&gt;I did go through &lt;a href="https://stackoverflow.com/questions/9428577/how-to-overload-the-conditional-operator"&gt;this&lt;/a&gt; and &lt;a href="https://stackoverflow.com/questions/4421706/operator-overloading/4421715#4421715"&gt;this&lt;/a&gt; before actually posting this. But those are for C++. Do the same things apply on C# as well? And the second link I have provided states that conditional operator cannot be overloaded, I didn't see the reason why(assuming the same applies on C# as well). Can someone provide links for further reading, or just clarify the matter?&lt;/p&gt;
&lt;p&gt;EDIT:&lt;/p&gt;
&lt;p&gt;I'm not onto any actual scenario where I would need to overload this operator, but I was just curious as to why it can't be overloaded. Is it just because there isn't any actual possible situation where such overloading could provide any significant functionality?&lt;/p&gt;</t>
  </si>
  <si>
    <t>2012-07-27 14:38:40.747000+00:00</t>
  </si>
  <si>
    <t>2013-06-27 13:27:10.510000+00:00</t>
  </si>
  <si>
    <t>2017-05-23 11:48:14.160000+00:00</t>
  </si>
  <si>
    <t>c#|conditional-operator</t>
  </si>
  <si>
    <t>boostrap hide/show buttons based on variable</t>
  </si>
  <si>
    <t>&lt;p&gt;I'm (trying) to build an app based on boostrap/javascript/ and a nosql DB
a sort of small CRM/invoicing system
i need to show/hide button based on variable
for example for a quote, status could be "open", "lost" "win"
so on my quote details page when status of quote is open i want to show button 
- win (who change status of quote id in db to win and copy quote to an order)
-  lost (who change status of quote id in db)
but i want to hide button "Re-open" who change a cancel status to open 
and so on for my different status..&lt;/p&gt;
&lt;p&gt;so want i'm looking for is a way to collapse/hide some button depending of the status of my quote (i put the status of my quote in a variable called quoteStatus)&lt;/p&gt;
&lt;p&gt;any suggestion will be welcome&lt;/p&gt;
&lt;p&gt;thanks&lt;/p&gt;
&lt;p&gt;jeebee&lt;/p&gt;</t>
  </si>
  <si>
    <t>2015-08-23 14:45:11.827000+00:00</t>
  </si>
  <si>
    <t>2015-08-23 15:02:28.933000+00:00</t>
  </si>
  <si>
    <t>javascript|jquery|variables|button</t>
  </si>
  <si>
    <t>Anonymous class objects: which variables do they see?</t>
  </si>
  <si>
    <t>&lt;p&gt;A common situation when writing an Android app: scheduling a &lt;code&gt;Runnable&lt;/code&gt; to make some drawing work on a &lt;code&gt;View&lt;/code&gt;:&lt;/p&gt;
&lt;pre&gt;&lt;code&gt;class MyView extends View {
...
  private void start() {
        final ScheduledExecutorService executor = Executors
                .newScheduledThreadPool(1);
        mMoverFuture = executor.scheduleWithFixedDelay(new Runnable() {
            @Override
            public void run() {
                if (isOutOfView()) {
                    mMoverFuture.cancel(false);
                }
                postInvalidate(); // Can I do this?
            }
        }, 0, REFRESH_RATE, TimeUnit.MILLISECONDS);
    }
...
}
&lt;/code&gt;&lt;/pre&gt;
&lt;p&gt;Particularly, I am not sure if I can call &lt;code&gt;MyView&lt;/code&gt;s method &lt;code&gt;postInvalidate()&lt;/code&gt; from the thread's &lt;code&gt;run()&lt;/code&gt;. Which rules should one follow when judging which variables and methods are available to an anonymous class object?&lt;/p&gt;</t>
  </si>
  <si>
    <t>2015-10-01 09:06:12.683000+00:00</t>
  </si>
  <si>
    <t>2015-10-01 10:10:31.063000+00:00</t>
  </si>
  <si>
    <t>select button on gridview - asp.net</t>
  </si>
  <si>
    <t>&lt;p&gt;in asp.net, when you have an autogenreated select button on a gridview, is it possible to change the text of it from 'select' to something else of your choosing? If so can anyone point me to an example?&lt;/p&gt;
&lt;p&gt;thanks again&lt;/p&gt;</t>
  </si>
  <si>
    <t>2011-07-08 13:17:16.120000+00:00</t>
  </si>
  <si>
    <t>2011-07-08 13:53:11.827000+00:00</t>
  </si>
  <si>
    <t>How to Detect the Currently Opened Files in VB6 for Media Centre</t>
  </si>
  <si>
    <t>&lt;p&gt;I am writing a Media Centre Addin in Vb6 and it was all going good until i got to the point where i want to find the "Currently Playing song FilePath or URl"&lt;/p&gt;
&lt;p&gt;I have spend a number of hours racking my brain to figure out a way of seeing what the "Currently Opened Files" are on a machine at any point of time.&lt;/p&gt;
&lt;p&gt;My idea is to get all the currently opened files, and then filter the Extensions from these and find the media item that is currently playing, and get the filepath..&lt;/p&gt;
&lt;p&gt;Does anyone know how i can do this? and what methods or classes or Librarys i should be looking at or importing In.. This one has really got me thinking.&lt;/p&gt;
&lt;p&gt;I was looking at the WMI Windows Management controls, but cant seem to find what i am looking for.. any help would be great..&lt;/p&gt;</t>
  </si>
  <si>
    <t>2012-04-16 04:49:29.990000+00:00</t>
  </si>
  <si>
    <t>2013-03-15 19:41:40.573000+00:00</t>
  </si>
  <si>
    <t>2012-04-16 04:58:45.390000+00:00</t>
  </si>
  <si>
    <t>vb6|wmi|windows-media-center</t>
  </si>
  <si>
    <t>Inject content into an injected div</t>
  </si>
  <si>
    <t>&lt;p&gt;Is it possible to inject the time into an input field that has just been injected? To clarify I am using CMB2 which is a WordPress library to create Custom Meta Boxes. I am using the &lt;code&gt;repeating field&lt;/code&gt; field and this injects a &lt;code&gt;div&lt;/code&gt; with a few fields. I want to use a button to add the current time to an input field. &lt;/p&gt;
&lt;p&gt;I can do this if the post has been saved and the div is already in the DOM, but I cannot add the time to a newly created row/div. &lt;/p&gt;
&lt;p&gt;Is it possible to add the time to a field that has been injected? If so, how? Any help would be appreciated.&lt;/p&gt;
&lt;p&gt;I apologize if this does not make any sense. Its 1:40am and I cannot find the words to explain is too well. &lt;/p&gt;
&lt;p&gt;This is how I get the time and add it to the input field.&lt;/p&gt;
&lt;pre&gt;&lt;code&gt;(function($) {
var strDateTime = // bunch of code to get date...
$('.getTime').on('click', function(e) {
    var $root = $(this);
    e.preventDefault();
    $root.parent().find('.note_timestamp').val(strDateTime);
});
}(jQuery));
&lt;/code&gt;&lt;/pre&gt;
&lt;p&gt;This works fine if the div block has been saved and not newly injected, but if I click the add row button and the div is injected into the dom the &lt;code&gt;getTime&lt;/code&gt; onclick event does not fire.&lt;/p&gt;</t>
  </si>
  <si>
    <t>2015-09-24 06:39:22.847000+00:00</t>
  </si>
  <si>
    <t>2015-09-24 07:08:15.907000+00:00</t>
  </si>
  <si>
    <t>2015-09-24 06:52:56.577000+00:00</t>
  </si>
  <si>
    <t>Firebase 3.6.2 Web SDK missing "use strict"</t>
  </si>
  <si>
    <t>&lt;p&gt;I was trying to get a web app up and running and followed a very straightforward tutorial from Firebase. The link is pasted as a comment below.&lt;/p&gt;
&lt;p&gt;The webpage, upon being loaded in Google Chrome, does not behave according to the tutorial. You are supposed to be able to change the value at a location specified at the child node "text" of my Firebase database and the webpage ought to update the text of a  to reflect the change of the database. It doesn't. Dreamweaver tells me I'm forgetting the "use strict"; line in Firebase.js&lt;/p&gt;
&lt;p&gt;I was wondering if anybody had any idea why this was? I imagine I'm making an obvious mistake somewhere.&lt;/p&gt;
&lt;p&gt;I've also included screenshots of the error and my source code. I appreciate any help!&lt;/p&gt;
&lt;p&gt;Thanks!&lt;/p&gt;
&lt;p&gt;error from Firebase.js
&lt;img src="https://i.stack.imgur.com/IaQAn.png" alt="error from Firebase.js"&gt;&lt;/p&gt;
&lt;p&gt;my source code
&lt;img src="https://i.stack.imgur.com/37hVK.png" alt="my source code"&gt;&lt;/p&gt;</t>
  </si>
  <si>
    <t>2016-12-01 01:17:28.533000+00:00</t>
  </si>
  <si>
    <t>2016-12-05 13:49:36.177000+00:00</t>
  </si>
  <si>
    <t>2016-12-01 02:05:37.417000+00:00</t>
  </si>
  <si>
    <t>javascript|firebase|firebase-realtime-database|dreamweaver</t>
  </si>
  <si>
    <t>Sendkeys in remote minimized machine VBS</t>
  </si>
  <si>
    <t>&lt;p&gt;I��m having problems with doing Shift + Enter in an object of SAP application.&lt;/p&gt;
&lt;p&gt;This is the code I have:&lt;/p&gt;
&lt;pre&gt;&lt;code&gt;If Dialog("SAP Logon 730").WinListView("SysListView32").Exist(100) Then
    Dialog("SAP Logon 730").Activate
    Dialog("SAP Logon 730").WinListView("SysListView32").Select sServer
    Dialog("SAP Logon 730").Activate    
    SendKeysShell ("+{ENTER}") 
End if
&lt;/code&gt;&lt;/pre&gt;
&lt;p&gt;A list of server is displayed in the "Dialog" object. One must be selected (with the .Select) and then open using Shift + Enter.&lt;/p&gt;
&lt;p&gt;The problem is that if I minimize the remote machine, the Sendkeys is not performed correctly.&lt;/p&gt;</t>
  </si>
  <si>
    <t>2018-01-26 14:08:40.727000+00:00</t>
  </si>
  <si>
    <t>2018-01-26 14:32:40.453000+00:00</t>
  </si>
  <si>
    <t>vbscript|sap|sendkeys</t>
  </si>
  <si>
    <t>How do I return all order items for all orders?</t>
  </si>
  <si>
    <t>&lt;p&gt;I had an interview question and could not complete it &amp;amp; was wondering the correct answer.&lt;/p&gt;
&lt;pre&gt;&lt;code&gt;public interface ICustomer
{
    string Name { get; }
    IEnumerable&amp;lt;IOrder&amp;gt; Orders { get; }
}
public interface IOrder
{
    IEnumerable&amp;lt;IOrderItem&amp;gt; OrderItems { get; }
}
public interface IOrderItem
{
    IEnumerable&amp;lt;IProduct&amp;gt; Products { get; }
}
public interface IProduct
{
    string Name { get; }
}
public class CustomersController : ApiController
{
    public IEnumerable&amp;lt;IOrderItem&amp;gt; List(ICustomer customer)
    {
        // Return All OrderItems for all orders
    }
}
&lt;/code&gt;&lt;/pre&gt;</t>
  </si>
  <si>
    <t>2015-11-05 00:39:16.197000+00:00</t>
  </si>
  <si>
    <t>2015-11-05 00:45:19.280000+00:00</t>
  </si>
  <si>
    <t>CodeIgniter use question mark in routes</t>
  </si>
  <si>
    <t>&lt;p&gt;I'm trying to make working routes with question mark in CodeIgniter. I wan't to do smth like this:&lt;/p&gt;
&lt;pre&gt;&lt;code&gt;$route['smth?(:any)'] = 'smth/smth/smth_fce/$1';
&lt;/code&gt;&lt;/pre&gt;
&lt;p&gt;But problem is, in CodeIgniter it tooks just string before &lt;strong&gt;?&lt;/strong&gt; and string after it it won't pass to the function. Is there any way, to make it working?&lt;/p&gt;</t>
  </si>
  <si>
    <t>2015-01-19 11:05:06.013000+00:00</t>
  </si>
  <si>
    <t>2015-01-20 05:31:38.900000+00:00</t>
  </si>
  <si>
    <t>codeigniter|routes</t>
  </si>
  <si>
    <t>How to pass information from appDelegate into one of the view controllers in the UINavigationcontroller</t>
  </si>
  <si>
    <t>&lt;p&gt;In the iphone app that I'm working on I use a custom class to manage network communication with the host.  The class called protocolClass is an ivar in the appDelegate and alloc + init in the applicationDidFinishLaunching: method. &lt;/p&gt;
&lt;p&gt;Now whenever the protocolClass receive data from the host, it calls protocolClassDidReceiveData: method in its delegate (which I set as the appDelegate).  I need then to update the data in one of the customViewControllers in the UINavigatorController. &lt;/p&gt;
&lt;p&gt;Should I just add a reference to the customViewController I need to update in the appDelegate?  or is there some other more efficient method?&lt;/p&gt;
&lt;p&gt;If I were to keep a reference to the customViewcontroller, what are the memory usage ramifications?&lt;/p&gt;
&lt;p&gt;Thanks in advance. &lt;/p&gt;</t>
  </si>
  <si>
    <t>2009-06-03 10:01:33.313000+00:00</t>
  </si>
  <si>
    <t>2012-03-02 03:41:38.370000+00:00</t>
  </si>
  <si>
    <t>iphone|uinavigationcontroller</t>
  </si>
  <si>
    <t>I want to make a form that changes when you select a (radio) box using fieldset and selection</t>
  </si>
  <si>
    <t>&lt;p&gt;I'm trying to make a questionnaire using only HTML5. After the user makes the decision between Option 1 and option 2 I want a different form to appear on the same page.&lt;/p&gt;
&lt;p&gt;This is the code i have now&lt;/p&gt;
&lt;pre&gt;&lt;code&gt;&amp;lt;h1&amp;gt; Choose an option &amp;lt;/h1&amp;gt;
&amp;lt;form&amp;gt;
  &amp;lt;input type="radio" name="keuze" value="project" checked&amp;gt;Option 1
  &amp;lt;input type="radio" name="keuze" value="stage"&amp;gt;Option 2
    &amp;lt;/form&amp;gt;
&lt;/code&gt;&lt;/pre&gt;
&lt;p&gt;If the user checks one of the boxes i want a different form to appear depending on what box they checked&lt;/p&gt;
&lt;p&gt;Is there a way to do it with  and &lt;/p&gt;</t>
  </si>
  <si>
    <t>2015-09-03 13:11:58.400000+00:00</t>
  </si>
  <si>
    <t>2015-09-03 13:22:15.023000+00:00</t>
  </si>
  <si>
    <t>html|html5|forms|selection|fieldset</t>
  </si>
  <si>
    <t>Python depoloyment package how to collect all dependencies</t>
  </si>
  <si>
    <t>&lt;p&gt;I'm using PyInstall to create an exe file and run it on a machine that doesn't have access to internet.&lt;/p&gt;
&lt;p&gt;One of my dependencies is Cassandra driver from here &lt;a href="https://github.com/datastax/python-driver/tree/master/cassandra" rel="nofollow noreferrer"&gt;https://github.com/datastax/python-driver/tree/master/cassandra&lt;/a&gt;&lt;/p&gt;
&lt;p&gt;Running &lt;code&gt;pyinstaller my_script.py&lt;/code&gt; created exe that works fine on my machine but running it on server reports missing scripts from cassandra.&lt;/p&gt;
&lt;p&gt;I have used &lt;code&gt;--hidden-import&lt;/code&gt; to add dependencies one-by-one as they are failing. Then I opened source code and just added all .py files I found there, but I'm still getting failures. Here's how my script looks now:&lt;/p&gt;
&lt;p&gt;&lt;code&gt;pyinstaller.exe --onefile --hidden-import six --hidden-import cassandra.io --hidden-import cassandra.connection --hidden-import cassandra.marshal --hidden-import cassandra.auth --hidden-import cassandra.cluster --hidden-import cassandra.cqltypes --hidden-import cassandra.cython_deps --hidden-import cassandra.encoder --hidden-import cassandra.metadata --hidden-import cassandra.murmur3 --hidden-import cassandra.policies --hidden-import cassandra.pool --hidden-import cassandra.protocol --hidden-import cassandra.query --hidden-import cassandra.timestamps --hidden-import cassandra.type_codes --hidden-import cassandra.util --hidden-import logging .\code\script.py&lt;/code&gt;&lt;/p&gt;
&lt;p&gt;And it may still fail. Is there a way I can tell python to collect everything automatically, gussing them one by one is getting silly.&lt;/p&gt;
&lt;p&gt;Thanks.&lt;/p&gt;</t>
  </si>
  <si>
    <t>2018-04-02 06:43:37.890000+00:00</t>
  </si>
  <si>
    <t>python|python-3.x|pyinstaller</t>
  </si>
  <si>
    <t>WPF Binding a collection of collections to a DataGrid</t>
  </si>
  <si>
    <t>&lt;p&gt;To simplify my problem, let's say that I have a property, that I am binding my DataGrid to:&lt;/p&gt;
&lt;pre&gt;&lt;code&gt;public List&amp;lt;LibrarySection&amp;gt; Library { get; set; }
&lt;/code&gt;&lt;/pre&gt;
&lt;p&gt;Then in each LibrarySection I have&lt;/p&gt;
&lt;pre&gt;&lt;code&gt;class LibrarySection
{
   public string SectionName{ get; set; }
   public List&amp;lt;Book&amp;gt; Books { get; set; }
}
&lt;/code&gt;&lt;/pre&gt;
&lt;p&gt;And book look like this:&lt;/p&gt;
&lt;pre&gt;&lt;code&gt;class Book
{
   public string Name { get; set; }
   public string Author { get; set; }
   public string BookID { get; set; }
}
&lt;/code&gt;&lt;/pre&gt;
&lt;p&gt;Now how can I bind to property Library, to achieve in a DataGrid a list of all the books:
&lt;a href="https://i.stack.imgur.com/kUtqS.png" rel="nofollow noreferrer"&gt;&lt;img src="https://i.stack.imgur.com/kUtqS.png" alt="Book table"&gt;&lt;/a&gt;&lt;/p&gt;</t>
  </si>
  <si>
    <t>2018-08-01 09:18:10.837000+00:00</t>
  </si>
  <si>
    <t>2018-08-02 03:05:20.393000+00:00</t>
  </si>
  <si>
    <t>2018-08-01 09:44:41.687000+00:00</t>
  </si>
  <si>
    <t>c#|.net|wpf|xaml</t>
  </si>
  <si>
    <t>A button which allows an image to be shown in Android Studio</t>
  </si>
  <si>
    <t>&lt;p&gt;I am building my application using Android Studio, this app can upload an image from raspberry to my emulator. It works fine. What I want to do now is uploading this image and showing it directly to the user without searching it in the gallery. I thought about creating another class and setting this image as a background image in my xml file, but this is too much like I have to create another class every time I want to upload an image from my raspberry. 
Can someone help me please. Thank you&lt;/p&gt;</t>
  </si>
  <si>
    <t>2016-06-13 14:14:46.553000+00:00</t>
  </si>
  <si>
    <t>2016-06-13 15:39:48.670000+00:00</t>
  </si>
  <si>
    <t>Dates of all Orders , ordered desc</t>
  </si>
  <si>
    <t>&lt;p&gt;I want to sort the Dates of all orders, in a descending list. for each user, I was thinking of using orderBy, currently I am only returning all dates. I was wondering if this is possible. Since I am not doing it using a query&lt;/p&gt;
&lt;p&gt;NOTE: I do now the orderby line doesn't work&lt;/p&gt;
&lt;pre&gt;&lt;code&gt; foreach($users as $user)
  {
    foreach ($orders as $order) {
     if($order-&amp;gt;getCustomer()-&amp;gt;getId() == $user-&amp;gt;getId()){
        $orderDates = $order-&amp;gt;getDate();
        $ordered = $orderDates-&amp;gt;orderBy('date' ,'DESC');
     }
    }
&lt;/code&gt;&lt;/pre&gt;</t>
  </si>
  <si>
    <t>2016-06-21 15:01:24.580000+00:00</t>
  </si>
  <si>
    <t>2016-06-21 15:22:15.203000+00:00</t>
  </si>
  <si>
    <t>symfony|controller|sql-order-by</t>
  </si>
  <si>
    <t>Ajax Function working localhost in mvc?</t>
  </si>
  <si>
    <t>&lt;p&gt;I'm trying to post an object into json server but I got the 500 internal server error. In this code is working fine in localHost but live not working, any this wrong in my code&lt;/p&gt;
&lt;pre&gt;&lt;code&gt;$.ajax({
  type: 'POST',
  url: '/Booking/CheckAvailability',
  dataType: 'json',
  cache: false,
  data: { 
    LocationID: locationID, 
    VenueID: venueID, 
    FacilityID: facilityID, 
    BookedFromDate: bookedFromDate, 
    BookedToDate: bookedToDate, 
    FromTime: fromtime, 
    ToTime: Ttime 
  },
  traditional: true,
  success: function (data) {
    if (data.success) {
      $("#VenueBooking").show();
    }
    if (data.False) {
      alert("Aleardy Booked");
    }
  },
  error: function (ex) {
    alert('Failed to retrieve Sub Categories : ' + ex);
  }
});
&lt;/code&gt;&lt;/pre&gt;
&lt;p&gt;The data Value not passed to controller any thing wrong in my code?&lt;/p&gt;
&lt;p&gt;COntroller:&lt;/p&gt;
&lt;pre&gt;&lt;code&gt;[HttpPost]
        public ActionResult CheckAvailability(int locationID, int venueID, int facilityID, string bookedFromDate, string bookedToDate, string fromTime, string toTime)
        {
            try
            {
                Get_Location();
                if (ModelState.IsValid)
                {
                    locationInformation check = new locationInformation();
                    bool suc = check.CheckAvailability(bookedFromDate, bookedToDate, fromTime, toTime);
                    if (suc == false)
                    {
                        return Json(new { success = true, message = "Checked successfully" }, JsonRequestBehavior.AllowGet);
                    }
                    else if (suc == true)
                    {
                        return Json(new { False = true, message = "Checked successfully" }, JsonRequestBehavior.AllowGet);
                    }
                }
                return View();
            }
            catch
            {
                return View();
            }
        }
&lt;/code&gt;&lt;/pre&gt;</t>
  </si>
  <si>
    <t>2018-06-21 14:12:02.540000+00:00</t>
  </si>
  <si>
    <t>2018-06-21 14:20:04.393000+00:00</t>
  </si>
  <si>
    <t>2018-06-21 14:15:29.997000+00:00</t>
  </si>
  <si>
    <t>javascript|jquery|ajax|asp.net-mvc</t>
  </si>
  <si>
    <t>Compare PHP foreach items and increment</t>
  </si>
  <si>
    <t>&lt;p&gt;I am using codeigniter to build table organizing users of an office, according to how many times someone uses the office. So the table will include, a username, number of uses, and a rank/position where the user who used the office the most times (has the highest number of uses) is at the top. Like a game leader board where the user with the highest score is at the top.&lt;/p&gt;
&lt;p&gt;I have this code:                 &lt;/p&gt;
&lt;pre&gt;&lt;code&gt;&amp;lt;?php $i=1;?&amp;gt;
&amp;lt;?php foreach ($leaders as $item):?&amp;gt;
    &amp;lt;?php if($i==11) break; ?&amp;gt;
&amp;lt;tr&amp;gt;
    &amp;lt;td&amp;gt;&amp;lt;?= $i++; ?&amp;gt;&amp;lt;/td&amp;gt;
    &amp;lt;td&amp;gt;&amp;lt;?= $item['Name']; ?&amp;gt;&amp;lt;/td&amp;gt;
    &amp;lt;td&amp;gt;&amp;lt;?= $item['Uses']; ?&amp;gt;&amp;lt;/td&amp;gt;
&amp;lt;/tr&amp;gt;
&amp;lt;?php endforeach;?&amp;gt;
&lt;/code&gt;&lt;/pre&gt;
&lt;p&gt;This code lists the users with the most uses from highest to lowest. &lt;strong&gt;It shows the top 10.&lt;/strong&gt;&lt;/p&gt;
&lt;p&gt;However, if a more than one user has the same number of uses, the positions on the table are different because I increment the position $i for each item in the loop.&lt;/p&gt;
&lt;p&gt;I tried this code but it doesn't quite work as I want it. &lt;/p&gt;
&lt;pre&gt;&lt;code&gt;&amp;lt;?php
$i=1;
$uses=null;
?&amp;gt;
&amp;lt;? foreach ($leaders as $item): 
    if($i==11) break; 
    if ($uses== $item['Uses']) {
        $i=$i;
    } else {
        $i=$i++;
    }
?&amp;gt;
&amp;lt;tr&amp;gt;
    &amp;lt;td&amp;gt;&amp;lt;?= $i; ?&amp;gt;&amp;lt;/td&amp;gt;
    &amp;lt;td&amp;gt;&amp;lt;?= $item['Name']; ?&amp;gt;&amp;lt;/td&amp;gt;
    &amp;lt;td&amp;gt;&amp;lt;?= $item['Uses']; ?&amp;gt;&amp;lt;/td&amp;gt;
&amp;lt;/tr&amp;gt;
&amp;lt;?= $uses=$item['Uses']; ?&amp;gt;
&amp;lt;?php endforeach;?&amp;gt;
&lt;/code&gt;&lt;/pre&gt;
&lt;p&gt;How do I fix this so that users with the same number of uses show at the same position. Example if John, Mary and Carl all have 5 uses, they should all have position 2 (&lt;code&gt;$i&lt;/code&gt;), and not 2, 3,4.&lt;/p&gt;
&lt;p&gt;So that all users with the same number of uses &lt;code&gt;$item['Uses'];&lt;/code&gt;, have the same position &lt;code&gt;$i&lt;/code&gt;.  &lt;/p&gt;
&lt;p&gt;&lt;strong&gt;EDIT&lt;/strong&gt;  &lt;/p&gt;
&lt;p&gt;Trying to achieve something like this:&lt;/p&gt;
&lt;pre&gt;&lt;code&gt;$previous_value = 0;
foreach ($arr as $key=&amp;gt;$value) {
    echo $key .'=&amp;gt;'. $previous_value .' '.  $value;
    $previous_value = $value;
}
&lt;/code&gt;&lt;/pre&gt;
&lt;p&gt;I basically want to say, if uses == previous item uses, then $i is the same as the $i in the prev item in loop, else, $i++&lt;/p&gt;</t>
  </si>
  <si>
    <t>2014-07-02 17:20:31.080000+00:00</t>
  </si>
  <si>
    <t>2014-07-02 19:04:50.040000+00:00</t>
  </si>
  <si>
    <t>2014-07-02 18:49:38.133000+00:00</t>
  </si>
  <si>
    <t>php|codeigniter|loops|foreach</t>
  </si>
  <si>
    <t>wordpress plugin -&gt; Call to undefined function wp_get_current_user()</t>
  </si>
  <si>
    <t>&lt;p&gt;I'm trying to get the current user info in my plugin using the func wp_get_current_user(). But am getting 
&lt;code&gt;Call to undefined function wp_get_current_user()&lt;/code&gt;&lt;/p&gt;
&lt;p&gt;Apparently this is happening because the file &lt;code&gt;/wp-includes/pluggable&lt;/code&gt; which contains the function doesn't get loaded until after the plugins are loaded.&lt;/p&gt;
&lt;p&gt;Anybody any ideas on how to get the user details in my plugin?&lt;/p&gt;</t>
  </si>
  <si>
    <t>2011-05-25 16:14:21.080000+00:00</t>
  </si>
  <si>
    <t>2017-11-15 09:28:44.597000+00:00</t>
  </si>
  <si>
    <t>2016-04-26 23:32:11.090000+00:00</t>
  </si>
  <si>
    <t>php|wordpress-plugin|wordpress</t>
  </si>
  <si>
    <t>How to search for random letters given in a textbox, the corresponding words in a dictionary textfile in VB 2015?</t>
  </si>
  <si>
    <t>&lt;p&gt;I know how to search a String in a text file, but I don't know how to make the algorithm for the combinations of the random letters. For instance the letters will be "tackel" and the algorithm should check all the combinations, and if they check correct it would appear : cat , tackle , let etc. My thought was to make the combinations like this : 012345, 102345, 120345, etc. since the textfield is an array, but I don't know how. Any help would be appreciated.&lt;/p&gt;</t>
  </si>
  <si>
    <t>2016-04-14 18:55:50.757000+00:00</t>
  </si>
  <si>
    <t>2016-04-14 21:11:31.073000+00:00</t>
  </si>
  <si>
    <t>vb.net|visual-studio-2015</t>
  </si>
  <si>
    <t>Heroku: Run a Rails application with a Python script on the same instance</t>
  </si>
  <si>
    <t>&lt;p&gt;I have a Python script in the &lt;code&gt;/app/bin&lt;/code&gt; directory of my Rails app that contains a &lt;code&gt;requirements.txt&lt;/code&gt; file that includes all of the dependencies it relies on.&lt;/p&gt;
&lt;p&gt;How do I get it to run on the same Heroku instance that my Rails app currently runs on (my Rails app call the python script occasionally).&lt;/p&gt;
&lt;p&gt;Here's what I've tried so far:&lt;/p&gt;
&lt;ol&gt;
&lt;li&gt;Put the &lt;code&gt;requirements.txt&lt;/code&gt; file in the &lt;code&gt;/&lt;/code&gt; dir. Didn't install any python dependencies&lt;/li&gt;
&lt;li&gt;Tried running &lt;code&gt;heroku run bash&lt;/code&gt; and then running &lt;code&gt;pip install -r requirements.txt&lt;/code&gt;. Got the message &lt;code&gt;pip command not found&lt;/code&gt;.&lt;/li&gt;
&lt;li&gt;Tried installing pip through the bash interface using &lt;code&gt;sudo python get-pip.py&lt;/code&gt; after &lt;code&gt;curl&lt;/code&gt;ing the script as suggested on the &lt;a href="http://pip.readthedocs.org/en/latest/installing.html" rel="nofollow"&gt;pip installation site&lt;/a&gt;. Didn't work -- not surprisingly, they don't support &lt;code&gt;sudo&lt;/code&gt; commands on the instance.&lt;/li&gt;
&lt;/ol&gt;
&lt;p&gt;I know Heroku is supposed to support &lt;code&gt;pip&lt;/code&gt; out of the box, but it doesn't seem to do anything with the &lt;code&gt;requirements.txt&lt;/code&gt; file once it's detected a &lt;code&gt;Ruby&lt;/code&gt; app.&lt;/p&gt;</t>
  </si>
  <si>
    <t>2014-08-02 08:47:58.590000+00:00</t>
  </si>
  <si>
    <t>2014-08-05 16:22:43.237000+00:00</t>
  </si>
  <si>
    <t>2014-08-02 08:59:14.143000+00:00</t>
  </si>
  <si>
    <t>python|ruby-on-rails|bash|heroku</t>
  </si>
  <si>
    <t>Difference between instantiating then assigning vs declaring then assigning?</t>
  </si>
  <si>
    <t>&lt;p&gt;A friend of mine asked this to me. Although I answered it, I am not very convinced my self. All I seek is a satisfaction or a correction. The code snippet is below: &lt;/p&gt;
&lt;pre&gt;&lt;code&gt;class Program
{
    static void Main(string[] args)
    {
        DataTable dt1 = new DataTable("Customer");
        dt1.Columns.Add("ID", typeof(int));
        //and some more columns
        dt1.Rows.Add(1);
        *****//what is the difference between doing
        DataTable dt2 = dt1;
        //vs.
        DataTable dt3 = new DataTable();
        dt3 = dt1;*****
    }
}
&lt;/code&gt;&lt;/pre&gt;
&lt;p&gt;From what I know thus far, using a &lt;code&gt;new&lt;/code&gt; keyword would create the object on the heap and a  pointer variable on the stack and stack is used only for simple data types like int, double, etc and pointers. &lt;/p&gt;
&lt;p&gt;From my understanding, I explained that &lt;code&gt;dt2&lt;/code&gt; would be created on the stack which is capable of pointing to any &lt;code&gt;DataTable&lt;/code&gt; type in the heap, and as we assign &lt;code&gt;dt1&lt;/code&gt; to &lt;code&gt;dt2&lt;/code&gt;, it will point to the same data table &lt;code&gt;dt1&lt;/code&gt;was pointing to. In the case of dt3, a new data table object is created on the heap and &lt;code&gt;dt3&lt;/code&gt; will be pointing to it, but when we do &lt;code&gt;dt3 = dt1&lt;/code&gt;, it starts pointing to &lt;code&gt;DataTable&lt;/code&gt; pointed by &lt;code&gt;dt1&lt;/code&gt; instead of the one created. &lt;/p&gt;
&lt;p&gt;I am not very confident that I gave a proper explanation esp. the part about &lt;code&gt;dt3&lt;/code&gt;. So I was hoping the community would either correct me or assure me I was right. &lt;/p&gt;</t>
  </si>
  <si>
    <t>2014-02-02 22:15:24.730000+00:00</t>
  </si>
  <si>
    <t>2014-02-02 22:42:18.340000+00:00</t>
  </si>
  <si>
    <t>2014-02-02 22:21:56.130000+00:00</t>
  </si>
  <si>
    <t>c#|.net|object|heap-memory|stack-memory</t>
  </si>
  <si>
    <t>How to implement Data push(server push) in worklist application</t>
  </si>
  <si>
    <t>&lt;p&gt;I am planning to implement Server Push functionality in human workflow. Say when a task is assigned to a group and any of the group member updated the task, it has to update the task status automatically(without browser refresh) in other group members who are opened the worklist page.
How do I can achieve this? any ideas or suggestions will be appreciated.&lt;/p&gt;</t>
  </si>
  <si>
    <t>2011-12-22 18:28:49.290000+00:00</t>
  </si>
  <si>
    <t>2011-12-23 18:16:54.587000+00:00</t>
  </si>
  <si>
    <t>comet|bpel|fusion</t>
  </si>
  <si>
    <t>Check is the downloaded mp4 file is proparly downloaded to play. - iphone sdk</t>
  </si>
  <si>
    <t>&lt;p&gt;I have developed the code for downloading the mp4 video from server. It does work perfectly sometime but sometime the video which is downloaded is not proper so its not playing.
Sometime it that downloaded video is off just 2kb which is not the correct or might be not downloaded properly. 
So is there any way to check is the downloaded mp4 file is correct?&lt;/p&gt;
&lt;p&gt;Thanks in advance.&lt;/p&gt;</t>
  </si>
  <si>
    <t>2012-04-16 09:00:59.280000+00:00</t>
  </si>
  <si>
    <t>2012-04-16 09:22:56.883000+00:00</t>
  </si>
  <si>
    <t>ios|ios4|video|download|mp4</t>
  </si>
  <si>
    <t>Libgdx android giving compiler error</t>
  </si>
  <si>
    <t>&lt;p&gt;I am using libgdx framework for creating games on android.I configured the API's as per &lt;a href="http://hrugames.com/installing-libgdx-in-eclipse-tutorial/" rel="nofollow"&gt;http://hrugames.com/installing-libgdx-in-eclipse-tutorial/&lt;/a&gt; .But it worked only for that session of eclipse.After I restart eclipse or open it again, eclipse gives me a compile error saying:&lt;/p&gt;
&lt;p&gt;"repackage that code. That is, move the classes in question into
your own package namespace. This means that they will never be in
conflict with core system classes. JarJar is a tool that may help
you in this endeavor. If you find that you cannot do this, then
that is an indication that the path you are on will ultimately
lead to pain, suffering, grief, and lamentation.&lt;/p&gt;
&lt;pre&gt;&lt;code&gt;[2014-04-23 19:31:13 - GDX_GAMES] Dx 1 error; aborting
[2014-04-23 19:31:13 - GDX_GAMES] Conversion to Dalvik format failed with error 1"
&lt;/code&gt;&lt;/pre&gt;
&lt;p&gt;The code does not compile.I have gone through many links but have not found any solution to it.Can anyone please help me?
Thanks in advance.&lt;/p&gt;</t>
  </si>
  <si>
    <t>2014-04-23 14:05:55.597000+00:00</t>
  </si>
  <si>
    <t>2014-04-24 16:13:49.647000+00:00</t>
  </si>
  <si>
    <t>android|libgdx</t>
  </si>
  <si>
    <t>Print only html table using javascript</t>
  </si>
  <si>
    <t>&lt;p&gt;I have the following basic html table with a Java function to print only the table content However the Print button does nothing when clicked,I figure probably the java coding is the issue, however it is not working could I get a third pair of eyes to assist please&lt;/p&gt;
&lt;pre&gt;&lt;code&gt;&amp;lt;html&amp;gt;
&amp;lt;body&amp;gt;
&amp;lt;table border="1" cellpadding="3" id="printTable"&amp;gt;
    &amp;lt;tbody&amp;gt;&amp;lt;tr&amp;gt;
        &amp;lt;th&amp;gt;First Name&amp;lt;/th&amp;gt;
        &amp;lt;th&amp;gt;Last Name&amp;lt;/th&amp;gt;      
        &amp;lt;th&amp;gt;Points&amp;lt;/th&amp;gt;
    &amp;lt;/tr&amp;gt;
    &amp;lt;tr&amp;gt;
        &amp;lt;td&amp;gt;Jill&amp;lt;/td&amp;gt;
        &amp;lt;td&amp;gt;Smith&amp;lt;/td&amp;gt;      
        &amp;lt;td&amp;gt;50&amp;lt;/td&amp;gt;
    &amp;lt;/tr&amp;gt;
    &amp;lt;tr&amp;gt;
        &amp;lt;td&amp;gt;Eve&amp;lt;/td&amp;gt;
        &amp;lt;td&amp;gt;Jackson&amp;lt;/td&amp;gt;        
        &amp;lt;td&amp;gt;94&amp;lt;/td&amp;gt;
    &amp;lt;/tr&amp;gt;
    &amp;lt;tr&amp;gt;
        &amp;lt;td&amp;gt;John&amp;lt;/td&amp;gt;
        &amp;lt;td&amp;gt;Doe&amp;lt;/td&amp;gt;        
        &amp;lt;td&amp;gt;80&amp;lt;/td&amp;gt;
    &amp;lt;/tr&amp;gt;
    &amp;lt;tr&amp;gt;
        &amp;lt;td&amp;gt;Adam&amp;lt;/td&amp;gt;
        &amp;lt;td&amp;gt;Johnson&amp;lt;/td&amp;gt;        
        &amp;lt;td&amp;gt;67&amp;lt;/td&amp;gt;
    &amp;lt;/tr&amp;gt;
&amp;lt;/tbody&amp;gt;&amp;lt;/table&amp;gt;
&amp;lt;br /&amp;gt;
&amp;lt;br /&amp;gt;
&amp;lt;button&amp;gt;Print me&amp;lt;/button&amp;gt;
&amp;lt;script&amp;gt;
function printData()
{
   var divToPrint=document.getElementById("printTable");
   newWin= window.open("");
   newWin.document.write(divToPrint.outerHTML);
   newWin.print();
   newWin.close();
}
$('button').on('click',function(){
printData();
})
&amp;lt;/script&amp;gt;
&amp;lt;/body&amp;gt;
&amp;lt;/html&amp;gt;
&lt;/code&gt;&lt;/pre&gt;</t>
  </si>
  <si>
    <t>2015-04-13 16:54:27.060000+00:00</t>
  </si>
  <si>
    <t>2015-04-13 17:19:53.690000+00:00</t>
  </si>
  <si>
    <t>2015-04-13 16:58:12.127000+00:00</t>
  </si>
  <si>
    <t>java|html|printing</t>
  </si>
  <si>
    <t>Getting Error in Web Services</t>
  </si>
  <si>
    <t>&lt;p&gt;I am getting following response of while using web services&lt;/p&gt;
&lt;pre&gt;&lt;code&gt; &amp;lt;s:Envelope xmlns:s="http://schemas.xmlsoap.org/soap/envelope/"&amp;gt;&amp;lt;s:Body&amp;gt;&amp;lt;s:Fault&amp;gt;&amp;lt;faultcode 
xmlns:a="http://schemas.microsoft.com/net/2005/12/windowscommunicationfoundation/dispatcher"
&amp;gt;a:InternalServiceFault&amp;lt;/faultcode&amp;gt;&amp;lt;faultstring xml:lang="en-US"&amp;gt;Object reference not set to 
an instance of an object.&amp;lt;/faultstring&amp;gt;&amp;lt;detail&amp;gt;&amp;lt;ExceptionDetail 
xmlns="http://schemas.datacontract.org/2004/07/System.ServiceModel" 
xmlns:i="http://www.w3.org/2001/XMLSchema-instance"&amp;gt;&amp;lt;HelpLink i:nil="true"/&amp;gt;&amp;lt;InnerException 
i:nil="true"/&amp;gt;&amp;lt;Message&amp;gt;Object reference not set to an instance of an object.&amp;lt;/Message&amp;gt;
&amp;lt;StackTrace&amp;gt;   at BAL.getDUCID(String DUC, String Plateform) in 
f:\DotnetSite\Websites\APSWServices\App_Code\BAL.cs:line 28&amp;amp;#xD;
&lt;/code&gt;&lt;/pre&gt;
&lt;p&gt;at &lt;code&gt;IPhone.getHeaderAds(String Duc, String PId, String W, String H, String AdsId, String SessionId, String IMEI, String User_Agent)&lt;/code&gt; in &lt;code&gt;f:\DotnetSite\Websites\APSWServices\App_Code\IPhone.cs:line 67&amp;amp;#xD;&lt;/code&gt;&lt;/p&gt;</t>
  </si>
  <si>
    <t>2011-06-21 05:19:33.287000+00:00</t>
  </si>
  <si>
    <t>2013-12-06 08:28:35.700000+00:00</t>
  </si>
  <si>
    <t>2011-06-21 05:32:54.147000+00:00</t>
  </si>
  <si>
    <t>Laravel Many-to-Many SQL Server Error</t>
  </si>
  <si>
    <t>&lt;p&gt;I'm hoping that I'm simply missing something, but I've spent a day trying to get this figured out on my own.&lt;/p&gt;
&lt;p&gt;I'm working on trying to sync some &lt;code&gt;tags&lt;/code&gt; to a &lt;code&gt;job&lt;/code&gt;.&lt;/p&gt;
&lt;p&gt;I've ran &lt;code&gt;dd()&lt;/code&gt; to make sure when submitting the tags are submitting as an array, and I've made sure my relationships are properly hooked up in laravel.&lt;/p&gt;
&lt;p&gt;However, when creating a new job with tags (no tags works fine because the insert doesn't actually happen), this error comes up:&lt;/p&gt;
&lt;pre&gt;&lt;code&gt;SQLSTATE[42000]: [Microsoft][ODBC Driver 11 for SQL Server][SQL Server]
Incorrect syntax near ','. (SQL: insert into [ninja_job_tag] ([job_id], [tag_id]) 
values (1, 1), (1, 3), (1, 5), (1, 7), (1, 8), (1, 10))
&lt;/code&gt;&lt;/pre&gt;
&lt;p&gt;Here's the attach code (&lt;code&gt;$job&lt;/code&gt; is properly created already):&lt;/p&gt;
&lt;pre&gt;&lt;code&gt;$tagIDs = Input::get('tags') || [];
$job-&amp;gt;tags()-&amp;gt;attach(Input::get('tags'));
&lt;/code&gt;&lt;/pre&gt;
&lt;p&gt;This is the function in &lt;code&gt;Job.php&lt;/code&gt; to call the &lt;code&gt;tags&lt;/code&gt;:&lt;/p&gt;
&lt;pre&gt;&lt;code&gt;public function tags()
{
    return $this-&amp;gt;belongsToMany('App\Models\Marketing\Tag','ninja_job_tag');
}
&lt;/code&gt;&lt;/pre&gt;
&lt;p&gt;This is the function in &lt;code&gt;Tag.php&lt;/code&gt; to call the &lt;code&gt;jobs&lt;/code&gt;:&lt;/p&gt;
&lt;pre&gt;&lt;code&gt;public function jobs()
{
    return $this-&amp;gt;belongsToMany('App\Models\Marketing\Job','ninja_job_tag');
}
&lt;/code&gt;&lt;/pre&gt;
&lt;p&gt;Here's the migration for the pivot table:&lt;/p&gt;
&lt;pre&gt;&lt;code&gt;Schema::create('ninja_job_tag', function(Blueprint $table)
{
    $table-&amp;gt;integer('job_id')-&amp;gt;unsigned()-&amp;gt;index();
    $table-&amp;gt;foreign('job_id')-&amp;gt;references('id')-&amp;gt;on('ninja_jobs')-&amp;gt;onDelete('cascade');
    $table-&amp;gt;integer('tag_id')-&amp;gt;unsigned()-&amp;gt;index();
    $table-&amp;gt;foreign('tag_id')-&amp;gt;references('id')-&amp;gt;on('ninja_tags')-&amp;gt;onDelete('cascade');
});
&lt;/code&gt;&lt;/pre&gt;
&lt;p&gt;Am I overlooking some stupid mistake? Thanks in advance for any help!&lt;/p&gt;
&lt;hr&gt;
&lt;p&gt;&lt;strong&gt;UPDATE&lt;/strong&gt;&lt;/p&gt;
&lt;p&gt;After some more investigating, adding only ONE tag works.  This led me to look in a different direction, and I found that in order to insert multiple rows in one statement, the database MUST be ran by SQL Server 2008 or newer.  It's unfortunate, but the server I need to run off of hasn't been updated in a long while and only runs SQL Server 2005 (version 9.0). &lt;/p&gt;
&lt;p&gt;The only thing I can think of doing now is to use a &lt;code&gt;foreach&lt;/code&gt; to loop through EVERY &lt;code&gt;tag_id&lt;/code&gt; and attach them individually. Can anyone think of an alternate solution?&lt;/p&gt;</t>
  </si>
  <si>
    <t>2015-05-20 14:09:57.457000+00:00</t>
  </si>
  <si>
    <t>2015-05-20 15:42:35.957000+00:00</t>
  </si>
  <si>
    <t>2015-05-20 14:40:28.607000+00:00</t>
  </si>
  <si>
    <t>php|sql-server|laravel|laravel-5</t>
  </si>
  <si>
    <t>Connecting and getting JSON response from an open API , HTTP</t>
  </si>
  <si>
    <t>&lt;p&gt;I have been trying to figure this out on my own going trough tutorials, documentation and searching questions on SO and I cant find a solution.  I have connected through tutorials but I have been trying to connect to a API.
The &lt;a href="https://github.com/owainlewis/exercise" rel="nofollow"&gt;Website&lt;/a&gt;. I have been trying to get a result but I don't have enough knowledge in this area to solve it myself.  I posted how I am trying to implement it. &lt;strong&gt;QUESTION: How do I get the JSON response?&lt;/strong&gt;   If you need more information I will update my question.  If you believe it is a bad question post why so I can correct myself.  &lt;/p&gt;
&lt;pre&gt;&lt;code&gt;public class JSONTesting extends ActionBarActivity {
    /*
     Example displayed on site: scala/exercise [master] http http://localhost:9000/exercises/category/forearms
     HTTP/1.1 200 OK
     Content-Length: 1606
     Content-Type: application/json
     **Search
     List All Exercises: http http://localhost:9000/exercises/
     Search By Muscle Group:  http http://localhost:9000/exercises/category/forearms
     Search By Letter:  http http://localhost:9000/exercises/a
      */
    TextView textView;
    String LINK = "http://10.0.3.2:9000/exercises/"; //Genymotion (10.0.3.2)
    @Override
    protected void onCreate(Bundle savedInstanceState) {
        super.onCreate(savedInstanceState);
        setContentView(R.layout.activity_jsontesting);
        textView = (TextView) findViewById(R.id.textView);
        new HttpAsyncTask().execute(LINK + "");
    }
    public static String GET(String url) {
        InputStream inputStream = null;
        String result = "";
        try {
            // create HttpClient
            HttpClient httpclient = new DefaultHttpClient();
            // make GET request to the given URL
            HttpGet httpget = new HttpGet(url);
            httpget.setHeader("Content-Type", "application/json");
            HttpResponse httpResponse = httpclient.execute(httpget);//HostConnection::get() New Host Connection established 0xa4816120, tid 1602
            // receive response as inputStream
            inputStream = httpResponse.getEntity().getContent();
            // convert inputstream to string
            if (inputStream != null) {
                result = convertInputStreamToString(inputStream);
            } else {
                result = "Did not work!";
            }
        } catch (Exception e) {
            Log.d("InputStream", e.getLocalizedMessage());
        }
        return result;
    }
    private static String convertInputStreamToString(InputStream inputStream) throws IOException {
        BufferedReader bufferedReader = new BufferedReader(new InputStreamReader(inputStream));
        String line = "";
        String result = "";
        while ((line = bufferedReader.readLine()) != null)
            result += line;
        inputStream.close();
        return result;
    }
    private class HttpAsyncTask extends AsyncTask&amp;lt;String, Void, String&amp;gt; {
        @Override
        protected String doInBackground(String... urls) {
            return GET(urls[0]);
        }
        // onPostExecute displays the results of the AsyncTask.
        @Override
        protected void onPostExecute(String result) {
            Toast.makeText(getBaseContext(), "Received!", Toast.LENGTH_LONG).show();
            textView.setText(result);
        }
    }
    // check network connection
    public boolean isConnected() { // Returns Connected
        ConnectivityManager connMgr = (ConnectivityManager) getSystemService(this.CONNECTIVITY_SERVICE);
        NetworkInfo networkInfo = connMgr.getActiveNetworkInfo();
        if (networkInfo != null &amp;amp;&amp;amp; networkInfo.isConnected())
            return true;
        else
            return false;
    }
}
&lt;/code&gt;&lt;/pre&gt;
&lt;p&gt;&lt;strong&gt;UPDATE&lt;/strong&gt;&lt;/p&gt;
&lt;pre&gt;&lt;code&gt;public class JSONTesting extends ActionBarActivity {
    TextView textView;
    String LINK = "http://10.0.3.2:9000/exercises/"; //Genymotion (10.0.3.2)
    @Override
    protected void onCreate(Bundle savedInstanceState) {
        super.onCreate(savedInstanceState);
        setContentView(R.layout.activity_jsontesting);
        textView = (TextView) findViewById(R.id.textView);
        new HttpAsyncTask().execute(LINK);
    }
    public static String GET(String url) {
        JSONArray finalResult = null;
        try {
            DefaultHttpClient httpClient = new DefaultHttpClient();
            HttpGet httpGet = new HttpGet(url);
            HttpResponse httpResponse = httpClient.execute(httpGet);
            BufferedReader reader = new BufferedReader(new InputStreamReader(httpResponse.getEntity().getContent(), "UTF-8"));
            StringBuilder builder = new StringBuilder();
            for (String line = null; (line = reader.readLine()) != null; ) {
                builder.append(line).append("\n");
            }
            JSONTokener tokener = new JSONTokener(builder.toString());
            finalResult = new JSONArray(tokener); //This is your JSON result
        } catch (Exception e) {
            Log.d("InputStream", e.getLocalizedMessage());
        }
        return finalResult.toString();
    }
    private class HttpAsyncTask extends AsyncTask&amp;lt;String, Void, String&amp;gt; {
        @Override
        protected String doInBackground(String... urls) {
            return GET(urls[0]);
        }
        @Override
        protected void onPostExecute(String result) {
            Toast.makeText(getBaseContext(), "Received!", Toast.LENGTH_LONG).show();
            textView.setText(result);
        }
    }
}
&lt;/code&gt;&lt;/pre&gt;</t>
  </si>
  <si>
    <t>2015-02-26 19:02:48.167000+00:00</t>
  </si>
  <si>
    <t>2015-02-26 19:47:45.470000+00:00</t>
  </si>
  <si>
    <t>android|http|androidhttpclient</t>
  </si>
  <si>
    <t>Spring RabbitListener with RoutingConnectionFactory</t>
  </si>
  <si>
    <t>&lt;p&gt;I have set a &lt;code&gt;SimpleRoutingConnectionFactory&lt;/code&gt; like:&lt;/p&gt;
&lt;pre&gt;&lt;code&gt;@Bean
@Primary
public SimpleRoutingConnectionFactory routingConnectionFactory(ConnectionFactory cf1, ConnectionFactory cf2) {
    SimpleRoutingConnectionFactory rcf = new SimpleRoutingConnectionFactory();
    Map&amp;lt;Object, ConnectionFactory&amp;gt; map = new HashMap&amp;lt;&amp;gt;();
    map.put("[foo.server1,bar.server1]", cf1); // receive
    map.put("[foo.server2,bar.server2]", cf2); // receive
    map.put("server1", cf1); // send
    map.put("server2", cf2); // send
    rcf.setTargetConnectionFactories(map);
    rcs.setDefaultConnectionFactory(defaultConnectionFactory());
    return rcf;
}
&lt;/code&gt;&lt;/pre&gt;
&lt;p&gt;The above &lt;code&gt;RoutingConnectionFactory&lt;/code&gt; allows me to send messages on specific servers using &lt;code&gt;SimpleResourceHolder.bind(rabbitTemplate().getConnectionFactory(), host)&lt;/code&gt; as expected, but receiving does not.&lt;/p&gt;
&lt;p&gt;I then manually registered a &lt;code&gt;MessageListenerContainer&lt;/code&gt; that listens on &lt;code&gt;foo.server1,bar.server1,foo.server2,bar.server2&lt;/code&gt; queues. &lt;/p&gt;
&lt;p&gt;I expected to see channel created by &lt;code&gt;cf1&lt;/code&gt; for the message that was sent to &lt;code&gt;foo.server1&lt;/code&gt; and channel created by &lt;code&gt;cf2&lt;/code&gt; for the message sent to &lt;code&gt;bar.server2&lt;/code&gt; but channel seems to be created by &lt;code&gt;defaultConnectionFactory&lt;/code&gt;.&lt;/p&gt;
&lt;p&gt;But, I can see in my DEBUG log:
&lt;code&gt;Cannot determine target ConnectionFactory for lookup key [[foo.server1,bar.server1,foo.server2,bar.server2]]&lt;/code&gt;. &lt;/p&gt;
&lt;p&gt;This means that &lt;code&gt;MessageListenerContainer&lt;/code&gt; uses a single &lt;code&gt;ConnectionFactory&lt;/code&gt; for all queues? Can I somehow configure my listener to use different factory per queue? I tried registering a factory per queue instead of grouping them, but that doesn't work either.&lt;/p&gt;</t>
  </si>
  <si>
    <t>2018-11-23 14:26:28.843000+00:00</t>
  </si>
  <si>
    <t>2018-11-23 16:18:50.223000+00:00</t>
  </si>
  <si>
    <t>java|spring|spring-amqp</t>
  </si>
  <si>
    <t>Where should non-member operator overloads be placed?</t>
  </si>
  <si>
    <t>&lt;p&gt;I want to overload &lt;code&gt;operator&amp;lt;&amp;lt;&lt;/code&gt; for my class. Should I add this overloaded definition to the &lt;code&gt;std&lt;/code&gt; namespace? (since the &lt;code&gt;ostream operator&amp;lt;&amp;lt;&lt;/code&gt; is part of the &lt;code&gt;std&lt;/code&gt; namespace) Or should I just leave it in the global namespace?&lt;/p&gt;
&lt;p&gt;In short:&lt;/p&gt;
&lt;pre&gt;&lt;code&gt;class MyClass {
};
namespace std {
    ostream&amp;amp; operator&amp;lt;&amp;lt; ( ostream&amp;amp; Ostr, const MyClass&amp;amp; MyType ) {}
}
&lt;/code&gt;&lt;/pre&gt;
&lt;p&gt;&lt;strong&gt;OR&lt;/strong&gt;&lt;/p&gt;
&lt;pre&gt;&lt;code&gt;class MyClass {
};
std::ostream&amp;amp; operator&amp;lt;&amp;lt; ( std::ostream&amp;amp; Ostr, const MyClass&amp;amp; MyType ) {}
&lt;/code&gt;&lt;/pre&gt;
&lt;p&gt;Which is more appropriate and why? Thanks in advance for your responses.&lt;/p&gt;</t>
  </si>
  <si>
    <t>2010-09-02 03:26:16.537000+00:00</t>
  </si>
  <si>
    <t>2010-10-08 14:25:18.987000+00:00</t>
  </si>
  <si>
    <t>c++|namespaces|operator-overloading</t>
  </si>
  <si>
    <t>Android 4.2: IllegalstateException: One or more children of this LayerDrawable does not have constant state</t>
  </si>
  <si>
    <t>&lt;p&gt;Since the new update from Android 4.1 to 4.2 on my smartphone, my app throws an exception, when it initializes a ViewPager and its Activities.&lt;/p&gt;
&lt;p&gt;&lt;strong&gt;The Exception:&lt;/strong&gt; &lt;/p&gt;
&lt;p&gt;java.lang.IllegalStateException: One or more children of this LayerDrawable does not have constant state; this drawable cannot be mutated.&lt;/p&gt;
&lt;p&gt;&lt;strong&gt;The StackTrace:&lt;/strong&gt;&lt;/p&gt;
&lt;pre&gt;&lt;code&gt;java.lang.RuntimeException: Unable to start activity ComponentInfo{imatuve.info/imatuve.news.NewsTabActivity}: android.view.InflateException: Binary XML file line #3: Error inflating class &amp;lt;unknown&amp;gt;
   at android.app.ActivityThread.performLaunchActivity(ActivityThread.java:2180)
   at android.app.ActivityThread.handleLaunchActivity(ActivityThread.java:2230)
   at android.app.ActivityThread.access$600(ActivityThread.java:141)
   at android.app.ActivityThread$H.handleMessage(ActivityThread.java:1234)
   at android.os.Handler.dispatchMessage(Handler.java:99)
   at android.os.Looper.loop(Looper.java:137)
   at android.app.ActivityThread.main(ActivityThread.java:5039)
   at java.lang.reflect.Method.invokeNative(Native Method)
   at java.lang.reflect.Method.invoke(Method.java:511)
   at com.android.internal.os.ZygoteInit$MethodAndArgsCaller.run(ZygoteInit.java:793)
   at com.android.internal.os.ZygoteInit.main(ZygoteInit.java:560)
   at dalvik.system.NativeStart.main(Native Method)Caused by: android.view.InflateException: Binary XML file line #3: Error inflating class &amp;lt;unknown&amp;gt;
   at android.view.LayoutInflater.createView(LayoutInflater.java:613)
   at com.android.internal.policy.impl.PhoneLayoutInflater.onCreateView(PhoneLayoutInflater.java:56)
   at android.view.LayoutInflater.onCreateView(LayoutInflater.java:660)
   at android.view.LayoutInflater.createViewFromTag(LayoutInflater.java:685)
   at android.view.LayoutInflater.inflate(LayoutInflater.java:466)
   at android.view.LayoutInflater.inflate(LayoutInflater.java:396)
   at android.view.LayoutInflater.inflate(LayoutInflater.java:352)
   at imatuve.news.NewsTabActivity.createTabView(NewsTabActivity.java:313)
   at imatuve.news.NewsTabActivity.initialiseTabHost(NewsTabActivity.java:261)
   at imatuve.news.NewsTabActivity.onCreate(NewsTabActivity.java:96)
   at android.app.Activity.performCreate(Activity.java:5104)
   at android.app.Instrumentation.callActivityOnCreate(Instrumentation.java:1080)
   at android.app.ActivityThread.performLaunchActivity(ActivityThread.java:2144)
   ... 11 more
    Caused by: java.lang.reflect.InvocationTargetException
   at java.lang.reflect.Constructor.constructNative(Native Method)
   at java.lang.reflect.Constructor.newInstance(Constructor.java:417)
   at android.view.LayoutInflater.createView(LayoutInflater.java:587)
... 23 more
    Caused by: android.content.res.Resources$NotFoundException: File res/drawable/tab_bg_selector.xml from drawable resource ID #0x7f020065
   at android.content.res.Resources.loadDrawable(Resources.java:1953)
   at android.content.res.TypedArray.getDrawable(TypedArray.java:601)
   at android.view.View.&amp;lt;init&amp;gt;(View.java:3328)
   at android.view.View.&amp;lt;init&amp;gt;(View.java:3257)
   at android.view.ViewGroup.&amp;lt;init&amp;gt;(ViewGroup.java:425)
   at android.widget.RelativeLayout.&amp;lt;init&amp;gt;(RelativeLayout.java:210)
   ... 26 more
    Caused by: java.lang.IllegalStateException: One or more children of this LayerDrawable does not have constant state; this drawable cannot be mutated.
   at android.graphics.drawable.LayerDrawable.mutate(LayerDrawable.java:579)
   at android.graphics.drawable.DrawableContainer.selectDrawable(DrawableContainer.java:315)
   at android.graphics.drawable.StateListDrawable.onStateChange(StateListDrawable.java:106)
   at android.graphics.drawable.StateListDrawable.inflate(StateListDrawable.java:189)
   at android.graphics.drawable.Drawable.createFromXmlInner(Drawable.java:885)
   at android.graphics.drawable.Drawable.createFromXml(Drawable.java:822)
   at android.content.res.Resources.loadDrawable(Resources.java:1950)
   ... 31 more
&lt;/code&gt;&lt;/pre&gt;
&lt;p&gt;&lt;strong&gt;The Code:&lt;/strong&gt;&lt;/p&gt;
&lt;pre&gt;&lt;code&gt;private static View createTabView(final Context context, final String tag) {
            //The exception comes when inflating the view
            View view = LayoutInflater.from(context).inflate(R.layout.tabs_bg, null);
    TextView tv = (TextView)view.findViewById(R.id.tabsText);
    tv.setText(tag);
    return view;
}
&lt;/code&gt;&lt;/pre&gt;
&lt;p&gt;&lt;strong&gt;tab_bg_selector.xml:&lt;/strong&gt;&lt;/p&gt;
&lt;pre&gt;&lt;code&gt;&amp;lt;?xml version="1.0" encoding="utf-8"?&amp;gt;
&lt;/code&gt;&lt;/pre&gt;
&lt;p&gt;&lt;/p&gt;
&lt;pre&gt;&lt;code&gt;&amp;lt;!--  Active tab --&amp;gt;
&amp;lt;item android:state_selected="true" android:state_focused="false"
    android:state_pressed="false" android:drawable="@drawable/tab_bg_selected" /&amp;gt;
&amp;lt;!--  Inactive tab --&amp;gt;
&amp;lt;item android:state_selected="false" android:state_focused="false"
    android:state_pressed="false" android:drawable="@drawable/tab_bg_unselected" /&amp;gt;
&amp;lt;!--  Pressed tab --&amp;gt;
&amp;lt;item android:state_pressed="true" android:drawable="@drawable/tab_bg_pressed" /&amp;gt;
&amp;lt;!--  Selected tab  --&amp;gt;
&amp;lt;item android:state_focused="true" android:state_selected="true"
    android:state_pressed="false" android:drawable="@color/transparent" /&amp;gt;
&lt;/code&gt;&lt;/pre&gt;
&lt;p&gt; &lt;/p&gt;
&lt;p&gt;&lt;strong&gt;tab_pg_pressed.xml&lt;/strong&gt;&lt;/p&gt;
&lt;pre&gt;&lt;code&gt;&amp;lt;?xml version="1.0" encoding="utf-8"?&amp;gt;
&amp;lt;layer-list xmlns:android="http://schemas.android.com/apk/res/android" &amp;gt;   
&amp;lt;item
    android:bottom="8dp"
    android:top="63dp"&amp;gt;
    &amp;lt;shape android:shape="rectangle" &amp;gt;
        &amp;lt;solid android:color="#70c0e7fd" /&amp;gt;
    &amp;lt;/shape&amp;gt;
&amp;lt;/item&amp;gt;
&amp;lt;!-- mask out the bottom line of the tab shape --&amp;gt;
&amp;lt;item
    android:left="15dp"
    android:right="15dp"
    android:top="63dp"&amp;gt;
    &amp;lt;shape android:shape="rectangle" &amp;gt;
        &amp;lt;corners android:bottomLeftRadius="0dp"
             android:bottomRightRadius="0dp" 
             android:topLeftRadius="3dp"
             android:topRightRadius="3dp" /&amp;gt;
        &amp;lt;solid android:color="#70c0e7fd" /&amp;gt;
    &amp;lt;/shape&amp;gt;
&amp;lt;/item&amp;gt;  
&lt;/code&gt;&lt;/pre&gt;
&lt;p&gt;&lt;/p&gt;
&lt;p&gt;&lt;strong&gt;tab_bg_selected.xml&lt;/strong&gt;&lt;/p&gt;
&lt;pre&gt;&lt;code&gt;&amp;lt;?xml version="1.0" encoding="utf-8"?&amp;gt;
&amp;lt;layer-list xmlns:android="http://schemas.android.com/apk/res/android" &amp;gt;
&amp;lt;item
    android:bottom="8dp"
    android:top="63dp"&amp;gt;
    &amp;lt;shape android:shape="rectangle" &amp;gt;
        &amp;lt;solid android:color="#ffc0e7fd" /&amp;gt;
    &amp;lt;/shape&amp;gt;
&amp;lt;/item&amp;gt;
&amp;lt;!-- mask out the bottom line of the tab shape --&amp;gt;
&amp;lt;item
    android:left="15dp"
    android:right="15dp"
    android:top="63dp"&amp;gt;
    &amp;lt;shape android:shape="rectangle" &amp;gt;
        &amp;lt;corners android:bottomLeftRadius="0dp"
             android:bottomRightRadius="0dp" 
             android:topLeftRadius="3dp"
             android:topRightRadius="3dp" /&amp;gt;
        &amp;lt;solid android:color="#ffc0e7fd" /&amp;gt;
    &amp;lt;/shape&amp;gt;
&amp;lt;/item&amp;gt; 
&lt;/code&gt;&lt;/pre&gt;
&lt;p&gt;&lt;/p&gt;
&lt;p&gt;&lt;strong&gt;tab_bg_unselected.xml&lt;/strong&gt;&lt;/p&gt;
&lt;pre&gt;&lt;code&gt;&amp;lt;?xml version="1.0" encoding="utf-8"?&amp;gt;
&amp;lt;layer-list xmlns:android="http://schemas.android.com/apk/res/android" &amp;gt;
&amp;lt;/layer-list&amp;gt;
&lt;/code&gt;&lt;/pre&gt;
&lt;p&gt;The "tabs_bg" layout exists in my layout folder, just like the res/drawable/tab_bg_selector.xml.&lt;/p&gt;
&lt;p&gt;On a Android 4.1 OS or lower this exception doesn't occur.
What can this be and how do I get rid of it?&lt;/p&gt;</t>
  </si>
  <si>
    <t>2012-11-27 08:31:01.827000+00:00</t>
  </si>
  <si>
    <t>2012-11-30 08:49:04.543000+00:00</t>
  </si>
  <si>
    <t>android|inflate|layer-list</t>
  </si>
  <si>
    <t>HTML, CSS - Display table</t>
  </si>
  <si>
    <t>&lt;p&gt;I'm using HTML tables to display the name of a user, quiz id, and score.&lt;/p&gt;
&lt;p&gt;And this is my code.&lt;/p&gt;
&lt;pre&gt;&lt;code&gt;&amp;lt;?php 
echo '&amp;lt;style&amp;gt;
table, th, td {
    border: 1px solid black;
    border-collapse: collapse;
}
th, td {
    padding: 5px;
}
&amp;lt;/style&amp;gt;';
$data = array();
$userid = 1;
$data[$userid] = array();
$name = 'Davy Jones';
$data[$userid]['name'] = $name;
$quiz = array(
            'Qz1' =&amp;gt; array(
                    'easy' =&amp;gt; 1,
                    'normal' =&amp;gt; 2,
                    'hard' =&amp;gt; 3,
                    ),
            'Qz2' =&amp;gt; array(
                    'easy' =&amp;gt; 4,
                    'normal' =&amp;gt; 5,
                    'hard' =&amp;gt; 6,
                    ),
            );
$data[$userid]['quizzes'] = $quiz;
echo '&amp;lt;table style="width: 40%"&amp;gt;';
echo '&amp;lt;tr&amp;gt;
&amp;lt;td&amp;gt;Name&amp;lt;/td&amp;gt;
&amp;lt;td&amp;gt;Easy&amp;lt;/td&amp;gt;       
&amp;lt;td&amp;gt;Normal&amp;lt;/td&amp;gt;
&amp;lt;td&amp;gt;Hard&amp;lt;/td&amp;gt;
&amp;lt;/tr&amp;gt;
&amp;lt;tr&amp;gt;
&amp;lt;td&amp;gt;&amp;lt;/td&amp;gt;
&amp;lt;td&amp;gt;Score&amp;lt;/td&amp;gt;      
&amp;lt;td&amp;gt;Score&amp;lt;/td&amp;gt;
&amp;lt;td&amp;gt;Score&amp;lt;/td&amp;gt;
&amp;lt;/tr&amp;gt;';
foreach ($data as $key =&amp;gt; $value) {
    $quizzes = $value["quizzes"];
    echo $value['name'].'&amp;lt;br&amp;gt;';
    foreach ($quizzes as $key =&amp;gt; $value2) {
        echo $key.'&amp;amp;nbsp;'.$value2['easy'].'&amp;lt;br&amp;gt;';
        echo $key.'&amp;amp;nbsp;'.$value2['normal'].'&amp;lt;br&amp;gt;';
        echo $key.'&amp;amp;nbsp;'.$value2['hard'].'&amp;lt;br&amp;gt;';
    }
}
echo '&amp;lt;/table&amp;gt;';
&lt;/code&gt;&lt;/pre&gt;
&lt;p&gt;For now I have this type of display. &lt;/p&gt;
&lt;p&gt;&lt;a href="https://i.stack.imgur.com/wFUIB.png" rel="nofollow noreferrer"&gt;&lt;img src="https://i.stack.imgur.com/wFUIB.png" alt="html table data"&gt;&lt;/a&gt;  &lt;/p&gt;
&lt;p&gt;I don't know how to manipulate the table and get this type of result.&lt;/p&gt;
&lt;pre&gt;&lt;code&gt;Name                Easy                Normal              Hard
                    Score               Score               Score
                    Qz1 Qz2             Qz1 Qz2             Qz1 Qz2
Davy Jones          1   4               2   5               3   6
&lt;/code&gt;&lt;/pre&gt;
&lt;p&gt;Any ideas would be most appreciated.&lt;/p&gt;</t>
  </si>
  <si>
    <t>2015-09-14 02:44:34.480000+00:00</t>
  </si>
  <si>
    <t>2015-09-14 03:13:48.190000+00:00</t>
  </si>
  <si>
    <t>php|html|css</t>
  </si>
  <si>
    <t>point at wrong z-coordinate at with matplotlib scatter plot function</t>
  </si>
  <si>
    <t>&lt;p&gt;I am trying to plot this simple set of points using matplotlib's scatter plot function (Python 2.7, Spyder GUI):&lt;/p&gt;
&lt;pre&gt;&lt;code&gt;X=[0 0 1 1]
Y=[0 1 0 1]
Z=[0 1 1 1]
&lt;/code&gt;&lt;/pre&gt;
&lt;p&gt;This actually represent the OR operator, so I'd like to have a different marker/color for the point for which z = 0. This is my code:&lt;/p&gt;
&lt;pre&gt;&lt;code&gt;import matplotlib.pyplot as plt
from mpl_toolkits.mplot3d import Axes3D
import numpy as np
fig = plt.figure()
ax = fig.add_subplot(111, projection='3d')
X = np.zeros( (4,1) )
X[0,0] = 0
X[1,0] = 0
X[2,0] = 1
X[3,0] = 1
Y = np.zeros( (4,1) )
Y[0,0] = 0
Y[1,0] = 1
Y[2,0] = 0
Y[3,0] = 1
Z = np.zeros( (4,1) )
Z[0,0] = 0
Z[1,0] = 1
Z[2,0] = 1
Z[3,0] = 1
for i in range(0,len(Z)):
    if Z[i]:
        ax.scatter(X[i],Y[i],Z[i],'x',color="r")
    else:
        ax.scatter(X[i],Y[i],Z[i],'o',color="b")
ax.view_init(elev=0., azim=200)
ax.set_xlabel('X Label')
ax.set_ylabel('Y Label')
ax.set_zlabel('Z Label')
&lt;/code&gt;&lt;/pre&gt;
&lt;p&gt;This is the plot I get:&lt;/p&gt;
&lt;p&gt;&lt;a href="https://i.stack.imgur.com/XzyLZ.png" rel="nofollow noreferrer"&gt;&lt;img src="https://i.stack.imgur.com/XzyLZ.png" alt="enter image description here"&gt;&lt;/a&gt;&lt;/p&gt;
&lt;p&gt;Clearly, the red point in the middle at the bottom should be at the top left-hand side corner of the plot.&lt;/p&gt;
&lt;p&gt;Is there a problem with my code or could it be an issue with matplotlib?&lt;/p&gt;</t>
  </si>
  <si>
    <t>2017-06-15 06:47:28.767000+00:00</t>
  </si>
  <si>
    <t>2017-06-15 14:37:00.550000+00:00</t>
  </si>
  <si>
    <t>No value given for one or more required parameters using datetimepicker</t>
  </si>
  <si>
    <t>&lt;p&gt;i have a problem in my code. I want to filter between two dates.
Here is my code. I'm using Microsoft Access Database.&lt;/p&gt;
&lt;pre&gt;&lt;code&gt;private void button2_Click(object sender, EventArgs e)
{
    OleDbCommand cmd = new OleDbCommand("Select * From Table2 where TransacDate between '" + dateTimePicker1.Value.ToString() + "' And '" + dateTimePicker2.Value.ToString() + "'", conn);
    OleDbDataAdapter da = new OleDbDataAdapter(cmd);
    DataSet ds = new DataSet();
    da.Fill(ds);
    dataGridView1.DataSource = ds; 
}
&lt;/code&gt;&lt;/pre&gt;
&lt;p&gt;Now, there's an empty row inside my datagridview.&lt;/p&gt;</t>
  </si>
  <si>
    <t>2017-10-19 15:00:26.547000+00:00</t>
  </si>
  <si>
    <t>2017-10-23 16:35:19.660000+00:00</t>
  </si>
  <si>
    <t>2017-10-22 10:18:31.987000+00:00</t>
  </si>
  <si>
    <t>c#|datagridview|filter|datetimepicker</t>
  </si>
  <si>
    <t>Timeout behaviour in HttpWebRequest.GetResponse() vs GetResponseAsync()</t>
  </si>
  <si>
    <t>&lt;p&gt;When I try the following code:&lt;/p&gt;
&lt;pre&gt;&lt;code&gt;var request = (HttpWebRequest)HttpWebRequest.Create(url);
request.Timeout = 3; // a small value
var response = request.GetResponse();
Console.WriteLine(response.ContentLength);
&lt;/code&gt;&lt;/pre&gt;
&lt;p&gt;for a URL that I know it is going to take more than 3 millisecond to load (I put a &lt;code&gt;Thread.Sleep(110000)&lt;/code&gt; in &lt;code&gt;Application_BeginRequest&lt;/code&gt;) it works fine and throws a &lt;code&gt;WebException&lt;/code&gt; as expected. &lt;/p&gt;
&lt;p&gt;Problem is when I switch to async method:&lt;/p&gt;
&lt;pre&gt;&lt;code&gt;var response = request.GetResponseAsync().Result;
&lt;/code&gt;&lt;/pre&gt;
&lt;p&gt;or&lt;/p&gt;
&lt;pre&gt;&lt;code&gt;var response = await request.GetResponseAsync();
&lt;/code&gt;&lt;/pre&gt;
&lt;p&gt;This async version completely ignores any Timeout value, including &lt;code&gt;ReadWriteTimeout&lt;/code&gt; and &lt;code&gt;ServicePoint.MaxIdleTime&lt;/code&gt;&lt;/p&gt;
&lt;p&gt;I couldn't find anything about Timeout in MSDN's &lt;code&gt;GetResponseAsync()&lt;/code&gt; now I'm wondering if it is a bug in &lt;code&gt;GetResponseAsync()&lt;/code&gt; or something is wrong in the way I use async here?&lt;/p&gt;</t>
  </si>
  <si>
    <t>2014-10-06 10:29:03.220000+00:00</t>
  </si>
  <si>
    <t>2018-09-01 14:31:15.360000+00:00</t>
  </si>
  <si>
    <t>c#|httpwebrequest|async-await</t>
  </si>
  <si>
    <t>How to call cvMorphologyEx in openCV in c++?</t>
  </si>
  <si>
    <t>&lt;p&gt;i need to call cvMorphologyEx in my image processing project and i do it using this line.&lt;/p&gt;
&lt;pre&gt;&lt;code&gt;cvMorphologyEx(src1,dest1,NULL,NULL,CV_MOP_OPEN);
&lt;/code&gt;&lt;/pre&gt;
&lt;p&gt;It compiles fine but while running it gives me this error&lt;/p&gt;
&lt;blockquote&gt;
  &lt;p&gt;OpenCV Error: Bad flag (parameter or structure field) (Unrecognized or unsupport
  ed array type) in unknown function, file ........\ocv\opencv\src\cxcore\cxarr
  ay.cpp, line 2476&lt;/p&gt;
&lt;/blockquote&gt;
&lt;p&gt;I am sure the problem is in the third and fourth arguments but the documentation says that they are optional.&lt;/p&gt;
&lt;p&gt;If you need anymore details please tell me.&lt;/p&gt;
&lt;p&gt;Thanks,&lt;/p&gt;
&lt;p&gt;Bye&lt;/p&gt;</t>
  </si>
  <si>
    <t>2012-02-20 22:04:10.903000+00:00</t>
  </si>
  <si>
    <t>2012-05-21 08:35:38.227000+00:00</t>
  </si>
  <si>
    <t>c++|visual-c++|opencv</t>
  </si>
  <si>
    <t>PHP mysqli_fetch_array gets a general Fatal Error</t>
  </si>
  <si>
    <t>&lt;p&gt;I have to use a php function to manage some data from a db, but i get a Fatal Error on the line where I call mysqli_fetch_array(). &lt;/p&gt;
&lt;pre&gt;&lt;code&gt;    $request = "SELECT Post.* FROM Post WHERE IdUseFk = '".$user_idPk."';";
    $result  = mysqli_query($CONN, $request)
        or die ("&amp;lt;font color='red'&amp;gt;Error: ".mysqli_error($CONN)."&amp;lt;/font&amp;gt;");
    $num = mysqli_num_rows($result);
    if ($num == 0) {echo "NOTHING TO DO HERE";}
    else
    {    
        for ($i=1; $i&amp;lt;=$num; $i++)
        {
            $row��=��mysqli_fetch_array($result, MYSQLI_ASSOC);  //&amp;lt;&amp;lt;-- ERROR ON THIS LINE
            /*...Some other code...*/
        }
    } 
&lt;/code&gt;&lt;/pre&gt;
&lt;p&gt;I get this: Fatal error: in C:\xampp\htdocs\Work\load_data.php on line 137&lt;/p&gt;
&lt;p&gt;Any suggestion? &lt;/p&gt;
&lt;p&gt;EDIT: PROBLEM SOLVED&lt;/p&gt;
&lt;p&gt;I can't believe it. For some reason the 'space' chars I put before and after the '=' char in &lt;code&gt;$row��=��mysqli_fetch_array()&lt;/code&gt;&lt;/p&gt;
&lt;p&gt;weren't  real spaces but another special char that is blank in most editors but php read as part of the function name. I was able to see it thanks to the editor in cpanel. Now it works&lt;/p&gt;</t>
  </si>
  <si>
    <t>2015-06-05 23:08:55.057000+00:00</t>
  </si>
  <si>
    <t>2015-06-06 12:23:12.570000+00:00</t>
  </si>
  <si>
    <t>Objective C's Instance Variables, why should I declare them?</t>
  </si>
  <si>
    <t>&lt;p&gt;I'm having a hard time understanding why I need to declare Instance Variables. Let me explain what I mean..&lt;/p&gt;
&lt;p&gt;for example..&lt;/p&gt;
&lt;pre&gt;&lt;code&gt;@interface LearningViewController : UIViewController {
  UILabel *myText; // &amp;lt;--- Instance Variables
}
@property (nonatomic,retain) IBOutlet UILabel *myText;
-(IBAction)method:(id)sender;
@end
&lt;/code&gt;&lt;/pre&gt;
&lt;p&gt;this can also be done as &lt;/p&gt;
&lt;pre&gt;&lt;code&gt;@interface LearningViewController : UIViewController {
  //instance variables go here, but are not declared, I just leave this field blank
}
@property (nonatomic,retain) IBOutlet UILabel *myText;
-(IBAction)method:(id)sender;
@end
&lt;/code&gt;&lt;/pre&gt;
&lt;p&gt;as you can see.. in the latter example I ONLY built the setter / getter for the UILabel *myText&lt;/p&gt;
&lt;p&gt;but in the former I declared the Instance Variables too. &lt;/p&gt;
&lt;p&gt;Both end up working in the end &lt;/p&gt;
&lt;pre&gt;&lt;code&gt;@implementation LearningViewController
@synthesize myText;
-(IBAction)method:(id)sender {
  [myText setText:@"hey"];
  //or
  NSString *myObject = [[NSString alloc]initWithString:@"hey"];
  [myText setText:myObject];    
}
&lt;/code&gt;&lt;/pre&gt;
&lt;p&gt;now both things produce the same result. So my question is, why? and what are the benefits of doing them either way?
And why would I build and object &lt;/p&gt;
&lt;pre&gt;&lt;code&gt;NSString *myObject = [[NSString alloc]initWithString:@"hey"];
myText.text = myObject;
&lt;/code&gt;&lt;/pre&gt;
&lt;p&gt;when I can just do &lt;/p&gt;
&lt;pre&gt;&lt;code&gt;[myText setText:@"hey"];
&lt;/code&gt;&lt;/pre&gt;
&lt;p&gt;thanks in advance.&lt;/p&gt;</t>
  </si>
  <si>
    <t>2011-06-24 12:32:12.503000+00:00</t>
  </si>
  <si>
    <t>2011-06-24 16:46:19.770000+00:00</t>
  </si>
  <si>
    <t>2011-06-24 12:38:25.670000+00:00</t>
  </si>
  <si>
    <t>objective-c|instance-variables</t>
  </si>
  <si>
    <t>R simecol and steady-state: rootfun cannot access to the SimObj equations slot</t>
  </si>
  <si>
    <t>&lt;p&gt;I simulate ecological models (as ODE systems) using the &lt;a href="https://cran.r-project.org/web/packages/simecol/index.html" rel="nofollow noreferrer"&gt;simecol&lt;/a&gt; package
framework which makes very easy the use and the sharing of ecological models
through the object class SimObj (&lt;a href="https://cran.r-project.org/web/packages/simecol/vignettes/a-simecol-introduction.pdf" rel="nofollow noreferrer"&gt;See here&lt;/a&gt;).&lt;/p&gt;
&lt;p&gt;I want to implement a steady-state which stops the simulation once the derivatives become very low.&lt;/p&gt;
&lt;p&gt;According to this
&lt;a href="https://cran.r-project.org/web/packages/rootSolve/vignettes/rootSolve.pdf" rel="nofollow noreferrer"&gt;vignette&lt;/a&gt; and this &lt;a href="https://unamatematicaseltigre.blogspot.com/2016/08/how-to-simulate-bouncing-ball-in-r-more.html" rel="nofollow noreferrer"&gt;example&lt;/a&gt;, you can implement it easily. &lt;/p&gt;
&lt;p&gt;You have just to supply a custom solver which check the values of the derivatives.
The problem is that the custom solver does not look to be able reach the
&lt;code&gt;equations&lt;/code&gt; slot of the SimObj.&lt;/p&gt;
&lt;p&gt;I woulk like to keep this nice functionality of the equation slots to switch
easily between different types of functional response.  &lt;/p&gt;
&lt;p&gt;Here is the reproducible example:  &lt;/p&gt;
&lt;h1&gt;1. Define the model&lt;/h1&gt;
&lt;pre&gt;&lt;code&gt;library(simecol)
upca_model &amp;lt;- function() {
  new("odeModel",
    main = upca_ode,
    equations = list(
      f1 = function(x, y, k){x * y}, # Lotka-Volterra
      f2 = function(x, y, k){f1(x, y, k) / (1 + k * x)} # Holling II
      ),
    times = c(from = 0, to = 300, by = 0.1),
    parms = c(a = 1, b = 1, c = 10, alpha1 = 0.2, alpha2 = 1,
      k1 = 0.05, k2 = 0, wstar = 0.1),
    init = c(u = 10, v = 5, w = 0.1),
    solver = "lsoda"
    )
}
&lt;/code&gt;&lt;/pre&gt;
&lt;h1&gt;2. Define the ODE system&lt;/h1&gt;
&lt;pre&gt;&lt;code&gt;upca_ode &amp;lt;- function(time, init, parms) {
  u &amp;lt;- init["u"]
  v &amp;lt;- init["v"]
  w &amp;lt;- init["w"]
  with(as.list(parms), {
    du &amp;lt;- a * u - alpha1 * f(u, v, k1)
    dv &amp;lt;- -b * v + alpha1 * f(u, v, k1) - alpha2 * f(v, w, k2)
    dw &amp;lt;- -c * (w - wstar) + alpha2 * f(v, w, k2)
    list(c(du, dv, dw))
})
}
&lt;/code&gt;&lt;/pre&gt;
&lt;h1&gt;3. Run it&lt;/h1&gt;
&lt;pre&gt;&lt;code&gt;upca &amp;lt;- upca_model()
equations(upca)$f &amp;lt;- equations(upca)$f2
test &amp;lt;- sim(upca)
&lt;/code&gt;&lt;/pre&gt;
&lt;h1&gt;4. Plot it nicely&lt;/h1&gt;
&lt;pre&gt;&lt;code&gt;plotupca &amp;lt;- function(obj, ...) {
  o &amp;lt;- out(obj)
  matplot(o[, 1], o[, -1], type = "l", ...)
  legend("topright", legend = c("u", "v", "w"), lty = 1:3,, bg = "white",
    col = 1:3)
}
plotupca(test)
&lt;/code&gt;&lt;/pre&gt;
&lt;p&gt;&lt;a href="https://i.stack.imgur.com/9LdPK.png" rel="nofollow noreferrer"&gt;&lt;img src="https://i.stack.imgur.com/9LdPK.png" alt="First equation: Holling II"&gt;&lt;/a&gt;&lt;/p&gt;
&lt;p&gt;We can change the f equation, so we can easily change the functional response
type.&lt;/p&gt;
&lt;pre&gt;&lt;code&gt;equations(upca)$f &amp;lt;- equations(upca)$f1
test &amp;lt;- sim(upca)
plotupca(test)
&lt;/code&gt;&lt;/pre&gt;
&lt;p&gt;&lt;a href="https://i.stack.imgur.com/ATiEu.png" rel="nofollow noreferrer"&gt;&lt;img src="https://i.stack.imgur.com/ATiEu.png" alt="Second equation: Lotka - Volterra"&gt;&lt;/a&gt;&lt;/p&gt;
&lt;p&gt;We see that we did not need to run the simulation that long because it seems
that it has reached steady state after around 100 timesteps.&lt;/p&gt;
&lt;h1&gt;5. Implement the "steady-state checking"&lt;/h1&gt;
&lt;p&gt;So, we implement a solver that will stop the simulation once a steady state has been reached:&lt;/p&gt;
&lt;pre&gt;&lt;code&gt;steady_state_upca &amp;lt;- function(time, init, func, parms) {
  root &amp;lt;- function(time, init, parms) {
    dstate &amp;lt;- unlist(upca_ode(time, init, parms))
    return(sum(abs(dstate)) - 1e-4)
  }
  lsodar(time, init, func, parms, rootfun = root)
}
equations(upca)$f &amp;lt;- equations(upca)$f1
solver(upca) &amp;lt;- steady_state_upca
test &amp;lt;- sim(upca)
#&amp;gt; Error in f(u, v, k1) : impossible de trouver la fonction "f"                
&lt;/code&gt;&lt;/pre&gt;
&lt;p&gt;So the function defined in the &lt;code&gt;equation&lt;/code&gt; is not found anymore.&lt;/p&gt;
&lt;p&gt;But if I add it in the ODE system, it works.&lt;/p&gt;
&lt;pre&gt;&lt;code&gt;upca_ode &amp;lt;- function(time, init, parms) {
  u &amp;lt;- init["u"]
  v &amp;lt;- init["v"]
  w &amp;lt;- init["w"]
  #����Definition of the function f:
  f &amp;lt;- function(x, y, k){x * y}
  with(as.list(parms), {
    du &amp;lt;- a * u - alpha1 * f(u, v, k1)
    dv &amp;lt;- -b * v + alpha1 * f(u, v, k1) - alpha2 * f(v, w, k2)
    dw &amp;lt;- -c * (w - wstar) + alpha2 * f(v, w, k2)
    list(c(du, dv, dw))
})
}
upca &amp;lt;- upca_model()
equations(upca)$f &amp;lt;- equations(upca)$f1
solver(upca) &amp;lt;- steady_state_upca
test &amp;lt;- sim(upca)
plotupca(test)
&lt;/code&gt;&lt;/pre&gt;
&lt;p&gt;&lt;a href="https://i.stack.imgur.com/3OVQU.png" rel="nofollow noreferrer"&gt;&lt;img src="https://i.stack.imgur.com/3OVQU.png" alt="Stop at the steady state"&gt;&lt;/a&gt;&lt;/p&gt;
&lt;p&gt;We see that the simulation has stopped earlier (100 instead of 300), it has stopped since the steady
state was reached.&lt;/p&gt;
&lt;p&gt;My question is: How can I make access the equations slot accessible to the
custom solver &lt;code&gt;lsodar&lt;/code&gt; ?&lt;/p&gt;</t>
  </si>
  <si>
    <t>2018-04-13 14:44:12.827000+00:00</t>
  </si>
  <si>
    <t>2018-04-13 15:18:45.810000+00:00</t>
  </si>
  <si>
    <t>r|functional-programming|simulation|ode</t>
  </si>
  <si>
    <t>How to match source files in multiple subdirectories with a list and then copy to destination using powershell</t>
  </si>
  <si>
    <t>&lt;p&gt;I seem to be going round and round with this one and I don't have a lot of time. I want to copy files from multiple subdirectories to a destination. Now the requirement is that these files must match what I have on a list. These files have different extensions. See what I tried below:&lt;/p&gt;
&lt;pre&gt;&lt;code&gt;$source = "C:\pike"
$destination = "c:\pike2"
$filter = get-content 'C:\same.txt'
Get-ChildItem $source -recurse | Where-Object { $_.Name -match $filter } |   Copy-Item -Destination $destination
&lt;/code&gt;&lt;/pre&gt;</t>
  </si>
  <si>
    <t>2016-09-03 13:55:55.227000+00:00</t>
  </si>
  <si>
    <t>2016-09-03 17:48:56.987000+00:00</t>
  </si>
  <si>
    <t>powershell</t>
  </si>
  <si>
    <t>Why I cannot use 'order' in sunspot search?</t>
  </si>
  <si>
    <t>&lt;p&gt;I have a column called &lt;code&gt;cached_votes_up&lt;/code&gt; in Communities table. 
Now I'd like to fetch the records ordered by its number.&lt;/p&gt;
&lt;pre&gt;&lt;code&gt;@search = Community.search do  
    fulltext params[:search]
    with(:genre_id, params[:genre])
            order_by :cached_votes_up, :desc
    paginate :page =&amp;gt; params[:page], :per_page =&amp;gt; 5
end 
@communities = @search.results
&lt;/code&gt;&lt;/pre&gt;
&lt;p&gt;But this returns the following error:&lt;/p&gt;
&lt;blockquote&gt;
  &lt;p&gt;No field configured for Community with name 'cached_votes_up'&lt;/p&gt;
&lt;/blockquote&gt;</t>
  </si>
  <si>
    <t>2013-01-07 04:11:28.093000+00:00</t>
  </si>
  <si>
    <t>2013-01-07 04:15:37.197000+00:00</t>
  </si>
  <si>
    <t>2013-01-07 04:13:40.280000+00:00</t>
  </si>
  <si>
    <t>ruby-on-rails|ruby-on-rails-3|sunspot</t>
  </si>
  <si>
    <t>change struct type in Go</t>
  </si>
  <si>
    <t>&lt;p&gt;I have two struct types&lt;/p&gt;
&lt;pre&gt;&lt;code&gt;type type1 struct {
a1,b1,c1 string
}
type type2 struct {
a2,b2 string
}
&lt;/code&gt;&lt;/pre&gt;
&lt;p&gt;and want to change type of variable p if  the condition is true. How I am supposed to do it in Go ? Below does not work. And I think the question &lt;strong&gt;'Golang : Is conversion between different struct types possible?'&lt;/strong&gt; does not address this case because I am getting error &lt;em&gt;"cannot convert p .. cannot use type2 as type1 in assignment ...too many values in struct initializer"&lt;/em&gt;&lt;/p&gt;
&lt;pre&gt;&lt;code&gt;var p type1
    if &amp;lt;condition&amp;gt; {
        p = type2(p)
        p = type2{"1","2"}
    } 
&lt;/code&gt;&lt;/pre&gt;</t>
  </si>
  <si>
    <t>2017-01-22 20:06:53.617000+00:00</t>
  </si>
  <si>
    <t>2017-01-22 20:55:26.877000+00:00</t>
  </si>
  <si>
    <t>2017-01-22 20:27:03.767000+00:00</t>
  </si>
  <si>
    <t>go|type-conversion</t>
  </si>
  <si>
    <t>Force deletion of userdata on update</t>
  </si>
  <si>
    <t>&lt;p&gt;I rewrote most of my apps code so that it uses another system to write the files. In order to prevent bugs/confusion/crashes I'd like to force the user to clear the previously saved app data before installing the update. Is there an easy way to do this? Maybe something that gets called only the first time the app is started?&lt;/p&gt;
&lt;p&gt;Thanks for the help!&lt;/p&gt;</t>
  </si>
  <si>
    <t>2015-01-10 15:57:26.297000+00:00</t>
  </si>
  <si>
    <t>2015-01-10 16:02:05.597000+00:00</t>
  </si>
  <si>
    <t>android|google-play|apk</t>
  </si>
  <si>
    <t>VIM 7 and cscope: Using "cscope find f" inside a keyboard mapping for switching between files</t>
  </si>
  <si>
    <t>&lt;p&gt;I usually hop between files on my cscope-indexed codebase by using &lt;/p&gt;
&lt;pre&gt;&lt;code&gt;:cscope find f &amp;lt;filename&amp;gt;
&lt;/code&gt;&lt;/pre&gt;
&lt;p&gt;I'm trying to define a keyboard shortcut to prevent me having to type ":cscope find f" everytime. Pressing this shortcut would bring up an input prompt, to which I'll enter part of a filename in the cscope database. If there are multiple files, it would show up the list of files, from which I can select the file I want to go to. I've got to this much so far, but since I'm not at all proficient with VIM scripting, I'm unable to complete it. (what I've coded so far is taken from another question, thanks to &lt;a href="https://stackoverflow.com/users/349708/eelvex"&gt;Eelvex&lt;/a&gt;) .&lt;/p&gt;
&lt;p&gt;Could someone correct the below script for me ? 
I'm getting numerous errors while I try to use this shortcut&lt;/p&gt;
&lt;pre&gt;&lt;code&gt;function! GetPat()
  call inputsave()
  let filename = input("Enter filename: ")
  call inputrestore()
  return filename
endfunction
map ` :cscope find f '.GetPat().'&amp;lt;CR&amp;gt;
&lt;/code&gt;&lt;/pre&gt;</t>
  </si>
  <si>
    <t>2011-03-24 06:06:48.477000+00:00</t>
  </si>
  <si>
    <t>2011-03-24 06:42:39.170000+00:00</t>
  </si>
  <si>
    <t>2017-05-23 12:28:22.500000+00:00</t>
  </si>
  <si>
    <t>vim|shortcut|cscope</t>
  </si>
  <si>
    <t>Loop over attribute values for executing SQL in Nifi</t>
  </si>
  <si>
    <t>&lt;p&gt;I would like to know how may I accomplish the following use case in Nifi Flow:&lt;/p&gt;
&lt;p&gt;I would like to execute SQL query for date range over a loop. The date range are provided from list of attribute values. &lt;/p&gt;
&lt;p&gt;For example: If my list of attributes are : &lt;code&gt;2013-01-01 2013-02-01 2013-03-01&lt;/code&gt;,  I would like to execute SQL operation over a loop such that:&lt;/p&gt;
&lt;pre&gt;&lt;code&gt; select * from where startdate&amp;gt;=2013-01-01 and enddate&amp;lt;2013-02-01
&lt;/code&gt;&lt;/pre&gt;
&lt;p&gt;followed by:&lt;/p&gt;
&lt;pre&gt;&lt;code&gt; select * from where startdate&amp;gt;=2013-02-01 and enddate&amp;lt;2013-03-01
&lt;/code&gt;&lt;/pre&gt;
&lt;p&gt;Therefore, for the same, I roughly know the idea but cant implement concretely: &lt;/p&gt;
&lt;p&gt;&lt;code&gt;UpdateAttribute&lt;/code&gt; (containing list of date values) -&gt; &lt;code&gt;SplitText&lt;/code&gt;-&gt; &lt;code&gt;RouteOnAttribute&lt;/code&gt; -&gt; &lt;code&gt;ExecuteSQL&lt;/code&gt;&lt;/p&gt;
&lt;p&gt;Thanks&lt;/p&gt;</t>
  </si>
  <si>
    <t>2018-11-01 17:55:43.867000+00:00</t>
  </si>
  <si>
    <t>2018-11-01 20:26:30.280000+00:00</t>
  </si>
  <si>
    <t>apache-nifi</t>
  </si>
  <si>
    <t>Custom GitHub badges with dynamic color</t>
  </si>
  <si>
    <t>&lt;p&gt;I struggle with creating a &lt;a href="https://shields.io" rel="nofollow noreferrer"&gt;shields.io&lt;/a&gt; badge which changes color dynamically.&lt;/p&gt;
&lt;p&gt;I am able to use the JSON response to parse a text into a &lt;a href="https://img.shields.io/badge/dynamic/json.svg?label=custom&amp;amp;url=https://jsonplaceholder.typicode.com/posts&amp;amp;query=$[1].id&amp;amp;colorB=orange" rel="nofollow noreferrer"&gt;badge&lt;/a&gt; and set the color to orange:&lt;/p&gt;
&lt;pre&gt;&lt;code&gt;https://img.shields.io/badge/dynamic/json.svg?label=custom&amp;amp;url=https://jsonplaceholder.typicode.com/posts&amp;amp;query=$[1].id&amp;amp;colorB=orange
&lt;/code&gt;&lt;/pre&gt;
&lt;p&gt;&lt;a href="https://i.stack.imgur.com/Idhja.png" rel="nofollow noreferrer"&gt;&lt;img src="https://i.stack.imgur.com/Idhja.png" alt="enter image description here"&gt;&lt;/a&gt;&lt;/p&gt;
&lt;p&gt;Works well...&lt;/p&gt;
&lt;hr&gt;
&lt;p&gt;However, I want to change the color according to a rule. I might return the HEX color in JSON as well to be parsed into the badge. I tried the public &lt;a href="http://www.colr.org/json/" rel="nofollow noreferrer"&gt;API&lt;/a&gt; to get a random color and &lt;strong&gt;&lt;em&gt;test&lt;/em&gt;&lt;/strong&gt; the behavior:&lt;/p&gt;
&lt;pre&gt;&lt;code&gt;http://www.colr.org/json/color/random
&lt;/code&gt;&lt;/pre&gt;
&lt;p&gt;I get the first randomly get color with JsonPath &lt;code&gt;$.colors[0].hex&lt;/code&gt; and place it o the badge URL as both as the dynamic value and color:&lt;/p&gt;
&lt;pre&gt;&lt;code&gt;https://img.shields.io/badge/dynamic/json.svg?label=custom&amp;amp;url=http://www.colr.org/json/color/random&amp;amp;query=$.colors[0].hex&amp;amp;colorB=$.colors[0].hex
&lt;/code&gt;&lt;/pre&gt;
&lt;p&gt;Regardless of the randomly chosen color, the result is always somehow green (the last generated result was &lt;code&gt;#D0BB79&lt;/code&gt;:&lt;/p&gt;
&lt;p&gt;&lt;a href="https://i.stack.imgur.com/Qt0kw.png" rel="nofollow noreferrer"&gt;&lt;img src="https://i.stack.imgur.com/Qt0kw.png" alt="enter image description here"&gt;&lt;/a&gt;&lt;/p&gt;
&lt;p&gt;I would expect something like this which correctly matches the &lt;a href="https://www.color-hex.com/color/d0bb79" rel="nofollow noreferrer"&gt;&lt;code&gt;#D0BB79&lt;/code&gt;&lt;/a&gt; color:&lt;/p&gt;
&lt;p&gt;&lt;a href="https://i.stack.imgur.com/DBKBB.png" rel="nofollow noreferrer"&gt;&lt;img src="https://i.stack.imgur.com/DBKBB.png" alt="enter image description here"&gt;&lt;/a&gt;&lt;/p&gt;
&lt;p&gt;How to make the color dynamic as well? The sample dynamically colorful badges are provided with &lt;a href="https://coveralls.io/" rel="nofollow noreferrer"&gt;Coveralls.io&lt;/a&gt;, &lt;a href="https://codecov.io/" rel="nofollow noreferrer"&gt;Codecov.io&lt;/a&gt; or &lt;a href="https://sonarcloud.io/" rel="nofollow noreferrer"&gt;SonarCloud.io&lt;/a&gt;. &lt;/p&gt;</t>
  </si>
  <si>
    <t>2018-11-19 17:51:59.297000+00:00</t>
  </si>
  <si>
    <t>2018-11-19 18:03:11.667000+00:00</t>
  </si>
  <si>
    <t>json|github|colors|badge|shields.io</t>
  </si>
  <si>
    <t>How do I get Friday date if it is Monday today</t>
  </si>
  <si>
    <t>&lt;p&gt;I have .Net project for some reason i need to have date to be taken.&lt;/p&gt;
&lt;p&gt;I have done like 
&lt;code&gt;var date = DateTime.Today.AddDays(-1);&lt;/code&gt;
which is giving me &lt;code&gt;yesterday's&lt;/code&gt; date.
but if I run my application on &lt;code&gt;Monday&lt;/code&gt; then I should get &lt;code&gt;Friday&lt;/code&gt; date&lt;/p&gt;
&lt;p&gt;please suggest me expression for this.&lt;/p&gt;
&lt;p&gt;for example.
if today is &lt;code&gt;Monday&lt;/code&gt; and date is &lt;code&gt;21/12/2001&lt;/code&gt; it should give me &lt;code&gt;19/12/2001&lt;/code&gt; i.e &lt;code&gt;Fridays&lt;/code&gt; date
if today is &lt;code&gt;Tuesday&lt;/code&gt; and date is&lt;code&gt;21/12/2001&lt;/code&gt; it should return me &lt;code&gt;20/12/2001&lt;/code&gt; as normal   &lt;/p&gt;</t>
  </si>
  <si>
    <t>2011-12-21 10:01:20.020000+00:00</t>
  </si>
  <si>
    <t>2011-12-21 11:56:13.843000+00:00</t>
  </si>
  <si>
    <t>c#|asp.net|c#-4.0</t>
  </si>
  <si>
    <t>Asking user input in business logic after some event</t>
  </si>
  <si>
    <t>&lt;p&gt;So, I really like the idea of separating &lt;code&gt;business logic&lt;/code&gt; with &lt;code&gt;UI code&lt;/code&gt; (MVC or MVVM). But let's say that in an application some event happens (in business logic) and it needs user input (dialog) to continue.&lt;/p&gt;
&lt;p&gt;For example if you have a simulation about money or stocks of some sort, and in your model you do some calculations and suddenly the stock prices are quite high and you want to ask the user to sell them ("yes-no" dialog). What is a good way to go about this? (I'm not making such an application, it's just an example, so please answer abstractly).&lt;/p&gt;
&lt;p&gt;pseudo code:&lt;/p&gt;
&lt;pre&gt;&lt;code&gt;update() {
    ...
    if(stock-&amp;gt;price &amp;gt; Stock::ADVICE_BUY_PRICE) {
        showDialog("..."); // !! AVOID UI LOGIC IN MODEL !!
    }
    ...
}
&lt;/code&gt;&lt;/pre&gt;
&lt;p&gt;&lt;em&gt;&lt;sup&gt;This question has probably been asked already, but I haven't found a good answer yet. Just mark answer as duplicate if there already is a viable answer.&lt;/sup&gt;&lt;/em&gt;&lt;/p&gt;</t>
  </si>
  <si>
    <t>2017-06-27 21:36:53.193000+00:00</t>
  </si>
  <si>
    <t>model-view-controller|mvvm|model|business-logic|decoupling</t>
  </si>
  <si>
    <t>Examples of System.ComponentModel.Design.Serialization Namespace Usage</t>
  </si>
  <si>
    <t>&lt;p&gt;I am looking for examples of implementation of following interfaces available in the namespace: &lt;a href="http://msdn.microsoft.com/en-us/library/system.componentmodel.design.serialization.aspx" rel="nofollow"&gt;System.ComponentModel.Design.Serialization Namespace&lt;/a&gt;
&lt;br&gt;&lt;/p&gt;
&lt;pre&gt;&lt;code&gt;IDesignerLoaderService
IDesignerSerializationProvider
IDesignerSerializationService
IDesignerSerializationManager
&lt;/code&gt;&lt;/pre&gt;
&lt;p&gt;Any link/code would be appreciated.&lt;/p&gt;</t>
  </si>
  <si>
    <t>2011-02-17 05:35:42.673000+00:00</t>
  </si>
  <si>
    <t>2011-02-17 06:08:20.047000+00:00</t>
  </si>
  <si>
    <t>.net|winforms|serialization|windows-forms-designer</t>
  </si>
  <si>
    <t>How to insert TextBox into Grid when Window is loaded in C# WPF application</t>
  </si>
  <si>
    <t>&lt;pre&gt;&lt;code&gt;private void Window_Loaded(object sender, RoutedEventArgs e)
{  
    for (int i = 0; i &amp;lt;= 7; i++)
    {
        ColumnDefinition clDef = new ColumnDefinition();
        RowDefinition rwDef = new RowDefinition();
        clDef.MinWidth = 40;
        clDef.MaxWidth = 40;
        rwDef.MinHeight = 32;
        rwDef.MaxHeight = 32;
        grdAdtn.ColumnDefinitions.Add(clDef);
        grdAdtn.RowDefinitions.Add(rwDef);
    };
    TextBox[,] fields=new TextBox[8,8];
    for(int i=0;i&amp;lt;=7;i++){
        for(int j=0;j&amp;lt;=7;j++){
            fields[i,j]=new TextBox();
            fields[i, j].Text = "test";
            fields[i, j].Width = 40;
            fields[i, j].Height = 32;
            fields[i, j].Visibility = Visibility.Visible;
            //Grid.SetColumn(fields[i, j], i);
        }
    }
}
&lt;/code&gt;&lt;/pre&gt;
&lt;p&gt;With this I managed to add rows and columns to grid but I don't see textboxes in grid fields. I need to make an array of textboxes so I can access them later and I don't know how to make control array in Visual Studio editor so I tried to make the array when application is running.
Sorry for bad English.&lt;/p&gt;</t>
  </si>
  <si>
    <t>2012-03-02 14:55:09.063000+00:00</t>
  </si>
  <si>
    <t>2012-03-02 15:17:01.470000+00:00</t>
  </si>
  <si>
    <t>2012-03-02 14:57:12.510000+00:00</t>
  </si>
  <si>
    <t>c#|wpf|grid</t>
  </si>
  <si>
    <t>MySQL - Geo-Spatial Object</t>
  </si>
  <si>
    <t>&lt;p&gt;I've been working in Postgis for point in poly's and i have this function:&lt;/p&gt;
&lt;p&gt;select * from table_name where st_contains(column, st_setsrid(st_makepoint(-92.095109, 46.804100),4326));&lt;/p&gt;
&lt;p&gt;the column is a multipoly(((points)))&lt;/p&gt;
&lt;p&gt;I'm trying to find a way to do a similar exercise with MySQL, and wondered if there were similar functions to do so. The dev site for MySQL is very limited with the descriptions and documentation on the Multipolys.&lt;/p&gt;
&lt;p&gt;Has anyone done something like this?&lt;/p&gt;</t>
  </si>
  <si>
    <t>2009-06-15 21:50:28.283000+00:00</t>
  </si>
  <si>
    <t>2009-06-17 18:21:32.730000+00:00</t>
  </si>
  <si>
    <t>mysql|postgresql|geospatial|postgis</t>
  </si>
  <si>
    <t>How to insert after selecting values from multiple table</t>
  </si>
  <si>
    <t>&lt;pre&gt;&lt;code&gt;INSERT INTO temp_table( 
    case_id, 
    task, 
    Question,
    qa_analyst 
) 
VALUES (
    SELECT 'tt.case_id','tt.Task','abc.questions','tt.qa_analyst'
    FROM (
        SELECT DISTINCT task,questions
        FROM task_questions
    ) abc
    JOIN temp_table tt ON 'abc.task' = 'tt.Task'
)
&lt;/code&gt;&lt;/pre&gt;</t>
  </si>
  <si>
    <t>2017-06-01 05:33:09.513000+00:00</t>
  </si>
  <si>
    <t>2017-06-01 05:49:17.133000+00:00</t>
  </si>
  <si>
    <t>2017-06-01 05:42:40.620000+00:00</t>
  </si>
  <si>
    <t>Rails asset pipeline flattens directories</t>
  </si>
  <si>
    <t>&lt;p&gt;I've been using &lt;a href="https://github.com/AssetSync/asset_sync" rel="nofollow"&gt;&lt;code&gt;asset_sync&lt;/code&gt;&lt;/a&gt;, to move our static assets to Amazon S3, and I've noticed that when I precompile my assets (using &lt;code&gt;foreman run rake assets:precompile&lt;/code&gt;), the base directories get flattened. They go from:&lt;/p&gt;
&lt;pre&gt;&lt;code&gt;/app
  /assets/
    /images
      image.png
      image2.png
      /subdir
        image3.png
    /javascripts
      script.js
    /stylesheets
      style.css
&lt;/code&gt;&lt;/pre&gt;
&lt;p&gt;To:&lt;/p&gt;
&lt;pre&gt;&lt;code&gt;/public
  /assets/
    image.png
    image2.png
    /subdir
      image3.png
    script.js
    style.css
&lt;/code&gt;&lt;/pre&gt;
&lt;p&gt;It keeps any subdirectories, but the base directories get removed for some reason.&lt;/p&gt;
&lt;p&gt;Is it possible to disable this? I'd like to keep my S3 assets organized into directories. I could probably resolve this by adding additional directories so that the structure is the following.&lt;/p&gt;
&lt;pre&gt;&lt;code&gt;/app
  /assets/
    /images
      /images
        image.png
        image2.png
        /subdir
          image3.png
    /javascripts
      /javascripts
        script.js
    /stylesheets
      /stylesheets
        style.css
&lt;/code&gt;&lt;/pre&gt;
&lt;p&gt;But that just seems like a dirty solution.&lt;/p&gt;
&lt;p&gt;I'm configuring my assets for precompiling with:&lt;/p&gt;
&lt;pre&gt;&lt;code&gt;Rails.application.config.assets.precompile = []
Rails.application.config.assets.precompile += ['application.js']
Rails.application.config.assets.precompile += Loader.js_files
Rails.application.config.assets.precompile += ['*.css', '*.png', '*.svg', '*.jpg']
&lt;/code&gt;&lt;/pre&gt;
&lt;p&gt;My environment has the following variables":&lt;/p&gt;
&lt;pre&gt;&lt;code&gt;ASSET_SYNC_GZIP_COMPRESSION=true
ASSET_SYNC_MANIFEST=true
ASSET_SYNC_EXISTING_REMOTE_FILES=keep
AWS_ACCESS_KEY_ID=xxxxxxx
AWS_SECRET_ACCESS_KEY=xxxxxxx
FOG_DIRECTORY=aws-example
FOG_PREFIX=/assets/
FOG_PROVIDER=AWS
FOG_REGION=us-west-1
&lt;/code&gt;&lt;/pre&gt;</t>
  </si>
  <si>
    <t>2015-12-01 22:49:42.907000+00:00</t>
  </si>
  <si>
    <t>2016-07-22 21:44:21.083000+00:00</t>
  </si>
  <si>
    <t>ruby-on-rails|ruby|ruby-on-rails-4|asset-sync</t>
  </si>
  <si>
    <t>Make Overlay did clickable in Jquery</t>
  </si>
  <si>
    <t>&lt;p&gt;I am using a jquery script called capSlide on the following page&lt;/p&gt;
&lt;p&gt;&lt;a href="http://sundial.whistlerwebhosting.com/meetings-events/whistler-weddings" rel="nofollow"&gt;http://sundial.whistlerwebhosting.com/meetings-events/whistler-weddings&lt;/a&gt;&lt;/p&gt;
&lt;p&gt;When a user mouses over the image a transparent overlay appears on top and a caption slides up with a title and a more info link.&lt;/p&gt;
&lt;p&gt;I want to make the entire div area clickable. I am thinking that since the overlay appears on top its this div that I need to make active with the link. I am trying to use the following jquery script but it is not working.&lt;/p&gt;
&lt;pre&gt;&lt;code&gt;jQuery('.overlay').click(function(){
     window.location=jQuery(this).parent().find('a').attr('href'); 
       return false;
});
&lt;/code&gt;&lt;/pre&gt;
&lt;p&gt;The HTML output is as follows&lt;/p&gt;
&lt;pre&gt;&lt;code&gt;&amp;lt;div class="ic_wrapper"&amp;gt;
   &amp;lt;div id="capslide_img_cont11" class="ic_container"&amp;gt;&amp;lt;img typeof="foaf:Image" src="/sites/all/themes/sundial/images/weddings/Wedding-Consulants.jpg" width="290" height="180" alt="Whistler Wedding Consulants" /&amp;gt;
    &amp;lt;div class="overlay" style="display:none;"&amp;gt;&amp;lt;/div&amp;gt;
    &amp;lt;div class="ic_caption"&amp;gt;
      &amp;lt;h3&amp;gt;Wedding Consulants&amp;lt;/h3&amp;gt;
      &amp;lt;a href="/meetings-events/whistler-weddings/wedding-planners"&amp;gt;
      &amp;lt;p class="ic_text"&amp;gt;More Info&amp;lt;/p&amp;gt;
       &amp;lt;/a&amp;gt; &amp;lt;/div&amp;gt;
   &amp;lt;/div&amp;gt;
&amp;lt;/div&amp;gt;
&lt;/code&gt;&lt;/pre&gt;
&lt;p&gt;any insight would be greatly appreciated&lt;/p&gt;</t>
  </si>
  <si>
    <t>2012-07-12 23:45:31.753000+00:00</t>
  </si>
  <si>
    <t>2012-07-13 00:58:24.560000+00:00</t>
  </si>
  <si>
    <t>Expected declaration specifiers or '...' before 'CFXMLTreeRef' Error when importing CoreServices?</t>
  </si>
  <si>
    <t>&lt;p&gt;I am new to iOS development so I am not sure why I would get a compilation error here. Hopefully someone can explain. When I import CoreServices I get the following error when I attempt to compile.&lt;/p&gt;
&lt;blockquote&gt;
  &lt;p&gt;Expected declaration specifiers or
  '...' before 'CFXMLTreeRef'&lt;/p&gt;
&lt;/blockquote&gt;
&lt;p&gt;Can someone help?&lt;/p&gt;
&lt;pre&gt;&lt;code&gt;#import &amp;lt;CoreServices/CoreServices.h&amp;gt;
&lt;/code&gt;&lt;/pre&gt;
&lt;p&gt;The debugger points to this line in WSMethodInvocation.h:&lt;/p&gt;
&lt;pre&gt;&lt;code&gt;typedef CALLBACK_API( CFTypeRef , WSMethodInvocationDeserializationProcPtr )(WSMethodInvocationRef invocation, CFXMLTreeRef msgRoot, CFXMLTreeRef deserializeRoot, void *info);
&lt;/code&gt;&lt;/pre&gt;
&lt;p&gt;I am not using any function from this file.. I am just importing CoreServices and the error pops up. I am attempting to use: &lt;/p&gt;
&lt;blockquote&gt;
  &lt;p&gt;CFStreamCreatePairWithSocketToCFHost&lt;/p&gt;
&lt;/blockquote&gt;</t>
  </si>
  <si>
    <t>2011-02-28 03:01:29.767000+00:00</t>
  </si>
  <si>
    <t>2013-03-10 14:20:09.417000+00:00</t>
  </si>
  <si>
    <t>2012-09-17 13:51:32.077000+00:00</t>
  </si>
  <si>
    <t>objective-c|ios</t>
  </si>
  <si>
    <t>Socket.SendAsync taking several seconds to complete</t>
  </si>
  <si>
    <t>&lt;p&gt;I'm trying to optimize a tcp socket wrapper which is struggling with lots of inbound connections.  I'm testing it within a basic chat server and a small client app to send clients to it.  Both apps are on a separate W2k3 server connected by a gigabit switch.&lt;/p&gt;
&lt;p&gt;By trial and error I've refined my testing to 10 clients connecting at 100ms intervals, then once all 10 are connected they each send one "enter room" message to the server, again at 100ms intervals. When the server recieves a message it replies to the sender with a list of everyone in the room, and also sends a message to everyone else in the room to say theres a new arrival.&lt;/p&gt;
&lt;p&gt;Each send is taking over 1 second to complete (this goes up to 3-4 seconds with 100+ clients), and with logging I've established that the delay is between the Socket.SendAync and the corresponding event being raised.  Cpu usage remains low throughout.&lt;/p&gt;
&lt;p&gt;I've tried everything I can think of and spent days looking for clues online and I'm at a complete loss.  This cant be normal can it?&lt;/p&gt;
&lt;p&gt;Edit: Code as requested.  I've tidied it up a bit, removed non-relevant counters and logging etc, it currently has hack on top of kludge on top of hack as I try to narrow down the issue.  &lt;/p&gt;
&lt;pre&gt;&lt;code&gt;    private void DoSend(AsyncUserToken token, String msg)
    {
        SocketAsyncEventArgs writeEventArgs = new SocketAsyncEventArgs();
        writeEventArgs.Completed += ProcessSend;
        writeEventArgs.UserToken = token;
        Byte[] sendBuffer = Encoding.UTF8.GetBytes(msg + LineTerminator);
        writeEventArgs.SetBuffer(sendBuffer, 0, sendBuffer.Length);
        Interlocked.Add(ref m_totalBytesAttemptedSend, sendBuffer.Length);
        Logger2.log(Logger2.Debug5, token.ConnectionId, "Total Bytes attempted: " + m_totalBytesAttemptedSend);
        bool willRaiseEvent = true;
        try
        {
            willRaiseEvent = token.Socket.SendAsync(writeEventArgs);
        }
        catch (Exception e)
        {
            Logger2.log(Logger2.Debug2, token.ConnectionId, e.Message);
            writeEventArgs.Dispose();
        }
        if (!willRaiseEvent)
        {
            ProcessSend(null, writeEventArgs);
        }
    }
    private void ProcessSend(Object sender, SocketAsyncEventArgs e)
    {
        AsyncUserToken token = (AsyncUserToken)e.UserToken;
        Logger2.log(Logger2.Debug5, token.ConnectionId, "Send Complete");
        if (e.SocketError == SocketError.Success)
        {
            Interlocked.Add(ref m_totalBytesSent, e.BytesTransferred);
            Logger2.log(Logger2.Debug5, ((AsyncUserToken)e.UserToken).ConnectionId, "Total Bytes sent: " + m_totalBytesSent);
        }
        else
        {
            if (token.Connected)
            {
                CloseClientSocket(token);
            }
        }
        e.Dispose();
    }
&lt;/code&gt;&lt;/pre&gt;</t>
  </si>
  <si>
    <t>2010-10-01 16:13:26.580000+00:00</t>
  </si>
  <si>
    <t>2012-03-17 19:16:04.770000+00:00</t>
  </si>
  <si>
    <t>2010-10-04 11:47:14.160000+00:00</t>
  </si>
  <si>
    <t>c#|performance|sockets|asynchronous</t>
  </si>
  <si>
    <t>Create dhtmlxchart line series with xAxis as muti value</t>
  </si>
  <si>
    <t>&lt;p&gt;i would try to create chart using dhtmlxchart of Depth of drill from various duration data. But Depth is yAxis and multi series duration data is xAxis.&lt;/p&gt;
&lt;p&gt;How to do that ?&lt;/p&gt;
&lt;pre&gt;&lt;code&gt;        var chart1 = cBox.attachChart({
        view :"line",
        container: "chart_div",
        value: "#Depth#",
        line: {
                    color: "#3399ff",
                    width: 3
                },
        xAxis: {
                    title: "Duration, days",
                    template: "#Avg#"
                },
        yAxis: {
                    start: 0,
                    end: 5000,
                    step: 250,
                    title: "Depth, m"
                  }
    });
    chart1.addSeries({
        value : "#Depth#",
        line:   {
                color : "#99ff33",
                width : 3
            },
        xAxis: {
                     template: "#P90#"
                },
                });
    chart1.parse(hdrChart);
&lt;/code&gt;&lt;/pre&gt;
&lt;p&gt;and the value of hdrChart is :&lt;/p&gt;
&lt;pre&gt;&lt;code&gt;"&amp;lt;data&amp;gt;     
  &amp;lt;item id="1"&amp;gt; &amp;lt;Avg&amp;gt;0.899&amp;lt;/Avg&amp;gt; &amp;lt;P90&amp;gt;3.887&amp;lt;/P90&amp;gt;&amp;lt;Depth&amp;gt;135&amp;lt;/Depth&amp;gt; &amp;lt;/item&amp;gt; 
&amp;lt;item id="2"&amp;gt;   &amp;lt;Avg&amp;gt;3.981&amp;lt;/Avg&amp;gt; &amp;lt;P90&amp;gt;15.845&amp;lt;/P90&amp;gt;  &amp;lt;Depth&amp;gt;1550.0&amp;lt;/Depth&amp;gt;&amp;lt;/item&amp;gt;
    &amp;lt;item id="3"&amp;gt;&amp;lt;Avg&amp;gt;5.563&amp;lt;/Avg&amp;gt; &amp;lt;P90&amp;gt;22.219&amp;lt;/P90&amp;gt; &amp;lt;Depth&amp;gt;1550.0&amp;lt;/Depth&amp;gt;   &amp;lt;/item&amp;gt;
&amp;lt;item id="4"&amp;gt;   &amp;lt;Avg&amp;gt;9.364&amp;lt;/Avg&amp;gt;&amp;lt;P90&amp;gt;44.849&amp;lt;/P90&amp;gt;   &amp;lt;Depth&amp;gt;4059.0&amp;lt;/Depth&amp;gt;   &amp;lt;/item&amp;gt; 
&amp;lt;item id="5"&amp;gt;   &amp;lt;Avg&amp;gt;9.023&amp;lt;/Avg&amp;gt;&amp;lt;P90&amp;gt;43.939&amp;lt;/P90&amp;gt;   &amp;lt;Depth&amp;gt;4059.0&amp;lt;/Depth&amp;gt;   &amp;lt;/item&amp;gt;
&amp;lt;item id="6"&amp;gt;   &amp;lt;Avg&amp;gt;10.919&amp;lt;/Avg&amp;gt;&amp;lt;P90&amp;gt;54.814&amp;lt;/P90&amp;gt;  &amp;lt;Depth&amp;gt;4059.0&amp;lt;/Depth&amp;gt;   &amp;lt;/item&amp;gt;
&amp;lt;item id="7"&amp;gt;   &amp;lt;Avg&amp;gt;14.803&amp;lt;/Avg&amp;gt;&amp;lt;P90&amp;gt;76.578&amp;lt;/P90&amp;gt;  &amp;lt;Depth&amp;gt;4473.0&amp;lt;/Depth&amp;gt;   &amp;lt;/item&amp;gt;
&amp;lt;item id="8"&amp;gt;   &amp;lt;Avg&amp;gt;15.691&amp;lt;/Avg&amp;gt;&amp;lt;P90&amp;gt;79.939&amp;lt;/P90&amp;gt;  &amp;lt;Depth&amp;gt;4473.0&amp;lt;/Depth&amp;gt;   &amp;lt;/item&amp;gt;
&amp;lt;item id="9"&amp;gt;   &amp;lt;Avg&amp;gt;17.235&amp;lt;/Avg&amp;gt;&amp;lt;P90&amp;gt;86.544&amp;lt;/P90&amp;gt;  &amp;lt;Depth&amp;gt;4473.0&amp;lt;/Depth&amp;gt;   &amp;lt;/item&amp;gt;
&amp;lt;item id="10"&amp;gt;  &amp;lt;Avg&amp;gt;18.264&amp;lt;/Avg&amp;gt;&amp;lt;P90&amp;gt;88.872&amp;lt;/P90&amp;gt;  &amp;lt;Depth&amp;gt;4473.0&amp;lt;/Depth&amp;gt;   &amp;lt;/item&amp;gt;  &amp;lt;/data&amp;gt;"
&lt;/code&gt;&lt;/pre&gt;
&lt;p&gt;Only p90 drawn.&lt;/p&gt;</t>
  </si>
  <si>
    <t>2015-02-03 02:19:57.173000+00:00</t>
  </si>
  <si>
    <t>2015-02-17 09:30:40.983000+00:00</t>
  </si>
  <si>
    <t>2015-02-03 02:26:08.683000+00:00</t>
  </si>
  <si>
    <t>xml|jsp|charts|dhtmlx</t>
  </si>
  <si>
    <t>How do I set up google calendar api in my app?</t>
  </si>
  <si>
    <t>&lt;p&gt;I am trying to make an app that can display google calendar events, but I can't figure out how to get it to work on my app. I already have google sign in working on the app, I just need to know what the scope is that I need to request when I first have them sign in, and I need to have a simple android studio app tutorial on how to get the google calendar api working. Does anyone know either how I can get the google calendar api working on my app or a tutorial that clearly explains how to do it?&lt;/p&gt;</t>
  </si>
  <si>
    <t>2018-10-29 15:51:24.903000+00:00</t>
  </si>
  <si>
    <t>2018-10-29 17:30:11.553000+00:00</t>
  </si>
  <si>
    <t>android|google-calendar-api</t>
  </si>
  <si>
    <t>How to compile and run C/C++ MPI codes in cmd on windows without Visual Studio</t>
  </si>
  <si>
    <t>&lt;p&gt;I install MS-MPI&lt;/p&gt;
&lt;p&gt;I like to code in sublime text specially C/C++&lt;/p&gt;
&lt;p&gt;I run code in cmd using gcc/g++&lt;/p&gt;
&lt;p&gt;How can I compile and run &lt;strong&gt;MPI codes from cmd&lt;/strong&gt;&lt;/p&gt;
&lt;p&gt;I don't like visual studio&lt;/p&gt;
&lt;p&gt;So, is there any way i can compile and run my  C/C++ MPI codes with MS-MPI in cmd&lt;/p&gt;
&lt;p&gt;I know there is a question in title :
&lt;a href="https://stackoverflow.com/questions/37554020/compile-c-mpi-code-on-windows"&gt;Compile C++ MPI Code on Windows&lt;/a&gt;&lt;/p&gt;
&lt;p&gt;but there's no clear answer or comment. that's why i am re-asking now &lt;/p&gt;</t>
  </si>
  <si>
    <t>2018-05-06 02:09:18.257000+00:00</t>
  </si>
  <si>
    <t>2018-05-06 09:13:23.387000+00:00</t>
  </si>
  <si>
    <t>c++|c|parallel-processing|ms-mpi</t>
  </si>
  <si>
    <t>Aggregation and Composition Implementation in java using Class Diagram</t>
  </si>
  <si>
    <t>&lt;p&gt;I am trying to understand the aggregation and Composition.&lt;br&gt;
Suppose I have something like below:&lt;br&gt;
&lt;img src="https://i.stack.imgur.com/gHVmz.png" alt="enter image description here"&gt;&lt;/p&gt;
&lt;p&gt;and I want to implement it using java, is the below implementation correct ?  &lt;/p&gt;
&lt;pre&gt;&lt;code&gt;public class ClassC { private String z; }  
public class ClassB { 
   private String y; 
   private ClassC classC;
   //-----setter and getter for classC
}   
public class ClassA {
   private String x;
   private List&amp;lt;ClassB&amp;gt; classBList;
   public ClassA(final List&amp;lt;ClassB&amp;gt; classBList) {
      this.classBList=classBList
   }
}  
&lt;/code&gt;&lt;/pre&gt;
&lt;p&gt;Also, how to ensure that ClassB can have exactly 1 ClassC ?&lt;br&gt;
and ClassA can have 1 or more ClassB ? as marked on the arrows(if I understand these notations correctly).&lt;/p&gt;</t>
  </si>
  <si>
    <t>2014-12-04 17:24:00.350000+00:00</t>
  </si>
  <si>
    <t>2014-12-05 07:12:17.573000+00:00</t>
  </si>
  <si>
    <t>2014-12-04 17:58:31.510000+00:00</t>
  </si>
  <si>
    <t>java|uml|aggregation|composition|class-diagram</t>
  </si>
  <si>
    <t>Saving object with one to many unidirectional relation does not work</t>
  </si>
  <si>
    <t>&lt;p&gt;I have order and it can have many status. Trying to save new status seems not working with unidirectional relationship. 
Is that right I can not save status with unidirectional relation from order to status as shown in my code? What are possible way to get that saved?&lt;/p&gt;
&lt;p&gt;Table : ORDER(PK_ORDER_ID, ORDER_NO)&lt;/p&gt;
&lt;p&gt;Table : ORDER_STATUS(PK_ORDER_STATUS_ID, FK_ORDER_ID, STATUS)&lt;/p&gt;
&lt;p&gt;Order class like this&lt;/p&gt;
&lt;pre&gt;&lt;code&gt;@Entity
@Table(name = "ORDER")
public class Order {
@Id
@GeneratedValue(strategy = GenerationType.IDENTITY)
@Column(name = "PK_ORDER_ID", unique = true, nullable = false)
private Long id;
@JoinColumn(name = "FK_ORDER_ID", referencedColumnName = "PK_ORDER_ID")
private Set&amp;lt;OrderStatus&amp;gt; orderStatus;
}
&lt;/code&gt;&lt;/pre&gt;
&lt;p&gt;OrderStatus class like this&lt;/p&gt;
&lt;pre&gt;&lt;code&gt;@Entity
@Table(name = "ORDER_STATUS")
public class OrderStatus {
@Id
@GeneratedValue(strategy = GenerationType.IDENTITY)
@Column(name = "PK_ORDER_STATUS_ID")
private Long id;
@Column(name = "STATUS")
private String status;
public OrderStatus(String status) {
    this.status = status;
}
}
&lt;/code&gt;&lt;/pre&gt;
&lt;p&gt;Somewhere is other file &lt;/p&gt;
&lt;pre&gt;&lt;code&gt;order.getStatus().add(new OrderStatus("new"));
&lt;/code&gt;&lt;/pre&gt;
&lt;p&gt;The database code which save the changes is -&lt;/p&gt;
&lt;pre&gt;&lt;code&gt;@Transactional(TxType.REQUIRED)
public U merge(U EntityToUpdate) {
    return em.merge(EntityToUpdate);
}
&lt;/code&gt;&lt;/pre&gt;
&lt;p&gt;It give following error&lt;/p&gt;
&lt;pre&gt;&lt;code&gt;java.sql.SQLException: (conn:40) Field 'FK_ORDER_ID' doesn't have value
Query is: insert into ORDER_STATUS (STATUS) values (?), parameters ['new']
&lt;/code&gt;&lt;/pre&gt;</t>
  </si>
  <si>
    <t>2018-08-27 11:38:05.700000+00:00</t>
  </si>
  <si>
    <t>2018-08-28 05:30:41.710000+00:00</t>
  </si>
  <si>
    <t>java|hibernate|jpa</t>
  </si>
  <si>
    <t>Function commenting conventions in R</t>
  </si>
  <si>
    <t>&lt;p&gt;I'm fairly new to R, and I have been defining some of my own functions in script files. I'm intending for others to re-use them later, and I can't find any guides on R function commenting conventions. Is there any way for me to make &lt;code&gt;help("my_function_name")&lt;/code&gt; show some help? If not, do I just document the function in the script file, so that someone has to print out (or open the source of) a script to see the comments?&lt;/p&gt;
&lt;p&gt;Thanks, &lt;/p&gt;
&lt;p&gt;Hamy&lt;/p&gt;</t>
  </si>
  <si>
    <t>2011-06-12 20:47:19.140000+00:00</t>
  </si>
  <si>
    <t>2017-09-26 19:00:04.017000+00:00</t>
  </si>
  <si>
    <t>2011-06-14 17:13:59.177000+00:00</t>
  </si>
  <si>
    <t>r|conventions|commenting</t>
  </si>
  <si>
    <t>Memory editing: Can't get right address (3 offsets)</t>
  </si>
  <si>
    <t>&lt;p&gt;I'm trying to change the address of some text in an offline game. 
Writing a string to memory works, tho this code makes me write to a random address in memory. &lt;/p&gt;
&lt;p&gt;Process is 64bits. GetModuleBase works fine, I use it to edit some integer values, and it works fine(They have one offset)&lt;/p&gt;
&lt;p&gt;Pointer &amp;amp; Offsets works just fine in CheatEngine. &lt;/p&gt;
&lt;p&gt;I have tried looking on google, didn't find anything really helping me&lt;/p&gt;
&lt;pre&gt;&lt;code&gt;    HANDLE hProcess = GetCurrentProcess();
    DWORD* adress = (DWORD*)((DWORD*)((DWORD*)((*(DWORD*)(GetModuleBase(GetCurrentProcess(), string("MyGame.exe")) + 0x01E69FD8)) + 0x8) + 0x410) + 0x7d);//This gives some kind of random address
    WriteProcessMemory(hProcess, (void*)(adress), name.c_str(), name.length(), 0);//This works
&lt;/code&gt;&lt;/pre&gt;
&lt;p&gt;How can I get the right address? &lt;/p&gt;</t>
  </si>
  <si>
    <t>2015-10-15 00:33:19.437000+00:00</t>
  </si>
  <si>
    <t>2015-10-15 01:01:27.777000+00:00</t>
  </si>
  <si>
    <t>Python 3 Read data from URL</t>
  </si>
  <si>
    <t>&lt;p&gt;I have a problem with Python 3 when I want to read from an URL &lt;/p&gt;
&lt;pre&gt;&lt;code&gt;URL="http://"+USER+":"+PASSWORD+"@127.0.0.1:"+PORT+"/manager/status?XML=true"
RURL=urllib.request.urlopen(URL)
XML=RURL.read()
RURL.close()
&lt;/code&gt;&lt;/pre&gt;
&lt;p&gt;In Older Python version the following works correctly:&lt;/p&gt;
&lt;pre&gt;&lt;code&gt;URL="http://"+USER+":"+PASSWORD+"@127.0.0.1:"+PORT+"/manager/status?XML=true"
RURL=urllib.urlopen(URL)
XML=RURL.read()
RURL.close()
&lt;/code&gt;&lt;/pre&gt;
&lt;p&gt;Now when I run the script I get the following:&lt;/p&gt;
&lt;pre&gt;&lt;code&gt;Traceback (most recent call last):
  File "/opt/rh/python33/root/usr/lib64/python3.3/urllib/request.py", line 1248, in do_open
    h.request(req.get_method(), req.selector, req.data, headers)
  File "/opt/rh/python33/root/usr/lib64/python3.3/http/client.py", line 1061, in request
    self._send_request(method, url, body, headers)
  File "/opt/rh/python33/root/usr/lib64/python3.3/http/client.py", line 1099, in _send_request
    self.endheaders(body)
  File "/opt/rh/python33/root/usr/lib64/python3.3/http/client.py", line 1057, in endheaders
    self._send_output(message_body)
  File "/opt/rh/python33/root/usr/lib64/python3.3/http/client.py", line 902, in _send_output
    self.send(msg)
  File "/opt/rh/python33/root/usr/lib64/python3.3/http/client.py", line 840, in send
    self.connect()
  File "/opt/rh/python33/root/usr/lib64/python3.3/http/client.py", line 818, in connect
    self.timeout, self.source_address)
  File "/opt/rh/python33/root/usr/lib64/python3.3/socket.py", line 417, in create_connection
    for res in getaddrinfo(host, port, 0, SOCK_STREAM):
socket.gaierror: [Errno -2] Name or service not known
During handling of the above exception, another exception occurred:
Traceback (most recent call last):
  File "./Tomcatxml.py", line 15, in &amp;lt;module&amp;gt;
    RURL=urllib.request.urlopen(URL)
  File "/opt/rh/python33/root/usr/lib64/python3.3/urllib/request.py", line 156, in urlopen
    return opener.open(url, data, timeout)
  File "/opt/rh/python33/root/usr/lib64/python3.3/urllib/request.py", line 469, in open
    response = self._open(req, data)
  File "/opt/rh/python33/root/usr/lib64/python3.3/urllib/request.py", line 487, in _open
    '_open', req)
  File "/opt/rh/python33/root/usr/lib64/python3.3/urllib/request.py", line 447, in _call_chain
    result = func(*args)
  File "/opt/rh/python33/root/usr/lib64/python3.3/urllib/request.py", line 1268, in http_open
    return self.do_open(http.client.HTTPConnection, req)
  File "/opt/rh/python33/root/usr/lib64/python3.3/urllib/request.py", line 1251, in do_open
    raise URLError(err)
urllib.error.URLError: &amp;lt;urlopen error [Errno -2] Name or service not known&amp;gt;
&lt;/code&gt;&lt;/pre&gt;</t>
  </si>
  <si>
    <t>2015-12-02 20:29:45.493000+00:00</t>
  </si>
  <si>
    <t>2015-12-02 20:46:27.410000+00:00</t>
  </si>
  <si>
    <t>python|xml|linux|python-3.x|urllib</t>
  </si>
  <si>
    <t>Dot syntax vs param passing syntax</t>
  </si>
  <si>
    <t>&lt;p&gt;Are only the core Ruby methods callable using object.functionName syntax? Is it possible to create methods on my own that are callable in the dot syntax fashion?&lt;/p&gt;
&lt;p&gt;For this method:&lt;/p&gt;
&lt;pre&gt;&lt;code&gt;def namechanger (name)
    nametochange = name
    puts "This is the name to change: #{nametochange}"
end
&lt;/code&gt;&lt;/pre&gt;
&lt;p&gt;First one below works, the second does not.&lt;/p&gt;
&lt;pre&gt;&lt;code&gt;namechanger("Steve")
"Steve".namechanger
&lt;/code&gt;&lt;/pre&gt;
&lt;p&gt;I get an error on &lt;code&gt;"Steve".namechanger&lt;/code&gt;&lt;/p&gt;
&lt;p&gt;The error is: &lt;/p&gt;
&lt;pre&gt;&lt;code&gt;rb:21:in `&amp;lt;main&amp;gt;': private method `namechanger' called for "Steve":String (NoMethodError)
&lt;/code&gt;&lt;/pre&gt;</t>
  </si>
  <si>
    <t>2012-01-12 21:54:40.757000+00:00</t>
  </si>
  <si>
    <t>2012-01-12 22:20:37.950000+00:00</t>
  </si>
  <si>
    <t>ruby|syntax</t>
  </si>
  <si>
    <t>Does async programming mean multi-threading?</t>
  </si>
  <si>
    <t>&lt;p&gt;lets talk about JavaScript code which has &lt;code&gt;setInterval&lt;/code&gt; methods every &lt;code&gt;2&lt;/code&gt; sec. &lt;/p&gt;
&lt;p&gt;I also have a &lt;code&gt;onblur&lt;/code&gt; animation event for some control.&lt;/p&gt;
&lt;p&gt;In a case where &lt;code&gt;onblur&lt;/code&gt; occurs (+ animation), I might get the &lt;code&gt;setInterval&lt;/code&gt; function.&lt;/p&gt;
&lt;p&gt;So my question is:&lt;br&gt;
&lt;strong&gt;Does Async programming mean multi-threading? (in any way?)&lt;/strong&gt;&lt;/p&gt;
&lt;p&gt;I know that Javascript is not a multi-threading language.&lt;/p&gt;
&lt;p&gt;So...?&lt;/p&gt;</t>
  </si>
  <si>
    <t>2012-01-22 17:53:33.797000+00:00</t>
  </si>
  <si>
    <t>2018-12-01 23:21:51.953000+00:00</t>
  </si>
  <si>
    <t>2016-03-13 22:04:56.680000+00:00</t>
  </si>
  <si>
    <t>javascript|jquery|.net|multithreading|asynchronous</t>
  </si>
  <si>
    <t>���Gradle files have changed since last project sync.��� message always shows up after change laptop's timezone</t>
  </si>
  <si>
    <t>&lt;p&gt;Everything works OK until I change my laptop's timezone from UTC -8:00 to UTC +7:00. After that, ���Gradle files have changed since last project sync...��� message always shows up.&lt;/p&gt;
&lt;p&gt;How can I fix it? Of course I don't want to change my timezone to UTC -8:00 again.&lt;/p&gt;</t>
  </si>
  <si>
    <t>2017-10-22 12:44:45.350000+00:00</t>
  </si>
  <si>
    <t>2017-10-22 12:59:21.973000+00:00</t>
  </si>
  <si>
    <t>android|gradle</t>
  </si>
  <si>
    <t>PDF encryption using nodejs</t>
  </si>
  <si>
    <t>&lt;p&gt;I have a requirement for creating pdf from existing pdf. Where an existing pdf is copied into a new pdf and new pdf will be password protected(file open password).&lt;/p&gt;
&lt;p&gt;I can do it using PHP mpdf. Just want to know if it is possible with nodejs.&lt;/p&gt;
&lt;p&gt;Requirements are simple:&lt;/p&gt;
&lt;p&gt;1- Copy existing pdf into new pdf.
2- Password protect new pdf.&lt;/p&gt;
&lt;p&gt;Thanks&lt;/p&gt;</t>
  </si>
  <si>
    <t>2017-09-13 14:20:16.650000+00:00</t>
  </si>
  <si>
    <t>2017-09-13 15:28:29.680000+00:00</t>
  </si>
  <si>
    <t>Why Does a join in LINQ generate extra objects in C#?</t>
  </si>
  <si>
    <t>&lt;p&gt;I know the title sounds cooky, and I am sure there is a very easy explanation for this but i am losing mind at this point.&lt;/p&gt;
&lt;p&gt;I am doing an intersect query using Linq:&lt;/p&gt;
&lt;pre&gt;&lt;code&gt;    var result = from item1 in em1.EmailBindingList
                 join item2 in em2.EmailBindingList
                 on item1.Header equals item2.Header
                 select item1;
&lt;/code&gt;&lt;/pre&gt;
&lt;p&gt;(both em1 and em2 have 15875 items and both are identical) The above should give me a result with 15875 items.&lt;/p&gt;
&lt;p&gt;Yet, I get 15879&lt;/p&gt;
&lt;p&gt;Look at pic. I really don't get it.! &lt;img src="https://i.stack.imgur.com/awubg.jpg" alt="Why"&gt;&lt;/p&gt;
&lt;p&gt;See  cdhowie comment below. He solved this for me. Thank you.&lt;/p&gt;</t>
  </si>
  <si>
    <t>2014-08-17 01:24:41.703000+00:00</t>
  </si>
  <si>
    <t>2014-08-17 01:52:32.787000+00:00</t>
  </si>
  <si>
    <t>2014-08-17 01:46:50.247000+00:00</t>
  </si>
  <si>
    <t>c#|linq|ienumerable</t>
  </si>
  <si>
    <t>Refresh Birt Report</t>
  </si>
  <si>
    <t>&lt;p&gt;I want to refresh my BIRT report automatically. Report is deployed on tomcat 5.x server. How can I do it ? Is there any parameter setting ?&lt;/p&gt;
&lt;p&gt;Thanks,
Sampath&lt;/p&gt;</t>
  </si>
  <si>
    <t>2011-07-24 18:21:12.190000+00:00</t>
  </si>
  <si>
    <t>2011-08-04 01:49:27.297000+00:00</t>
  </si>
  <si>
    <t>birt</t>
  </si>
  <si>
    <t>How to efficiently build and store semantic graph?</t>
  </si>
  <si>
    <t>&lt;p&gt;Surfing the net I ran into &lt;a href="http://www.serialssolutions.com/aquabrowser/" rel="nofollow noreferrer"&gt;Aquabrowser&lt;/a&gt; (no need to click, I'll post a pic of the relevant part).&lt;/p&gt;
&lt;p&gt;It has a nice way of presenting search results and discovering semantically linked entities.&lt;/p&gt;
&lt;p&gt;Here is a screenshot taken from &lt;a href="http://aqua.santacruzpl.org/" rel="nofollow noreferrer"&gt;one&lt;/a&gt; of the &lt;a href="http://www.serialssolutions.com/aquabrowser-demos/" rel="nofollow noreferrer"&gt;demos&lt;/a&gt;.&lt;/p&gt;
&lt;p&gt;On the left side you have they word you typed and related words.
Clicking them refines your results.&lt;/p&gt;
&lt;p&gt;&lt;img src="https://i.stack.imgur.com/UVCDw.png" alt="aqua"&gt;&lt;/p&gt;
&lt;p&gt;Now as an example project I have a data set of film entities and subjects (like wolrd-war-2 or prison-escape) and their relations.&lt;/p&gt;
&lt;p&gt;Now I imagine several use cases, first where a user starts with a keyword.
For example "world war 2".&lt;/p&gt;
&lt;p&gt;Then i would somehow like to calculate related keywords and rank them.&lt;/p&gt;
&lt;p&gt;I think about some sql query like this:&lt;/p&gt;
&lt;p&gt;Lets assume "world war 2" has id 3.&lt;/p&gt;
&lt;pre&gt;&lt;code&gt;select keywordId, count(keywordId) as total from keywordRelations 
WHERE movieId IN (select movieId from keywordRelations 
                  join movies using (movieId)      
                  where keywordId=3) 
 group by keywordId order by total desc
&lt;/code&gt;&lt;/pre&gt;
&lt;p&gt;which basically should select all movies which also have the keyword world-war-2 and then looks up the keywords which theese films have as well and selects those which occour the most.&lt;/p&gt;
&lt;p&gt;I think with theese keywords I can select movies which match best and have a nice tag cloud containing similar movies and related keywords.&lt;/p&gt;
&lt;p&gt;I think this should work but its very, very, very inefficient.&lt;/p&gt;
&lt;p&gt;And its also only one level or relation.&lt;/p&gt;
&lt;p&gt;There must be a better way to do this, but how??&lt;/p&gt;
&lt;p&gt;I basically have an collection of entities. They could be different entities (movies, actors, subjects, plot-keywords) etc.&lt;/p&gt;
&lt;p&gt;I also have relations between them. &lt;/p&gt;
&lt;p&gt;It must somehow be possible to efficiently calculate "semantic distance" for entities.&lt;/p&gt;
&lt;p&gt;I also would like to implement more levels of relation.&lt;/p&gt;
&lt;p&gt;But I am totally stuck. Well I have tried different approaches but everything ends up in some algorithms that take ages to calculate and the runtime grows exponentially.&lt;/p&gt;
&lt;p&gt;Are there any database systems available optimized for that?&lt;/p&gt;
&lt;p&gt;Can someone point me in the right direction? &lt;/p&gt;</t>
  </si>
  <si>
    <t>2011-01-19 23:08:49.367000+00:00</t>
  </si>
  <si>
    <t>2011-01-20 00:36:18.683000+00:00</t>
  </si>
  <si>
    <t>2011-01-19 23:38:14.837000+00:00</t>
  </si>
  <si>
    <t>sql|mysql|database|algorithm|semantics</t>
  </si>
  <si>
    <t>Separate a string using strpbrk , with delimiter "&gt;&gt;"?</t>
  </si>
  <si>
    <t>&lt;p&gt;I write a program that gets as an input any string that contain the following characters : &lt;/p&gt;
&lt;pre&gt;&lt;code&gt;&amp;amp; , &amp;gt; , &amp;lt; , SPACE (e.g " ")
&lt;/code&gt;&lt;/pre&gt;
&lt;p&gt;The delimiters are written like this : &lt;code&gt;char delimiters[] = " &amp;amp;&amp;lt;&amp;gt;";&lt;/code&gt; , and I use them with the &lt;code&gt;strpbrk&lt;/code&gt; command.&lt;/p&gt;
&lt;p&gt;I need to add the delimiter &lt;code&gt;"&amp;gt;&amp;gt;"&lt;/code&gt; to this group . How can I do this ? &lt;/p&gt;
&lt;p&gt;If I just write : &lt;code&gt;char delimiters[] = " &amp;amp;&amp;lt;&amp;gt;&amp;gt;&amp;gt;";&lt;/code&gt; , the compiler doesn't treat the &lt;code&gt;&amp;gt;&amp;gt;&lt;/code&gt; accordingly .&lt;/p&gt;
&lt;p&gt;Any idea how to solve this ? &lt;/p&gt;
&lt;p&gt;Thanks &lt;/p&gt;</t>
  </si>
  <si>
    <t>2012-05-22 20:05:00.217000+00:00</t>
  </si>
  <si>
    <t>2012-05-23 08:37:38.133000+00:00</t>
  </si>
  <si>
    <t>How to swap out to a new file a running process output is redirecting to, without restarting the command?</t>
  </si>
  <si>
    <t>&lt;p&gt;I have a background process that I do not want to restart. Its output is actively being logged to a file.&lt;/p&gt;
&lt;pre&gt;&lt;code&gt;nohup mycommand 1&amp;gt; myoutputfile.log 2&amp;gt;&amp;amp;1 &amp;amp;
&lt;/code&gt;&lt;/pre&gt;
&lt;p&gt;I want to "archive" the file the process is currently writing its output to, and make it start writing to a blank file at the same file name. &lt;strong&gt;I must be able to do this without having to kill the process and start it again.&lt;/strong&gt;&lt;/p&gt;
&lt;p&gt;I tried simply renaming the existing file (to &lt;code&gt;myoutputfile_.log&lt;/code&gt;), hoping that the shell now finding that the file is no longer there, will create a new file with the original file name (&lt;code&gt;myoutputfile.log&lt;/code&gt;). But this does not work as the shell holds a reference to the file's location and keeps appending to it.&lt;/p&gt;
&lt;p&gt;I looked &lt;a href="http://etbe.coker.com.au/2008/02/27/redirecting-output-from-a-running-process/" rel="nofollow"&gt;here&lt;/a&gt;. On executing &lt;code&gt;ls&lt;/code&gt;, I see that the streams are now marked as &lt;code&gt;(deleted)&lt;/code&gt; but I'm quite confused what to do next. In the &lt;code&gt;gdb&lt;/code&gt; command, do I have to specify the process executable in addition to the process ID? What happens if I don't specify it or I get it wrong? Once in &lt;code&gt;gdb&lt;/code&gt;, how do I force the stream to re-create a file in the deleted file's same location (same path and filename)?&lt;/p&gt;
&lt;p&gt;How can I use the commands in shell to signal it to start a new file for an existing process's output redirection?&lt;/p&gt;
&lt;p&gt;&lt;em&gt;PS: I can't do a trial-and-error because it's rather important I get this right. If it is relevant to know, this is a &lt;code&gt;java&lt;/code&gt; process.&lt;/em&gt;&lt;/p&gt;</t>
  </si>
  <si>
    <t>2014-01-07 06:28:28.407000+00:00</t>
  </si>
  <si>
    <t>2014-01-14 06:45:08.647000+00:00</t>
  </si>
  <si>
    <t>bash|shell|unix</t>
  </si>
  <si>
    <t>Can I code a function which return to an enum in c++?</t>
  </si>
  <si>
    <t>&lt;p&gt;Is this possible? In normal, I am using int to return the function but I just wonder if this is possible.&lt;/p&gt;
&lt;pre&gt;&lt;code&gt;enum Direction { east, west, north, south };
Direction GetDirection()
{
    return direction;
}
&lt;/code&gt;&lt;/pre&gt;</t>
  </si>
  <si>
    <t>2015-04-13 09:28:52.327000+00:00</t>
  </si>
  <si>
    <t>2015-04-13 09:34:58.137000+00:00</t>
  </si>
  <si>
    <t>c++|enumeration</t>
  </si>
  <si>
    <t>auto resize and align javascript for illustrator CS5</t>
  </si>
  <si>
    <t>&lt;p&gt;I am using illustrator CS5.
and I am using this javascript.&lt;/p&gt;
&lt;p&gt;and I want to do, after this script, I want to align those two selections automatically top left of one of those.
How can I do?&lt;/p&gt;
&lt;pre&gt;&lt;code&gt;var dia = new Window("dialog", "Resize", [0,0,300,170]);
dia.pane1 = dia.add("panel", [10,15,290,90], "Fit to...");
dia.radi1 = dia.pane1.add("radiobutton", [10,15,200,25], "Width");
dia.radi2 = dia.pane1.add("radiobutton", [10,40,200,50], "Height");
dia.bot1 = dia.add("button", [10,100,290,160], "do it", { name:"ok"});
dia.radi1.value = true;
dia.center();
dia.show();
sel = activeDocument.selection;
var Tmax = 0;
var Ymax = 0;
for (i = 0; i &amp;lt; sel.length; i++) {
    if (Tmax &amp;lt; sel[i].height) {
        Tmax = sel[i].height
    }
    if (Ymax &amp;lt; sel[i].width) {
        Ymax = sel[i].width
    }
}
for (i=0; i &amp;lt; sel.length; i++) {
    if (dia.radi2.value) {
        bairitu = Tmax / sel[i].height * 100;
    } else {
        bairitu = Ymax / sel[i].width * 100;
    }
    sel[i].resize(bairitu, bairitu, true, true, true, true, bairitu, Transformation.TOPLEFT);
}
&lt;/code&gt;&lt;/pre&gt;</t>
  </si>
  <si>
    <t>2015-05-19 14:52:07.417000+00:00</t>
  </si>
  <si>
    <t>2015-05-22 09:28:55.470000+00:00</t>
  </si>
  <si>
    <t>javascript|adobe|flash-cs5</t>
  </si>
  <si>
    <t>Java compile not working... installed JDK and it has worked before</t>
  </si>
  <si>
    <t>&lt;p&gt;OK... This is kind of odd. So, yesterday, on my new computer, I installed the latest JDK 8 for Windows 7. I input it to environmental variables, I did everything correctly, and I know it for sure because it worked yesterday. I compiled multiple .javas. But now today, I use the javac on any .java, and the CMD prompt just goes back to "C:\Users\Home Computer&gt;"
I've restarted, hours of research, but this problem seems new. Even uninstalled and reinstalled JDK. Any ideas? Thanks in advance.&lt;/p&gt;
&lt;p&gt;&lt;a href="http://i.stack.imgur.com/liJQ1.png" rel="nofollow"&gt;Command Prompt Screenshot&lt;/a&gt;&lt;/p&gt;</t>
  </si>
  <si>
    <t>2016-04-14 00:52:41.323000+00:00</t>
  </si>
  <si>
    <t>2016-04-14 05:06:43.073000+00:00</t>
  </si>
  <si>
    <t>java|javac</t>
  </si>
  <si>
    <t>Why I cannot save IDNA encoded URL into varchar column of SQL Server</t>
  </si>
  <si>
    <t>&lt;p&gt;I have IDN URL like this :
http://������������������.����/
which is represented with IDN URL &lt;a href="http://xn--d1abbgf6aiiy.xn--p1ai/" rel="nofollow"&gt;http://xn--d1abbgf6aiiy.xn--p1ai/&lt;/a&gt;
When I try to save that URL into varchar column of SQL server I am getting ??????.
Isn't IDN Punycode should be ASCII representation of Unicode characters ?&lt;/p&gt;</t>
  </si>
  <si>
    <t>2013-12-25 13:06:40.317000+00:00</t>
  </si>
  <si>
    <t>unicode|sql-server-2012|ascii|idn</t>
  </si>
  <si>
    <t>limit() isn't working for me in when using find()</t>
  </si>
  <si>
    <t>&lt;p&gt;I am new to MongoDB and Meteor.js and was trying to check if a document existed in a collection. &lt;/p&gt;
&lt;p&gt;I know that I can use &lt;code&gt;findOne&lt;/code&gt; or &lt;code&gt;find({condition}).count()&lt;/code&gt;, but an article &lt;a href="http://blog.serverdensity.com/checking-if-a-document-exists-mongodb-slow-findone-vs-find/" rel="nofollow"&gt;here&lt;/a&gt; made a point that it would be faster to use:&lt;/p&gt;
&lt;pre&gt;&lt;code&gt;find({condition}).limit(1).size(). 
&lt;/code&gt;&lt;/pre&gt;
&lt;p&gt;When I use something like&lt;/p&gt;
&lt;pre&gt;&lt;code&gt;PlayersList.find({'name':"Bill"}).limit(1).size() 
&lt;/code&gt;&lt;/pre&gt;
&lt;p&gt;where &lt;code&gt;PlayersList&lt;/code&gt; is a collection, I get an error saying: &lt;strong&gt;"TypeError: undefined is not a function (evaluating 'PlayersList.find({'name':playerName}).limit(1)')"&lt;/strong&gt; &lt;/p&gt;
&lt;p&gt;Can anybody explain what I am doing wrong?&lt;/p&gt;</t>
  </si>
  <si>
    <t>2014-10-26 03:02:58.297000+00:00</t>
  </si>
  <si>
    <t>2014-10-27 11:56:42.273000+00:00</t>
  </si>
  <si>
    <t>2014-10-26 03:25:49.033000+00:00</t>
  </si>
  <si>
    <t>javascript|mongodb|find|limit</t>
  </si>
  <si>
    <t>Delete Chars in Python</t>
  </si>
  <si>
    <t>&lt;p&gt;does anybody know how to delete all characters behind a specific character??&lt;/p&gt;
&lt;p&gt;like this:&lt;/p&gt;
&lt;pre&gt;&lt;code&gt;http://google.com/translate_t
&lt;/code&gt;&lt;/pre&gt;
&lt;p&gt;into &lt;/p&gt;
&lt;pre&gt;&lt;code&gt;http://google.com
&lt;/code&gt;&lt;/pre&gt;</t>
  </si>
  <si>
    <t>2009-02-14 13:46:31.270000+00:00</t>
  </si>
  <si>
    <t>2009-02-14 20:29:26.573000+00:00</t>
  </si>
  <si>
    <t>2009-02-14 14:35:58.513000+00:00</t>
  </si>
  <si>
    <t>Constantin</t>
  </si>
  <si>
    <t>python|text-processing</t>
  </si>
  <si>
    <t>Check if a command exists using qmake</t>
  </si>
  <si>
    <t>&lt;p&gt;I am working on a project which incorporates C code, as well as (MASM-like) assembly. I want to be able to compile it on Linux, as well as Windows, thus I am using a third-party assembler (jwasm) as follows:&lt;/p&gt;
&lt;pre&gt;&lt;code&gt;QMAKE_PRE_LINK += jwasm -coff -Fo$$assembly_obj $$PWD/assembly.asm
&lt;/code&gt;&lt;/pre&gt;
&lt;p&gt;(here, assembly_obj holds the directory I want jwasm to save the output. Oh, by the way: when using jwasm it is critical to &lt;em&gt;first&lt;/em&gt; specify all the parameters, and only at the end the input files, otherwise it will ignore the parameters)&lt;/p&gt;
&lt;p&gt;To make it easier for other people to compile the project, I would like to be able to check if jwasm is in their path, and if not, emit an &lt;code&gt;error()&lt;/code&gt; telling them how to fix this. However, I am not sure if this is even possible using qmake. I have tried:&lt;/p&gt;
&lt;pre&gt;&lt;code&gt;exists("jwasm") {  # Always false
    message("jwasm found!")
}
&lt;/code&gt;&lt;/pre&gt;
&lt;p&gt;as well as:&lt;/p&gt;
&lt;pre&gt;&lt;code&gt;packagesExist(jwasm) { # Always true
    message("jwasm found!")
}
&lt;/code&gt;&lt;/pre&gt;
&lt;p&gt;I have looked around in the qmake docs, but couldn't find any other alternatives...  &lt;/p&gt;</t>
  </si>
  <si>
    <t>2014-12-28 14:35:47.553000+00:00</t>
  </si>
  <si>
    <t>command|qmake|exists</t>
  </si>
  <si>
    <t>Installing MapServer using rpms in Chef 12</t>
  </si>
  <si>
    <t>&lt;p&gt;I've to install MapServer 7.0.5 on CentOS 7 using Chef ... &lt;/p&gt;
&lt;p&gt;I've built rpms using this spec file ... &lt;/p&gt;
&lt;pre&gt;&lt;code&gt;%global ini_name 40-mapserver.ini
%global project_owner mapserver
%global project_name mapserver
# MapServer doesn't support PHP 7 yet. See:
# https://github.com/mapserver/mapserver/issues/5252
%global php_mapscript 0
%global commit 208bb3a10fccdc9c1bdab175915072270abb1b45
%global shortcommit %(c=%{commit}; echo ${c:0:7})
Name:           mapserver
Version:        7.0.5
Release:        3.git%{shortcommit}%{?dist}
Summary:        Environment for building spatially-enabled internet applications
Group:          Development/Tools
License:        BSD
URL:            http://www.mapserver.org
Source0:        https://github.com/%{project_owner}/%{project_name}/archive/%{commit}/%{project_name}-%{commit}.tar.gz
Requires:       httpd
Requires:       dejavu-sans-fonts
BuildRequires:  cairo-devel
BuildRequires:  cmake
BuildRequires:  curl-devel
BuildRequires:  fcgi-devel
BuildRequires:  freetype-devel
BuildRequires:  fribidi-devel
BuildRequires:  gd-devel &amp;gt;= 2.0.16
BuildRequires:  gdal-devel
BuildRequires:  geos-devel
BuildRequires:  giflib-devel
BuildRequires:  httpd-devel
BuildRequires:  libjpeg-devel
BuildRequires:  libpng-devel
BuildRequires:  libtiff-devel
BuildRequires:  libxml2-devel
BuildRequires:  libXpm-devel
BuildRequires:  libxslt-devel
BuildRequires:  mysql-devel
BuildRequires:  harfbuzz-devel
BuildRequires:  pam-devel
BuildRequires:  perl-generators
BuildRequires:  perl(ExtUtils::MakeMaker)
BuildRequires:  postgresql-devel
BuildRequires:  proj-devel
BuildRequires:  readline-devel
BuildRequires:  swig
BuildRequires:  zlib-devel
%description
Mapserver is an internet mapping program that converts GIS data to
map images in real time. With appropriate interface pages,
Mapserver can provide an interactive internet map based on
custom GIS data.
%package  libs
Summary:  %{summary}
%description libs
This package contains the libs for mapserver.
%package  devel
Summary:        Development files for mapserver
Requires:       %{name} = %{version}
%description devel
This package contains development files for mapserver.
%if 0%{php_mapscript}
%package -n php-%{name}
Summary:        PHP/Mapscript map making extensions to PHP
Group:          Development/Languages
BuildRequires:  php-devel
Requires:       php-gd%{?_isa}
Requires:       php(zend-abi) = %{php_zend_api}
Requires:       php(api) = %{php_core_api}
%description -n php-%{name}
The PHP/Mapscript extension provides full map customization capabilities within
the PHP scripting language.
%endif # end php_mapscript
%package perl
Summary:        Perl/Mapscript map making extensions to Perl
Group:          Development/Languages
Requires:       %{name} = %{version}-%{release}
Requires: perl(:MODULE_COMPAT_%(eval "`%{__perl} -V:version`"; echo $version))
%description perl
The Perl/Mapscript extension provides full map customization capabilities
within the Perl programming language.
%package python
Summary:        Python/Mapscript map making extensions to Python
Group:          Development/Languages
BuildRequires:  python2-devel
Requires:       %{name} = %{version}-%{release}
%description python
The Python/Mapscript extension provides full map customization capabilities
within the Python programming language.
%package java
Summary:        Java/Mapscript map making extensions to Java
Group:          Development/Languages
BuildRequires:  java-devel
Requires:       %{name} = %{version}-%{release}
Requires:       java-headless
%description java
The Java/Mapscript extension provides full map customization capabilities
within the Java programming language.
%package ruby
Summary:       Ruby/Mapscript map making extensions to Ruby
BuildRequires: ruby-devel
Requires:      %{name} = %{version}-%{release}
%description ruby
The Ruby/Mapscript extension provides full map customization capabilities within
the ruby programming language.
%prep
%setup -q -n %{project_owner}-%{commit}
# replace fonts for tests with symlinks
rm -rf tests/vera/Vera.ttf
rm -rf tests/vera/VeraBd.ttf
pushd tests/vera/
ln -sf /usr/share/fonts/dejavu/DejaVuSans.ttf Vera.ttf
ln -sf /usr/share/fonts/dejavu/DejaVuSans-Bold.ttf VeraBd.ttf
popd
# Force swig to regenerate the wrapper
rm -rf mapscript/perl/mapscript_wrap.c
%build
mkdir build
cd build
export CFLAGS="${CFLAGS} -ldl -fPIC -fno-strict-aliasing"
export CXXFLAGS="%{optflags} -fno-strict-aliasing"
cmake -DINSTALL_LIB_DIR=%{_libdir} \
      -DCMAKE_INSTALL_PREFIX=%{_prefix} \
      -DCMAKE_SKIP_RPATH=ON \
      -DCMAKE_CXX_FLAGS_RELEASE="%{optflags} -fno-strict-aliasing" \
      -DCMAKE_C_FLAGS_RELEASE="%{optflags} -fno-strict-aliasing" \
      -DCMAKE_VERBOSE_MAKEFILE=ON \
      -DCMAKE_BUILD_TYPE="Release" \
      -DCMAKE_SKIP_INSTALL_RPATH=ON \
      -DCMAKE_SKIP_RPATH=ON \
      -DWITH_CAIRO=TRUE \
      -DWITH_CLIENT_WFS=TRUE \
      -DWITH_CLIENT_WMS=TRUE \
      -DWITH_CURL=TRUE \
      -DWITH_FCGI=TRUE \
      -DWITH_FRIBIDI=TRUE \
      -DWITH_GD=TRUE \
      -DWITH_GDAL=TRUE \
      -DWITH_GEOS=TRUE \
      -DWITH_GIF=TRUE \
      -DWITH_ICONV=TRUE \
      -DWITH_JAVA=TRUE \
      -DWITH_KML=TRUE \
      -DWITH_LIBXML2=TRUE \
      -DWITH_OGR=TRUE \
      -DWITH_MYSQL=TRUE \
      -DWITH_PERL=TRUE \
      -DCUSTOM_PERL_SITE_ARCH_DIR="%{perl_vendorarch}" \
%if 0%{php_mapscript}
      -DWITH_PHP=TRUE \
%endif # end php_mapscript
      -DWITH_POSTGIS=TRUE \
      -DWITH_PROJ=TRUE \
      -DWITH_PYTHON=TRUE \
      -DWITH_RUBY=TRUE \
      -DWITH_V8=FALSE \
      -DWITH_SOS=TRUE \
      -DWITH_THREAD_SAFETY=TRUE \
      -DWITH_WCS=TRUE \
      -DWITH_WMS=TRUE \
      -DWITH_WFS=TRUE \
      -DWITH_XMLMAPFILE=TRUE \
      -DWITH_POINT_Z_M=TRUE \
      -DWITH_APACHE_MODULE=FALSE \
      -DWITH_SVGCAIRO=FALSE \
      -DWITH_MYSQL=FALSE \
      -DWITH_CSHARP=FALSE \
      -DWITH_ORACLESPATIAL=FALSE \
      -DWITH_ORACLE_PLUGIN=FALSE \
      -DWITH_MSSQL2008=FALSE \
      -DWITH_SDE=FALSE \
      -DWITH_SDE_PLUGIN=FALSE \
      -DWITH_EXEMPI=FALSE \
      ..
make  %{?_smp_mflags}
%install
mkdir -p %{buildroot}%{_libexecdir}
%if 0%{php_mapscript}
mkdir -p %{buildroot}%{php_inidir}
mkdir -p %{buildroot}%{php_extdir}
%endif # end php_mapscript
mkdir -p %{buildroot}%{_bindir}
mkdir -p %{buildroot}%{_datadir}/%{name}
mkdir -p %{buildroot}%{_includedir}/%{name}/
install -p -m 644 xmlmapfile/mapfile.xsd %{buildroot}%{_datadir}/%{name}
install -p -m 644 xmlmapfile/mapfile.xsl %{buildroot}%{_datadir}/%{name}
# install java
mkdir -p %{buildroot}%{_javadir}
install -p -m 644 build/mapscript/java/mapscript.jar %{buildroot}%{_javadir}/
# install header
install -p -m 644 *.h %{buildroot}%{_includedir}/%{name}/
cd build
make DESTDIR=%{buildroot} install %{?_smp_mflags}
%if 0%{php_mapscript}
# install php config file
mkdir -p %{buildroot}%{php_inidir}
cat &amp;gt; %{buildroot}%{php_inidir}/%{ini_name} &amp;lt;&amp;lt;EOF
; Enable %{name} extension module
extension=php_mapscript.so
EOF
%endif # end php_mapscript
%post libs -p /sbin/ldconfig
%post devel -p  /sbin/ldconfig
%postun libs -p /sbin/ldconfig
%postun devel -p /sbin/ldconfig
%files
%doc README
%{_bindir}/legend
%{_bindir}/mapserv
%{_bindir}/msencrypt
%{_bindir}/scalebar
%{_bindir}/shp2img
%{_bindir}/shptree
%{_bindir}/shptreetst
%{_bindir}/shptreevis
%{_bindir}/sortshp
%{_bindir}/tile4ms
%{_datadir}/%{name}/
%files libs
%doc README
%{_libdir}/libmapserver.so.%{version}
%{_libdir}/libmapserver.so.2
%files devel
%doc README
%{_libdir}/libmapserver.so
%{_includedir}/%{name}/
%if 0%{php_mapscript}
%files -n php-%{name}
%doc mapscript/php/README
%doc mapscript/php/examples
%config(noreplace) %{php_inidir}/%{ini_name}
%{php_extdir}/php_mapscript.so*
%endif # end php_mapscript
%files perl
%doc README
%doc mapscript/perl/examples
%dir %{perl_vendorarch}/auto/mapscript
%{perl_vendorarch}/auto/mapscript/*
%{perl_vendorarch}/mapscript.pm
%files python
%doc mapscript/python/README
%doc mapscript/python/examples
%doc mapscript/python/tests
%{python2_sitearch}/*mapscript*
%files java
%doc mapscript/java/README
%doc mapscript/java/examples
%doc mapscript/java/tests
%{_javadir}/*.jar
%{_libdir}/libjavamapscript.so
%files ruby
%doc mapscript/ruby/README
%doc mapscript/ruby/examples
%{ruby_sitearchdir}/mapscript.so
%changelog
* Sun Jun 04 2017 Jitka Plesnikova &amp;lt;jplesnik@redhat.com&amp;gt; - 7.0.5-3.git208bb3a
- Perl 5.26 rebuild
* Mon May 15 2017 Fedora Release Engineering &amp;lt;rel-eng@lists.fedoraproject.org&amp;gt; - 7.0.5-2.git208bb3a
- Rebuilt for https://fedoraproject.org/wiki/Fedora_26_27_Mass_Rebuild
* Mon May 15 2017 Julien Enselme &amp;lt;jujens@jujens.eu&amp;gt; - 7.0.5-1.git208bb3a
- Update to 7.0.5
* Fri Feb 10 2017 Fedora Release Engineering &amp;lt;releng@fedoraproject.org&amp;gt; - 7.0.4-3.gitb4bc015
- Rebuilt for https://fedoraproject.org/wiki/Fedora_26_Mass_Rebuild
* Tue Jan 24 2017 Devrim G��nd��z &amp;lt;devrim@gunduz.org&amp;gt; - 7.0.4-2.gitb4bc015
- Rebuilt for Proj 4.9.3
* Thu Jan 19 2017 Julien Enselme &amp;lt;jujens@jujens.eu&amp;gt; - 7.0.4-1.gitb4bc015
- Update to 7.0.4
* Fri Jan 13 2017 V��t Ondruch &amp;lt;vondruch@redhat.com&amp;gt; - 7.0.3-2.git0f9ece8
- Rebuilt for https://fedoraproject.org/wiki/Changes/Ruby_2.4
* Mon Dec 12 2016 Julien Enselme &amp;lt;jujens@jujens.eu&amp;gt; - 7.0.3-1.git0f9ece8
- Update to 7.0.3
* Wed Sep 21 2016 Julien Enselme &amp;lt;jujens@jujens.eu&amp;gt; - 7.0.2-1.git4ea78eb
- Update to 7.0.2
* Tue Jul 19 2016 Fedora Release Engineering &amp;lt;rel-eng@lists.fedoraproject.org&amp;gt; - 7.0.1-4.git6ae2bc6
- https://fedoraproject.org/wiki/Changes/Automatic_Provides_for_Python_RPM_Packages
* Tue Jun 28 2016 Julien Enselme &amp;lt;jujens@jujens.eu&amp;gt; - 7.0.1-3.git6ae2bc6
- Disable PHP support.
* Sat May 14 2016 Jitka Plesnikova &amp;lt;jplesnik@redhat.com&amp;gt; - 7.0.1-2.git6ae2bc6
- Perl 5.24 rebuild
* Thu  Feb 25 2016 Julien Enselme &amp;lt;jujens@jujens.eu&amp;gt; - 7.0.1-1.git6ae2bc6
- Update to 7.0.1
* Thu Feb 04 2016 Fedora Release Engineering &amp;lt;releng@fedoraproject.org&amp;gt; - 6.2.2-8
- Rebuilt for https://fedoraproject.org/wiki/Fedora_24_Mass_Rebuild
* Sun Aug 30 2015 Peter Robinson &amp;lt;pbrobinson@fedoraproject.org&amp;gt; 6.2.2-7
- Rebuild again for GDAL 2.0
* Sun Aug 2 2015 Devrim G��nd��z &amp;lt;devrim@gunduz.org&amp;gt; - 6.2.2-6
- Rebuilt for new gdal
* Wed Jun 17 2015 Fedora Release Engineering &amp;lt;rel-eng@lists.fedoraproject.org&amp;gt; - 6.2.2-5
- Rebuilt for https://fedoraproject.org/wiki/Fedora_23_Mass_Rebuild
* Wed Jun 03 2015 Jitka Plesnikova &amp;lt;jplesnik@redhat.com&amp;gt; - 6.2.2-4
- Perl 5.22 rebuild
* Sat May 02 2015 Kalev Lember &amp;lt;kalevlember@gmail.com&amp;gt; - 6.2.2-3
- Rebuilt for GCC 5 C++11 ABI change
* Wed Mar 11 2015 Devrim G��ND��Z &amp;lt;devrim@gunduz.org&amp;gt; - 6.2.2-2
- Rebuilt for Proj 4.9.1
- Add patch for GCC5 build, also add -fPIC to CFLAGS
- Add a patch for swig 3.0.5
* Tue Dec 23 2014 Pavel Lis�� &amp;lt;pali@fedoraproject.org&amp;gt; - 6.2.2-1
- Update to latest 6.2 release
- BZ 1048689 - CVE-2013-7262 mapserver: SQL injections with postgis TIME filters
- BZ 747409 - MapServer uses internal AGG and does not depend on agg-devel
* Tue Aug 26 2014 Jitka Plesnikova &amp;lt;jplesnik@redhat.com&amp;gt; - 6.2.1-10
- Perl 5.20 rebuild
- Regenerated the wrapper to work with new Perl
* Sun Aug 17 2014 Fedora Release Engineering &amp;lt;rel-eng@lists.fedoraproject.org&amp;gt; - 6.2.1-9
- Rebuilt for https://fedoraproject.org/wiki/Fedora_21_22_Mass_Rebuild
* Sat Aug 09 2014 Mat Booth &amp;lt;mat.booth@redhat.com&amp;gt; - 6.2.1-8
- Drop dep on gcj.
* Fri Jun 20 2014 Remi Collet &amp;lt;rcollet@redhat.com&amp;gt; - 6.2.1-7
- rebuild for https://fedoraproject.org/wiki/Changes/Php56
- add numerical prefix to extension configuration file
- add minimal PHP extension load test
- add upstream patch for PHP 5.6 (fix #1111478)
* Sat Jun 07 2014 Fedora Release Engineering &amp;lt;rel-eng@lists.fedoraproject.org&amp;gt; - 6.2.1-6
- Rebuilt for https://fedoraproject.org/wiki/Fedora_21_Mass_Rebuild
* Tue Aug 27 2013 Orion Poplawski &amp;lt;orion@cora.nwra.com&amp;gt; - 6.2.1-5
- Rebuild for gdal 1.10.0
* Sat Aug 03 2013 Fedora Release Engineering &amp;lt;rel-eng@lists.fedoraproject.org&amp;gt; - 6.2.1-4
- Rebuilt for https://fedoraproject.org/wiki/Fedora_20_Mass_Rebuild
* Wed Jul 17 2013 Petr Pisar &amp;lt;ppisar@redhat.com&amp;gt; - 6.2.1-3
- Perl 5.18 rebuild
* Tue Jun 11 2013 Remi Collet &amp;lt;rcollet@redhat.com&amp;gt; - 6.2.1-2
- rebuild for new GD 2.1.0
* Tue May 21 2013 Pavel Lis�� &amp;lt;pali@fedoraproject.org&amp;gt; - 6.2.1-1
- Update to latest stable release
- BZ 910689 - dependency on bitstream-vera-sans-fonts changed to dejavu-sans-fonts
- BZ 960856 - Missing dependency: bitstream-vera-sans-fonts
- BZ 747421 - Move CGI executable from /usr/sbin to /usr/libexec
- BZ 796344 - Not compatible with JDK7
- BZ 846543 - mapserver-java is incorrectly packaged (missing required native library)
- trim of changelog
* Tue Apr 09 2013 Pavel Lis�� &amp;lt;pali@fedoraproject.org&amp;gt; - 6.2.0-2
- changed MS_REL from 6x to 62
* Thu Apr 04 2013 Pavel Lis�� &amp;lt;pali@fedoraproject.org&amp;gt; - 6.2.0-1
- Update to latest stable release
- dependency on bitstream-vera-sans-fonts replaced to dejavu-sans-fonts
* Mon Mar 25 2013 Oliver Falk &amp;lt;oliver@linux-kernel.at&amp;gt; - 6.0.3-10.1
- Rebuild - fix changelog (bogus date)
* Sat Mar 23 2013 Remi Collet &amp;lt;rcollet@redhat.com&amp;gt; - 6.0.3-10
- rebuild for http://fedoraproject.org/wiki/Features/Php55
* Thu Feb 14 2013 Fedora Release Engineering &amp;lt;rel-eng@lists.fedoraproject.org&amp;gt; - 6.0.3-9
- Rebuilt for https://fedoraproject.org/wiki/Fedora_19_Mass_Rebuild
* Fri Jan 18 2013 Adam Tkac &amp;lt;atkac redhat com&amp;gt; - 6.0.3-8
- rebuild due to "jpeg8-ABI" feature drop
* Fri Oct 26 2012 Remi Collet &amp;lt;remi@fedoraproject.org&amp;gt; - 6.0.3-7
- conform to PHP Guidelines (#828161)
- add minimal load test for php extension
* Tue Oct 16 2012 Pavel Lis�� &amp;lt;pali@fedoraproject.org&amp;gt; - 6.0.3-6
- temporary removed mapserver-java (mapscript) due to build problem
  with jdk7
* Fri Oct 12 2012 Pavel Lis�� &amp;lt;pali@fedoraproject.org&amp;gt; - 6.0.3-5
- Merged from 6.0.3-4
- fix of build for php4 and swig &amp;gt; 2.0.4
* Tue Aug 14 2012 Devrim G��ND��Z &amp;lt;devrim@gunduz.org&amp;gt; - 6.0.3-4
- Rebuilt for new perl.
* Thu Jul 19 2012 Fedora Release Engineering &amp;lt;rel-eng@lists.fedoraproject.org&amp;gt; - 6.0.3-3
- Rebuilt for https://fedoraproject.org/wiki/Fedora_18_Mass_Rebuild
* Tue Jul 10 2012 Petr Pisar &amp;lt;ppisar@redhat.com&amp;gt; - 6.0.3-2
- Perl 5.16 rebuild
* Sat Jun 30 2012 Devrim G��ND��Z &amp;lt;devrim@gunduz.org&amp;gt; - 6.0.3-1
- Update to 6.0.3, for various fixes described at:
  https://github.com/mapserver/mapserver/blob/rel-6-0-3-0/HISTORY.TXT
- Update URL, per bz #835426
* Fri Jun 08 2012 Petr Pisar &amp;lt;ppisar@redhat.com&amp;gt; - 6.0.2-2
- Perl 5.16 rebuild
* Mon Apr 16 2012 Devrim G��ND��Z &amp;lt;devrim@gunduz.org&amp;gt; - 6.0.2-1
- Update to 6.0.2, for various fixes described at:
  http://trac.osgeo.org/mapserver/browser/tags/rel-6-0-2/mapserver/HISTORY.TXT
* Fri Jan 13 2012 Fedora Release Engineering &amp;lt;rel-eng@lists.fedoraproject.org&amp;gt; - 6.0.1-5
- Rebuilt for https://fedoraproject.org/wiki/Fedora_17_Mass_Rebuild
* Tue Dec 06 2011 Adam Jackson &amp;lt;ajax@redhat.com&amp;gt; - 6.0.1-4
- Rebuild for new libpng
* Thu Jul 21 2011 Petr Sabata &amp;lt;contyk@redhat.com&amp;gt; - 6.0.1-3
- Perl mass rebuild
* Wed Jul 20 2011 Petr Sabata &amp;lt;contyk@redhat.com&amp;gt; - 6.0.1-2
- Perl mass rebuild
* Mon Jul 18 2011 Devrim G��ND��Z &amp;lt;devrim@gunduz.org&amp;gt; - 6.0.1-1
- Update to 6.0.1, for various fixes described at:
  http://trac.osgeo.org/mapserver/browser/tags/rel-6-0-1/mapserver/HISTORY.TXT
- Fixes bz #722545
- Apply changes to spec file for new major version.
&lt;/code&gt;&lt;/pre&gt;
&lt;p&gt;All works fine and I obtain the followings rpms:&lt;/p&gt;
&lt;ul&gt;
&lt;li&gt;mapserver-7.0.5-3.git208bb3a.el7.centos.x86_64.rpm&lt;/li&gt;
&lt;li&gt;mapserver-debuginfo-7.0.5-3.git208bb3a.el7.centos.x86_64.rpm&lt;/li&gt;
&lt;li&gt;mapserver-devel-7.0.5-3.git208bb3a.el7.centos.x86_64.rpm&lt;/li&gt;
&lt;li&gt;mapserver-java-7.0.5-3.git208bb3a.el7.centos.x86_64.rpm&lt;/li&gt;
&lt;li&gt;mapserver-libs-7.0.5-3.git208bb3a.el7.centos.x86_64.rpm&lt;/li&gt;
&lt;li&gt;mapserver-perl-7.0.5-3.git208bb3a.el7.centos.x86_64.rpm&lt;/li&gt;
&lt;li&gt;mapserver-python-7.0.5-3.git208bb3a.el7.centos.x86_64.rpm&lt;/li&gt;
&lt;li&gt;mapserver-ruby-7.0.5-3.git208bb3a.el7.centos.x86_64.rpm&lt;/li&gt;
&lt;/ul&gt;
&lt;p&gt;How may I install these rpms (in a Chef recipe / cookbook, but also to have the exact installations steps is important .....) to obtain MapServer installed ? Are there some specific sequences or priorities?&lt;/p&gt;
&lt;p&gt;Examples / suggestions?&lt;/p&gt;</t>
  </si>
  <si>
    <t>2017-07-14 13:45:53.677000+00:00</t>
  </si>
  <si>
    <t>2017-07-17 10:09:13.467000+00:00</t>
  </si>
  <si>
    <t>chef|centos7|rpm|mapserver</t>
  </si>
  <si>
    <t>Javascript onclick with onmouseover and onmouseout</t>
  </si>
  <si>
    <t>&lt;p&gt;I have an image with a few javascript calls on it, most of which work OK.&lt;/p&gt;
&lt;p&gt;Basically, what I want it to do, is when clicked swap image and then depending on which image it is currently on, to swap on mouseover too.&lt;/p&gt;
&lt;p&gt;Here's my HTML:&lt;/p&gt;
&lt;pre&gt;&lt;code&gt;&amp;lt;a href="#show" class="show_hide"&amp;gt;
&amp;lt;img src="&amp;lt;?php echo WEB_URL; ?&amp;gt;/images/show-more-arrow.jpg" width="61" height="45" id="clicktoggleimage" onclick="changeImage()" onMouseOver="checkMouseOver()" onMouseOut="checkMouseOut()" /&amp;gt;&amp;lt;/a&amp;gt;
&lt;/code&gt;&lt;/pre&gt;
&lt;p&gt;And my Javascript:&lt;/p&gt;
&lt;pre&gt;&lt;code&gt;function changeImage() {
    if (document.getElementById("clicktoggleimage").src == "http://www.pete.com/images/show-less-arrow.jpg") {
        document.getElementById("clicktoggleimage").src = "http://www.pete.com/images/show-more-arrow.jpg";
    } else {
        document.getElementById("clicktoggleimage").src = "http://www.pete.com/images/show-less-arrow.jpg";
    }
}
function checkMouseOver() {
    if (document.getElementById("clicktoggleimage").src == "http://www.pete.com/images/show-less-arrow.jpg") {
        document.getElementById("clicktoggleimage").src = "http://www.pete.com/images/show-less-arrow-over.jpg";
    } else if (document.getElementById("clicktoggleimage").src == "http://www.pete.com/images/show-more-arrow.jpg") {
        document.getElementById("clicktoggleimage").src = "http://www.pete.com/images/show-more-arrow-over.jpg";    
    }
}
function checkMouseOut() {
    if (document.getElementById("clicktoggleimage").src == "http://www.pete.com/images/show-less-arrow-over.jpg") {
        document.getElementById("clicktoggleimage").src = "http://www.pete.com/images/show-less-arrow.jpg";
    } else if (document.getElementById("clicktoggleimage").src == "http://www.pete.com/images/show-more-arrow-over.jpg") {
        document.getElementById("clicktoggleimage").src = "http://www.pete.com/images/show-more-arrow.jpg"; 
    }
}
&lt;/code&gt;&lt;/pre&gt;
&lt;p&gt;This works fine, except when the button is clicked for the second time, the image doesn't revert back to the show-less-arrow.jpg&lt;/p&gt;
&lt;p&gt;Many thanks for your help&lt;/p&gt;</t>
  </si>
  <si>
    <t>2013-01-09 11:38:52.477000+00:00</t>
  </si>
  <si>
    <t>2013-01-09 11:47:48.913000+00:00</t>
  </si>
  <si>
    <t>2013-01-09 11:41:59.477000+00:00</t>
  </si>
  <si>
    <t>javascript|html|onclick|onmouseover|onmouseout</t>
  </si>
  <si>
    <t>Pointers with multiple asterisk?</t>
  </si>
  <si>
    <t>&lt;p&gt;When declaring a pointer variable,  is there ever a use for more than one asterisk? I know when you want to have a pointer point to another you would use multiple, but just to clarify,  when declaring you still only put one? &lt;/p&gt;</t>
  </si>
  <si>
    <t>2017-07-13 18:59:10.013000+00:00</t>
  </si>
  <si>
    <t>2017-07-13 23:52:09.470000+00:00</t>
  </si>
  <si>
    <t>c++|pointers</t>
  </si>
  <si>
    <t>How can I integrate a payment API SMS with php</t>
  </si>
  <si>
    <t>&lt;p&gt;I want the user making inscription on my site web, I want payment will be via sms&lt;/p&gt;</t>
  </si>
  <si>
    <t>2016-06-28 14:49:40.053000+00:00</t>
  </si>
  <si>
    <t>2016-06-28 15:05:57.700000+00:00</t>
  </si>
  <si>
    <t>php|api|sms</t>
  </si>
  <si>
    <t>I get duplicated data when drilling down multiple series to single series</t>
  </si>
  <si>
    <t>&lt;p&gt;I've just managed to do &lt;a href="http://jsfiddle.net/s7dt1786/" rel="nofollow noreferrer"&gt;this fiddle&lt;/a&gt; which works, and I can't see the difference between that and my code whose json is below. Both points are listed and I don't see the difference between what I've written and the code in the fiddle.&lt;/p&gt;
&lt;pre&gt;&lt;code&gt;{data: [{
drilldown: "164",
name: "pigs",
y: &amp;lt;value&amp;gt;}...
&lt;/code&gt;&lt;/pre&gt;
&lt;p&gt;and&lt;/p&gt;
&lt;pre&gt;&lt;code&gt;{data: [{
color: '#ffffff',
drilldown: "164",
name: "pigs_food",
y: &amp;lt;value&amp;gt;}
&lt;/code&gt;&lt;/pre&gt;
&lt;p&gt;So there are two series, both of which I want to drill down to the same series. I'm using an async request, but I can't figure out what is going wrong. I could post more data on request. I can't see what's going on at all.&lt;/p&gt;
&lt;hr&gt;
&lt;p&gt;Solved.&lt;br&gt;
Turns out that the options I was using to add the drilldowns asynchronously and efficiently were adding the series twice so I added in a check. &lt;/p&gt;</t>
  </si>
  <si>
    <t>2015-07-27 15:15:35.270000+00:00</t>
  </si>
  <si>
    <t>2018-05-01 16:09:01.937000+00:00</t>
  </si>
  <si>
    <t>ASP MVC Lambda Expressions or Query Extensions?</t>
  </si>
  <si>
    <t>&lt;p&gt;I am using a Model Factory to query the related entities from requesting model.
The result is a ViewModel from a given entity.&lt;/p&gt;
&lt;h2&gt;Get Data&lt;/h2&gt;
&lt;pre&gt;&lt;code&gt;var posts = _postRepo.GetCommunityPosts(Id); // get an iqueryable
ICollection&amp;lt;PostViewModel&amp;gt; result = await ModelFactory.PostFactory(posts, take, skip); //using the ModelFactory to create the viewmodel
&lt;/code&gt;&lt;/pre&gt;
&lt;h2&gt;Process Data&lt;/h2&gt;
&lt;pre&gt;&lt;code&gt;public async Task&amp;lt;ICollection&amp;lt;PostViewModel&amp;gt;&amp;gt; PostFactory(IQueryable&amp;lt;TRDPost&amp;gt; posts)
{
 return await posts.Select(a =&amp;gt; new PostViewModel //the viewmodel
 {
  // simple properties
  Created = a.Created,
  Body = a.Body,
  Id = a.Id,
  // related viewmodels
  Member = new MemberViewModel 
   {
     // Member related stuff here
     // a lot of properties and also related viewmodels here
   }
 }
}).ToListAsync&amp;lt;PostViewModel&amp;gt;();
&lt;/code&gt;&lt;/pre&gt;
&lt;h1&gt;The Question&lt;/h1&gt;
&lt;p&gt;Having a lot of different Factories which all have the "Member" View Model. This is really a bad style because I have tons code redundancy. Is there a way to execute a function in the query, e.g.:&lt;/p&gt;
&lt;pre&gt;&lt;code&gt;public async Task&amp;lt;ICollection&amp;lt;PostViewModel&amp;gt;&amp;gt; PostFactory(IQueryable&amp;lt;TRDPost&amp;gt; posts)
{
 return await posts.Select(a =&amp;gt; new PostViewModel //the viewmodel
 {
  // simple properties
  Created = a.Created,
  Body = a.Body,
  Id = a.Id,
  // related viewmodels
  Member = GetMemberViewModel(a) // is this possible?
 }
}).ToListAsync&amp;lt;PostViewModel&amp;gt;();
&lt;/code&gt;&lt;/pre&gt;
&lt;p&gt;Read a lot about Expressions all I tried was without success. It would be nice if you point me into the right direction.&lt;/p&gt;</t>
  </si>
  <si>
    <t>2014-12-14 21:40:16.950000+00:00</t>
  </si>
  <si>
    <t>2014-12-24 10:54:54.617000+00:00</t>
  </si>
  <si>
    <t>2014-12-15 09:05:56.020000+00:00</t>
  </si>
  <si>
    <t>sql|asp.net-mvc|linq|expression</t>
  </si>
  <si>
    <t>Run docker without "sudo" in Fedora 24</t>
  </si>
  <si>
    <t>&lt;p&gt;Although this post is tempted to be closed for many I should ask what I am doing wrong since I am getting crazy and can't find a solution.&lt;/p&gt;
&lt;p&gt;I have installed Docker in Fedora 24 and everything seems to be fine but I can't run docker command without &lt;code&gt;sudo&lt;/code&gt; and that's annoying (at least for me). &lt;/p&gt;
&lt;p&gt;I am logged as a normal user (non-root) and as soon as I run a command I can see this message:&lt;/p&gt;
&lt;pre&gt;&lt;code&gt;$ docker ps
Cannot connect to the Docker daemon. Is the docker daemon running on this host?
&lt;/code&gt;&lt;/pre&gt;
&lt;p&gt;However if I run only &lt;code&gt;docker&lt;/code&gt; I can see a list of possible commands :-\&lt;/p&gt;
&lt;p&gt;I've followed &lt;a href="https://www.digitalocean.com/community/tutorials/how-to-install-and-use-docker-on-centos-7" rel="nofollow noreferrer"&gt;this guide&lt;/a&gt; and I read also a lot (here is a small list):&lt;/p&gt;
&lt;ul&gt;
&lt;li&gt;&lt;a href="http://bsaunder.github.io/2014/12/21/running-docker-without-sudo/" rel="nofollow noreferrer"&gt;http://bsaunder.github.io/2014/12/21/running-docker-without-sudo/&lt;/a&gt;&lt;/li&gt;
&lt;li&gt;&lt;a href="https://stackoverflow.com/questions/35849533/running-docker-as-non-root-user"&gt;Running Docker as non-root user&lt;/a&gt;&lt;/li&gt;
&lt;li&gt;&lt;a href="https://stackoverflow.com/questions/29891010/how-to-run-docker-image-as-a-non-root-user"&gt;How to run docker image as a non-root user?&lt;/a&gt;&lt;/li&gt;
&lt;/ul&gt;
&lt;p&gt;But certainly I am missing something, can any illuminate me? What I am missing here? I know the problem become user has not permissions to &lt;code&gt;/var/run/docker.sock&lt;/code&gt; but what's the fix?&lt;/p&gt;</t>
  </si>
  <si>
    <t>2016-09-21 12:58:38.250000+00:00</t>
  </si>
  <si>
    <t>2016-09-21 13:06:34.633000+00:00</t>
  </si>
  <si>
    <t>2017-05-23 12:10:21.290000+00:00</t>
  </si>
  <si>
    <t>docker|root|fedora</t>
  </si>
  <si>
    <t>how to input string, output int, use array python</t>
  </si>
  <si>
    <t>&lt;p&gt;Someone can help me to complete this source code
am input String, change to array list, and output that int in that table&lt;/p&gt;
&lt;pre&gt;&lt;code&gt;x = input()
y = list(x)
table = {" ":270,
         "a":0,
         "b":90,
         "c":180,
         "d":270,
         "e":0,
         "f":90,
         "g":180,
         "h":270,
         "i":0,
         "j":90,
         "k":180,
         "l":270,
         "m":0,
         "n":90,
         "o":180,
         "p":270,
         "q":0,
         "r":90,
         "s":180,
         "t":270,
         "u":0,
         "v":90,
         "w":180,
         "x":270,
         "y":0,
         "z":90,}
for i in range(len(y)):
    print(y[i])
    print("{["+y[i]+"]}".format(table))
&lt;/code&gt;&lt;/pre&gt;
&lt;p&gt;Error at &lt;/p&gt;
&lt;pre&gt;&lt;code&gt;print("{["+y[i]+"]}".format(table))
&lt;/code&gt;&lt;/pre&gt;
&lt;p&gt;Example: for input &lt;code&gt;abc&lt;/code&gt; the expected output should be:&lt;/p&gt;
&lt;pre class="lang-none prettyprint-override"&gt;&lt;code&gt;a
0
b
90
c
180
&lt;/code&gt;&lt;/pre&gt;</t>
  </si>
  <si>
    <t>2016-11-16 08:53:58.210000+00:00</t>
  </si>
  <si>
    <t>2016-11-16 14:08:10.047000+00:00</t>
  </si>
  <si>
    <t>2016-11-16 09:14:48.487000+00:00</t>
  </si>
  <si>
    <t>python|arrays|python-3.4</t>
  </si>
  <si>
    <t>Multiply each element of a column by each element of a different column in same dataframe</t>
  </si>
  <si>
    <t>&lt;p&gt;I need to multiply every single element of a column by every single element from a different column of the same dataframe. My original data sets looks something like this:&lt;/p&gt;
&lt;pre&gt;&lt;code&gt;   origin    sum    sum2
    a.        2      1
    b.        4      2
    c.        6      3
&lt;/code&gt;&lt;/pre&gt;
&lt;p&gt;The result I'm expecting is something similar to:&lt;/p&gt;
&lt;pre&gt;&lt;code&gt;   origin    dest   result (sum * sum2)
    a.        a.      2
    a.        b.      4
    a.        c.      6
    b.        a.      4
    b.        b.      8
    b.        c.      12
    c.        a.      6
    c.        b.      12
    c.        c.      18
&lt;/code&gt;&lt;/pre&gt;
&lt;p&gt;The script that I'm writing is the following, but I can't get the results in need:&lt;/p&gt;
&lt;pre&gt;&lt;code&gt;x = 0
numerator = []
for index1, row1 in df.iterrows():
    constant = row1
    numerator.append([])
    for index2, row2 in df.iterrows():
        result = row2*constant
        numerator[x].append(result)
        x = x + 1
&lt;/code&gt;&lt;/pre&gt;</t>
  </si>
  <si>
    <t>2017-05-17 04:52:19.260000+00:00</t>
  </si>
  <si>
    <t>2017-05-17 05:18:12.673000+00:00</t>
  </si>
  <si>
    <t>python|pandas|dataframe</t>
  </si>
  <si>
    <t>UI with two EditTexts - When one loses focus, how can I capture any text that was changed?</t>
  </si>
  <si>
    <t>&lt;p&gt;My UI has two EditText fields. When a user selects one of these EditTexts, then enters in some data, then clicks on the second EditText, the information from the first EditText is lost and it reverts to what was originally in the field.&lt;/p&gt;
&lt;p&gt;Example:&lt;/p&gt;
&lt;p&gt;EditText 1 = "Hello"&lt;/p&gt;
&lt;p&gt;EditText 2 = "World"&lt;/p&gt;
&lt;p&gt;User taps on the first EditText, and changes the text to "Hello,", then presses enter: Normal behaviour. Text is saved.&lt;/p&gt;
&lt;p&gt;User taps on the first EditText, changes the text to "Hello,", then taps on the second EditText: Wrong behaviour. EditText 1 reverts back to "Hello".&lt;/p&gt;
&lt;p&gt;How can I fix this behaviour? Both EditTexts use the same &lt;code&gt;OnFocusChangeListener&lt;/code&gt;.&lt;/p&gt;
&lt;pre&gt;&lt;code&gt; @Override
    public void onFocusChange(View v, boolean hasFocus) {
        String s = ((EditText) v).getText().toString().trim();
        s = s.replaceAll(",", ".");
        if (hasFocus) {
            System.out.println(s);
            //stuff
        } else {
            System.out.println(s);
            //other stuff
        }
&lt;/code&gt;&lt;/pre&gt;
&lt;p&gt;I found that I can get the text that was lost in the &lt;code&gt;else&lt;/code&gt; block. I can use this to set the text of the EditText. However, I've run into a new problem - If I add a radiobutton, I am not getting the lost text in that &lt;code&gt;else&lt;/code&gt; block when the user goes from changing the EditText to clicking on the radiobutton. Instead, I am seeing the original text from this &lt;code&gt;else&lt;/code&gt; block.&lt;/p&gt;</t>
  </si>
  <si>
    <t>2014-08-26 18:57:20.560000+00:00</t>
  </si>
  <si>
    <t>2014-08-27 14:48:41.430000+00:00</t>
  </si>
  <si>
    <t>2014-08-26 19:16:48.187000+00:00</t>
  </si>
  <si>
    <t>android|android-edittext</t>
  </si>
  <si>
    <t>Creating a Dynamic form with Javascript</t>
  </si>
  <si>
    <t>&lt;p&gt;Lets start again,&lt;/p&gt;
&lt;p&gt;I would like to loop through a few values and then append them to a form to show a select box,&lt;/p&gt;
&lt;p&gt;This is my button to add a new field in HTML:&lt;/p&gt;
&lt;pre&gt;&lt;code&gt;&amp;lt;input type="button" value="Add Field" onclick="addField()"&amp;gt;
&lt;/code&gt;&lt;/pre&gt;
&lt;p&gt;Then the addField Javascript:&lt;/p&gt;
&lt;pre&gt;&lt;code&gt; function addField() {
 var input = document.createElement('input');
 input.setAttribute('type', 'text');
 input.setAttribute('name', "newDrop[]");
 input.setAttribute('id', 'newDrop');
 input.setAttribute('class', 'newDrop');
 input.setAttribute('placeholder', 'Options');
 document.getElementById('dropdown').appendChild(input);
 };
&lt;/code&gt;&lt;/pre&gt;
&lt;p&gt;As you can see that this will append a new form with the attributes above.
Once I am happy with the values in each field and submit the additional fields with the below HTML:&lt;/p&gt;
&lt;pre&gt;&lt;code&gt;&amp;lt;input type="button" value="Create Field"  onclick="addInput('dynamicInput')"&amp;gt;
&lt;/code&gt;&lt;/pre&gt;
&lt;p&gt;I am hoping to create a dynamically created select with the details I added in the fields.&lt;/p&gt;
&lt;p&gt;What I would like to happen is that I can loop through the values and create the options with the values that have been entered in the fields.  My Javascript for this is below:&lt;/p&gt;
&lt;pre&gt;&lt;code&gt;function addInput(divName) {
  //other case here
  case 'dropdown':
  myInputs[counter]['atts'] = [];
  myInputs[counter]['atts']['label']    =          document.getElementById('fieldDropDownLabel').value
  myInputs[counter]['atts']['one']  =      document.getElementsByName('newDrop[]')
  break;
  }
  var dd = document.createElement('select');
  //other cases go here
  case 'dropdown':
  var label = document.createElement('label');
  label.textContent = myInputs[counter]['atts']['label'];
  label.setAttribute('for', myInputs[counter]['atts']['label']);
  label.setAttribute('id', 'dropdown');
  f.appendChild(label);
  dd.setAttribute('name', myInputs[counter]['atts']['label'])
  //default option
  var option = document.createElement('option');
  option.text = 'Please Select';
  option.value = '';
  dd.add(option, dd.options[null]);
  //additional options
  var option1 = document.createElement('option')
  var newDrop = myInputs[counter]['atts']['one']
  for(i=0; i &amp;lt; newDrop.length; i++)
  {
    option1.text = myInputs[counter]['atts']['one'];
    option1.value = myInputs[counter]['atts']['one'];
    dd.add(option1, dd.options[null]);
  }
  counter++;
  f.appendChild(dd);
    break;
&lt;/code&gt;&lt;/pre&gt;
&lt;p&gt;I am just unable to get the values to show in the select options.  Hopefully this is better than the last post.. Is there any chance someone can help?&lt;/p&gt;
&lt;p&gt;Thanks&lt;/p&gt;</t>
  </si>
  <si>
    <t>2016-09-30 13:42:43.143000+00:00</t>
  </si>
  <si>
    <t>2016-10-07 01:16:12.783000+00:00</t>
  </si>
  <si>
    <t>2016-10-06 15:06:04.983000+00:00</t>
  </si>
  <si>
    <t>Android popup menu bug position when keyboard is visible</t>
  </si>
  <si>
    <t>&lt;p&gt;I make a popup menu on clicking a button by code below, however the popup menu is overlapping with keyboard on API 26.&lt;/p&gt;
&lt;pre&gt;&lt;code&gt;@OnClick(R.id.imageview_add_attachment)
public void onClickAddAttachment(View view){
    PopupMenu popup = new PopupMenu(this, view);
    popup.getMenuInflater().inflate(R.menu.popup_menu_select_pictures, popup.getMenu());
    popup.setOnMenuItemClickListener(this);
    popup.show();
}
&lt;/code&gt;&lt;/pre&gt;
&lt;p&gt;and this code works fine with API 23 when keyboard is open:&lt;/p&gt;
&lt;p&gt;&lt;a href="https://i.stack.imgur.com/dRhz3m.png" rel="nofollow noreferrer"&gt;&lt;img src="https://i.stack.imgur.com/dRhz3m.png" alt="enter image description here"&gt;&lt;/a&gt;&lt;/p&gt;
&lt;p&gt;However with Android O (API 26) the same code doesn't shows in correct location:&lt;/p&gt;
&lt;p&gt;&lt;a href="https://i.stack.imgur.com/2E9gwm.png" rel="nofollow noreferrer"&gt;&lt;img src="https://i.stack.imgur.com/2E9gwm.png" alt="enter image description here"&gt;&lt;/a&gt;&lt;/p&gt;
&lt;p&gt;what I tried:
 - Changing android.support.v7.widget.PopupMenu to android.widget.PopupMenu.
 - I create the popup menu on onCreate and just show it on button clicked.&lt;/p&gt;
&lt;p&gt;Note:
I'm using android.support.v7.app.AppCompatActivity. and I'm using these styles:&lt;/p&gt;
&lt;pre&gt;&lt;code&gt;        &amp;lt;item name="windowNoTitle"&amp;gt;true&amp;lt;/item&amp;gt;
        &amp;lt;item name="windowActionBar"&amp;gt;false&amp;lt;/item&amp;gt;
&lt;/code&gt;&lt;/pre&gt;
&lt;p&gt;What can I do to fix the position of popup menu? Should I manually put the position? is this a bug with popupmenu or I'm doing something wrong? 
I'm just wondering if that is a bug because this is written in &lt;a href="https://developer.android.com/reference/android/widget/PopupMenu.html" rel="nofollow noreferrer"&gt;PopupMenu Documentation&lt;/a&gt; :&lt;/p&gt;
&lt;blockquote&gt;
  &lt;p&gt;If the IME is visible the popup will not overlap it until it is touched. Touching outside of the popup will dismiss it.&lt;/p&gt;
&lt;/blockquote&gt;</t>
  </si>
  <si>
    <t>2017-08-05 08:48:21.503000+00:00</t>
  </si>
  <si>
    <t>2017-08-05 09:10:38.433000+00:00</t>
  </si>
  <si>
    <t>java|android|keyboard|position|popupmenu</t>
  </si>
  <si>
    <t>make PHP variable or array not exist out of the function where it was set</t>
  </si>
  <si>
    <t>&lt;p&gt;I have the following php functions.&lt;/p&gt;
&lt;pre&gt;&lt;code&gt;function a() {
    $var = "variable";
    return $var;
}
function b() {
    $arr = array('a','r','r','a','y');
    return $arr;
}
&lt;/code&gt;&lt;/pre&gt;
&lt;p&gt;And some more PHP out of those functions.&lt;/p&gt;
&lt;pre&gt;&lt;code&gt;$var = a();
$arr = b();
print_r($var);
print_r($arr);
&lt;/code&gt;&lt;/pre&gt;
&lt;p&gt;&lt;code&gt;$var&lt;/code&gt; and &lt;code&gt;$arr&lt;/code&gt; are defined in functions, but then are redefined outside of the functions. How do I make it so that the variables and arrays out of the functions are separate from the ones that are in the functions, so that the variables and arrays in the function don't exist out of the function?&lt;/p&gt;</t>
  </si>
  <si>
    <t>2011-04-16 01:16:02.067000+00:00</t>
  </si>
  <si>
    <t>2011-04-16 01:23:12.207000+00:00</t>
  </si>
  <si>
    <t>php|arrays|variables</t>
  </si>
  <si>
    <t>Looping though all .sh files in a directory to find specific text in each one</t>
  </si>
  <si>
    <t>&lt;p&gt;I have a bunch of .sh files in a directory.  I need to find out how many stored procedures each one of them calls.  What would be the best way to do that?&lt;/p&gt;
&lt;p&gt;I'm REALLY new with bash scripts so this is all very new to me.  From what I looked online I hacked up a starting point (I think) but I have no idea how I would open each file, and find "something.sql" in it and then out put number of times that was found in each file.&lt;/p&gt;
&lt;p&gt;Here's what I have:&lt;/p&gt;
&lt;pre&gt;&lt;code&gt;#!/bin/sh
for i in 'ls *.sh'
    echo -e "\n **** START****"
    do
      echo -e " \n Filename: $i"
    done
      echo -e "\n **** END ****"
done
&lt;/code&gt;&lt;/pre&gt;
&lt;p&gt;Thanks for any help!&lt;/p&gt;</t>
  </si>
  <si>
    <t>2016-04-29 14:27:26.957000+00:00</t>
  </si>
  <si>
    <t>2016-04-29 14:49:40.467000+00:00</t>
  </si>
  <si>
    <t>bash</t>
  </si>
  <si>
    <t>Python - How to read different json files but to keep same list running</t>
  </si>
  <si>
    <t>&lt;p&gt;This might be a tough question and I will do my best to explain the best I can!&lt;/p&gt;
&lt;p&gt;Im trying to create a script where I run different json files through a forloop (Each of these json files has their own "data") - What I want to do is that I want to be able to add those values into a list where I later match the first object in the json and matches if it is found in the script. If it is found with the same Name then we gonna check if its last object is higher or lower than it was previous in that object name. If it is higher then we print that it has been higher and we change the value object to the new one (Which we change inside a list). &lt;/p&gt;
&lt;p&gt;Also another thing that I want it to do is that It should only append to the list once and not n times depending on how many json files I use.&lt;/p&gt;
&lt;p&gt;I start by showing of the json that I use which we can see it contains same Name but different number.&lt;/p&gt;
&lt;pre&gt;&lt;code&gt;    {
        "name": "Albert",
        "image": "https://pbs.twimg.com/profile_images/....jpg",
        "number": "5"
    }
-----------------------------------
    {
        "name": "Albert",
        "image": "https://pbs.twimg.com/profile_images/....jpg",
        "number": "6"
    }
&lt;/code&gt;&lt;/pre&gt;
&lt;p&gt;Ok before I continue to explain. Here is the code I wrote so I can explain it better...&lt;/p&gt;
&lt;pre&gt;&lt;code&gt;webhook_list = [
    'https://discordapp.com/api/webhooks/5133124/slack',
    'https://discordapp.com/api/webhooks/5124124/slack',
    'https://discordapp.com/api/webhooks/5112412/slack'] #Discord different API_key/Webhook
def get_identifier(thread):
    thread_id = thread['name'] #Grab name from Json
    try:
        thread_image = thread['image'] #Grab Image from Json
    except KeyError:
        thread_image = None
    try:
        thread_number = thread['numbers'] #Grab Image from Json
    except KeyError:
        thread_number = None
    identifier = ('{}%{}%{}').format(thread_id, thread_image, thread_number) #Make them all into one "String"
    return identifier   
def script():
        old_list = [] #Old_list where we gonna append if new items arrives.
        while True:
            for thread in [line.rstrip('\n') for line in open('names.txt')]: #We check all names in txt file (This can be changed to however you want to print, could be a list aswell. Doesn't matter
                get_value_identifier = get_identifier(thread) #We send the value thread to get_identifier to grab the values which return of the identifier
                if get_identifier(thread) not in old_list: #if this value is not in the old list then we go in here
                    #Slack/Discord function
                    directory = os.fsencode('./slack')
                    for counters, file in enumerate(os.listdir(directory)):
                        filename = os.fsdecode(file)
                        if filename.endswith(".json"):
                            with open('./slack/' + filename) as slackAttachment:
                                data = json.loads(slackAttachment.read())
                                data_list = []
                                # *****************---Picture---*****************
                                try:
                                    data["attachments"][0]["thumb_url"] = information ['image_url'] #We add everything to data so we can later on be able to print it out to discord/slack
                                except Exception:
                                    data["attachments"][0][
                                        "thumb_url"] = 'https://cdn.browshot.com/static/images/not-found.png'
                                # *****************---Footer---*****************
                                data["attachments"][0]["footer"] = str(
                                    data["attachments"][0]["footer"] + ' | ' + datetime.now().strftime(
                                        '%Y-%m-%d [%H:%M:%S.%f')[:-3] + "]")
                                # -------------------------------------------------------------------------
                                a = get_value_identifier.split("%") #We split the identifier meaning it will be name image number
                                for i, items in zip(range(len(old_list)), old_list): #We split the length of old_list length and the old_list (I didn't think out of anything other way than this. This can be changed)
                                    old_list_value = old_list[i].split("%") #We also split the old_list values the same way as we did with *a =...*
                                    if a[0] in old_list_value[0]: #if the first value of both *a* in inside somewhere in a old_list first value.....
                                        if old_list_value[2] &amp;lt; a[2]: #We check if the number is higher than the old_list. If it is then we do the things below
                                            data["attachments"][0]["title"] = information['name'].upper()
                                            data_list.append((webhook_list[counters], data))
                                            for hook, data in data_list:
                                                threading.Thread(target=sendData, args=(hook, data)).start()
                                            old_list[i] = get_value_identifier
                                            break
                                        elif len(old_list_value[2]) &amp;gt;= len(a[2]): #We check if the number is lower than the old_list. If it is then we do the things below
                                            old_list[i] = get_value_identifier
                                            break
                                else: #If nothing is found then we just do things below here and add the value to old_list.
                                    data["attachments"][0]["title"] = information['name'].upper()
                                    data_list.append((webhook_list[counters], data))
                                    for hook, data in data_list:
                                        threading.Thread(target=sendData, args=(hook, data)).start()
                                    old_list.append(get_value_identifier)
            else:
                randomtime = random.randint(3, 7)
                logger.warn('No new item found! - retrying in %d secs' % (randomtime))
                time.sleep(randomtime)
&lt;/code&gt;&lt;/pre&gt;
&lt;p&gt;As you can see, this is my code that I do for opening each json format and we use &lt;em&gt;data = json.loads(slackAttachment.read())&lt;/em&gt; meaning it will add up into "data" which is a json.&lt;/p&gt;
&lt;pre&gt;&lt;code&gt;directory = os.fsencode('./slack')
for counters, file in enumerate(os.listdir(directory)):
    filename = os.fsdecode(file)
    if filename.endswith(".json"):
      with open('./slack/' + filename) as slackAttachment:
      data = json.loads(slackAttachment.read())
&lt;/code&gt;&lt;/pre&gt;
&lt;p&gt;Whenever one of the loop is done - It adds up everything into data and later on at the end we can print out the data or send it through a requests to Discord/Slack.&lt;/p&gt;
&lt;p&gt;But in the end before I want to print it out to discord/slack - I am checking first of all if the name is already in the list. We do that by splitting each % which will contains "Name image Number" &lt;/p&gt;
&lt;p&gt;In the if statement we check if a[0] (Which is current thread found) - if it is somewhere in a old list.&lt;/p&gt;
&lt;ul&gt;
&lt;li&gt;&lt;p&gt;IF it is in the old list then we check the last number on the object
if it is higher or lower&lt;/p&gt;&lt;/li&gt;
&lt;li&gt;&lt;p&gt;IF it is higher then we print it out since its a increase of value
and then we change the previous old_list value to this new one.&lt;/p&gt;&lt;/li&gt;
&lt;li&gt;&lt;p&gt;IF it is lower then we just change the previous old_list value to the
new one.&lt;/p&gt;&lt;/li&gt;
&lt;li&gt;&lt;p&gt;IF there is none in the old_list that matches then we just append it
to the list.&lt;/p&gt;&lt;/li&gt;
&lt;/ul&gt;
&lt;p&gt;.&lt;/p&gt;
&lt;pre&gt;&lt;code&gt; a = get_value_identifier.split("%")
for i, items in zip(range(len(old_list)), old_list):
   old_list_value = old_list[i].split("%")
   if a[0] in old_list_value[0]:
      if old_list_value[2] &amp;lt; a[2]:
        data["attachments"][0]["title"] = information['name'].upper()
        data_list.append((webhook_list[counters], data))
        for hook, data in data_list:
            threading.Thread(target=sendData, args=(hook, data)).start()
        old_list[i] = get_value_identifier
        break
      elif len(old_list_value[2]) &amp;gt; len(a[2]):
         old_list[i] = get_value_identifier
         break
   else:
     data["attachments"][0]["title"] = information['name'].upper()
     data_list.append((webhook_list[counters], data))
     for hook, data in data_list:
        threading.Thread(target=sendData, args=(hook, data)).start()
     old_list.append(get_value_identifier)
&lt;/code&gt;&lt;/pre&gt;
&lt;p&gt;and here is the mechanic issue.&lt;/p&gt;
&lt;p&gt;The issue I am having is that at the beginning when we run &lt;/p&gt;
&lt;pre&gt;&lt;code&gt;  directory = os.fsencode('./slack')
    for counters, file in enumerate(os.listdir(directory)):
        filename = os.fsdecode(file)
        if filename.endswith(".json"):
          with open('./slack/' + filename) as slackAttachment:
          data = json.loads(slackAttachment.read())
&lt;/code&gt;&lt;/pre&gt;
&lt;p&gt;is that it will be looping through the function above &lt;/p&gt;
&lt;pre&gt;&lt;code&gt; a = get_value_identifier.split("%")
 for i, items in zip(range(len(old_list)), old_list):
     old_list_value = old_list[i].split("%")......
&lt;/code&gt;&lt;/pre&gt;
&lt;p&gt;x times depending on how many files there is in the slack. This will be a issue after second loop becuase if the first loop find a new item. It will add it into the old_list using append but that means when the second loop with slack/discord it means that there will be a value in the old_list that contains it. And here is where it start continuing... Meaning the first loop will always be correct but after that it will give you not the correct answers.&lt;/p&gt;
&lt;p&gt;My question in that case is two question&lt;/p&gt;
&lt;ol&gt;
&lt;li&gt;&lt;p&gt;How can I make so whenever the first loop hits etc if statement or elif or else. It should print the same for all discord/slack at once .&lt;/p&gt;&lt;/li&gt;
&lt;li&gt;&lt;p&gt;If it hits if or elif statement. Inside those I have that it should take the value from old_list[i] and change that value to the "newer" one which is get_value_identifier. How can I make it so it does it only once. Because I believe if I run through 3 slacks in my case. It will be 3 same values in the old_list due to the for loop. &lt;/p&gt;&lt;/li&gt;
&lt;/ol&gt;
&lt;p&gt;I think that is it for me and I hope I explained so good I could! Please. If there is any more question to be added or anything. I will be pretty active now and I will be able to edit to either upgrade the question due to your questions below!&lt;/p&gt;</t>
  </si>
  <si>
    <t>2018-11-30 10:46:11.020000+00:00</t>
  </si>
  <si>
    <t>2018-11-30 11:33:12.447000+00:00</t>
  </si>
  <si>
    <t>python|json|for-loop</t>
  </si>
  <si>
    <t>Why is a char pointer dereferenced automatically in a dynamic array</t>
  </si>
  <si>
    <t>&lt;p&gt;Perhaps a stupid question. When I &lt;code&gt;cout&lt;/code&gt; the pointer to the char array, I thought it would print an address; instead it dereferences the address and prints the actual values till null.&lt;/p&gt;
&lt;p&gt;As opposed to an int array where it does what I expect it to. It prints the address of the first element.&lt;/p&gt;
&lt;p&gt;Why does the char element gets dereferenced when you print the pointer.&lt;/p&gt;
&lt;pre&gt;&lt;code&gt;char* as = new char[100];
    as[0] = 'a';
    as[1] = 'b';
    as[2] = NULL;
    cout &amp;lt;&amp;lt; as &amp;lt;&amp;lt; endl;
    int* s = new int[100];
    s[0] = 2;
    cout &amp;lt;&amp;lt; s &amp;lt;&amp;lt; endl;
&lt;/code&gt;&lt;/pre&gt;
&lt;p&gt;Asking this because when I try to get the address to the first char element &lt;code&gt;a[0] = 'a';&lt;/code&gt;. I have to store it in a pointer to a pointer. Which seems weird to me but that's besides the point.&lt;/p&gt;
&lt;pre&gt;&lt;code&gt;char ** d = &amp;amp;as;
    cout &amp;lt;&amp;lt; d &amp;lt;&amp;lt; "this is d" &amp;lt;&amp;lt; endl;
&lt;/code&gt;&lt;/pre&gt;</t>
  </si>
  <si>
    <t>2015-04-08 16:31:24.810000+00:00</t>
  </si>
  <si>
    <t>2015-04-08 16:42:11.403000+00:00</t>
  </si>
  <si>
    <t>user4352513</t>
  </si>
  <si>
    <t>c++|c-strings</t>
  </si>
  <si>
    <t>Git can't commit Angular folder on my project with IntelliJ or SourceTree</t>
  </si>
  <si>
    <t>&lt;p&gt;I have a web app project with a folder with a PHP API REST and another folder containing Angular files. When I want to commit my files to BitBucket, I can commit all except the files under the Angular folder. &lt;/p&gt;
&lt;p&gt;Same thing on SourceTree, I can't see any changes under this folder. Is there a thing Angular is doing on "ng new angular-app" to force this behaviour ? How can I fix this ?&lt;/p&gt;
&lt;p&gt;&lt;a href="https://i.stack.imgur.com/La1TL.png" rel="nofollow noreferrer"&gt;&lt;img src="https://i.stack.imgur.com/La1TL.png" alt="enter image description here"&gt;&lt;/a&gt;
&lt;a href="https://i.stack.imgur.com/8s4WK.png" rel="nofollow noreferrer"&gt;&lt;img src="https://i.stack.imgur.com/8s4WK.png" alt="enter image description here"&gt;&lt;/a&gt;&lt;/p&gt;</t>
  </si>
  <si>
    <t>2017-12-12 08:37:19.067000+00:00</t>
  </si>
  <si>
    <t>2018-07-05 11:01:01+00:00</t>
  </si>
  <si>
    <t>2017-12-12 08:54:16.753000+00:00</t>
  </si>
  <si>
    <t>git|angular|intellij-idea|bitbucket|atlassian-sourcetree</t>
  </si>
  <si>
    <t>Unity MonoBehaviour Singleton</t>
  </si>
  <si>
    <t>&lt;p&gt;Normally you can create a Singleton like so: &lt;/p&gt;
&lt;pre&gt;&lt;code&gt;public class Single
{
    public static Single _instance;
    public static Single GetInstance(){...}
}
&lt;/code&gt;&lt;/pre&gt;
&lt;p&gt;The problem is how do you create this when you generalize the MonoBehaviour class in Unity?&lt;/p&gt;
&lt;pre&gt;&lt;code&gt;public class Single : MonoBehaviour
{
}
&lt;/code&gt;&lt;/pre&gt;
&lt;p&gt;Regular code above won't work.&lt;/p&gt;
&lt;p&gt;edit: Yes problem was that I can't call new on MonoBehaviour.&lt;/p&gt;</t>
  </si>
  <si>
    <t>2013-11-26 18:00:39.900000+00:00</t>
  </si>
  <si>
    <t>2016-05-05 13:01:51.983000+00:00</t>
  </si>
  <si>
    <t>2013-11-26 18:15:45.083000+00:00</t>
  </si>
  <si>
    <t>design-patterns|unity3d</t>
  </si>
  <si>
    <t>Sort Object Array</t>
  </si>
  <si>
    <t>&lt;p&gt;I don't understand how to sort with Comparator or Comparable, also i try to program my own sort "algorithm"
But he have a bug and didn't see where it is:
My Object Class : &lt;/p&gt;
&lt;p&gt;I want here to sort by the Integer : current.&lt;/p&gt;
&lt;pre&gt;&lt;code&gt;package fr.MinoTOTEM;
import com.massivecraft.factions.entity.Faction;
public class classTabs {
int current;
Faction fname;
public classTabs() {    
    this.current=0;
    this.fname=Faction.get(fname);
}
public classTabs(int currentT, Faction fnameT){ 
    this.setCurrent(currentT);
    this.setFname(fnameT);
}
public int getCurrent() {
    return current;
}
public void setCurrent(int current) {
    this.current = current;
}
public Faction getFname() {
    return fname;
}
public void setFname(Faction fname) {
    this.fname = fname;
}
public static classTabs[] triClass(classTabs[] classement){
    classTabs memory = null;
    for(int i=0;i&amp;lt;classement.length;i++){
        memory = new classTabs(classement[i].getCurrent(),classement[i].getFname());
        int compt=i-1;
        boolean marqueur;
        do {
            marqueur=false;
            if(classement[i].getCurrent()&amp;gt;memory.getCurrent()){
                classement[compt+1].setCurrent(classement[compt].getCurrent());
                compt--;
                marqueur=true;
            }
            if(compt&amp;lt;0) marqueur=false;     
        } while(marqueur);
        classement[compt+1].setCurrent(memory.getCurrent());
    }
    return classement;
}
}
&lt;/code&gt;&lt;/pre&gt;
&lt;p&gt;Thanks a lot !&lt;/p&gt;</t>
  </si>
  <si>
    <t>2016-11-06 23:03:39.893000+00:00</t>
  </si>
  <si>
    <t>2016-11-06 23:10:33.050000+00:00</t>
  </si>
  <si>
    <t>2016-11-06 23:09:58.763000+00:00</t>
  </si>
  <si>
    <t>java|arrays|sorting|object</t>
  </si>
  <si>
    <t>How to access web service on ServiceStack from android device?</t>
  </si>
  <si>
    <t>&lt;p&gt;I have an android application that's supposed to send a request to a simple HelloWorld C# webservice I made on ServiceStack but I am not able to connect. My application crashes when I try to connect. Here is my code on Eclipse, trying to access the ServiceStack service:&lt;/p&gt;
&lt;pre&gt;&lt;code&gt;String base = "http://192.168.1.7:62938/json/reply/Hello?Name=";
    String str = editTextField.getText().toString();
    StringBuilder url = new StringBuilder(base + str);
    String result = "";
HttpClient hc = new DefaultHttpClient();
    HttpGet httpget = new HttpGet(url.toString());
    HttpResponse r = hc.execute(httpget);
    int status = r.getStatusLine().getStatusCode();
    if (status == 200) {
        HttpEntity e = r.getEntity();
        String data = EntityUtils.toString(e);
        JSONObject o = new JSONObject(data);
        result= o.getString("result");
    } 
&lt;/code&gt;&lt;/pre&gt;
&lt;p&gt;My C# service code for ServiceStack:&lt;/p&gt;
&lt;pre&gt;&lt;code&gt;//Request DTO
public class Hello
{
    public string Name { get; set; }
}
//Response DTO
public class HelloResponse
{
    public string Result { get; set; }
    public ResponseStatus ResponseStatus { get; set; } 
}
//Can be called via any endpoint or format, see: //http://mono.servicestack.net/ServiceStack.Hello/
public class HelloService : Service
{
    public object Any(Hello request)
    {
        return new HelloResponse { Result = "Helloooo, " + request.Name };
    }
}
&lt;/code&gt;&lt;/pre&gt;
&lt;p&gt;My service works fine on my laptop when I go to localhost:62938/json/reply/Hello?Name="arbitraryName" 
but it does not work when I try to replace localhost with my laptop's ip address and access the service from an android device. It also does not work if I replace localhost with my IP address and try it on my browser on my laptop. Note: I want to make it work from a real android device, not an emulator. &lt;/p&gt;
&lt;p&gt;Is there something different with ServiceStack services where I cannot access it normally from another device? I have already tried opening port 62938 and it did not work. &lt;/p&gt;
&lt;p&gt;I appreciate any guidance. Thank you. &lt;/p&gt;</t>
  </si>
  <si>
    <t>2014-03-21 07:12:16.760000+00:00</t>
  </si>
  <si>
    <t>2014-03-22 09:32:27.357000+00:00</t>
  </si>
  <si>
    <t>2014-03-21 07:17:51.710000+00:00</t>
  </si>
  <si>
    <t>c#|android|.net|web-services|servicestack</t>
  </si>
  <si>
    <t>Stop iframe from loading src</t>
  </si>
  <si>
    <t>&lt;p&gt;In one page I have multiple iframes as blocks with drag and drop functionality. So when I am dragging one block, at that time it is loading again. Due to the loading, my previous changes in that block has gone.&lt;/p&gt;
&lt;p&gt;How to stop this loading? &lt;/p&gt;</t>
  </si>
  <si>
    <t>2017-06-16 11:44:28.730000+00:00</t>
  </si>
  <si>
    <t>2017-06-16 13:18:10.020000+00:00</t>
  </si>
  <si>
    <t>javascript|jquery|html|iframe</t>
  </si>
  <si>
    <t>how to delay a toast message in android</t>
  </si>
  <si>
    <t>&lt;p&gt;i want delay a toast message for 20 seconds so this is my code&lt;/p&gt;
&lt;pre&gt;&lt;code&gt; b1=(Button)findViewById(R.id.button4);
b1.setOnClickListener(new View.OnClickListener() {
    @Override
    public void onClick(View v) {
        Toast.makeText(MainActivity.this,"Welcome to my first project in android",Toast.LENGTH_LONG).show();
    }
}); 
&lt;/code&gt;&lt;/pre&gt;
&lt;p&gt;layout &lt;/p&gt;
&lt;pre&gt;&lt;code&gt;    &amp;lt;Button
    android:id="@+id/button4"
    android:layout_width="wrap_content"
    android:layout_height="wrap_content"
    android:layout_alignStart="@+id/button"
    android:layout_below="@+id/button"
    android:layout_marginTop="67dp"
    android:text="About" /&amp;gt;
&lt;/code&gt;&lt;/pre&gt;
&lt;p&gt;so how can i do it ? &lt;/p&gt;</t>
  </si>
  <si>
    <t>2017-04-27 00:25:34.200000+00:00</t>
  </si>
  <si>
    <t>2017-04-27 04:38:09.670000+00:00</t>
  </si>
  <si>
    <t>How do I center text in a span?</t>
  </si>
  <si>
    <t>&lt;p&gt;Please see &lt;a href="http://dashboards.stcenergy.com/AlertsDashboard" rel="nofollow"&gt;this&lt;/a&gt; website &lt;/p&gt;
&lt;p&gt;How do I get the test TEST to be in the middle of the span it is contained in?&lt;/p&gt;
&lt;p&gt;This is using Twitter Bootstrap.&lt;/p&gt;
&lt;p&gt;I have tried loads of different ways, like css, inline styling, setting margins, etc but I cannot get the span to do what I need.  It appears as though its being drawn to the exact width of it's text.&lt;/p&gt;
&lt;p&gt;My main aim is actually to be able to bring the text Nationwide Alerts down so that it is on the same row as the buttons.&lt;/p&gt;
&lt;p&gt;The tricky thing is that I cant give this span a hard coded width because of the page being resized&lt;/p&gt;
&lt;p&gt;Paul&lt;/p&gt;</t>
  </si>
  <si>
    <t>2015-01-11 00:07:53.907000+00:00</t>
  </si>
  <si>
    <t>2015-01-11 00:32:24.393000+00:00</t>
  </si>
  <si>
    <t>Push to same git remote using two different URLs</t>
  </si>
  <si>
    <t>&lt;p&gt;I have a bare repository on my home-server to which I push from my
laptop for backup.  Due to a new router I cannot push anymore from
within my home-LAN to the home-server using the global URL (something
to do with "NAT loopback") but need to use the local LAN address.  So my
.git/config now contains two remotes for the same bare repository:&lt;/p&gt;
&lt;pre&gt;&lt;code&gt;[remote "home1"]
        url = ssh://username@my.url/home/username/git_bare_repos/repo.git
        mirror = true
[remote "home2"]
        url = ssh://username@192.168.1.74/home/username/git_bare_repos/repo.git
        mirror = true
&lt;/code&gt;&lt;/pre&gt;
&lt;p&gt;So, questions: Is this ok?  Are there potential hazards/pitfalls? And is there a better way to do this, so I wouldn't have to use different commands depending on whether I'm at home or not?&lt;/p&gt;</t>
  </si>
  <si>
    <t>2011-08-11 20:32:04.743000+00:00</t>
  </si>
  <si>
    <t>2011-08-12 04:22:11.107000+00:00</t>
  </si>
  <si>
    <t>connection string error in vb.net</t>
  </si>
  <si>
    <t>&lt;p&gt;Respected users i am facing the problem of inserting record in database in vb.net, but it does not work the code i used is here.&lt;/p&gt;
&lt;pre&gt;&lt;code&gt; Dim con As New SqlConnection
        Dim cmd As New SqlCommand
        Try
            con.ConnectionString = "Data Source=.\SQLEXPRESS;AttachDbFilename=""C:\Users\abcd\Documents\Visual Studio 2010\WebSites\WebSite1\App_Data\Database.mdf"";Integrated Security=True;User Instance=True"
            con.Open()
            cmd.Connection = con
            cmd.CommandText = "insert into snapdata (uid,ppath,desc) values (147,'hello','bye')"
            cmd.ExecuteNonQuery()
        Catch ex As Exception
            MsgBox(" Error while inserting record")
        Finally
            con.Close()
        End Try
&lt;/code&gt;&lt;/pre&gt;
&lt;p&gt;but it goes in catch block. i have also tried "\\" instead of "\" in database path but it does not work. plz help&lt;/p&gt;</t>
  </si>
  <si>
    <t>2014-02-22 06:07:32.340000+00:00</t>
  </si>
  <si>
    <t>2014-02-22 07:20:21.803000+00:00</t>
  </si>
  <si>
    <t>vb.net|string|connection</t>
  </si>
  <si>
    <t>FB.init is called twice but I only have a like button from Facebook</t>
  </si>
  <si>
    <t>&lt;p&gt;I'm currently trying to allow user to connect to my site with their Facebook account but I have some issues.&lt;/p&gt;
&lt;p&gt;First of all, you have to know that I already added a Like button with this code:&lt;/p&gt;
&lt;pre&gt;&lt;code&gt; &amp;lt;div id="fb-root"&amp;gt;&amp;lt;/div&amp;gt;
&amp;lt;script&amp;gt;(function(d, s, id) {
  var js, fjs = d.getElementsByTagName(s)[0];
  if (d.getElementById(id)) return;
  js = d.createElement(s); js.id = id;
  js.src = "//connect.facebook.net/fr_FR/all.js#xfbml=1&amp;amp;appId=myappid";
  fjs.parentNode.insertBefore(js, fjs);
}(document, 'script', 'facebook-jssdk'));&amp;lt;/script&amp;gt;
&amp;lt;script type="text/javascript"&amp;gt;
    var urlfb = document.location.href;
     $(document).ready(function(){
        $('fb\\:like').attr('href', urlfb);
    });
&amp;lt;/script&amp;gt;
&lt;/code&gt;&lt;/pre&gt;
&lt;p&gt;So I saw the post of Facebook on how to add Facebook Login to his website but each time I launch the page where I pasted the FB code, there is this famous error message: FB.init has already been called - this could indicate a problem.&lt;/p&gt;
&lt;pre&gt;&lt;code&gt;&amp;lt;div id="fb-root"&amp;gt;&amp;lt;/div&amp;gt;
&amp;lt;script&amp;gt;
  window.fbAsyncInit = function() {
  FB.init({
    appId      : 'myappid', // App ID
    channelUrl : '', // Channel File
    status     : true, // check login status
    cookie     : true, // enable cookies to allow the server to access the session
    xfbml      : true  // parse XFBML
  });
&lt;/code&gt;&lt;/pre&gt;
&lt;p&gt;What do I have to do to remove this error ? I tried to remove my Like button and no more error but I want to keep this like button, so what do I have to delete to make it works ?&lt;/p&gt;
&lt;p&gt;Any ideas ?&lt;/p&gt;
&lt;p&gt;Thanks&lt;/p&gt;</t>
  </si>
  <si>
    <t>2013-10-17 14:42:57.797000+00:00</t>
  </si>
  <si>
    <t>2013-10-17 15:14:26.330000+00:00</t>
  </si>
  <si>
    <t>facebook|facebook-graph-api|facebook-like|facebook-javascript-sdk</t>
  </si>
  <si>
    <t>How to set the sorting order (asc/desc) of an array based on dynamically selected property</t>
  </si>
  <si>
    <t>&lt;p&gt;I have an an array of &lt;code&gt;movie&lt;/code&gt; objects of the following structure:&lt;/p&gt;
&lt;pre&gt;&lt;code&gt;$scope.movies = [
  {title: "some title", rank: 13, imdbRating: 828},
  // ...
];
&lt;/code&gt;&lt;/pre&gt;
&lt;p&gt;and I would like to sort them by the property &lt;code&gt;title&lt;/code&gt;, &lt;code&gt;rank&lt;/code&gt; or &lt;code&gt;imdbRating&lt;/code&gt; - selected with &lt;code&gt;&amp;lt;select&amp;gt;&lt;/code&gt;, and by asc/desc ordering - selected with buttons. This is what I did, however, the ordering seems to get reset.&lt;/p&gt;
&lt;pre&gt;&lt;code&gt;&amp;lt;select ng-model="orderProp" id="input"&amp;gt;
    &amp;lt;option  value="title"&amp;gt;Alphabetical&amp;lt;/option&amp;gt;
    &amp;lt;option  value="rank"&amp;gt;Rank&amp;lt;/option&amp;gt;
    &amp;lt;option  value="imdbRating"&amp;gt;Rating&amp;lt;/option&amp;gt;
  &amp;lt;/select&amp;gt;
  &amp;lt;button ng-click="orderProp='+'-orderProp;orderProp='-'-orderProp; orderProp='+'+orderProp " &amp;gt;Asc
  &amp;lt;/button&amp;gt;
  &amp;lt;button ng-click="orderProp='+'-orderProp;orderProp='-'-orderProp;orderProp='-'+orderProp" &amp;gt;Desc
  &amp;lt;/button&amp;gt;
  &amp;lt;li ng-repeat="movie in movies | filter:search:strict | orderBy  [orderProp]"&amp;gt;
&lt;/code&gt;&lt;/pre&gt;
&lt;p&gt;What I want to do is to choose an option to select the sorting property &lt;code&gt;orderProp&lt;/code&gt; and if user clicks "asc" or "desc" buttons to re-order the list. &lt;/p&gt;
&lt;p&gt;However, ordering does not know what categories I am sorting by so it can not do asc or desc correctly. Option get deleted as well visually if i click the asc / desc buttons.&lt;/p&gt;
&lt;p&gt;Is there good solution to this? &lt;/p&gt;</t>
  </si>
  <si>
    <t>2015-03-07 17:31:30.253000+00:00</t>
  </si>
  <si>
    <t>2015-03-07 21:34:38.767000+00:00</t>
  </si>
  <si>
    <t>2015-03-07 18:26:30.520000+00:00</t>
  </si>
  <si>
    <t>angularjs|angularjs-ng-repeat</t>
  </si>
  <si>
    <t>Calling static method in PHP 5.3 Late Static Binding Singleton Method</t>
  </si>
  <si>
    <t>&lt;p&gt;I have an abstract class that contains these methods:&lt;/p&gt;
&lt;pre&gt;&lt;code&gt;&amp;lt;?php
public static function getInstance() {
    $me = get_called_class();
    if (!isset(self::$_instances[$me])) {
        $ref = new ReflectionClass($me);
        self::$_instances[$me] = $reflection_object-&amp;gt;newInstance();
        self::$_instances[$me]-&amp;gt;init();
    }
    return self::$_instances[$me];
}
public function __construct() {
    $me = get_class($this);
    if(isset(self::$_instances[$me])) {
        throw new Exception('The singleton class has already been instantiated!');
    } else {
        self::$_instances[$me] = $this;
        $this-&amp;gt;_className = $me;
    }
}
&lt;/code&gt;&lt;/pre&gt;
&lt;p&gt;It works exactly as I had expected when instantiating within sibling singletons.  I am having an issue when attempting to get an instance from a child class that does not share the same superclass.&lt;/p&gt;
&lt;p&gt;My stack trace is:&lt;/p&gt;
&lt;pre&gt;&lt;code&gt;Fatal error: Call to undefined method Keywords_AdminMenu_OptionsTable::init() in D:\webroot\domains\dev.slbmeh.com\htdocs\wordpress\wp-content\plugins\LocalGiant_WPF\library\LocalGiant\Module\Abstract.php on line 149
Call Stack:
    0.0012     331664   1. {main}() D:\webroot\domains\dev.slbmeh.com\htdocs\wordpress\wp-admin\admin.php:0
    0.7772    3224864   2. do_action() D:\webroot\domains\dev.slbmeh.com\htdocs\wordpress\wp-admin\admin.php:151
    0.7774    3225792   3. call_user_func_array() D:\webroot\domains\dev.slbmeh.com\htdocs\wordpress\wp-includes\plugin.php:405
    0.7774    3225808   4. Keywords_AdminMenu-&amp;gt;showMenu() D:\webroot\domains\dev.slbmeh.com\htdocs\wordpress\wp-includes\plugin.php:405
    0.7796    3227016   5. Keywords_AdminMenu_View::showMenu() D:\webroot\domains\dev.slbmeh.com\htdocs\wordpress\wp-content\plugins\LocalGiant_WPF\modules\Keywords\AdminMenu.php:29
    0.7821    3240776   6. Keywords_AdminMenu_OptionsTable-&amp;gt;prepareItems() D:\webroot\domains\dev.slbmeh.com\htdocs\wordpress\wp-content\plugins\LocalGiant_WPF\modules\Keywords\AdminMenu\View.php:25
    0.7822    3241824   7. LocalGiant_Module_Abstract-&amp;gt;getInstance() D:\webroot\domains\dev.slbmeh.com\htdocs\wordpress\wp-content\plugins\LocalGiant_WPF\modules\Keywords\AdminMenu\OptionsTable.php:90
&lt;/code&gt;&lt;/pre&gt;
&lt;p&gt;The init() method is an abstract method in the Singleton superclass.  The class Keywords_AdminMenu_OptionsTable is a subclass of a class from a separate set of libraries, WP_List_Table from WordPress.&lt;/p&gt;
&lt;p&gt;A broken down copy of the class Keywords_AdminMenu_Options table is as follows:&lt;/p&gt;
&lt;pre&gt;&lt;code&gt;&amp;lt;?php
class Keywords_AdminMenu_OptionsTable extends WP_List_Table {
    public function __construct(){
        global $status, $page;
        //Set parent defaults
        parent::__construct( array(
            'singular'  =&amp;gt; 'module',
            'plural'    =&amp;gt; 'modules',
            'ajax'      =&amp;gt; false
        ) );
    }
    function prepareItems() {
        /* SNIP - Prepare my SQL query. */
        $moduleDatabase = Database_Module::getInstance();
        $current_page = $this-&amp;gt;get_pagenum();
        $keywords = $moduleDatabase-&amp;gt;simpleQuery($sql, $moduleLoader-&amp;gt;getMyNamespace());
        /* SNIP - Handle my SQL data. */
    }
}
&lt;/code&gt;&lt;/pre&gt;
&lt;p&gt;The contents of WP_List_Table found here: &lt;a href="http://core.trac.wordpress.org/browser/tags/3.2.1//wp-admin/includes/class-wp-list-table.php" rel="nofollow"&gt;http://core.trac.wordpress.org/browser/tags/3.2.1//wp-admin/includes/class-wp-list-table.php&lt;/a&gt;&lt;/p&gt;</t>
  </si>
  <si>
    <t>2011-09-22 15:47:27.487000+00:00</t>
  </si>
  <si>
    <t>2012-12-15 17:49:36.160000+00:00</t>
  </si>
  <si>
    <t>php|oop|inheritance|singleton</t>
  </si>
  <si>
    <t>linking error for boost::program_options</t>
  </si>
  <si>
    <t>&lt;p&gt;I can't figure out a linking error to use boost::program_options. Here's a sample c++ code:&lt;/p&gt;
&lt;pre&gt;&lt;code&gt;# sample_code.cpp
#include &amp;lt;boost/program_options.hpp&amp;gt;
int main()
{
    boost::program_options::options_description description("Test");
}
&lt;/code&gt;&lt;/pre&gt;
&lt;p&gt;I've also installed boost 1.57.0 using MacPorts on Yosemite 10.10.2. Here's the related library:&lt;/p&gt;
&lt;pre&gt;&lt;code&gt;/opt/local/lib/libboost_program_options-mt.a
&lt;/code&gt;&lt;/pre&gt;
&lt;p&gt;Let's compile and link this code:&lt;/p&gt;
&lt;pre&gt;&lt;code&gt;alias g++='/opt/local/bin/g++-mp-5 -std=gnu++14 -I/opt/local/include -L/opt/local/lib'
g++ sample_code.cpp -lboost_program_options-mt
&lt;/code&gt;&lt;/pre&gt;
&lt;p&gt;And it fails during linking:&lt;/p&gt;
&lt;pre&gt;&lt;code&gt;Undefined symbols for architecture x86_64:
"boost::program_options::options_description::options_description(std::__cxx11::basic_string&amp;lt;char, std::char_traits&amp;lt;char&amp;gt;, std::allocator&amp;lt;char&amp;gt; &amp;gt; const&amp;amp;, unsigned int, unsigned int)"
ld: symbol(s) not found for architecture x86_64
&lt;/code&gt;&lt;/pre&gt;
&lt;p&gt;Any thoughts?&lt;/p&gt;</t>
  </si>
  <si>
    <t>2015-03-30 19:05:51.357000+00:00</t>
  </si>
  <si>
    <t>2016-10-13 17:53:28.677000+00:00</t>
  </si>
  <si>
    <t>2015-03-30 19:54:55.940000+00:00</t>
  </si>
  <si>
    <t>c++|c++11|boost|boost-program-options</t>
  </si>
  <si>
    <t>Java Hangman class method errors</t>
  </si>
  <si>
    <t>&lt;p&gt;I am almost finished making a basic Hangman game but I'm having difficulties with the method "makeGuess" in the class. I'm trying to tests the user input (their one character guess) against the secret word and update the disguised word if their guess is correct or incorrect. Any advice or pointers in the right direction would be appreciated. I'm getting this error every time I run: &lt;/p&gt;
&lt;pre&gt;&lt;code&gt;Exception in thread "main" java.lang.StringIndexOutOfBoundsException: String index out of range: 11
at java.lang.String.charAt(String.java:686)
at hangmandemo.Hangman.makeGuess(Hangman.java:42)
at hangmandemo.HangmanDemo.main(HangmanDemo.java:24)
Java Result: 1
&lt;/code&gt;&lt;/pre&gt;
&lt;p&gt;Here is the Hangman Class:&lt;/p&gt;
&lt;pre&gt;&lt;code&gt;package hangmandemo;
public class Hangman {
private String secretWord;
private String disguisedWord;
private int guesses;
private int wrongGuesses;
boolean found=false;
public String getDisguisedWord() {
    return disguisedWord;
}
public String getSecretWord() {
    return secretWord;
}
/**
 * returns number of guesses
 */
public int getGuesses() {
    return guesses;
}
/**
 * continues game until secretWord is found
 */
public boolean isFound() {
    return found;
}
/**
 * brings in a char to test against String
 */
public void makeGuess(char c) {
    for (int i = 0; i &amp;lt;= disguisedWord.length(); i++) {
        if (c == secretWord.charAt(i)) {
            disguisedWord = disguisedWord.substring(0, i-1) + c + disguisedWord.substring(i+1);
        }
        if (secretWord.equals(disguisedWord)) {
            found = true;
        }
    }
    wrongGuesses++;
}
/**
 * assigns secret String to secret word
 */
public void createSecretWord(String secret) {
    secretWord = secret;
}
/**
 * disguises secret word with "???"
 */
public void createDisguisedWord() {
    for (int i = 0; i &amp;lt; secretWord.length(); i++) {
        disguisedWord += "*";
    }
}
/**
 * returns number of wrong guesses
 */
public int getWrongGuesses() {
    return wrongGuesses;
}
&lt;/code&gt;&lt;/pre&gt;
&lt;p&gt;}&lt;/p&gt;
&lt;p&gt;and this is my demo main class&lt;/p&gt;
&lt;pre&gt;&lt;code&gt;package hangmandemo;
import java.util.Scanner;
public class HangmanDemo {
public static void main(String[] args) {
    Scanner keyboard = new Scanner(System.in);
    Hangman game = new Hangman();
    game.createSecretWord("assessments");
    game.createDisguisedWord();
    System.out.println("This is the hangmandemo. Press the number '3' to quit.");
    System.out.println("The disguised word is..."+ game.getDisguisedWord());
    while (!game.isFound()) {
        System.out.println("Enter a one character guess");
        char c = keyboard.next().charAt(0);
        if (c == 3) {
            System.out.println("game over, the word was... " + game.getSecretWord());
            System.exit(0);
        }
        game.makeGuess(c);
        System.out.println(game.getDisguisedWord());
    }
    System.out.println("you guessed it, the word was... " + game.getSecretWord());
    System.out.println("you had " + game.getGuesses() + " guesses.");
    System.out.println("you had " + game.getWrongGuesses() + " wrong guesses.");
}
&lt;/code&gt;&lt;/pre&gt;
&lt;p&gt;}&lt;/p&gt;</t>
  </si>
  <si>
    <t>2013-04-12 14:45:17.497000+00:00</t>
  </si>
  <si>
    <t>2013-04-12 14:53:14.057000+00:00</t>
  </si>
  <si>
    <t>java|class|methods</t>
  </si>
  <si>
    <t>MagicalRecord updating entity's relationship objects not working</t>
  </si>
  <si>
    <t>&lt;p&gt;I pass a object to another view controller, and I am trying to update this entity's relationship objects. As you can see below, the "self.stock" is the entity passed to this view controller. First, I delete all it's relationship objects and then add new relationship objects to it.&lt;/p&gt;
&lt;p&gt;Stock.h&lt;/p&gt;
&lt;pre&gt;&lt;code&gt;@class Photo, StockCategory, StockOption;
@interface Stock : NSManagedObject
@property (nonatomic, retain) NSString * name;
@end
@interface Stock (CoreDataGeneratedAccessors)
- (void)addCategoriesObject:(StockCategory *)value;
- (void)removeCategoriesObject:(StockCategory *)value;
- (void)addCategories:(NSSet *)values;
- (void)removeCategories:(NSSet *)values;
- (void)addOptionsObject:(StockOption *)value;
- (void)removeOptionsObject:(StockOption *)value;
- (void)addOptions:(NSSet *)values;
- (void)removeOptions:(NSSet *)values;
@end
&lt;/code&gt;&lt;/pre&gt;
&lt;p&gt;Update button action&lt;/p&gt;
&lt;pre&gt;&lt;code&gt;- (void)submit
{
    self.stock.name = name;
    for (StockCategory *category in self.stock.categories) {
        [category MR_deleteEntity];
    }
    for (StockOption *option in self.stock.options) {
        [option MR_deleteEntity];
    }
    //it seems below not working
    //self.optionsObject contains an array of Option objects, the same as self.categoriesObject below. 
    //I am sure array contains actual objects in it.
    for (StockOption *option in self.optionsObject) { 
        [self.stock addOptionsObject:option];
    }
    for (StockCategory *cateogry in self.categoriesObject) {
        [self.stock addCategoriesObject:cateogry];
    }
    NSError *error = nil;
    if (![self.stock.managedObjectContext save:&amp;amp;error]) {
        NSLog(@"Unresolved error %@, %@", error, [error userInfo]); //no error displayed. but I have used sqlite app to view it's documents, I can see the optionsObject and categoriesObject are not empty.
    }
}
&lt;/code&gt;&lt;/pre&gt;</t>
  </si>
  <si>
    <t>2014-05-22 17:03:28.680000+00:00</t>
  </si>
  <si>
    <t>2014-05-22 17:12:04.287000+00:00</t>
  </si>
  <si>
    <t>ios|core-data|magicalrecord</t>
  </si>
  <si>
    <t>java.lang.NumberFormatException: Invalid float: "x" in android</t>
  </si>
  <si>
    <t>&lt;p&gt;I am trying to get a random values in string array. I want to display them in Textview. I wrote the code below. I am getting NumberFormatException. &lt;/p&gt;
&lt;p&gt;Please help me!&lt;/p&gt;
&lt;p&gt;How can I resolve my problem and how can I display random values in my textview?&lt;/p&gt;
&lt;h2&gt;My code:-&lt;/h2&gt;
&lt;pre&gt;&lt;code&gt;public class MainActivity extends AppCompatActivity implements View.OnClickListener {
    int i1,i2,i3,i4,i5;
    String [] strings;
    TextView capta_Text;
    @Override
    protected void onCreate(Bundle savedInstanceState) {
        super.onCreate(savedInstanceState);
        setContentView(R.layout.activity_main);
        capta_Text = (TextView)findViewById(R.id.captaid);
        strings = new String [] {"0","1","2","3","4","5","6","7","8","9","a","b","c","d","e","f","g","h","i","j","k","l","m","n","o","p","q","r","s","t","u","v","w","x","y","z","A","B","C","D","E","F","G","H","I","J","K","L","M","N","O","P","Q","R","S","T","U","V","W","X","Y","Z"};
        List&amp;lt;String&amp;gt; stringList = new ArrayList&amp;lt;String&amp;gt;(Arrays.asList(strings));
        loadingCaptha();
    }
    private void loadingCaptha(){
        try{
            String randomStr = strings[new Random().nextInt(strings.length)];
            int arc4random = Integer.parseInt(randomStr);
            i1 = (arc4random % strings.length)-1;
            i2 = (arc4random % strings.length)-1;
            i3 = (arc4random % strings.length)-1;
            i4 = (arc4random % strings.length)-1;
            i5 = (arc4random % strings.length)-1;
            String captaText = strings[i1]+""+strings[i2]+""+strings[i3]+""+strings[i4]+""+strings[i5];
            capta_Text.setText(captaText);
        }catch (NumberFormatException e){
            e.printStackTrace();
        }
    }
}
&lt;/code&gt;&lt;/pre&gt;</t>
  </si>
  <si>
    <t>2016-06-21 04:24:18.723000+00:00</t>
  </si>
  <si>
    <t>2018-07-06 14:49:59.680000+00:00</t>
  </si>
  <si>
    <t>Reloading a Kendo UI scheduler</t>
  </si>
  <si>
    <t>&lt;p&gt;Hello,&lt;br/&gt;
I have two different scheduler to display one after the other.&lt;br/&gt;
In a js file I have this function :&lt;/p&gt;
&lt;pre&gt;&lt;code&gt;function doRafraichirInterface() {
    if (b_FENETRE_OUVERTE) {
        return;
    }
    if (flag == false){
        flag = true;
        console.log(flag);
    }
    else{
        flag = false;
        console.log(flag);
    }
    // Rafraichissement du planning
    $("#scheduler").data("kendoScheduler").dataSource.read();
    $("#scheduler").data("kendoScheduler").refresh();
}
&lt;/code&gt;&lt;/pre&gt;
&lt;p&gt;This function is called every 15 seconds.&lt;br/&gt;&lt;br/&gt;And in a .aspx file, I use a Kendo UI Schedule :&lt;br/&gt;&lt;/p&gt;
&lt;pre&gt;&lt;code&gt;var myView = kendo.ui.MultiDayView.extend({    
            options: {
                selectedDateFormat: "{0:D} - {1:D}"
            },
            name: "Un jour",
            calculateDateRange: function() {
                //create a range of dates to be shown within the view
                var ladate = new Date();
                var Today = ladate.getDay();  
                var year = ladate.getFullYear();
                var month = ladate.getMonth();
                var day = ladate.getDate();
                var selectedDate = this.options.date,                       
                    idx, length,
                    dates = [];
                if (flag == false)
                dates.push(new Date(year, month, day));
                else{
                    if (Today == 1)
                    {
                        var start = kendo.date.dayOfWeek(selectedDate, Today - 2, -1);
                    }
                    else
                    {
                        var start = kendo.date.dayOfWeek(selectedDate, Today - 1, -1);
                    }
                    for (idx = 0, length = 8; idx &amp;lt; length; idx++) {
                        if (start.getDay() != 0) {
                            dates.push(start);
                        }
                        start = kendo.date.nextDay(start);
                    }
                }
                this._render(dates);    
            }
        });
&lt;/code&gt;&lt;/pre&gt;
&lt;p&gt;How can I reload the scheduler to change the view ?&lt;br/&gt;Thanks by advance for your answers and sorry for my bad english and the french name of my functions and comments.&lt;br/&gt;&lt;br/&gt;EDIT : I've seen a "scheduler.view" method that could allow me to switch between my two views. So I split my in two function like this :&lt;/p&gt;
&lt;pre&gt;&lt;code&gt;            var oneDayView = kendo.ui.MultiDayView.extend({    
            options: {
                selectedDateFormat: "{0:D} - {1:D}"
            },
            name: "Un jour",
            calculateDateRange: function() {
                //create a range of dates to be shown within the view
                var ladate = new Date();
                var year = ladate.getFullYear();
                var month = ladate.getMonth();
                var day = ladate.getDate();
                var selectedDate = this.options.date,                       
                    idx, length,
                    dates = [];
                dates.push(new Date(year, month, day));
                this._render(dates);    
            }
        });
        var oneWeekView = kendo.ui.MultiDayView.extend({    
            options: {
                selectedDateFormat: "{0:D} - {1:D}"
            },
            name: "Une semaine",
            calculateDateRange: function() {
                //create a range of dates to be shown within the view
                var ladate = new Date();
                var Today = ladate.getDay();  
                var selectedDate = this.options.date,                       
                    idx, length,
                    dates = [];
                    if (Today == 1)
                    {
                        var start = kendo.date.dayOfWeek(selectedDate, Today - 2, -1);
                    }
                    else
                    {
                        var start = kendo.date.dayOfWeek(selectedDate, Today - 1, -1);
                    }
                    for (idx = 0, length = 8; idx &amp;lt; length; idx++) {
                        if (start.getDay() != 0) {
                            dates.push(start);
                        }
                        start = kendo.date.nextDay(start);
                    }
                this._render(dates);    
            }
        });
&lt;/code&gt;&lt;/pre&gt;
&lt;p&gt;And changed the "doRafraichirInterface" to this :&lt;br/&gt;&lt;/p&gt;
&lt;pre&gt;&lt;code&gt;    function doRafraichirInterface() {
    if (b_FENETRE_OUVERTE) {
        return;
    }
    if (flag == true){
        console.log(flag);
        flag=false;
        $("#scheduler").data("kendoScheduler").view("oneDayView");
    }
    else{
        console.log(flag);
        flag=true;
        $("#scheduler").data("kendoScheduler").view("oneWeekView");
    }
    // Rafraichissement du planning
    $("#scheduler").data("kendoScheduler").dataSource.read();
    $("#scheduler").data("kendoScheduler").refresh();
}
&lt;/code&gt;&lt;/pre&gt;
&lt;p&gt;But my views don't switch, Any ideas ?&lt;br/&gt;&lt;br/&gt;EDIT2 : I tried to switch between "day" and "week" with the method I describe higher and it's working. The new question is : how can I switch between two CustomView ?&lt;/p&gt;</t>
  </si>
  <si>
    <t>2016-02-03 10:43:10.067000+00:00</t>
  </si>
  <si>
    <t>2016-02-04 15:15:11.520000+00:00</t>
  </si>
  <si>
    <t>2016-02-04 10:58:56.870000+00:00</t>
  </si>
  <si>
    <t>javascript|kendo-ui|scheduler|kendo-scheduler</t>
  </si>
  <si>
    <t>how to use Calibri font in linux and mac</t>
  </si>
  <si>
    <t>&lt;p&gt;My project have all its text in calibri my choice, its working perfect in Window o.s in all major browser, but when we try to deploy the same project on  Linux or Mac the font style (font family,size)changes and take some other form, it looks weird. Its known that TTF(True Type Fonts) are made for all O.S. 
Till now, I got the copy paste method to copy the file of calibri from Windows to linux but its not worthful for me. &lt;/p&gt;
&lt;p&gt;I want it to be general not just for a particular system.&lt;/p&gt;</t>
  </si>
  <si>
    <t>2014-05-06 10:44:42.307000+00:00</t>
  </si>
  <si>
    <t>2015-03-19 18:24:34.467000+00:00</t>
  </si>
  <si>
    <t>css|linux|fonts|cross-browser</t>
  </si>
  <si>
    <t>Spark SQL RDD loads in pyspark but not in spark-submit: "JDBCRDD: closed connection"</t>
  </si>
  <si>
    <t>&lt;p&gt;I have the following simple code for loading a table from my Postgres database into an RDD.&lt;/p&gt;
&lt;pre&gt;&lt;code&gt;# this setup is just for spark-submit, will be ignored in pyspark
from pyspark import SparkConf, SparkContext
from pyspark.sql import SQLContext
conf = SparkConf().setAppName("GA")#.setMaster("localhost")
sc = SparkContext(conf=conf)
sqlContext = SQLContext(sc)
# func for loading table
def get_db_rdd(table):
    url = "jdbc:postgresql://localhost:5432/harvest?user=postgres"
    print(url)
    lower = 0
    upper = 1000
    ret = sqlContext \
      .read \
      .format("jdbc") \
      .option("url", url) \
      .option("dbtable", table) \
      .option("partitionColumn", "id") \
      .option("numPartitions", 1024) \
      .option("lowerBound", lower) \
      .option("upperBound", upper) \
      .option("password", "password") \
      .load()
    ret = ret.rdd
    return ret
# load table, and print results
print(get_db_rdd("mytable").collect())
&lt;/code&gt;&lt;/pre&gt;
&lt;p&gt;I run &lt;code&gt;./bin/pyspark&lt;/code&gt; then paste that into the interpreter, and it prints out the data from my table as expected.&lt;/p&gt;
&lt;p&gt;Now, if I save that code to a file named &lt;code&gt;test.py&lt;/code&gt; then do &lt;code&gt;./bin/spark-submit test.py&lt;/code&gt;, it starts to run, but then I see these messages spam my console forever:&lt;/p&gt;
&lt;pre&gt;&lt;code&gt;17/02/16 02:24:21 INFO Executor: Running task 45.0 in stage 0.0 (TID 45)
17/02/16 02:24:21 INFO JDBCRDD: closed connection
17/02/16 02:24:21 INFO Executor: Finished task 45.0 in stage 0.0 (TID 45). 1673 bytes result sent to driver
&lt;/code&gt;&lt;/pre&gt;
&lt;p&gt;Edit: This is on a single machine. I haven't started any masters or slaves; &lt;code&gt;spark-submit&lt;/code&gt; is the only command I run after system start. I tried with the master/slave setup with the same results.
My &lt;code&gt;spark-env.sh&lt;/code&gt; file looks like this:&lt;/p&gt;
&lt;pre&gt;&lt;code&gt;export SPARK_WORKER_INSTANCES=2
export SPARK_WORKER_CORES=2
export SPARK_WORKER_MEMORY=800m
export SPARK_EXECUTOR_MEMORY=800m
export SPARK_EXECUTOR_CORES=2
export SPARK_CLASSPATH=/home/ubuntu/spark/pg_driver.jar # Postgres driver I need for SQLContext
export PYTHONHASHSEED=1337 # have to make workers use same seed in Python3
&lt;/code&gt;&lt;/pre&gt;
&lt;p&gt;It works if I spark-submit a Python file that just creates an RDD from a list or something. I only have problems when I try to use a JDBC RDD. What piece am I missing?&lt;/p&gt;</t>
  </si>
  <si>
    <t>2017-02-16 08:33:48.333000+00:00</t>
  </si>
  <si>
    <t>2017-02-21 19:28:06.577000+00:00</t>
  </si>
  <si>
    <t>2017-02-17 01:50:09.910000+00:00</t>
  </si>
  <si>
    <t>apache-spark|jdbc|pyspark</t>
  </si>
  <si>
    <t>How do I update a label that is in a ControlTemplate of a Toolbar in WPF?</t>
  </si>
  <si>
    <t>&lt;p&gt;I have a ControlTemplate that is made up of a ToolBarTray and a ToolBar.  In my ToolBar, I have several buttons and then a label.  I want to be able to update the label in my toolbar with something like "1 of 10"   &lt;/p&gt;
&lt;p&gt;My first thought is to programatically find the label and set it, but I'm reading that this should be done with Triggers.  I am having a hard time understanding how to accomplish this.  Any ideas?&lt;/p&gt;
&lt;pre&gt;&lt;code&gt;   &amp;lt;Style x:Key="DocViewerToolBarStyle" TargetType="{x:Type ContentControl}"&amp;gt;
   &amp;lt;Setter Property="Template"&amp;gt;
     &amp;lt;Setter.Value&amp;gt;
           &amp;lt;ControlTemplate TargetType="{x:Type ContentControl}"&amp;gt;
              &amp;lt;ToolBarTray... /&amp;gt;
              &amp;lt;ToolBar.../&amp;gt;
              &amp;lt;Button../&amp;gt;             
              &amp;lt;Button..&amp;gt;
             &amp;lt;Label x:Name="myStatusLabel"  .. /&amp;gt;
&lt;/code&gt;&lt;/pre&gt;</t>
  </si>
  <si>
    <t>2008-10-21 14:20:56.040000+00:00</t>
  </si>
  <si>
    <t>2011-07-26 19:49:07.633000+00:00</t>
  </si>
  <si>
    <t>Scott</t>
  </si>
  <si>
    <t>wpf|templatebinding</t>
  </si>
  <si>
    <t>Error setting Calender.DAY_OF_WEEK</t>
  </si>
  <si>
    <t>&lt;p&gt;I am working with Parse, in which I am storing user ratings of products.  On the user dashboard I am displaying how many ratings the user has completed this week, this month and in total.&lt;/p&gt;
&lt;p&gt;To get home many this week I am using the following code:&lt;/p&gt;
&lt;pre&gt;&lt;code&gt;public getWeeklyRatingsTask(final String userId, final RemoteCallListener callListener){
    Calendar calendar = Calendar.getInstance();
    calendar.set(Calendar.DAY_OF_WEEK,1);
    Log.i("USER ID ===============++++++", userId);
    Date date = calendar.getTime();
    Log.i("DATE----====----====--", String.valueOf(date));
    ParseQuery&amp;lt;ParseObject&amp;gt; query = ParseQuery.getQuery("beer_rating");
    query.whereEqualTo("userId", userId);
    query.whereGreaterThanOrEqualTo("createdAt", date);
    query.countInBackground(new CountCallback() {
        @Override
        public void done(int beerCount, ParseException e) {
            if(e==null) {
                callListener.onRemoteCallComplete(beerCount);
                Log.i("WEEKLY BEER COUNT TASK  ================", String.valueOf(beerCount));
            }
            else{
                callListener.onRemoteErrorOccur(e);
            }
        }
    });
}
}
&lt;/code&gt;&lt;/pre&gt;
&lt;p&gt;So I am testing this on three devices, xxhdpi (running 4.4.2), xhdpi (4.3), and hdpi (4.1.2).&lt;/p&gt;
&lt;p&gt;On the xxhdpi and xhdpi this get's the weekly count correctly.  However, on the hdpi device (samsung s3 mini) it returns zero.&lt;/p&gt;
&lt;p&gt;So where I log  &lt;code&gt;Log.i("DATE----====----====--", String.valueOf(date));&lt;/code&gt; on the xxhdpi and xhdpi it logs &lt;code&gt;Sun Aug 03 11:50:04 GMT+01:00 2014&lt;/code&gt; however with the hdpi is logs &lt;code&gt;Sun Aug 10 11:50:04 GMT+01:00 2014&lt;/code&gt;.&lt;/p&gt;
&lt;p&gt;If anyone can help me out on this I'd greatly appreciate it...I'm sure I can just add a check if it's a versioning issue and apply different methodology.&lt;/p&gt;</t>
  </si>
  <si>
    <t>2014-08-06 10:56:01.643000+00:00</t>
  </si>
  <si>
    <t>2014-08-06 11:41:24.040000+00:00</t>
  </si>
  <si>
    <t>java|android|date|calendar|parse.com</t>
  </si>
  <si>
    <t>sqlbulkcopy mem. management</t>
  </si>
  <si>
    <t>&lt;p&gt;I'm using SQLBULKCOPY to copy some data-tables into a database table, however, because the size of the files I'm copying run sometimes in excess of 600mb, I keep running out of memory.&lt;/p&gt;
&lt;p&gt;I'm hoping to get some advice about managing the table size before I commit it to the database so I can free up some memory to continue writing.&lt;/p&gt;
&lt;p&gt;Here are some examples of my code (some columns and rows eliminated for simplicity)&lt;/p&gt;
&lt;pre&gt;&lt;code&gt;            SqlBulkCopy sqlbulkCopy = new SqlBulkCopy(ServerConfiguration); //Define the Server Configuration
        System.IO.StreamReader rdr = new System.IO.StreamReader(fileName);
        Console.WriteLine("Counting number of lines...");
        Console.WriteLine("{0}, Contains: {1} Lines", fileName, countLines(fileName));
        DataTable dt = new DataTable();
        sqlbulkCopy.DestinationTableName = "[dbo].[buy.com]"; //You need to define the target table name where the data will be copied
        dt.Columns.Add("PROGRAMNAME");
        dt.Columns.Add("PROGRAMURL");
        dt.Columns.Add("CATALOGNAME");
        string inputLine = "";
        DataRow row; //Declare a row, which will be added to the above data table
        while ((inputLine = rdr.ReadLine()) != null) //Read while the line is not null
            {
                i = 0;
                string[] arr;
                Console.Write("\rWriting Line: {0}", k);
                arr = inputLine.Split('\t'); //splitting the line which was read by the stream reader object (tab delimited)
                row = dt.NewRow();
                row["PROGRAMNAME"] = arr[i++];
                row["PROGRAMURL"] = arr[i++];
                row["CATALOGNAME"] = arr[i++];
                row["LASTUPDATED"] = arr[i++];
                row["NAME"] = arr[i++];
                dt.Rows.Add(row);
                k++;
        }
        // Set the timeout, 600 secons (10 minutes) given table size--damn that's a lota hooch
        sqlbulkCopy.BulkCopyTimeout = 600;
        try
        {
            sqlbulkCopy.WriteToServer(dt);
        }
        catch (Exception e)
        {
            Console.WriteLine(e);
        }
        sqlbulkCopy.Close();//Release the resources
        dt.Dispose();
        Console.WriteLine("\nDB Table Written: \"{0}\" \n\n", sqlbulkCopy.DestinationTableName.ToString());
    }
&lt;/code&gt;&lt;/pre&gt;
&lt;hr&gt;
&lt;p&gt;I continued to have problems getting SQLBulkCopy to work, and I realized I needed to do more work on each record before it was entered into the database, so I developed a simple LinQ to Sql method to do record by record updates, so I could edit other information and create more record information as it was being run,&lt;/p&gt;
&lt;p&gt;Problem: This method's been running pretty slow (even on Core i3 machine), any ideas on how to speed it up (threading?) -- on a single processor core, with 1gb of memory it crashes or takes sometimes 6-8 hours to write the same amount of data as one SQLBulkCopy that takes a few moments. It does manage memory better though.&lt;/p&gt;
&lt;pre&gt;&lt;code&gt;            while ((inputLine = rdr.ReadLine()) != null) //Read while the line is not null
        {
            Console.Write("\rWriting Line: {0}", k);
            string[] arr;              
            arr = inputLine.Split('\t');
            /* items */
            if (fileName.Contains(",,"))
            {
                Item = Table(arr);
               table.tables.InsertOnSubmit(Item);
                /* Check to see if the item is in the db */
                bool exists = table.tables.Where(u =&amp;gt; u.ProductID == Item.ProductID).Any();
                /* Commit */
                if (!exists)
                {
                    try
                    {
                        table.SubmitChanges();
                    }
                    catch (Exception e)
                    {
                        Console.WriteLine(e);
                        // Make some adjustments.
                        // ...
                        // Try again.
                        table.SubmitChanges();
                    }
                }
            }
&lt;/code&gt;&lt;/pre&gt;
&lt;p&gt;With helper method: &lt;/p&gt;
&lt;pre&gt;&lt;code&gt;    public static class extensionMethods
{
    /// &amp;lt;summary&amp;gt;
    /// Method that provides the T-SQL EXISTS call for any IQueryable (thus extending Linq).
    /// &amp;lt;/summary&amp;gt;
    /// &amp;lt;remarks&amp;gt;Returns whether or not the predicate conditions exists at least one time.&amp;lt;/remarks&amp;gt;
    public static bool Exists&amp;lt;TSource&amp;gt;(this IQueryable&amp;lt;TSource&amp;gt; source, Expression&amp;lt;Func&amp;lt;TSource, bool&amp;gt;&amp;gt; predicate)
    {
        return source.Where(predicate).Any();
    }
}
&lt;/code&gt;&lt;/pre&gt;</t>
  </si>
  <si>
    <t>2010-08-02 03:42:00.823000+00:00</t>
  </si>
  <si>
    <t>2015-04-13 03:42:57.420000+00:00</t>
  </si>
  <si>
    <t>2012-10-15 18:08:43.497000+00:00</t>
  </si>
  <si>
    <t>memory|datatable|sqlbulkcopy</t>
  </si>
  <si>
    <t>Starting application by file open</t>
  </si>
  <si>
    <t>&lt;p&gt;I created a music player and now I would like to implement a functionality that if I click a file (for example in Total Commander) it will open in my application. It already works on desktop but now I would like to also implement this feature in Android.&lt;/p&gt;
&lt;p&gt;I know it must have been asked before but I couldn't find the answer.&lt;/p&gt;
&lt;p&gt;I already found out that I need to define an intent-filter in AndroidManifest.xml:&lt;/p&gt;
&lt;pre&gt;&lt;code&gt;        &amp;lt;intent-filter&amp;gt;
            &amp;lt;action android:name="android.intent.action.VIEW"/&amp;gt;
            &amp;lt;category android:name="android.intent.category.DEFAULT"/&amp;gt;
            &amp;lt;category android:name="android.intent.category.BROWSABLE"/&amp;gt;
            &amp;lt;data android:scheme="file"/&amp;gt;
            &amp;lt;data android:mimeType="audio/*"/&amp;gt;
        &amp;lt;/intent-filter&amp;gt;
&lt;/code&gt;&lt;/pre&gt;
&lt;p&gt;I did it and now my application opens (or I can choose it) if I click a music file. But now I need to do something in the java part (I do believe in the main activity onCreate function) too. How do I handle this?&lt;/p&gt;
&lt;p&gt;Thank you.&lt;/p&gt;</t>
  </si>
  <si>
    <t>2018-09-18 10:21:41.457000+00:00</t>
  </si>
  <si>
    <t>2018-09-19 08:45:22.880000+00:00</t>
  </si>
  <si>
    <t>2018-09-18 11:39:11.167000+00:00</t>
  </si>
  <si>
    <t>android|android-intent</t>
  </si>
  <si>
    <t>Allowing access to api only from local server</t>
  </si>
  <si>
    <t>&lt;p&gt;I want to protect my &lt;code&gt;api&lt;/code&gt; from being used by other people. I want to use api in my &lt;code&gt;JS&lt;/code&gt; code(vue), but what if someone look into page source and will find &lt;code&gt;url&lt;/code&gt; to &lt;code&gt;api&lt;/code&gt;? Then he can do something like &lt;code&gt;page.com/api/add.php?name=test&lt;/code&gt; and he can now put many rows into my database by using simple &lt;code&gt;url&lt;/code&gt;, which I don't want. Is it possible to allow only access to &lt;code&gt;/api/&lt;/code&gt; folder only when my server request to it? &lt;/p&gt;</t>
  </si>
  <si>
    <t>2017-09-11 16:01:59.813000+00:00</t>
  </si>
  <si>
    <t>2017-09-11 16:06:51.640000+00:00</t>
  </si>
  <si>
    <t>2017-09-11 16:04:49.290000+00:00</t>
  </si>
  <si>
    <t>user4283089</t>
  </si>
  <si>
    <t>javascript|php|apache</t>
  </si>
  <si>
    <t>How to Enter a Column of Data in Winforms Using C#</t>
  </si>
  <si>
    <t>&lt;p&gt;I have a Winform App where I want a user to be able to enter some stock corrections against a list of products which will in turn create a database record for each of those corrections.&lt;/p&gt;
&lt;p&gt;Using a combobox, I got it so each item would have to be selected in turn. It works great, but is not very user friendly. Ideally, I'd like a list of products with an empty column to enter the corrections, click submit and ya done.&lt;/p&gt;
&lt;p&gt;I looked at using a datagrdiview. I can generate the list of products, but I've no idea on how to create the 'entry column'.&lt;/p&gt;
&lt;p&gt;Any suggestions on the path to take?&lt;/p&gt;
&lt;p&gt;Cheers,
Numb &lt;/p&gt;
&lt;p&gt;&lt;strong&gt;EDIT&lt;/strong&gt;&lt;/p&gt;
&lt;p&gt;Here is a mock up of what I would like to do to make it as clear as possible without showing code...&lt;/p&gt;
&lt;p&gt;&lt;img src="https://i.stack.imgur.com/Pzl8m.png" alt="sample of what I&amp;#39;d like"&gt;&lt;/p&gt;</t>
  </si>
  <si>
    <t>2013-03-12 12:41:38.120000+00:00</t>
  </si>
  <si>
    <t>2013-03-12 17:34:49.090000+00:00</t>
  </si>
  <si>
    <t>2013-03-12 14:36:25.710000+00:00</t>
  </si>
  <si>
    <t>Android: What's the best way to stop serving your app to chromebooks?</t>
  </si>
  <si>
    <t>&lt;p&gt;I have an app that's having some issues on chromebooks and want to stop serving the app to those devices. What's the best way to prevent chromebooks from getting the app?&lt;/p&gt;
&lt;p&gt;From the docs there seems to be these solutions:
&lt;a href="https://developer.android.com/topic/arc/manifest.html" rel="nofollow noreferrer"&gt;https://developer.android.com/topic/arc/manifest.html&lt;/a&gt;&lt;/p&gt;
&lt;blockquote&gt;
  &lt;p&gt;1) Exclude specific devices in the Google Play Console.&lt;/p&gt;
  &lt;p&gt;2) Filter devices with no touchscreen hardware by explicitly declaring android.hardware.touchscreen as being required in order to install your app.&lt;/p&gt;
&lt;/blockquote&gt;
&lt;p&gt;I don't have a chromebook on me, so I can't really test. Are those the best ways?&lt;/p&gt;</t>
  </si>
  <si>
    <t>2018-03-16 20:23:44.503000+00:00</t>
  </si>
  <si>
    <t>2018-03-16 20:38:57.543000+00:00</t>
  </si>
  <si>
    <t>android|chromebook</t>
  </si>
  <si>
    <t>How do i simulate this particular post request in mechanize</t>
  </si>
  <si>
    <t>&lt;p&gt;The post request is as follows.&lt;/p&gt;
&lt;pre&gt;&lt;code&gt; $bot-&amp;gt;add_header(
'Host'=&amp;gt;'www.amazon.com',
'User-Agent'=&amp;gt;'application/json, text/javascript, */*',
'Accept'=&amp;gt;'application/json, text/javascript, */*',
'Accept Language'=&amp;gt;'en-us,en;q=0.5',
'Accept Encoding'=&amp;gt;'gzip, deflate',
'DNT'=&amp;gt;'1',
'Connection'=&amp;gt;'keep-alive',
'Content type'=&amp;gt;'application/x-www-form-urlencoded; charset=UTF-8',
'X-Requested with'=&amp;gt;'XMLHttpRequest',
'Referer'=&amp;gt;'https://www.amazon.com/gp/digital/fiona/manage?ie=UTF8&amp;amp;ref_=gno_yam_myk',
'Content length'=&amp;gt;'44',
'Cookie'=&amp;gt;'how do i put the cookie value');
Post parameters in my request :
sid-how do i get the session id.
new email-mailhost@mail.com
&lt;/code&gt;&lt;/pre&gt;
&lt;p&gt;My code to logon:&lt;/p&gt;
&lt;pre&gt;&lt;code&gt;use WWW::Mechanize;
use HTTP::Cookies;
use HTML::Form;
use WWW::Mechanize::Link;
my $bot = WWW::Mechanize-&amp;gt;new();
 $bot-&amp;gt;agent_alias( 'Linux Mozilla' );
 # Create a cookie jar for the login credentials
 $bot-&amp;gt;cookie_jar(         HTTP::Cookies-&amp;gt;new(             file           =&amp;gt; "cookies.txt",
                                              autosave       =&amp;gt; 1,
                                              ignore_discard =&amp;gt; 1,     ) );
 # Connect to the login page
 my $response = $bot-&amp;gt;get( 'https://www.amazon.com/gp/css/homepage.html/' );
 # Get the login form. You might need to change the number.
 $bot-&amp;gt;form_number(3);
 # Enter the login credentials.
 $bot-&amp;gt;field( email =&amp;gt; '' );
 $bot-&amp;gt;field( password =&amp;gt; '' );
 $response = $bot-&amp;gt;click();
 #print $response-&amp;gt;decoded_content;
 $bot-&amp;gt;get( 'https://www.amazon.com/gp/yourstore/home?ie=UTF8&amp;amp;ref_=topnav_ys' );
 print $bot-&amp;gt;content();
 $bot-&amp;gt;post('https://www.amazon.com/gp/digital/fiona/du/add-whitelist.html/ref=kinw_myk_wl_add', [sid =&amp;gt; 'id', email=&amp;gt; 'v2@d.com']); 
&lt;/code&gt;&lt;/pre&gt;
&lt;p&gt;Data captured:&lt;/p&gt;
&lt;pre&gt;&lt;code&gt;Host=www.amazon.com
User-Agent=Mozilla/5.0 (Windows NT 6.1; WOW64; rv:12.0) Gecko/20100101 Firefox/12.0
Accept=application/json, text/javascript, */*
Accept-Language=en-us,en;q=0.5
Accept-Encoding=gzip, deflate
DNT=1
Connection=keep-alive
Content-Type=application/x-www-form-urlencoded; charset=UTF-8
X-Requested-With=XMLHttpRequest
Referer=https://www.amazon.com/gp/digital/fiona/manage?ie=UTF8&amp;amp;ref_=gno_yam_myk
Content-Length=39
Cookie=session-id-time=2082787201l; session-id
Pragma=no-cache
Cache-Control=no-cache
POSTDATA=sid=id&amp;amp;email=v%40d.com
&lt;/code&gt;&lt;/pre&gt;
&lt;p&gt;Error Message-&lt;/p&gt;
&lt;pre&gt;&lt;code&gt;Error POSTing https://www.amazon.com/gp/digital/fiona/du/add-whitelist.html/ref=
kinw_myk_wl_add: InternalServerError at logon.pl line 81
&lt;/code&gt;&lt;/pre&gt;</t>
  </si>
  <si>
    <t>2012-05-18 07:49:55.233000+00:00</t>
  </si>
  <si>
    <t>2013-08-08 22:06:24.900000+00:00</t>
  </si>
  <si>
    <t>2012-05-18 09:06:32.263000+00:00</t>
  </si>
  <si>
    <t>Alternative for Dreamweaver that has a "template" feature and JQuery &amp; PHP visual assistance</t>
  </si>
  <si>
    <t>&lt;p&gt;I'm looking for an alternative for Dreamweaver. I'm not using it much lately. DW used to be a good designing tool, but recently, with the mass introduction of JS and PHP, it's not as useful any longer. I hardly use the visual designer at all. Not to tell that nowadays things like html img tags for templates are very outdated. Everything is done using CSS and DW doesn't have a visual designer that allows me to easily create DIVs styled with CSS.&lt;/p&gt;
&lt;p&gt;Basically, the most important feature for me is the "templates" one, because I design static websites and DW has this feature in which I can make a "template" and make editable regions, so I don't have to use only CSS for theming, I just create a template, and whenever I want to change the appearance of an entire website, I just have to edit its template, and DW will automatically update all pages to that style, but keeping the specific parts (editable regions). It's like a CMS but produces static pages, I use PHP only where its really needed. &lt;/p&gt;
&lt;p&gt;PHP and JQuery coding assistance and debugging are also important.&lt;/p&gt;
&lt;p&gt;Any recommendations?&lt;/p&gt;
&lt;p&gt;Thank you.&lt;/p&gt;</t>
  </si>
  <si>
    <t>2011-10-28 14:27:09.603000+00:00</t>
  </si>
  <si>
    <t>2011-10-28 14:32:58.367000+00:00</t>
  </si>
  <si>
    <t>2011-10-28 14:32:08.563000+00:00</t>
  </si>
  <si>
    <t>user948105</t>
  </si>
  <si>
    <t>php|jquery|css|ide|dreamweaver</t>
  </si>
  <si>
    <t>Node.js create "weak callback" that doesn't prevent process from exiting</t>
  </si>
  <si>
    <t>&lt;p&gt;Is it possible to create a "weak callback" (by analogy with "weak reference") that doesn't prevent node.js from exiting? I'd like to be able to define an "optional handler" for a long-running asynchronous task that will get executed if the node.js process is still running, but doesn't prevent the event queue from being considered "empty" by itself. I don't have a real world use case for such a construction, I'm just wondering if node.js supports it (it might require a native extension).&lt;/p&gt;
&lt;p&gt;Here's a really simple program that calls &lt;code&gt;/bin/sh -c "sleep 9 ; ls"&lt;/code&gt; and waits for it to finish. The node.js process is basically idle for 9 second until the child process finishes.&lt;/p&gt;
&lt;pre&gt;&lt;code&gt;var child_process = require("child_process");
child_process.exec("sleep 9 ; ls", function (err, stdout, stderr) {
    console.log(stdout);
});
console.log("end");
&lt;/code&gt;&lt;/pre&gt;
&lt;p&gt;I'd like to be able to write something like this, where I'm using &lt;code&gt;setTimeout&lt;/code&gt; to create a non-weak callback so the program is guaranteed to stay alive for at least three seconds. (Note: &lt;code&gt;child_process.exec&lt;/code&gt; does have a timeout option, but that has to be set in advance, whereas this approach allows the deadline to be changed after the fact)&lt;/p&gt;
&lt;pre&gt;&lt;code&gt;var child_process = require("child_process");
child_process.exec_weakly("sleep 9 ; ls", function (err, stdout, stderr) {
    console.log(stdout);
});
setTimeout(function() {}, 3000); // prevent exit for at least three seconds
console.log("end");
&lt;/code&gt;&lt;/pre&gt;</t>
  </si>
  <si>
    <t>2017-03-15 19:37:36.357000+00:00</t>
  </si>
  <si>
    <t>2017-03-17 16:46:01.343000+00:00</t>
  </si>
  <si>
    <t>node.js|asynchronous</t>
  </si>
  <si>
    <t>Docker command can't connect docker daemon using Hypriot Docker</t>
  </si>
  <si>
    <t>&lt;p&gt;I installed Docker for RPi from Hypriot.&lt;/p&gt;
&lt;p&gt;When I first run &lt;code&gt;systemctl -l status docker&lt;/code&gt; I get this response:&lt;/p&gt;
&lt;pre&gt;&lt;code&gt;��� docker.service - Docker Application Container Engine
   Loaded: loaded (/lib/systemd/system/docker.service; disabled)
   Active: inactive (dead) since Mon 2016-06-13 06:32:50 UTC; 18min ago
     Docs: https://docs.docker.com
  Process: 1327 ExecStart=/usr/bin/docker daemon -H fd:// $DOCKER_OPTS (code=exited, status=0/SUCCESS)
 Main PID: 1327 (code=exited, status=0/SUCCESS)
&lt;/code&gt;&lt;/pre&gt;
&lt;p&gt;After &lt;code&gt;sudo service docker start&lt;/code&gt; and running &lt;code&gt;systemctl -l status docker&lt;/code&gt; again, I get this response:&lt;/p&gt;
&lt;pre&gt;&lt;code&gt;��� docker.service - Docker Application Container Engine
   Loaded: loaded (/lib/systemd/system/docker.service; disabled)
   Active: active (running) since Mon 2016-06-13 06:52:55 UTC; 6s ago
     Docs: https://docs.docker.com
 Main PID: 1434 (docker)
   CGroup: /system.slice/docker.service
           ������1434 /usr/bin/docker daemon -H fd:// --storage-driver=overlay -D
&lt;/code&gt;&lt;/pre&gt;
&lt;p&gt;"Horray! It is working, I am running Docker on my RPi lets pull an image!!!"&lt;/p&gt;
&lt;p&gt;&lt;code&gt;docker pull resin/rpi-raspbian&lt;/code&gt;, but:&lt;/p&gt;
&lt;pre&gt;&lt;code&gt;Using default tag: latest
Warning: failed to get default registry endpoint from daemon (Cannot connect to the Docker daemon. Is the docker daemon running on this host?). Using system default: https://index.docker.io/v1/
Cannot connect to the Docker daemon. Is the docker daemon running on this host?
&lt;/code&gt;&lt;/pre&gt;
&lt;p&gt;What am I doing wrong?&lt;/p&gt;
&lt;p&gt;Okey, so this might have solved my issue (see link below). Don't know about the versions on hypriot-docker though, but I will look it up :)&lt;/p&gt;
&lt;p&gt;&lt;a href="https://github.com/umiddelb/armhf/wiki/Get-Docker-up-and-running-on-the-RaspberryPi-(ARMv6)-in-three-steps" rel="nofollow"&gt;https://github.com/umiddelb/armhf/wiki/Get-Docker-up-and-running-on-the-RaspberryPi-(ARMv6)-in-three-steps&lt;/a&gt;&lt;/p&gt;</t>
  </si>
  <si>
    <t>2016-06-13 07:03:05.157000+00:00</t>
  </si>
  <si>
    <t>2017-01-10 05:22:12.870000+00:00</t>
  </si>
  <si>
    <t>2016-06-13 09:02:04.993000+00:00</t>
  </si>
  <si>
    <t>docker|raspberry-pi|hypriot</t>
  </si>
  <si>
    <t>2 Bitnami Django Projects Running at same time Apache WSGI</t>
  </si>
  <si>
    <t>&lt;p&gt;I'm trying to set up 2 Django Projects within Apache using wsgi and I seem to be having trouble with the conf files for apache (which I know little about)&lt;/p&gt;
&lt;p&gt;I have 2 projects ("MyTestProjOne" and "Project" - Naming I know :-/ )&lt;/p&gt;
&lt;p&gt;If I restart the Apache Server and go to &lt;code&gt;[servername]/Project&lt;/code&gt; first, it will start. However once I go to &lt;code&gt;[servername]/MyTestProjOne&lt;/code&gt; it says &lt;code&gt;can not match url to Project.urls&lt;/code&gt;
and it reverses.&lt;/p&gt;
&lt;p&gt;All of these symptoms are due to a wsgi not running in daemon mode from what I've learned through google, however I dont' know how to fix it.&lt;/p&gt;
&lt;p&gt;It is similar problem as this, however none of the solutions solved the issue as I can't run Daemon mode on a windows machine (from what I've been told).
&lt;a href="https://stackoverflow.com/questions/11505576/deploying-multiple-django-apps-on-apache-with-mod-wsgi"&gt;Deploying multiple django apps on Apache with mod_wsgi&lt;/a&gt;&lt;/p&gt;
&lt;p&gt;my wsgi files are for project one ("MyTestProjOne") &lt;code&gt;wsgi.py&lt;/code&gt;:&lt;/p&gt;
&lt;pre&gt;&lt;code&gt;import os, sys
sys.path.append('C:/Users/user/Bitnami Django Stack projects/MyTestProjOne')
os.environ.setdefault("PYTHON_EGG_CACHE", "C:/Users/user/Bitnami Django Stack projects/MyTestProjOne/egg_cache")
from django.core.wsgi import get_wsgi_application
os.environ["DJANGO_SETTINGS_MODULE"] = "MyTestProjOne.settings"
application = get_wsgi_application()
&lt;/code&gt;&lt;/pre&gt;
&lt;p&gt;and for Project 2 ("Project") &lt;code&gt;wsgi.py&lt;/code&gt;:&lt;/p&gt;
&lt;pre&gt;&lt;code&gt;from django.core.wsgi import get_wsgi_application
os.environ['DJANGO_SETTINGS_MODULE'] = "Project.settings"
application = get_wsgi_application()
&lt;/code&gt;&lt;/pre&gt;
&lt;p&gt;my &lt;code&gt;httpd-app.conf&lt;/code&gt; for Apache:&lt;/p&gt;
&lt;pre&gt;&lt;code&gt;&amp;lt;VirtualHost _default_:8007&amp;gt;
    DocumentRoot "C:/Bitnami/djangostack-1.8/apache2/htdocs"
      &amp;lt;Directory "C:/Bitnami/djangostack-1.8/apache2/htdocs"&amp;gt;
    Options Indexes FollowSymLinks
    AllowOverride All
      &amp;lt;IfVersion &amp;lt; 2.3 &amp;gt;
    Order allow,deny                          
    Allow from all
&amp;lt;/IfVersion&amp;gt;
&amp;lt;IfVersion &amp;gt;= 2.3 &amp;gt;
  Require all granted
&amp;lt;/IfVersion&amp;gt;
&amp;lt;/Directory&amp;gt;
# Error Documents
ErrorDocument 503 /503.html
# Bitnami applications installed with a prefix URL (default)
Include "C:/Users/user/Bitnami Django Stack projects/Project/conf/httpd-app.conf"
Include "C:/Users/user/Bitnami Django Stack projects/MyTestProjOne/conf/httpd-app.conf""
&amp;lt;/VirtualHost&amp;gt;
&lt;/code&gt;&lt;/pre&gt;
&lt;p&gt;MyTestProjOne &lt;code&gt;httpd-app.conf&lt;/code&gt;:&lt;/p&gt;
&lt;pre&gt;&lt;code&gt;WSGIScriptAlias /MyTestProjOne 'C:/Users/user/Bitnami Django Stack projects/MyTestProjOne/MyTestProjOne/wsgi.py'
&amp;lt;Directory "C:/Users/user/Bitnami Django Stack projects/MyTestProjOne/MyTestProjOne"&amp;gt;
Options +MultiViews
AllowOverride All
&amp;lt;IfVersion &amp;lt; 2.3 &amp;gt;
    Order allow,deny
    Allow from all
&amp;lt;/IfVersion&amp;gt;
&amp;lt;IfVersion &amp;gt;= 2.3&amp;gt;
    Require all granted
&amp;lt;/IfVersion&amp;gt;
WSGIApplicationGroup %{GLOBAL}
&amp;lt;IfVersion &amp;lt; 2.3 &amp;gt;
    Order allow,deny
    Allow from all
&amp;lt;/IfVersion&amp;gt;
&amp;lt;IfVersion &amp;gt;= 2.3&amp;gt;
    Require all granted
&amp;lt;/IfVersion&amp;gt;  
&amp;lt;/Directory&amp;gt;
&amp;lt;Directory "C:/Users/user/Bitnami Django Stack projects/MyTestProjOne"&amp;gt;
Options +MultiViews
AllowOverride All
&amp;lt;IfVersion &amp;lt; 2.3 &amp;gt;
    Order allow,deny
    Allow from all
&amp;lt;/IfVersion&amp;gt;
&amp;lt;IfVersion &amp;gt;= 2.3&amp;gt;
    Require all granted
&amp;lt;/IfVersion&amp;gt;
&amp;lt;/Directory&amp;gt;
Alias /staticMyTestProjOne "C:/Users/user/Bitnami Django Stack Projects/MyTestProjOne/static"
&lt;/code&gt;&lt;/pre&gt;
&lt;p&gt;Project &lt;code&gt;httpd-app.conf&lt;/code&gt;:&lt;/p&gt;
&lt;pre&gt;&lt;code&gt;Alias /static "C:/Users/user/Bitnami Django Stack Projects/Project/static"
WSGIScriptAlias /Project 'C:/Users/user/Bitnami Django Stack projects/Project/Project/wsgi.py'
&amp;lt;Directory "C:/Users/user/Bitnami Django Stack projects/Project/Project"&amp;gt;
Options +MultiViews
AllowOverride All
&amp;lt;IfVersion &amp;lt; 2.3 &amp;gt;
    Order allow,deny
    Allow from all
&amp;lt;/IfVersion&amp;gt;
&amp;lt;IfVersion &amp;gt;= 2.3&amp;gt;
    Require all granted
&amp;lt;/IfVersion&amp;gt;
&amp;lt;IfVersion &amp;lt; 2.3 &amp;gt;
    Order allow,deny
    Allow from all
&amp;lt;/IfVersion&amp;gt;
&amp;lt;IfVersion &amp;gt;= 2.3&amp;gt;
    Require all granted
&amp;lt;/IfVersion&amp;gt;
&amp;lt;/Directory&amp;gt;
&amp;lt;Directory "C:/Users/user/Bitnami Django Stack projects/Project"&amp;gt;
WSGIApplicationGroup %{GLOBAL}
Options +MultiViews
AllowOverride All
&amp;lt;IfVersion &amp;lt; 2.3 &amp;gt;
    Order allow,deny
    Allow from all
&amp;lt;/IfVersion&amp;gt;
&amp;lt;IfVersion &amp;gt;= 2.3&amp;gt;
    Require all granted
&amp;lt;/IfVersion&amp;gt;
&amp;lt;/Directory&amp;gt;
&lt;/code&gt;&lt;/pre&gt;</t>
  </si>
  <si>
    <t>2016-01-30 00:59:23.990000+00:00</t>
  </si>
  <si>
    <t>2016-02-04 22:09:10.163000+00:00</t>
  </si>
  <si>
    <t>python|django|windows|apache|wsgi</t>
  </si>
  <si>
    <t>GSON throws Expected BEGIN_ARRAY but was BEGIN_OBJECT error</t>
  </si>
  <si>
    <t>&lt;p&gt;I am using retrofit and parse result with GSON. Don't know why but I receive this one &lt;/p&gt;
&lt;blockquote&gt;
  &lt;p&gt;Expected BEGIN_ARRAY but was BEGIN_OBJECT at line 1 column 2 path&lt;/p&gt;
&lt;/blockquote&gt;
&lt;p&gt;I know what this error mean but don't see the reason.&lt;/p&gt;
&lt;p&gt;This is my json response &lt;/p&gt;
&lt;pre&gt;&lt;code&gt;{"suggestions": [
{
  "value": "�� ������������",
  "unrestricted_value": "�������� ������������������, �� ������������",
  "data": {
    "qc_complete": null,
    "qc_house": null,
    "qc_geo": "4",
    "postal_code": "420000",
    "postal_box": null,
    "country": "������������",
    "region_fias_id": null,
    "region_kladr_id": null,
    "region_with_type": "�������� ������������������",
    "region_type": "��������",
    "region_type_full": "��������������������",
    "region": "������������������",
    "area_fias_id": null,
    "area_kladr_id": null,
    "area_with_type": null,
    "area_type": null,
    "area_type_full": null,
    "area": null,
    "city_fias_id": null,
    "city_kladr_id": null,
    "city_with_type": "�� ������������",
    "city_type": "��",
    "city_type_full": "����������",
    "city": "������������",
    "city_district": null,
    "settlement_fias_id": null,
    "settlement_kladr_id": null,
    "settlement_with_type": null,
    "settlement_type": null,
    "settlement_type_full": null,
    "settlement": null,
    "street_fias_id": null,
    "street_kladr_id": null,
    "street_with_type": null,
    "street_type": null,
    "street_type_full": null,
    "street": null,
    "house_fias_id": null,
    "house_kladr_id": null,
    "house_type": null,
    "house_type_full": null,
    "house": null,
    "block_type": null,
    "block_type_full": null,
    "block": null,
    "flat_area": null,
    "square_meter_price": null,
    "flat_price": null,
    "flat_type": null,
    "flat_type_full": null,
    "flat": null,
    "fias_id": "93b3df57-4c89-44df-ac42-96f05e9cd3b9",
    "fias_level": "4",
    "kladr_id": "1600000100000",
    "tax_office": "1600",
    "tax_office_legal": null,
    "capital_marker": "2",
    "okato": "92401000000",
    "oktmo": "92701000",
    "timezone": null,
    "geo_lat": "55.7943051",
    "geo_lon": "49.1116709",
    "beltway_hit": null,
    "beltway_distance": null,
    "unparsed_parts": null,
    "qc": null
  }
} ]}
&lt;/code&gt;&lt;/pre&gt;
&lt;p&gt;This is my models generated by pojogenerator.&lt;/p&gt;
&lt;pre&gt;&lt;code&gt;public class DadataResponse {
@SerializedName("suggestions")
@Expose
private List&amp;lt;Suggestion&amp;gt; suggestions = new ArrayList&amp;lt;Suggestion&amp;gt;();
/**
 * 
 * @return
 *     The suggestions
 */
public List&amp;lt;Suggestion&amp;gt; getSuggestions() {
    return suggestions;
}
/**
 * 
 * @param suggestions
 *     The suggestions
 */
public void setSuggestions(List&amp;lt;Suggestion&amp;gt; suggestions) {
    this.suggestions = suggestions;
}
&lt;/code&gt;&lt;/pre&gt;
&lt;p&gt;}&lt;/p&gt;
&lt;pre&gt;&lt;code&gt;public class Suggestion {
@SerializedName("value")
@Expose
private String value;
@SerializedName("unrestricted_value")
@Expose
private String unrestrictedValue;
@SerializedName("data")
@Expose
private Data data;
/**
 * 
 * @return
 *     The value
 */
public String getValue() {
    return value;
}
/**
 * 
 * @param value
 *     The value
 */
public void setValue(String value) {
    this.value = value;
}
/**
 * 
 * @return
 *     The unrestrictedValue
 */
public String getUnrestrictedValue() {
    return unrestrictedValue;
}
/**
 * 
 * @param unrestrictedValue
 *     The unrestricted_value
 */
public void setUnrestrictedValue(String unrestrictedValue) {
    this.unrestrictedValue = unrestrictedValue;
}
/**
 * 
 * @return
 *     The data
 */
public Data getData() {
    return data;
}
/**
 * 
 * @param data
 *     The data
 */
public void setData(Data data) {
    this.data = data;
}
&lt;/code&gt;&lt;/pre&gt;
&lt;p&gt;}&lt;/p&gt;
&lt;p&gt;and the data class but its too big and don't need to post it here.&lt;/p&gt;
&lt;p&gt;So why I receive this error? Please help&lt;/p&gt;
&lt;p&gt;UPD&lt;/p&gt;
&lt;pre&gt;&lt;code&gt;public ApiService(String URLSTRING){
    RequestInterceptor requestInterceptor = new RequestInterceptor() {
        @Override
        public void intercept(RequestFacade request) {
            request.addHeader("Authorization", "Token");
            request.addHeader("Content-Type","application/json");
            request.addHeader("Accept","application/json");
        }
    };
    RestAdapter restAdapter = new RestAdapter.Builder()
            .setEndpoint(URLSTRING)
                    .setRequestInterceptor(requestInterceptor)
            .setLogLevel(RestAdapter.LogLevel.FULL)
            .build();
    mApi = restAdapter.create(Api.class);
}
 public interface Api{
    @GET("/address")
    List&amp;lt;DadataResponse&amp;gt; getDadata(@Query("query") String query);
 }
&lt;/code&gt;&lt;/pre&gt;</t>
  </si>
  <si>
    <t>2016-05-16 14:21:17.617000+00:00</t>
  </si>
  <si>
    <t>2016-05-16 14:28:54.687000+00:00</t>
  </si>
  <si>
    <t>2016-05-16 14:27:42.837000+00:00</t>
  </si>
  <si>
    <t>java|android|gson|retrofit</t>
  </si>
  <si>
    <t>SQL Join's from 3 Table based on two columns</t>
  </si>
  <si>
    <t>&lt;p&gt;I have following 3 tables: &lt;code&gt;Users&lt;/code&gt;, &lt;code&gt;Friendship&lt;/code&gt; &amp;amp; &lt;code&gt;Location&lt;/code&gt; &lt;/p&gt;
&lt;p&gt;I need to write query where by data is pulled from all 3 tables based on userid.&lt;/p&gt;
&lt;p&gt;&lt;img src="https://i.stack.imgur.com/eXqsy.png" alt="enter image description here"&gt;&lt;/p&gt;
&lt;p&gt;&lt;img src="https://i.stack.imgur.com/Kt1NV.png" alt="enter image description here"&gt;&lt;/p&gt;
&lt;p&gt;I think trick here is that you have to pull data based on two columns from friendship table i.e. userid and friendid (so both are each others friend) and based on which user's friends list you need, you need to pull his friends name,email and location accordingly.&lt;/p&gt;
&lt;p&gt;I have written some queries using joins, but can't get what I need as mentioned above.&lt;/p&gt;
&lt;p&gt;Any help would be really appreciated.&lt;/p&gt;</t>
  </si>
  <si>
    <t>2014-07-26 19:46:54.810000+00:00</t>
  </si>
  <si>
    <t>2014-07-31 09:06:36.643000+00:00</t>
  </si>
  <si>
    <t>sql|sql-server|join|inner-join</t>
  </si>
  <si>
    <t>how to separate date?</t>
  </si>
  <si>
    <t>&lt;p&gt;In a database&lt;/p&gt;
&lt;pre&gt;&lt;code&gt;  Date
 5/29/2013
 12/4/2013
 12/1/2014
&lt;/code&gt;&lt;/pre&gt;
&lt;p&gt;The output will be like this&lt;/p&gt;
&lt;pre&gt;&lt;code&gt; Year   Month  date
 2013    5      29
 2013    12      4
 2014    12      1
&lt;/code&gt;&lt;/pre&gt;
&lt;p&gt;I tried this code: &lt;/p&gt;
&lt;pre&gt;&lt;code&gt;select [Date],
right([Date],4)  as year ,
left([Date],CHARINDEX('/',[Date])-1) as month ,
substring([Date],3,2) as date  
FROM Table1
&lt;/code&gt;&lt;/pre&gt;
&lt;p&gt;but it not showed the result properly.&lt;/p&gt;</t>
  </si>
  <si>
    <t>2014-10-14 06:22:59.630000+00:00</t>
  </si>
  <si>
    <t>2014-10-14 07:48:35.707000+00:00</t>
  </si>
  <si>
    <t>2014-10-14 06:25:13.197000+00:00</t>
  </si>
  <si>
    <t>sql|sql-server-2008</t>
  </si>
  <si>
    <t>To store the value of the check box and radio button in the database ruby on rails</t>
  </si>
  <si>
    <t>&lt;p&gt;rails generate scaffold Post title:string body:text category_id:integer status_id:integer&lt;/p&gt;
&lt;p&gt;generated the scaffold like this. &lt;code&gt;category_id&lt;/code&gt; and &lt;code&gt;status_id&lt;/code&gt; is used for check-box and radio button &lt;/p&gt;
&lt;p&gt;Here the value are stored as a integer values like category 1 or 2 but i need to store the value of the category like tv or mobile in the database because we can not understand what product is required .&lt;/p&gt;
&lt;p&gt;thank you in advance &lt;/p&gt;
&lt;p&gt;
    &amp;lt;%= f.label :title %&gt;&lt;br&gt;
    &amp;lt;%= f.text_field :title %&gt;&lt;br&gt;
  &lt;br&gt;
  &lt;br&gt;
    &amp;lt;%= f.label :body %&gt;&lt;br&gt;
    &amp;lt;%= f.text_area :body %&gt;&lt;br&gt;
  &lt;br&gt;
  &lt;br&gt;
    &amp;lt;%= f.label :category_id %&gt;&lt;br&gt;
    &amp;lt;%= f.select :category_id, options_from_collection_for_select(Category.all, :id, :name, @post.category_id) %&gt;&lt;br&gt;
  &lt;br&gt;
  &lt;br&gt;
    &amp;lt;%= f.label :status_id %&gt;&lt;br&gt;
     &amp;lt;%= collection_radio_buttons(:post, :status_id, Status.all, :id, :name) %&gt;&lt;br&gt;
  &lt;br/&gt;
  &lt;br&gt;
    &amp;lt;%= f.submit %&gt;&lt;br&gt;
  &lt;br&gt;&lt;/p&gt;
&lt;p&gt;&lt;a href="http://buildingrails.com/a/rails_forms_for_beginners" rel="nofollow"&gt;link is here i followed those steps&lt;/a&gt;&lt;/p&gt;</t>
  </si>
  <si>
    <t>2015-10-13 05:45:43.320000+00:00</t>
  </si>
  <si>
    <t>2015-10-13 07:58:23.890000+00:00</t>
  </si>
  <si>
    <t>2015-10-13 07:17:21.457000+00:00</t>
  </si>
  <si>
    <t>Wordpress Url redirect</t>
  </si>
  <si>
    <t>&lt;p&gt;I have a big problem with a Wordpress project, I just downloaded a Wordpress project with it's Mysql contents.&lt;/p&gt;
&lt;p&gt;I want to run it in my localhost, All sets up, but when i launch the url in my localhost it goes to another url.&lt;/p&gt;
&lt;p&gt;I edited some parameters here :&lt;/p&gt;
&lt;p&gt;wp-config.php : 'DOMAIN_CURRENT_SITE'&lt;/p&gt;
&lt;p&gt;and from Mysql i edited "siteurl" &amp;amp; "home" from wp_options table.
I also edit RewriteCond %{HTTP_HOST} = from .htaccess&lt;/p&gt;
&lt;p&gt;So it doesn't redirect to url but Wordpress not launch. without any error!! it seems you enter wrong url in your browser.&lt;/p&gt;
&lt;p&gt;Do you know where is the problem?&lt;/p&gt;</t>
  </si>
  <si>
    <t>2013-08-21 21:38:34.837000+00:00</t>
  </si>
  <si>
    <t>2013-08-21 23:20:54.460000+00:00</t>
  </si>
  <si>
    <t>mysql|wordpress|.htaccess|url-redirection</t>
  </si>
  <si>
    <t>Non-linear regression models in PostgreSQL using R</t>
  </si>
  <si>
    <t>&lt;h3&gt;Background&lt;/h3&gt;
&lt;p&gt;I have climate data (temperature, precipitation, snow depth) for all of Canada between 1900 and 2009. I have written a basic website and the simplest page allows users to choose category and city. They then get back a very simple report (without the parameters and calculations section):&lt;/p&gt;
&lt;p&gt;&lt;img src="https://i.imgur.com/7eQ45.png" /&gt;&lt;/p&gt;
&lt;p&gt;The primary purpose of the web application is to provide a simple user interface so that the general public can explore the data in meaningful ways. (A list of numbers is not meaningful to the general public, nor is a website that provides &lt;a href="http://www7.ncdc.noaa.gov/CDO/CDODivisionalSelect.jsp" rel="nofollow noreferrer"&gt;too many inputs&lt;/a&gt;.) The secondary purpose of the application is to provide climatologists and other scientists with deeper ways to view the data. (Using too many inputs, of course.)&lt;/p&gt;
&lt;h3&gt;Tool Set&lt;/h3&gt;
&lt;p&gt;The database is PostgreSQL with R (mostly) installed. The reports are written using iReport and generated using JasperReports.&lt;/p&gt;
&lt;h3&gt;Poor Model Choice&lt;/h3&gt;
&lt;p&gt;Currently, a linear regression model is applied against annual averages of daily data. The linear regression model is calculated within a PostgreSQL function as follows:&lt;/p&gt;
&lt;pre&gt;&lt;code&gt;SELECT 
  regr_slope( amount, year_taken ),
  regr_intercept( amount, year_taken ),
  corr( amount, year_taken )
FROM
  temp_regression
INTO STRICT slope, intercept, correlation;
&lt;/code&gt;&lt;/pre&gt;
&lt;p&gt;The results are returned to JasperReports using:&lt;/p&gt;
&lt;pre&gt;&lt;code&gt;SELECT
  year_taken,
  amount,
  year_taken * slope + intercept,
  slope,
  intercept,
  correlation,
  total_measurements
INTO result;
&lt;/code&gt;&lt;/pre&gt;
&lt;p&gt;JasperReports calls into PostgreSQL using the following parameterized analysis function:&lt;/p&gt;
&lt;pre&gt;&lt;code&gt;SELECT
  year_taken,
  amount,
  measurements,
  regression_line,
  slope,
  intercept,
  correlation,
  total_measurements,
  execute_time
FROM
  climate.analysis(
    $P{CityId},
    $P{Elevation1},
    $P{Elevation2},
    $P{Radius},
    $P{CategoryId},
    $P{Year1},
    $P{Year2}
  )
ORDER BY year_taken
&lt;/code&gt;&lt;/pre&gt;
&lt;p&gt;This is not an optimal solution because it gives the false impression that the climate is changing at a slow, but steady rate. &lt;/p&gt;
&lt;h3&gt;Questions&lt;/h3&gt;
&lt;p&gt;Using functions that take two parameters (e.g., year [X] and amount [Y]), such as PostgreSQL's &lt;code&gt;regr_slope&lt;/code&gt;:&lt;/p&gt;
&lt;ul&gt;
&lt;li&gt;What is a better regression model to apply?&lt;/li&gt;
&lt;li&gt;What CPAN-R packages provide such models? (Installable, ideally, using &lt;code&gt;apt-get&lt;/code&gt;.)&lt;/li&gt;
&lt;li&gt;How can the R functions be called within a PostgreSQL function?&lt;/li&gt;
&lt;/ul&gt;
&lt;p&gt;If no such functions exist:&lt;/p&gt;
&lt;ul&gt;
&lt;li&gt;What parameters should I try to obtain for functions that will produce the desired fit?&lt;/li&gt;
&lt;li&gt;How would you recommend showing the best fit curve?&lt;/li&gt;
&lt;/ul&gt;
&lt;p&gt;Keep in mind that this is a web app for use by the general public. If the only way to analyse the data is from an R shell, then the purpose has been defeated. (I know this is not the case for most R functions I have looked at so far.)&lt;/p&gt;
&lt;p&gt;Thank you!&lt;/p&gt;</t>
  </si>
  <si>
    <t>2010-05-28 05:07:23.977000+00:00</t>
  </si>
  <si>
    <t>2010-05-28 13:50:33.783000+00:00</t>
  </si>
  <si>
    <t>postgresql|r|statistics|data-analysis</t>
  </si>
  <si>
    <t>Getting jdbcTemplate null in Spring Junit test case</t>
  </si>
  <si>
    <t>&lt;p&gt;I am writing junit test case for spring 3 restful services. When I am trying to execute it as junit, i am getting JdbcTemplate as null. I am not sure where I did the mistake. Please help me to get out of this...&lt;/p&gt;
&lt;p&gt;LoginServiceImpl.java file,&lt;/p&gt;
&lt;pre&gt;&lt;code&gt;private NamedParameterJdbcTemplate jdbcTemplate;
@Autowired
public void setDataSource(DataSource dataSource) {
    jdbcTemplate = new NamedParameterJdbcTemplate(dataSource);
    System.out.println("--------------"+jdbcTemplate.toString());
}
private static Map&amp;lt;String, AuthToken&amp;gt; tokenHash = new ConcurrentHashMap&amp;lt;String, AuthToken&amp;gt;();
private static String authTokenDetailsSql = "select * from authtoken where token = :token";
@Override
@RequestMapping(value = "/register", method = RequestMethod.POST)
@ResponseBody
public ServiceBean newAccount(@RequestBody Registration registration) {
    String newAccountSql = "INSERT INTO account (email,password,name) VALUES (:email,:password,:name)";
    ServiceDataBean&amp;lt;AuthToken&amp;gt; retBean = new ServiceDataBean&amp;lt;AuthToken&amp;gt;();
    try {
        System.out.println("register service calling.....");
        MapSqlParameterSource namedParameters = new MapSqlParameterSource();
        namedParameters.addValue("email", registration.getEmail());
        messageDigest = MessageDigest.getInstance("MD5");
        byte[] md5 = new byte[64];
        messageDigest.update(registration.getPassword().getBytes("iso-8859-1"), 0, registration.getPassword().length());
        md5 = messageDigest.digest();
        namedParameters.addValue("password", convertedToHex(md5));
        namedParameters.addValue("name", registration.getName());
        GeneratedKeyHolder generatedKeyHolder = new GeneratedKeyHolder();
        // TODO what to do with the updInt also check it's not -1
        int updInt = jdbcTemplate.update(newAccountSql, namedParameters, generatedKeyHolder);
        long accountId = (Long) generatedKeyHolder.getKeys().get("GENERATED_KEY");
        registration.getDevice().setOwner(registration.getId());
        fotoframz.register(registration.getDevice());
        Login login = new Login();
        login.setEmail(registration.getEmail());
        login.setPassword(registration.getPassword());
        login.setDevice(registration.getDevice());
        retBean = (ServiceDataBean&amp;lt;AuthToken&amp;gt;) this.login(login);
        System.out.println("form register");
    } catch (Throwable e) {
        retBean.setStatusCode("001");
        e.printStackTrace();
    }
    return retBean;
}
&lt;/code&gt;&lt;/pre&gt;
&lt;p&gt;I am getting jdbctemplate=null at &lt;code&gt;int updInt = jdbcTemplate.update(newAccountSql, namedParameters, generatedKeyHolder);&lt;/code&gt;&lt;/p&gt;
&lt;p&gt;my applicationContext-test.xml file is in src/test/resources folder..applicationContext-test.xml file&lt;/p&gt;
&lt;pre&gt;&lt;code&gt;&amp;lt;context:component-scan base-package="net.mss.ff.services" /&amp;gt;       
&amp;lt;context:property-placeholder location="classpath:/app.properties" /&amp;gt;
&amp;lt;!-- &amp;lt;task:annotation-driven /&amp;gt; --&amp;gt;
&amp;lt;context:annotation-config /&amp;gt;
&amp;lt;!-- &amp;lt;import resource="apicontroller_v1-servlet.xml"/&amp;gt;
&amp;lt;import resource="applicationContext.xml"/&amp;gt; --&amp;gt;
&amp;lt;bean id="photoService" class="net.mss.ff.services.core.api.impl.PhotoServiceImpl"&amp;gt;
    &amp;lt;property name="rootStorageFolder" value="${storage.root}" /&amp;gt;
&amp;lt;/bean&amp;gt;
&amp;lt;bean id="dataSource" class="org.apache.commons.dbcp.BasicDataSource"
    destroy-method="close" p:driverClassName="${jdbc.driverClassName}"
    p:url="${jdbc.url}" p:username="${jdbc.username}" p:password="${jdbc.password}" /&amp;gt;
&lt;/code&gt;&lt;/pre&gt;
&lt;p&gt;&lt;/p&gt;
&lt;h2&gt;LoginServiceImplTest&lt;/h2&gt;
&lt;pre&gt;&lt;code&gt;@RunWith(SpringJUnit4ClassRunner.class)
@ContextConfiguration(locations = { "classpath:/applicationContext-test.xml"})
public class LoginServiceImplTest {
LoginServiceImpl loginServiceObj = new LoginServiceImpl();
Device deviceMock;
@Autowired
private Fotoframz fotoframz;
/*private NamedParameterJdbcTemplate jdbcTemplate;
@Autowired
public void setDataSource(DataSource dataSource) {
    jdbcTemplate = new NamedParameterJdbcTemplate(dataSource);
}*/
@Before
public void setUp() throws Exception {
    //loginServiceObj = new LoginServiceImpl();
}
@After
public void tearDown() throws Exception{
}
/**
 * Test method for {@link net.mss.ff.services.core.api.impl.LoginServiceImpl#newAccount(net.mss.ff.services.core.beans.Registration)}.
 */
@Test
public void testNewAccount() {
    Registration mockRegObj = new Registration();
    deviceMock = new Device();
    deviceMock.setActive(false);
    deviceMock.setHeight(45);
    //deviceMock.setId(4568);
    deviceMock.setName("Android");
    deviceMock.setOwner(1111);
    deviceMock.setPlatform("Windows NT");
    deviceMock.setUuid("522601");
    deviceMock.setVersion("1.0");
    deviceMock.setWidth(76);
    mockRegObj.setEmail("bbb@gmail.com");
    /*mockRegObj.setId(399);*/
    mockRegObj.setName("bbb");
    mockRegObj.setPassword("BBB");
    mockRegObj.setDevice(deviceMock);
    loginServiceObj.newAccount(mockRegObj);
    //assertEquals("New Account Creation", "", "");
}
&lt;/code&gt;&lt;/pre&gt;
&lt;p&gt;}
anything needs to modify in test class, please let me know..&lt;/p&gt;</t>
  </si>
  <si>
    <t>2013-02-13 11:44:15.750000+00:00</t>
  </si>
  <si>
    <t>2017-04-28 19:27:06.807000+00:00</t>
  </si>
  <si>
    <t>2013-02-13 12:27:13.653000+00:00</t>
  </si>
  <si>
    <t>maven|spring-mvc|junit4</t>
  </si>
  <si>
    <t>Best way to capture multiple matches</t>
  </si>
  <si>
    <t>&lt;p&gt;Having in same text message fixed part once (id of item) and multiple lines (several references and dimensions of each part):&lt;/p&gt;
&lt;pre&gt;&lt;code&gt;..some random text here..
ID/11000082734
REF/D14-109-0
REF/D14-209-0
REF/D14-219-0
CMT/59-40-25
CMT/38-25-28
CMT/59-40-25
CMT/37-37-20
CMT/40-40-20
CMT/37-37-20
CMT/49-41-31
CMT/44-34-53
&lt;/code&gt;&lt;/pre&gt;
&lt;p&gt;I want to parse and store &lt;code&gt;IdCode&lt;/code&gt;, &lt;code&gt;References&lt;/code&gt;, &lt;code&gt;Array with dimensions&lt;/code&gt;.&lt;/p&gt;
&lt;p&gt;When applying &lt;code&gt;REGEX.match(my_text)&lt;/code&gt; method getting only first occurencies of &lt;code&gt;REF&lt;/code&gt; and &lt;code&gt;CMT&lt;/code&gt;:&lt;/p&gt;
&lt;pre&gt;&lt;code&gt;REGEX = %r{
ID\/(?&amp;lt;IdCode&amp;gt; \d{10})\s 
(REF\/(?&amp;lt;ReferenceCode&amp;gt; \w{3}\-\d{3}\-\d)\s)+ 
(CMT\/(?&amp;lt;Length&amp;gt; \d+)\-(?&amp;lt;Width&amp;gt; \d+)\-(?&amp;lt;Height&amp;gt; \d+)\s)+
}x
&lt;/code&gt;&lt;/pre&gt;
&lt;p&gt;The result looks like this:&lt;/p&gt;
&lt;pre&gt;&lt;code&gt;IdCode: "1100008273"
ReferenceCode:  "D14-219-0"
Length: "37"
Width:  "37"
Height: "20"
&lt;/code&gt;&lt;/pre&gt;
&lt;p&gt;Is there a way to capture multiple occurrences without iterating ?&lt;/p&gt;</t>
  </si>
  <si>
    <t>2016-04-24 19:18:55.280000+00:00</t>
  </si>
  <si>
    <t>2016-04-26 07:54:52.853000+00:00</t>
  </si>
  <si>
    <t>2016-04-24 20:35:04.333000+00:00</t>
  </si>
  <si>
    <t>ruby|regex</t>
  </si>
  <si>
    <t>Do i need to check whether the phone is in offline mode in every time a new activity is called?</t>
  </si>
  <si>
    <t>&lt;p&gt;I have written a code to check whether the phone is currently online or not. But my question is do i need to check whether the phone is in offline mode in every time a new activity is called? if yes then what is the better way to code that?&lt;/p&gt;
&lt;p&gt;The code to check whether phone is online or offline is like this:&lt;/p&gt;
&lt;pre&gt;&lt;code&gt;    private boolean isOnline() {
      ConnectivityManager cm = (ConnectivityManager)getActivity().getSystemService(Context.CONNECTIVITY_SERVICE);
      NetworkInfo nwrkInfo = cm.getActiveNetworkInfo();
      if (nwrkInfo != null &amp;amp;&amp;amp; nwrkInfo.isConnectedOrConnecting()) {
          return true;
      }
      return false;
}
&lt;/code&gt;&lt;/pre&gt;
&lt;p&gt;The above code will return true when the phone is online otherwise false. Is there any oops technique so that i can access this method from other activity?&lt;/p&gt;</t>
  </si>
  <si>
    <t>2016-06-19 11:50:24.127000+00:00</t>
  </si>
  <si>
    <t>2016-06-20 16:59:40.457000+00:00</t>
  </si>
  <si>
    <t>java|android|oop</t>
  </si>
  <si>
    <t>Verifying entered email address in Java Application for Google App Engine</t>
  </si>
  <si>
    <t>&lt;p&gt;I have a Java Web Application that gets information from the user.  Before processing the information I wanted to make sure the email entered by the user belongs to the community.&lt;/p&gt;
&lt;p&gt;I was originally going to have a file listing everyone int the community's email address.  Upon submit, grab the email and ensure it exists in the master file.  &lt;/p&gt;
&lt;p&gt;Can anyone recommend how to do this with Google App Engine platform?&lt;/p&gt;
&lt;p&gt;Thanks so much!&lt;/p&gt;</t>
  </si>
  <si>
    <t>2013-09-30 14:30:23.240000+00:00</t>
  </si>
  <si>
    <t>2013-10-01 14:23:22.497000+00:00</t>
  </si>
  <si>
    <t>2013-09-30 14:41:58.610000+00:00</t>
  </si>
  <si>
    <t>java|google-app-engine</t>
  </si>
  <si>
    <t>Azure k8s pods to cluster external communication via internal IPs</t>
  </si>
  <si>
    <t>&lt;p&gt;I am migrating from GCP to Azure. My use case is simple: I have a k8s cluster running some web crawlers which needs to talk to Elastic and Cassandra clusters (not in the k8s cluster) using internal IPs. All of these components can be in the same Azure Region (e.g: East US). I understand from this &lt;a href="https://groups.google.com/forum/#!topic/kubernetes-dev/Gp2QBEcuTwI" rel="nofollow noreferrer"&gt;discussion&lt;/a&gt; that VNET peering is the way to go. &lt;/p&gt;
&lt;p&gt;This solution did not work for me. I am still unable to reach my Cass/ES cluster from the pods. I believe this solution is outdated, is there some other approach to accomplish this, that I am missing ? &lt;/p&gt;</t>
  </si>
  <si>
    <t>2017-09-16 09:38:45.403000+00:00</t>
  </si>
  <si>
    <t>2017-09-19 04:39:03.567000+00:00</t>
  </si>
  <si>
    <t>azure|kubernetes</t>
  </si>
  <si>
    <t>Persisting composite pojo in hibernate but inner pojo getting freshly persisted</t>
  </si>
  <si>
    <t>&lt;p&gt;The situation is : I have a Pojo DEVICE, which has a pojo Namespace pojo inside. :&lt;/p&gt;
&lt;pre&gt;&lt;code&gt;@Entity
@Table(name = "device")
public class Device implements java.io.Serializable {
private long deviceId;
private long timestamp;
private NamespaceMaster namespaceMaster;
..................
@ManyToOne(fetch = FetchType.EAGER)
@JoinColumn(name = "namespace_id")
@Cascade(value = CascadeType.ALL)
public NamespaceMaster getNamespaceMaster() {
    return this.namespaceMaster;
}
&lt;/code&gt;&lt;/pre&gt;
&lt;p&gt;When i am persisting Device, I am querying database to find the appropriate namespace and then setting the namespace pojo to device. Up to this part there is no isse.&lt;/p&gt;
&lt;pre&gt;&lt;code&gt;NamespaceMaster namespaceMaster=null;
    try {
        namespaceMaster = namespaceDAOImpl.queryAllByName(namespace, AZURE_CLOUDTYPE).get(0);
    } catch (DaoException e) {
        // TODO Auto-generated catch block
        e.printStackTrace();
    }
    LOG.info("Namespace object from cache :{}",namespaceMaster);
    device.setNamespaceMaster(namespaceMaster);
&lt;/code&gt;&lt;/pre&gt;
&lt;p&gt;Now when am trying persist Device, the namespace table in DB also has new row inserted with the same value that I initially queried namespace table. This is happening due to &lt;/p&gt;
&lt;pre&gt;&lt;code&gt;@Cascade(value = CascadeType.ALL)
&lt;/code&gt;&lt;/pre&gt;
&lt;p&gt;The reason is : Hibernate is unable to recognise the namespace object as already persisted one. So it cascades all the pojo inside and hense inserts a new one. &lt;/p&gt;
&lt;p&gt;My question is simple. How to insert device object in table such that the namespace is not generated new. It is the one that is already present in namespace table. I tried removing @Cascade(value = CascadeType.ALL), but then i get a error : &lt;/p&gt;
&lt;pre&gt;&lt;code&gt;object references an unsaved transient instance - save the transient instance before flushing
&lt;/code&gt;&lt;/pre&gt;
&lt;p&gt;&lt;strong&gt;Note&lt;/strong&gt;&lt;/p&gt;
&lt;p&gt;I have added @version in NamespaceMaster table&lt;/p&gt;
&lt;pre&gt;&lt;code&gt;@Version
private Long version;
private static final long serialVersionUID = 1L;
&lt;/code&gt;&lt;/pre&gt;
&lt;p&gt;I am struck guys!! Please suggest.
Thanks in advance.&lt;/p&gt;</t>
  </si>
  <si>
    <t>2016-12-23 16:18:17.950000+00:00</t>
  </si>
  <si>
    <t>2016-12-25 10:39:40.873000+00:00</t>
  </si>
  <si>
    <t>2016-12-23 20:52:54.950000+00:00</t>
  </si>
  <si>
    <t>spring|hibernate</t>
  </si>
  <si>
    <t>Does sin_addr.s_addr = INADDR_ANY; need htonl at all?</t>
  </si>
  <si>
    <t>&lt;p&gt;I came across two threads:&lt;/p&gt;
&lt;p&gt;&lt;a href="https://stackoverflow.com/questions/393276/socket-with-recv-timeout-what-is-wrong-with-this-code"&gt;Socket with recv-timeout: What is wrong with this code?&lt;/a&gt;&lt;/p&gt;
&lt;p&gt;&lt;a href="https://stackoverflow.com/questions/920106/reading-writing-to-a-socket-using-a-file-stream-in-c"&gt;Reading / Writing to a socket using a FILE stream in c&lt;/a&gt;&lt;/p&gt;
&lt;p&gt;one uses &lt;code&gt;htonl&lt;/code&gt; and the other doesn't.&lt;/p&gt;
&lt;p&gt;Which is right?&lt;/p&gt;</t>
  </si>
  <si>
    <t>2011-05-21 12:58:41.027000+00:00</t>
  </si>
  <si>
    <t>2013-10-13 16:50:30.177000+00:00</t>
  </si>
  <si>
    <t>2017-05-23 11:46:18.097000+00:00</t>
  </si>
  <si>
    <t>c|sockets</t>
  </si>
  <si>
    <t>Update exif-date out of filename</t>
  </si>
  <si>
    <t>&lt;p&gt;I have a rather big amount of files named like &lt;/p&gt;
&lt;pre&gt;&lt;code&gt;S2_20170228_161143.png
&lt;/code&gt;&lt;/pre&gt;
&lt;p&gt;with no useful exifdata in it&lt;/p&gt;
&lt;p&gt;How could I write/update exif-data (date/time pic taken and the first segment (S2 in this case) as keyword) ?&lt;/p&gt;</t>
  </si>
  <si>
    <t>2017-03-02 09:59:29.607000+00:00</t>
  </si>
  <si>
    <t>2017-03-05 23:53:20.453000+00:00</t>
  </si>
  <si>
    <t>linux|exif</t>
  </si>
  <si>
    <t>Spring-Batch : How do I return custom exit code on invalid record with exception in spring batch</t>
  </si>
  <si>
    <t>&lt;p&gt;I have a spring batch task in which I have few records some are valid and some are invalid in the input file.On valid records, it should write to the output file and for the invalid record, it should write to error file with some exception thrown from the processor.So the problem is when something is written to error file it should set exit code as 3.I have tried many approaches but it is not able to set exit code.It even terminates the instance for that record when exception occur so it doesn't call writer.&lt;/p&gt;</t>
  </si>
  <si>
    <t>2017-05-11 16:18:37.973000+00:00</t>
  </si>
  <si>
    <t>2017-05-12 13:10:40.483000+00:00</t>
  </si>
  <si>
    <t>java|spring|spring-mvc|spring-batch|spring-batch-admin</t>
  </si>
  <si>
    <t>How can I put a &lt;span&gt; inside of an &lt;input&gt;?</t>
  </si>
  <si>
    <t>&lt;p&gt;&lt;strong&gt;This is not a duplicate. While I was basically looking for the same result as &lt;a href="https://stackoverflow.com/questions/6258521/clear-icon-inside-input-text"&gt;the other post&lt;/a&gt;, I wanted to go about it in a different way. They were using background image, and I wanted to use a &lt;code&gt;&amp;lt;span&amp;gt;&lt;/code&gt;.&lt;/strong&gt;&lt;/p&gt;
&lt;p&gt;I am trying to make a textbox so that when the user types into it, a "X" shows up on the right.  However, I do not want the "X" to show up when there is no text in the box, like it does now.&lt;/p&gt;
&lt;p&gt;I tried to make the "X" white, and have it transition it's color when it slides, but you can still select in when you drag the mousedown over it.&lt;/p&gt;
&lt;p&gt;I'm thinking that I need to put it inside the textbox (somehow), then slide it to the right and hide it using &lt;code&gt;overflow: hidden&lt;/code&gt;.  I did also try to do this, but I couldn't get anywhere with it.&lt;/p&gt;
&lt;h2&gt;&lt;a href="http://jsfiddle.net/qgy8Ly5L/16/" rel="noreferrer"&gt;http://jsfiddle.net/qgy8Ly5L/16/&lt;/a&gt;&lt;/h2&gt;
&lt;p&gt;The &lt;code&gt;&amp;lt;span&amp;gt;&lt;/code&gt; should be "behind" the white background when it's not showing.  Mid transition should look like this:&lt;/p&gt;
&lt;p&gt;&lt;img src="https://26e3d181b28bd87078004dbcc70688d14e33c0da-www.googledrive.com/host/0BzEiAml5ygAeckxsOHFfZzI1emc" alt="x.jpg"&gt;&lt;/p&gt;
&lt;p&gt;Is this possible in CSS, and if so, how can I do it?&lt;/p&gt;</t>
  </si>
  <si>
    <t>2014-11-17 00:48:55.893000+00:00</t>
  </si>
  <si>
    <t>2017-02-10 16:39:48.547000+00:00</t>
  </si>
  <si>
    <t>2017-05-23 12:25:16.487000+00:00</t>
  </si>
  <si>
    <t>css|input|hide|css-transitions</t>
  </si>
  <si>
    <t>Can we group two instances/snapshots under some folder in AWS EC2?</t>
  </si>
  <si>
    <t>&lt;p&gt;&lt;br&gt; I've created two different instances in AWS EC2 which are used for single purpose (SFTP) . I wanted to group/store these two instances(ex: under one single folder,may be) so that in future I'll get to know these two instances are be used for SFTP purpose. &lt;/p&gt;</t>
  </si>
  <si>
    <t>2015-03-26 20:04:17.973000+00:00</t>
  </si>
  <si>
    <t>2015-03-26 21:12:31.160000+00:00</t>
  </si>
  <si>
    <t>amazon-web-services|amazon-ec2|ec2-ami</t>
  </si>
  <si>
    <t>Difference between Razor single statement and block</t>
  </si>
  <si>
    <t>&lt;p&gt;Why does the first segment work and the second throw an "Invalid expression term '&lt;code&gt;&amp;lt;&lt;/code&gt;' error at the label tag?&lt;/p&gt;
&lt;p&gt;First segment:&lt;/p&gt;
&lt;pre&gt;&lt;code&gt;@foreach( var f in new List&amp;lt;List&amp;lt;string&amp;gt;&amp;gt;{ new List&amp;lt;string&amp;gt;{ new List&amp;lt;string&amp;gt;{ "PumpSize", "Pump Size" },
new List&amp;lt;string&amp;gt;{ "PumpType", "Pump Type" }, 
new List&amp;lt;string&amp;gt;{ "WellHead", "Well Head" } } )
{
    &amp;lt;label&amp;gt;@f[1]
    &amp;lt;/label&amp;gt;
}
&lt;/code&gt;&lt;/pre&gt;
&lt;p&gt;Second segment:&lt;/p&gt;
&lt;pre&gt;&lt;code&gt;@{
    var fields = new List&amp;lt;List&amp;lt;string&amp;gt;&amp;gt;{ new List&amp;lt;string&amp;gt;{ new List&amp;lt;string&amp;gt;{ "PumpSize", "Pump Size" },
        new List&amp;lt;string&amp;gt;{ "PumpType", "Pump Type" }, 
        new List&amp;lt;string&amp;gt;{ "WellHead", "Well Head" } };
    fields.ForEach( f =&amp;gt; 
    {
        &amp;lt;label&amp;gt;@f[1]&amp;lt;/label&amp;gt;
    } );
}
&lt;/code&gt;&lt;/pre&gt;
&lt;p&gt;The error I get is with the &lt;code&gt;&amp;lt;label&amp;gt;&lt;/code&gt;, "Invalid expression term '&lt;code&gt;&amp;lt;&lt;/code&gt;'.&lt;/p&gt;
&lt;p&gt;If it matters, my browser is IE9.&lt;/p&gt;</t>
  </si>
  <si>
    <t>2013-09-19 15:43:46.623000+00:00</t>
  </si>
  <si>
    <t>2013-09-20 17:33:26.900000+00:00</t>
  </si>
  <si>
    <t>asp.net-mvc|razor</t>
  </si>
  <si>
    <t>search all values of list contains in a field of type string in mongodb and in mongodb java</t>
  </si>
  <si>
    <t>&lt;p&gt;I have data in mongodb collection named speech with field id and speech in following format.&lt;/p&gt;
&lt;pre&gt;&lt;code&gt;{ "speechtext" : "Always be a good boy" },
{ "speechtext" : "Always be a simply guy"  },
{ "speechtext" : "Always be a cute boy" },
{ "speechtext" : "I am a girl." }
&lt;/code&gt;&lt;/pre&gt;
&lt;p&gt;I have to fetch data on behalf of two keyword like 'Always be' and 'boy' for the condition and,or,not.&lt;/p&gt;
&lt;p&gt;if condition is 'and' for search with keyword 'Always be' and 'boy' result will be -&lt;/p&gt;
&lt;pre&gt;&lt;code&gt;{ "speechtext" : "Always be a good boy" },
{ "speechtext" : "Always be a cute boy" }
&lt;/code&gt;&lt;/pre&gt;
&lt;p&gt;if condition is 'or' for search with keyword 'Always be' and 'boy' result will be -&lt;/p&gt;
&lt;pre&gt;&lt;code&gt;{ "speechtext" : "Always be a good boy" },
{ "speechtext" : "Always be a simply guy" },
{ "speechtext" : "Always be a cute boy"  }
&lt;/code&gt;&lt;/pre&gt;
&lt;p&gt;if condition is 'not' for search with keyword 'Always be' and 'boy' result will be -&lt;/p&gt;
&lt;pre&gt;&lt;code&gt;{  "speechtext" : "I am a girl." }
&lt;/code&gt;&lt;/pre&gt;
&lt;p&gt;I have already solution for 'or' condition like below.&lt;/p&gt;
&lt;pre&gt;&lt;code&gt;db.getCollection('speech').find({"speechtext" : { "$regex" : "Always be|boy"}})
&lt;/code&gt;&lt;/pre&gt;
&lt;p&gt;I want query for 'and' and not' condition.&lt;/p&gt;</t>
  </si>
  <si>
    <t>2015-10-15 07:40:38.397000+00:00</t>
  </si>
  <si>
    <t>2015-10-15 10:32:56.260000+00:00</t>
  </si>
  <si>
    <t>2015-10-15 07:51:32.947000+00:00</t>
  </si>
  <si>
    <t>regex|mongodb|mongodb-query|mongodb-java</t>
  </si>
  <si>
    <t>glResolveMultisampleFramebufferAPPLE() generate GL_INVALID_OPERATION on iOS (OpenGL ES 2.0)</t>
  </si>
  <si>
    <t>&lt;p&gt;I want to use function &lt;code&gt;glReadPixels()&lt;/code&gt; to do screenshot of my scene. And it works great if I don't use multisampling. But if I do I get &lt;code&gt;GL_INVALID_OPERATION&lt;/code&gt; in &lt;code&gt;glResolveMultisampleFramebufferAPPLE()&lt;/code&gt;. Is there a way to resolve this problem?&lt;/p&gt;
&lt;p&gt;My save function:&lt;/p&gt;
&lt;pre&gt;&lt;code&gt;    var wid = GLint()
    var hei = GLint()
    glGetRenderbufferParameteriv(GLenum(GL_RENDERBUFFER), GLenum(GL_RENDERBUFFER_WIDTH), &amp;amp;wid)
    glGetRenderbufferParameteriv(GLenum(GL_RENDERBUFFER), GLenum(GL_RENDERBUFFER_HEIGHT), &amp;amp;hei)
    let byteLength = Int(hei * wid) * 4
    let bytes = UnsafeMutablePointer&amp;lt;GLubyte&amp;gt;.alloc(byteLength)
    // init non-multisampled frame buffer
    var framebuffer: GLuint = 0
    var colorRenderbuffer: GLuint = 0
    glGenFramebuffersOES(1, &amp;amp;framebuffer)
    glBindFramebufferOES(GLenum(GL_FRAMEBUFFER_OES), framebuffer)
    glGenRenderbuffersOES(1, &amp;amp;colorRenderbuffer)
    glBindRenderbufferOES(GLenum(GL_RENDERBUFFER_OES), colorRenderbuffer)
    glRenderbufferStorageOES(GLenum(GL_RENDERBUFFER_OES), GLenum(GL_RGBA8_OES), wid, hei)
    glFramebufferRenderbufferOES(GLenum(GL_FRAMEBUFFER_OES), GLenum(GL_COLOR_ATTACHMENT0_OES), GLenum(GL_RENDERBUFFER_OES), colorRenderbuffer)
    glBindFramebufferOES(GLenum(GL_DRAW_FRAMEBUFFER_APPLE), framebuffer)
    var default: GLint = 0
    glGetIntegerv(GLenum(GL_FRAMEBUFFER_BINDING_OES), &amp;amp;default)
    glBindFramebufferOES(GLenum(GL_READ_FRAMEBUFFER_APPLE), GLuint(default));
    myglGetError() // OK
    glResolveMultisampleFramebufferAPPLE()
    myglGetError() // GL_INVALID_OPERATION
    glBindFramebuffer(GLenum(GL_FRAMEBUFFER), framebuffer)
    glReadPixels(0, 0, GLsizei(wid), GLsizei(hei), GLenum(GL_RGBA), GLenum(GL_UNSIGNED_BYTE), bytes)
    glBindFramebuffer(GLenum(GL_FRAMEBUFFER), GLuint(default));
    glDeleteFramebuffers(1, &amp;amp;framebuffer)
&lt;/code&gt;&lt;/pre&gt;
&lt;p&gt;I use default frame buffer initialized by &lt;code&gt;GLKit&lt;/code&gt; with &lt;code&gt;glkView.drawableMultisample = GLKViewDrawableMultisample.Multisample4X&lt;/code&gt;&lt;/p&gt;</t>
  </si>
  <si>
    <t>2016-01-26 14:52:03.917000+00:00</t>
  </si>
  <si>
    <t>2016-01-30 19:27:13.037000+00:00</t>
  </si>
  <si>
    <t>2016-01-26 14:53:17.103000+00:00</t>
  </si>
  <si>
    <t>opengl-es|opengl-es-2.0|glreadpixels|multisampling</t>
  </si>
  <si>
    <t>SWF file not launching in Chrome</t>
  </si>
  <si>
    <t>&lt;p&gt;I have 10 html files, essentially they are quizzes that end users can open in Chrome, Safari and Firefox on both Macs and PCs.&lt;/p&gt;
&lt;p&gt;These files were originally created about 3 years ago and now I'm finding that the latest versions of Chrome and Safari will not open on a Mac, not sure about PCs. &lt;/p&gt;
&lt;p&gt;From my very limited knowledge about coding, these html files should be launching a &lt;code&gt;.swf&lt;/code&gt; file that plays in the browser. Is this something that is easily fixable?&lt;/p&gt;</t>
  </si>
  <si>
    <t>2017-01-31 03:32:28.147000+00:00</t>
  </si>
  <si>
    <t>2017-02-04 00:25:30.637000+00:00</t>
  </si>
  <si>
    <t>2017-02-03 21:15:22.047000+00:00</t>
  </si>
  <si>
    <t>html|google-chrome|flash|firefox|safari</t>
  </si>
  <si>
    <t>How to exclude a sign of equality in regular expressions?</t>
  </si>
  <si>
    <t>&lt;p&gt;I write a parser in Python. For this I use regular expressions. But here it is necessary to eliminate an equal sign.&lt;/p&gt;
&lt;pre&gt;&lt;code&gt;_PIN_PATTERN = '(^[a-zA-Z]+[0-9]*[:]?[a-zA-Z0-9]*)'
_ATTRIBUTE_PATTERN = '(^[a-zA-Z0-9_]+[0-9]*(\s)*[=](\s)*[a-z0-9.-]+)'
&lt;/code&gt;&lt;/pre&gt;
&lt;p&gt;The fact that &lt;code&gt;_PIN_PATTERN&lt;/code&gt; and &lt;code&gt;_ATTRIBUTE_PATTERN&lt;/code&gt; in this case, return the same value, for example &lt;code&gt;('ATTRIBUTE', 'ad = 0.013p')&lt;/code&gt; &lt;code&gt;('PIN', 'ad = 0.013p')&lt;/code&gt; . But &lt;code&gt;_PIN_PATTERN&lt;/code&gt; should not return &lt;code&gt;('PIN', 'ad = 0.013p')&lt;/code&gt;, it should return something like &lt;code&gt;('PIN', 'VSS:F85')&lt;/code&gt;, that is without an equal sign.&lt;/p&gt;
&lt;p&gt;That's part of my code&lt;/p&gt;
&lt;pre&gt;&lt;code&gt;def _is_pin(self, s):
        a = re.match(self._PIN_PATTERN, s)
        e = re.match(r'=', s)
        if a and not e:
            return True
        else:
            return False
&lt;/code&gt;&lt;/pre&gt;</t>
  </si>
  <si>
    <t>2014-02-05 10:12:29.243000+00:00</t>
  </si>
  <si>
    <t>2014-02-08 02:06:26.807000+00:00</t>
  </si>
  <si>
    <t>user1886376</t>
  </si>
  <si>
    <t>python|regex</t>
  </si>
  <si>
    <t>How to Get Search Bar in Tableview to Appear When User Taps Search Icon at the top of sectionIndex scroll bar?</t>
  </si>
  <si>
    <t>&lt;p&gt;I have a tableview with an indexed scrollbar on the right side that shows the letters A-Z and has a magnifying glass icon at the top ({search}). All of the letters in the scrollbar appropriately take the user to the corresponding section except for the magnifying glass, which takes the user to "A" and keeps the searchBar hidden. &lt;/p&gt;
&lt;p&gt;I just want it to go to the very top of the table so that the searchBar shows up when the user taps the magnifying glass icon in the scroll bar. I've been looking all over for ways to do this, but I can't find any way shy of adding the searchBar to the first tableCell and it's own section, which I'd prefer not to do unless it's the only way.&lt;/p&gt;
&lt;p&gt;Thanks so much!&lt;/p&gt;</t>
  </si>
  <si>
    <t>2010-06-14 15:49:01.773000+00:00</t>
  </si>
  <si>
    <t>2010-06-16 14:58:35.023000+00:00</t>
  </si>
  <si>
    <t>iphone|cocoa-touch|uitableview|scrollbar|uisearchbar</t>
  </si>
  <si>
    <t>css nav menu dropdown background displays wider than set width ONLY in ie8</t>
  </si>
  <si>
    <t>&lt;p&gt;This is my first post and I've been researching this issue for two days now but cannot find anything similar and I'm at my wits end with it.&lt;/p&gt;
&lt;p&gt;Everything works in all my testing except for IE8. There, my css dropdown menu has a background (set in the main menu as an image) that's wider than the set &lt;code&gt;128px&lt;/code&gt; width of the main nav menu. Each link has its own background, this is a background on the whole dropdown. Even moving it over &lt;code&gt;-40px&lt;/code&gt; to line up with the above links still gives me that extra width. I've tried many fixes but nothing seems to work. I'm hoping the combined expertise here can figure this out! I cannot post a picture as I don't have enough reputation here, sorry. Thanks in advance....&lt;/p&gt;
&lt;p&gt;Here is the code in my stylesheet followed by HTML5 Code:&lt;/p&gt;
&lt;p&gt;&lt;div class="snippet" data-lang="js" data-hide="false"&gt;_x000D_
&lt;div class="snippet-code"&gt;_x000D_
&lt;pre class="snippet-code-css lang-css prettyprint-override"&gt;&lt;code&gt;#menu{list-style:none; font-size:12px; font-weight:600; float:left; width:100%;_x000D_
  margin:0px auto;position:relative; z-index:5;text-align:center;}_x000D_
#menu li{float:left; margin-right:2px; position:relative;}_x000D_
#menu a {display:block; background:#202020 url('images/bgmen.jpg') repeat-x;_x000D_
  width:128px; height:30px; line-height:30px; color:#fff; text-decoration:none;}_x000D_
#menu a:hover{background:#202020 url('images/bgmenlt.jpg') repeat-x; color:#000;}_x000D_
/* dropdown*/_x000D_
#menu ul{background:#000 url('images/bgmen.jpg') repeat-x; background:rgba(255,255,255,0);_x000D_
  list-style:none; position:absolute; left:-9999px;} _x000D_
#menu ul li{padding-top:1px; float:none;}_x000D_
#menu ul a{white-space:nowrap;}_x000D_
#menu li:hover ul{left:-20px;}_x000D_
#menu li:hover a{background:#202020 url('images/bgmenlt.jpg') repeat-x;} _x000D_
#menu li:hover ul a{background:#202020 url('images/bgmen.jpg') repeat-x;}_x000D_
#menu li:hover ul li a:hover{background:#000 url('images/bgmenlt.jpg') repeat-x;}&lt;/code&gt;&lt;/pre&gt;_x000D_
&lt;pre class="snippet-code-html lang-html prettyprint-override"&gt;&lt;code&gt;&amp;lt;ul id="menu"&amp;gt;_x000D_
  &amp;lt;li&amp;gt;&amp;lt;a href="http://www.mywebpage.com" target="_self"&amp;gt;HOME&amp;lt;/a&amp;gt;&amp;lt;/li&amp;gt;_x000D_
  &amp;lt;li&amp;gt;&amp;lt;a href="http://www.mywebpage.com/bio.shtml" target="_self"&amp;gt;BIO&amp;lt;/a&amp;gt;&amp;lt;/li&amp;gt;_x000D_
  &amp;lt;li&amp;gt;&amp;lt;a href="http://www.mywebpage.com/news.shtml" target="_self"&amp;gt;NEWS&amp;lt;/a&amp;gt;&amp;lt;/li&amp;gt;_x000D_
  &amp;lt;li&amp;gt;&amp;lt;a href="http://www.mywebpage.com/gallery.shtml" target="_self"&amp;gt;GALLERY&amp;lt;/a&amp;gt;&amp;lt;/li&amp;gt;_x000D_
  &amp;lt;li&amp;gt;&amp;lt;a href="#"&amp;gt;TEST&amp;lt;/a&amp;gt;_x000D_
    &amp;lt;ul&amp;gt;_x000D_
      &amp;lt;li&amp;gt;&amp;lt;a href="http://www.mywebpage.com/name1.shtml" target="_blank"&amp;gt;test&amp;lt;/a&amp;gt;&amp;lt;/li&amp;gt;_x000D_
      &amp;lt;li&amp;gt;&amp;lt;a href="http://www.mywebpage.com/name2.shtml" target="_blank"&amp;gt;test&amp;lt;/a&amp;gt;&amp;lt;/li&amp;gt;_x000D_
    &amp;lt;/ul&amp;gt;_x000D_
  &amp;lt;/li&amp;gt;_x000D_
  &amp;lt;li&amp;gt;&amp;lt;a href="#"&amp;gt;CONNECT&amp;lt;/a&amp;gt;_x000D_
    &amp;lt;ul&amp;gt;_x000D_
      &amp;lt;li&amp;gt;&amp;lt;a href="https://www.facebook.com/mywebpage" target="_blank"&amp;gt; &amp;lt;img src="images/fb.jpg" width="20" height="20" alt="" title="" /&amp;gt; Facebook&amp;lt;/a&amp;gt;&amp;lt;/li&amp;gt;_x000D_
      &amp;lt;li&amp;gt;&amp;lt;a href="https://twitter.com/mywebpage" target="_blank"&amp;gt; &amp;lt;img src="images/twitter.jpg" width="20" height="20" alt="" title="" /&amp;gt; Twitter&amp;lt;/a&amp;gt;&amp;lt;/li&amp;gt;_x000D_
      &amp;lt;li&amp;gt;&amp;lt;a href="http://www.mywebpage.com/contact.shtml" target="_self"&amp;gt;Contact&amp;lt;/a&amp;gt;&amp;lt;/li&amp;gt;_x000D_
    &amp;lt;/ul&amp;gt;_x000D_
  &amp;lt;/li&amp;gt;_x000D_
  &amp;lt;li&amp;gt;&amp;lt;a href="http://www.mywebpage.com/char.shtml" target="_self"&amp;gt;CHAR&amp;lt;/a&amp;gt;&amp;lt;/li&amp;gt;_x000D_
&amp;lt;/ul&amp;gt;&lt;/code&gt;&lt;/pre&gt;_x000D_
&lt;/div&gt;_x000D_
&lt;/div&gt;_x000D_
&lt;/p&gt;</t>
  </si>
  <si>
    <t>2013-07-05 03:45:51.530000+00:00</t>
  </si>
  <si>
    <t>2015-06-22 13:02:57.747000+00:00</t>
  </si>
  <si>
    <t>css|drop-down-menu|internet-explorer-8|background</t>
  </si>
  <si>
    <t>Use of free() function</t>
  </si>
  <si>
    <t>&lt;p&gt;I just have a general question about the behaviour of the free() function in C.&lt;/p&gt;
&lt;p&gt;Am I right to assume that by calling &lt;code&gt;free()&lt;/code&gt; it simply frees the memory pointed to by the pointer, but leaves the pointer intact?&lt;/p&gt;
&lt;p&gt;In other words, the pointer doesn't need to be reinitialised, just the memory re-allocated, if I want to reuse the pointer?&lt;/p&gt;
&lt;p&gt;For example, would this piece of code be legitimate?&lt;/p&gt;
&lt;h3&gt;Original version&lt;/h3&gt;
&lt;p&gt;&lt;s&gt;&lt;/p&gt;
&lt;pre&gt;&lt;code&gt;void foo()
{
    data_t *x;
    int y = 0;
    while(x-&amp;gt;data != some_value)
    {
        x = some_function(y);
        y = some_other_function(x);
        free(x);
    }
}
&lt;/code&gt;&lt;/pre&gt;
&lt;p&gt;&lt;/s&gt;&lt;/p&gt;
&lt;h3&gt;Amended version&lt;/h3&gt;
&lt;pre&gt;&lt;code&gt;void foo()
{
    data_t *x;
    int y = 0;
    x = some_function(y);
    while(x-&amp;gt;data != some_value)
    {
        y = some_other_function(x);
        free(x);
        x = some_function(y);
    }
}
&lt;/code&gt;&lt;/pre&gt;
&lt;p&gt;Ignore the actual code (and the internal structure of &lt;code&gt;data_t&lt;/code&gt;) and assume that &lt;code&gt;some_function()&lt;/code&gt; properly &lt;code&gt;malloc()&lt;/code&gt;s &lt;code&gt;x&lt;/code&gt;; I just want to know if this is a proper way to manage memory, or do I need to reinitialise &lt;code&gt;data_t *x&lt;/code&gt; after every free?&lt;/p&gt;
&lt;p&gt;&lt;em&gt;EDIT: I edited the code because I realised it wasn't illustrating my question properly.&lt;/em&gt;&lt;/p&gt;</t>
  </si>
  <si>
    <t>2013-10-10 06:31:28.607000+00:00</t>
  </si>
  <si>
    <t>2013-10-10 07:25:16.310000+00:00</t>
  </si>
  <si>
    <t>2013-10-10 07:11:27.797000+00:00</t>
  </si>
  <si>
    <t>c|memory-management|malloc|free</t>
  </si>
  <si>
    <t>Segmentation fault:11, when I run C code</t>
  </si>
  <si>
    <t>&lt;p&gt;I am new in C programming. When I write a c code about sorting integers. I got a &lt;strong&gt;Segmentation fault: 11.&lt;/strong&gt; I search the related articles, but seems too confusing for me. Here follows first part of my code(get 10 input integers, and derive all the odd integers). Can you help me?&lt;/p&gt;
&lt;pre&gt;&lt;code&gt;#include &amp;lt;stdio.h&amp;gt;
int i;
int main(void)
{
int array[10];
int previous[10],odd[10];
printf("Pls enter 10 nums\n");
while(i &amp;lt; 10)
{
    scanf("%d", &amp;amp;array[i++]);
}
for(i = 0;i &amp;lt; 10;i++)
{
printf("%d ", array[i]);    
}
for(i = 0;i &amp;lt; 10;i++)
{
    int a,j;
    if(array[i] % 2 == 1)
    {
        previous[a] = i;
        odd[j] = array[i];
        a++;
        j++;
    }
}
}
&lt;/code&gt;&lt;/pre&gt;</t>
  </si>
  <si>
    <t>2014-02-16 00:08:37.597000+00:00</t>
  </si>
  <si>
    <t>2014-02-16 00:15:15.097000+00:00</t>
  </si>
  <si>
    <t>c|segmentation-fault</t>
  </si>
  <si>
    <t>Python equivalent of Haskell's [1..] (to index a list)</t>
  </si>
  <si>
    <t>&lt;p&gt;I have a list of elements in python. I don't know the number of elements in the list. I would like to add indexes to the list.&lt;/p&gt;
&lt;p&gt;In Haskell, I could do the following&lt;/p&gt;
&lt;pre&gt;&lt;code&gt;zip [1..] "abcdefghijklmnop"
[(1,'a'),(2,'b'),(3,'c'),(4,'d'),(5,'e'),(6,'f'),(7,'g'),(8,'h'),(9,'i'),(10,'j'),(11,'k'),(12,'l'),(13,'m'),(14,'n'),(15,'o'),(16,'p')]
&lt;/code&gt;&lt;/pre&gt;
&lt;p&gt;Now imagine that the string was of unknown size. This would still work in Haskell, and the integer list gives as many integers as necessary until the string runs out. &lt;/p&gt;
&lt;p&gt;How would one do the equivalent in Python?&lt;/p&gt;
&lt;p&gt;I have tried this:&lt;/p&gt;
&lt;pre&gt;&lt;code&gt;s = "abcdefghijklmnop"
indexedlist = []
for i,c in enumerate(s):
    indexedlist.append((i,c))
&amp;gt;&amp;gt;&amp;gt; indexedlist
[(0, 'a'), (1, 'b'), (2, 'c'), (3, 'd'), (4, 'e'), (5, 'f'), (6, 'g'), (7, 'h'), (8, 'i'), (9, 'j'), (10, 'k'), (11, 'l'), (12, 'm'), (13, 'n'), (14, 'o'), (15, 'p')]
&lt;/code&gt;&lt;/pre&gt;
&lt;p&gt;And it works, but I'm wondering if there is a shorter/cleaner way, since it is 4 lines of code and feels much.&lt;/p&gt;</t>
  </si>
  <si>
    <t>2015-07-29 20:29:49.163000+00:00</t>
  </si>
  <si>
    <t>2015-07-29 20:56:30.193000+00:00</t>
  </si>
  <si>
    <t>python|list|loops|haskell</t>
  </si>
  <si>
    <t>optimizing CSV export with codeigniter</t>
  </si>
  <si>
    <t>&lt;p&gt;i have recently migrated my export CSV code from core php to code igniter. the code works well but its very slow when exporting very large amount of data..&lt;/p&gt;
&lt;p&gt;here is my old code:&lt;/p&gt;
&lt;pre&gt;&lt;code&gt;function exportCSV($qry,$con,$title)
{
$result = mysql_query($qry, $con) or die(mysql_error($con));
header('Content-Type: text/csv; charset=UTF-8');
header("Cache-Control: no-store, no-cache");  
header("Content-Disposition: attachment;filename=".$title."-".date('mdY').".csv");
//echo "\xEF\xBB\xBF";
$row = mysql_fetch_assoc($result);
 if ($row) {
  echocsv(array_keys($row));
 }
 while ($row) {
  echocsv($row);
  $row = mysql_fetch_assoc($result);
 }
}
function echocsv($fields)
{
    $separator = '';
    foreach ($fields as $field) {
        if (preg_match('/\\r|\\n|,|"/', $field)) {
            $field = '"' . str_replace('"', '""', $field) . '"';
        }
        echo $separator . $field;
        $separator = ',';
    }
    echo "\r\n";
}
&lt;/code&gt;&lt;/pre&gt;
&lt;p&gt;and here is my codeigniter code that is very slow... exporting data to CSV with 77000 rows took about 15 minutes excluding the download time..&lt;/p&gt;
&lt;pre&gt;&lt;code&gt;public function exportCSV()
{
    set_time_limit(0);
    $delimiter = ",";
    $newline = "\r\n";
    $curr_date_time = date("l jS \of F Y h:i:s A");
    $this-&amp;gt;products_model-&amp;gt;set_venture($this-&amp;gt;selected_venture['abbrev']);
    if($get_data = $this-&amp;gt;input-&amp;gt;get())
    {
        $data = $this-&amp;gt;products_model-&amp;gt;export_model($get_data);
        $download = $this-&amp;gt;dbutil-&amp;gt;csv_from_result($data, $delimiter, $newline);
        force_download('export - '.$curr_date_time.'.csv', $download); 
    }
    else
    {
        show_404('page', FALSE);
    }
}
public function export_model($params = NULL)
{
    if ($params != NULL)
    {
        if ($params['name_filter'] != '')
        {
            $this-&amp;gt;crawler_db-&amp;gt;like('name', $params['name_filter']);
        }
        if ($params['comp_filter'] != '')
        {
            $this-&amp;gt;crawler_db-&amp;gt;where('fk_competitor_website', $params['comp_filter']);
        }
    }
    return $this-&amp;gt;crawler_db-&amp;gt;get('pcrawler_'.$this-&amp;gt;venture.'.products_final');
}
&lt;/code&gt;&lt;/pre&gt;</t>
  </si>
  <si>
    <t>2014-10-13 08:36:17.017000+00:00</t>
  </si>
  <si>
    <t>2014-10-16 08:42:40.840000+00:00</t>
  </si>
  <si>
    <t>php|codeigniter|csv</t>
  </si>
  <si>
    <t>Package to Analyse Eye Tracking data</t>
  </si>
  <si>
    <t>&lt;p&gt;I'm doing a research on saccadic eye movements for pre-dementia.&lt;/p&gt;
&lt;p&gt;There's a package for Saccade and Fixation Detection from eye tracking data &lt;/p&gt;
&lt;p&gt;&lt;a href="https://github.com/tmalsburg/saccades" rel="nofollow"&gt;https://github.com/tmalsburg/saccades&lt;/a&gt;&lt;/p&gt;
&lt;p&gt;How can I get the eye tracking data?&lt;/p&gt;</t>
  </si>
  <si>
    <t>2015-08-24 13:57:48.637000+00:00</t>
  </si>
  <si>
    <t>2015-08-24 13:59:20.893000+00:00</t>
  </si>
  <si>
    <t>r|eye-tracking</t>
  </si>
  <si>
    <t>reference key insertion in mysql database</t>
  </si>
  <si>
    <t>&lt;p&gt;i've 2 tables structure line show in image.&lt;/p&gt;
&lt;pre&gt;&lt;code&gt;NG_SCHOOL.PHONE_ID is a foreign key to NG_PHONE_NUMBER.PHONE_NUMBER_ID, as shown in the schema.
&lt;/code&gt;&lt;/pre&gt;
&lt;p&gt;&lt;img src="https://i.stack.imgur.com/wAWlH.png" alt="enter image description here"&gt;&lt;/p&gt;
&lt;p&gt;now i want to insert data in table using following query&lt;/p&gt;
&lt;pre&gt;&lt;code&gt;INSERT INTO ng_school (SCHOOL_ID, SCHOOL_SYSTEM_ID, NAME, ZIP, CITY, PHONE,  LEAGUE_NAME, MINIMUM_GRADE_ID, MAXIMUM_GRADE_ID) VALUES ('testSchoolA','testSchoolSystem1','Elementary School A','90210','City of Los Angeles','213 555 1000','School A Athletic','K','GRADE6');
&lt;/code&gt;&lt;/pre&gt;
&lt;p&gt;but it gives error&lt;/p&gt;
&lt;pre&gt;&lt;code&gt;Error Code: 1054 - Unknown column 'PHONE' in 'field list'
&lt;/code&gt;&lt;/pre&gt;
&lt;p&gt;how to insert this data into table?&lt;/p&gt;</t>
  </si>
  <si>
    <t>2013-04-09 09:16:26.557000+00:00</t>
  </si>
  <si>
    <t>2013-04-09 09:19:07.680000+00:00</t>
  </si>
  <si>
    <t>mysql|sql|database</t>
  </si>
  <si>
    <t>Slowing down animations in Flutter globally</t>
  </si>
  <si>
    <t>&lt;p&gt;There is &lt;em&gt;a function or method&lt;/em&gt; in the &lt;strong&gt;Flutter framework&lt;/strong&gt;, which can be used to ajust the animation/running speed of every widget.&lt;/p&gt;
&lt;p&gt;This is &lt;em&gt;possible&lt;/em&gt; using I think a &lt;strong&gt;service&lt;/strong&gt;. &lt;/p&gt;
&lt;p&gt;I just forgot how I can call it and could not find any &lt;em&gt;resources&lt;/em&gt; that describes it + I do not know where I once discovered it.&lt;/p&gt;
&lt;p&gt;There is not really more information to &lt;em&gt;provide&lt;/em&gt; as this is just a &lt;em&gt;simple &lt;strong&gt;one liner&lt;/em&gt;&lt;/strong&gt;. I hope that someone knows what I am talking about.&lt;/p&gt;</t>
  </si>
  <si>
    <t>2018-06-30 16:53:10.460000+00:00</t>
  </si>
  <si>
    <t>2018-07-01 08:12:14.620000+00:00</t>
  </si>
  <si>
    <t>dart|flutter</t>
  </si>
  <si>
    <t>C++: Chaos Game: Pyramid aligning points to be drawn correctly</t>
  </si>
  <si>
    <t>&lt;p&gt;So I am having a little trouble - I understand the algorithm of the chaos game, got 3 points, set up in a pyramid form. The rest is is easy, just take the current point and a random roll of 1-3 and move halfway from the current point to either a,b or c, depending on the roll. But I am having difficulty with (as you can see in the picture outlined in red) the points plot correctly but just goes straight  up. How do I get it to align towards top of the pyramid? &lt;/p&gt;
&lt;p&gt;Maybe it is easier to use a GLine that got four parameters for this (x,y,x,y)?&lt;/p&gt;
&lt;p&gt;&lt;img src="https://i.stack.imgur.com/98sX6.jpg" alt="enter image description here"&gt;&lt;/p&gt;
&lt;p&gt;&lt;img src="https://i.stack.imgur.com/2dX1Z.jpg" alt="enter image description here"&gt;&lt;/p&gt;
&lt;pre&gt;&lt;code&gt;double playGame(double newPointX, double &amp;amp;newPointY, GWindow &amp;amp;display)
{
int roll = randomInteger(DICE_LOW, DICE_HIGH);
// WEST
if (roll == 1) {
}
// EAST
else if (roll == 2) {
}
// NORTH
else if (roll == 3 &amp;amp;&amp;amp; newPointY &amp;gt; LIMIT) {
    display.drawOval(newPointX,
                     POINT_NORTH + (newPointY / 2),
                     1, 1);
    newPointY =  (newPointY / 2);
    cout &amp;lt;&amp;lt; newPointY &amp;lt;&amp;lt; endl;
    return newPointX;
}
return NULL;
&lt;/code&gt;&lt;/pre&gt;
&lt;p&gt;}&lt;/p&gt;</t>
  </si>
  <si>
    <t>2012-11-11 23:39:46.637000+00:00</t>
  </si>
  <si>
    <t>2012-11-11 23:52:37.037000+00:00</t>
  </si>
  <si>
    <t>c++|algorithm</t>
  </si>
  <si>
    <t>How to populate and then sort or randomize an array?</t>
  </si>
  <si>
    <t>&lt;p&gt;I am using ColdFusion 9.1. I am coding using CFSCRIPT.&lt;/p&gt;
&lt;p&gt;I am creating a quiz. Query one will go get an image of a person and the person of the person in the image.  This will be the correct answer.  Query two will go get two other people who are not in the image.  I want to put this into an array and then sort the array so that the correct answer isn't always at the top or the bottom or in the middle.&lt;/p&gt;
&lt;p&gt;Here is my pseudo SQL:&lt;/p&gt;
&lt;pre&gt;&lt;code&gt;QUERY ONE NAME = GET CORRECT ANSWER
SELECT TOP 1 ImageID, PersonID, FirstName, LastName
FROM IMAGES
QUERY TWO NAME =  GET TWO INCORRECT ANSWERS
SELECT TOP 2 PersonID, FirstName, LastName
FROM IMAGES 
WHERE ImageID IS NOT THE CORRECT ANSWER
&lt;/code&gt;&lt;/pre&gt;
&lt;p&gt;I "think" I want my array to look like this:&lt;/p&gt;
&lt;pre&gt;&lt;code&gt;PersonID="1234";
FirstName="Bob";
LastName="Jones";
&lt;/code&gt;&lt;/pre&gt;
&lt;p&gt;I need to loop through each query and populate this array with the three people returned from the query. Like this, but this code doesn't work:&lt;/p&gt;
&lt;pre&gt;&lt;code&gt;&amp;lt;cfscript&amp;gt;
PersonArray = arrayNew(1);
for (i = 1; i lte GetTwoWrong.RecordCount; i++) {
    Person = structNew();
    Person.PersonID = GetTwoWrong.PersonID[i];
Person.FirstName = GetTwoWrong.FirstName[i];
Person.LastName = GetTwoWrong.LastName [i];
PersonArray = arrayAppend(PersonArray , Person);
}
&amp;lt;/cfscript&amp;gt;
&lt;/code&gt;&lt;/pre&gt;
&lt;p&gt;Then I need to sort the array by FirstName, LastName, or PersonID to create any kind of randomness.&lt;/p&gt;
&lt;pre&gt;&lt;code&gt;&amp;lt;cfscript&amp;gt;
PersonArray = arraySort(PersonArray numeric);
&amp;lt;/cfscript&amp;gt;
&lt;/code&gt;&lt;/pre&gt;
&lt;p&gt;Then I will need to output the answers. The answer will be clickable. On click, I will send the PersonID via jQuery to check the answer for correctness (and store the selection).  &lt;/p&gt;
&lt;p&gt;So, how do I create an array and then populate it from two different queries and then sort it? Should I be using an array at all? A structure?&lt;/p&gt;</t>
  </si>
  <si>
    <t>2011-10-04 18:44:04.157000+00:00</t>
  </si>
  <si>
    <t>2011-10-05 16:11:14.397000+00:00</t>
  </si>
  <si>
    <t>arrays|coldfusion</t>
  </si>
  <si>
    <t>Getting form field names on Submit when form is user control</t>
  </si>
  <si>
    <t>&lt;p&gt;I am slowly, piece by piece learning what I am doing with ASP.NET&lt;/p&gt;
&lt;p&gt;I've created the beginnings of my new web application, but I am often coming up against the issue that ASP.NET renames elements IDs or in the case of form fields, their names.&lt;/p&gt;
&lt;p&gt;I have a form which is basically a sales system. It is essentially made up of two User Controls, one is a form for Customer Details (name, address etc) and the second is a form for the customer's purchases, it consists of a number lines dynamically created by Javascript created as you list the items the customer is purchasing. &lt;/p&gt;
&lt;p&gt;Both these sections are User Controls because they are to be used for other areas of the system where this data will need to be recalled/re-entered.&lt;/p&gt;
&lt;p&gt;When the USer Control is loaded, the field which contains the Customers' Name is renamed &lt;code&gt;"m$mainContent$customerForm$name"&lt;/code&gt; I understand where this comes from, "m" is the ID of my Master Page, "mainContent" is the main Content Placeholder and "customerForm" is the name of the User Control.&lt;/p&gt;
&lt;p&gt;In fact, in my case, this will always remain the same on all forms, so it is relative easy to overcome... but... suppose it wasn't&lt;/p&gt;
&lt;p&gt;I can see there are ways I could deal with this with Javascript, but the form doesn't need an AJAX submit, a normal Post will do fine for this, so when I open up the recieving page I want to call &lt;code&gt;Request.Form("name")%&lt;/code&gt; to save the customer's name into the database, but of course I really need &lt;code&gt;Request.Form("m$mainContent$customerForm$name")%&lt;/code&gt;&lt;/p&gt;
&lt;p&gt;How would I dynamically extract those prefixes from the posting form to ensure that if I rename anything or use it in a different scenario, the problem will not break it?&lt;/p&gt;
&lt;p&gt;I am using .NET 2.0, so can't use Static Client.&lt;/p&gt;</t>
  </si>
  <si>
    <t>2011-11-28 18:50:52.870000+00:00</t>
  </si>
  <si>
    <t>2014-10-31 05:27:13.350000+00:00</t>
  </si>
  <si>
    <t>asp.net|vb.net|forms</t>
  </si>
  <si>
    <t>Can you suggest how to handle error such as JSONDecoderError?</t>
  </si>
  <si>
    <t>&lt;p&gt;Someone asked this before, but the answer is suggesting &lt;code&gt;print&lt;/code&gt; which is not good.&lt;/p&gt;
&lt;p&gt;&lt;a href="https://stackoverflow.com/questions/8381193/python-handle-json-decode-error-when-nothing-returned"&gt;Python: Handle JSON Decode Error when nothing returned&lt;/a&gt;&lt;/p&gt;
&lt;p&gt;Given this:&lt;/p&gt;
&lt;pre&gt;&lt;code&gt;class BitbucketError(Exception):
    pass
try:
    response = requests.get('https://bitbucket.org/.......')
    return response.json()['data']
# because JSONDecoderError inherits from ValueError
except (json.JSONDecoderError, ValueError) as e: 
    raise BitbucketError(response.status_code)
&lt;/code&gt;&lt;/pre&gt;
&lt;p&gt;That's okay. But if I were to use this module in another project, where I do&lt;/p&gt;
&lt;pre&gt;&lt;code&gt;# save to dabase, example 1
raw_code = mymodule.bitbucket.file(...)
db.save(raw_code)
# return json back to user (api server, example 2)
raw_code = mymodule.bitbucket.file(...)
return {'data': raw_code}
&lt;/code&gt;&lt;/pre&gt;
&lt;p&gt;I am sure I want to catch exception in the snippet above. But the question is, should I just let the original one to propagate or define an exception myself?&lt;/p&gt;
&lt;p&gt;I am trying to see how to handle errors properly, since the error could be due to 404, 405, or even 500. &lt;/p&gt;
&lt;p&gt;Hope this question makes sense.&lt;/p&gt;</t>
  </si>
  <si>
    <t>2013-03-10 08:57:18.970000+00:00</t>
  </si>
  <si>
    <t>2013-03-10 09:28:23.697000+00:00</t>
  </si>
  <si>
    <t>2017-05-23 12:11:05.370000+00:00</t>
  </si>
  <si>
    <t>Webpack 4 + Babel 7 transform-runtime - Invalid configuration object</t>
  </si>
  <si>
    <t>&lt;p&gt;I'm currently using webpack 4 with babel 7 which was just released not long ago. Whenever I'm trying to run the latest webpack with babel on my project, I'm getting the following error currently with the plugin &lt;code&gt;@babel/plugin-transform-runtime&lt;/code&gt;:&lt;/p&gt;
&lt;pre&gt;&lt;code&gt;Invalid configuration object. Webpack has been initialised using a configuration object that does not match
the API schema.
 - configuration.plugins[0] should be one of these:
   object { apply, ��� } | function
   -&amp;gt; Plugin of type object or instanceof Function
   Details:
    * configuration.plugins[0] should be an object.
      -&amp;gt; Plugin instance
    * configuration.plugins[0] should be an instance of function
      -&amp;gt; Function acting as plugin
 - configuration.plugins[1] should be one of these:
   object { apply, ��� } | function
   -&amp;gt; Plugin of type object or instanceof Function
   Details:
    * configuration.plugins[1] misses the property 'apply'.
      function
      -&amp;gt; The run point of the plugin, required method.
    * configuration.plugins[1] misses the property 'apply'.
      function
      -&amp;gt; The run point of the plugin, required method.
    * configuration.plugins[1] should be an instance of function
      -&amp;gt; Function acting as plugin
&lt;/code&gt;&lt;/pre&gt;
&lt;p&gt;According to the documentation in &lt;a href="https://babeljs.io/docs/en/babel-plugin-transform-runtime/" rel="nofollow noreferrer"&gt;https://babeljs.io/docs/en/babel-plugin-transform-runtime/&lt;/a&gt;, this should be working with the following example configuration for a .babelrc as an example (modifying this in my webpack.config.js to just turn corejs to true)&lt;/p&gt;
&lt;pre&gt;&lt;code&gt;{
  "plugins": [
    ["@babel/plugin-transform-runtime", {
      "corejs": false,
      "helpers": true,
      "regenerator": true,
      "useESModules": false
    }]
  ]
}
&lt;/code&gt;&lt;/pre&gt;
&lt;p&gt;webpack.config.js&lt;/p&gt;
&lt;pre&gt;&lt;code&gt;var webpack = require('webpack');
var fiber = require('fibers');
var MiniCssExtractPlugin = require('mini-css-extract-plugin');
module.exports = {
    entry: [
        '@babel/polyfill',
        './src/jsx/app'
    ],
    output: {
        filename: 'bundle.js',
        path: __dirname + '/dist'
    },
    mode: 'development',
    devtool: 'source-map',
    resolve: {
        extensions: ['.js', '.jsx'],
    },
    optimization: {
        splitChunks: {
            cacheGroups: {
                styles: {
                    name: 'main',
                    test: /\.css$/,
                    chunks: 'all',
                    enforce: true
                }
            }
        }
    },
    module: {
        rules: [
            {
                test: /\.(jsx|js)$/,
                exclude: /node_modules/,
                use: {
                    loader: 'babel-loader',
                    options: {
                        presets: [
                            {
                                'useBuiltIns': 'entry',
                                'modules': 'false'
                            },
                            '@babel/preset-env',
                            '@babel/preset-react'
                        ],
                        plugins: [
                            require('@babel/plugin-syntax-dynamic-import'),
                            require('@babel/plugin-proposal-object-rest-spread')
                        ]
                    }
                }
            },
            {
                test: /\.(scss|css)$/,
                exclude: /node_modules/,
                use: [
                    {
                        loader: this.mode === 'development' ? MiniCssExtractPlugin.loader : 'style-loader',
                    },  {
                        loader: 'css-loader',
                        options: {
                            sourceMap: true
                        }
                    }, {
                        loader: 'resolve-url-loader',
                        options: {
                            sourceMap: true,
                            keepQuery: true,
                            debug: this.mode === 'development'
                        }
                    }, {
                        loader: 'sass-loader',
                        options: {
                            outFile: 'src/style.css',
                            implementation: require('dart-sass'),
                            fiber: fiber,
                            sourceMap: true,
                            sourceComments: true,
                            sourceMapContents: true,
                            outputStyle: 'compressed',
                            includePaths: [
                                'node_modules/@fortawesome/fontawesome-pro/scss',
                                'node_modules/foundation-sites/scss',
                                'node_modules/motion-ui/src',
                                'node_modules/react-dates',
                                'node_modules/slick-carousel/slick',
                                'src/scss'
                            ]
                        }
                    }
                ]
            }
        ]
    },
    plugins: [
        '@babel/plugin-transform-runtime', {
            'corejs': true
        },
        new MiniCssExtractPlugin({
            filename: this.mode === 'development' ? '[name].css' : '[name].[hash].css',
            chunkFilename: this.mode === 'development' ? '[id].css' : '[id].[hash].css',
        }),
        new webpack.HotModuleReplacementPlugin()
    ],
    devServer: {
        contentBase: './dist',
        hot: true
    }
};
&lt;/code&gt;&lt;/pre&gt;
&lt;p&gt;dependencies from package.json&lt;/p&gt;
&lt;pre&gt;&lt;code&gt;"devDependencies": {
    "@babel/core": "7.0.0",
    "@babel/plugin-proposal-object-rest-spread": "7.0.0",
    "@babel/plugin-syntax-dynamic-import": "7.0.0",
    "@babel/plugin-transform-runtime": "7.0.0",
    "@babel/preset-env": "7.0.0",
    "@babel/preset-react": "7.0.0",
    "@babel/register": "7.0.0",
    "babel-loader": "8.0.2",
    "dart-sass": "1.13.1",
    "electron": "2.0.8",
    "electron-packager": "12.1.1",
    "eslint": "5.4.0",
    "eslint-plugin-react": "7.11.1",
    "mini-css-extract-plugin": "0.4.2",
    "react-hot-loader": "4.3.5",
    "resolve-url-loader": "2.3.0",
    "upath": "1.1.0",
    "webpack": "4.17.2",
    "webpack-cli": "3.1.0",
    "webpack-dev-server": "3.1.7"
},
"dependencies": {
    "@babel/polyfill": "7.0.0",
    "@babel/runtime-corejs2": "7.0.0",
    "@fortawesome/fontawesome-pro": "latest",
    "chalk": "2.4.1",
    "cheerio": "1.0.0-rc.2",
    "colors": "1.3.2",
    "fibers": "3.0.0",
    "foundation-sites": "6.5.0-rc.2",
    "jquery": "3.3.1",
    "moment": "2.22.2",
    "motion-ui": "2.0.3",
    "react": "16.4.2",
    "react-dates": "17.2.0",
    "react-dom": "16.4.2",
    "react-slick": "0.23.1",
    "slick-carousel": "1.8.1",
    "schema-utils": "1.0.0",
    "what-input": "5.1.1"
}
&lt;/code&gt;&lt;/pre&gt;</t>
  </si>
  <si>
    <t>2018-09-04 01:07:44.997000+00:00</t>
  </si>
  <si>
    <t>2018-09-04 23:31:50.927000+00:00</t>
  </si>
  <si>
    <t>javascript|webpack|babeljs|webpack-4|babel-loader</t>
  </si>
  <si>
    <t>How to start playing a playlist by clicking on a LinkLabel?</t>
  </si>
  <si>
    <t>&lt;p&gt;I have added the playlist names from a directory in a &lt;code&gt;ListBox&lt;/code&gt; using &lt;code&gt;LinkLabel&lt;/code&gt; at run time but now I want that when I click on the &lt;code&gt;LinkLabel&lt;/code&gt; of that playlist, the playlist should run and play the songs.&lt;/p&gt;
&lt;p&gt;I have no idea about how to give the path or link to the playlist in the link label and how to start playing it.&lt;/p&gt;
&lt;p&gt;This is my code, &lt;code&gt;playlistviewbar&lt;/code&gt; is a &lt;code&gt;ListBox&lt;/code&gt;:&lt;/p&gt;
&lt;pre&gt;&lt;code&gt;string[] array1 = Directory.GetFiles(@"C:\Users\LENOVO\Music\Playlists","*.wpl");
int yforlbl =5;
LinkLabel[] lblplayName = new LinkLabel[array1.Length];
for (int i = 0; i &amp;lt; array1.Length; i++)
{
    array1[i] = Path.GetFileName(array1[i]);
    lblplayName[i] = new LinkLabel();
    lblplayName[i].Text = array1[i];
    lblplayName[i].Location = new Point(0,yforlbl);          
    playlistviewbar.Controls.Add(lblplayName[i]);
    yforlbl += 23;
}
&lt;/code&gt;&lt;/pre&gt;</t>
  </si>
  <si>
    <t>2013-03-06 08:23:37.713000+00:00</t>
  </si>
  <si>
    <t>2013-04-06 08:14:14.843000+00:00</t>
  </si>
  <si>
    <t>c#|axwindowsmediaplayer</t>
  </si>
  <si>
    <t>Why does code below fs.readFile callback function run before the callback?</t>
  </si>
  <si>
    <t>&lt;pre&gt;&lt;code&gt;fs.readFile('input.txt', function(err, data) {
  if (err) {
    return console.error(err);
  }
  console.log(data.toString());
});
console.log("Program Ended");
&lt;/code&gt;&lt;/pre&gt;
&lt;p&gt;&lt;code&gt;input.txt&lt;/code&gt; contains the string &lt;code&gt;"hello"&lt;/code&gt;.&lt;/p&gt;
The above code prints:
&lt;pre class="lang-none prettyprint-override"&gt;&lt;code&gt;Program Ended
hello
&lt;/code&gt;&lt;/pre&gt;
&lt;p&gt;Why does it print &lt;code&gt;"program ended"&lt;/code&gt; before &lt;code&gt;"hello"&lt;/code&gt;?&lt;br&gt;
Is it not line by line execution?&lt;/p&gt;</t>
  </si>
  <si>
    <t>2016-01-09 14:02:19.537000+00:00</t>
  </si>
  <si>
    <t>2016-01-09 14:13:23.187000+00:00</t>
  </si>
  <si>
    <t>FullCalendar - Get Date by clicking day header in agendaWeek view</t>
  </si>
  <si>
    <t>&lt;p&gt;I would like to determine the date selected when clicking on the day header cell when in agendaWeek view.  I can add a click handler to those header cells, but I don't quite know how to get the date from the fullcalendar, because the dayClick event does not fire when clicking the header.  the class on these cells are fc-sun, fc-mon, etc.&lt;/p&gt;</t>
  </si>
  <si>
    <t>2010-12-03 22:09:53.100000+00:00</t>
  </si>
  <si>
    <t>2014-12-17 11:57:21.053000+00:00</t>
  </si>
  <si>
    <t>2012-04-30 00:48:14.243000+00:00</t>
  </si>
  <si>
    <t>header|fullcalendar</t>
  </si>
  <si>
    <t>Meteor, $ defined on client but not on server</t>
  </si>
  <si>
    <t>&lt;p&gt;I'm working on a Meteor app. I can call &lt;code&gt;$.get()&lt;/code&gt; perfectly fine in this client javascript I run on a button click. But this client javascript calls some server javascript (with &lt;code&gt;Meteor.call()&lt;/code&gt;) in which I use &lt;code&gt;$.get()&lt;/code&gt; and see the error:&lt;/p&gt;
&lt;p&gt;Exception while invoking method 'server_facebook_authentication' ReferenceError: $ is not defined  &lt;/p&gt;
&lt;p&gt;I am not super solid on how Meteor loads resources and libraries and whatnot. What is wrong and how can I fix this?&lt;/p&gt;</t>
  </si>
  <si>
    <t>2014-07-24 16:01:31.920000+00:00</t>
  </si>
  <si>
    <t>2014-07-24 18:37:21.323000+00:00</t>
  </si>
  <si>
    <t>javascript|jquery|meteor</t>
  </si>
  <si>
    <t>Why doesn't this for loop work when I simple change two expression's order</t>
  </si>
  <si>
    <t>&lt;p&gt;For the following fibonacci function, it works as expected:&lt;/p&gt;
&lt;p&gt;&lt;div class="snippet" data-lang="js" data-hide="false" data-console="true" data-babel="false"&gt;_x000D_
&lt;div class="snippet-code"&gt;_x000D_
&lt;pre class="snippet-code-js lang-js prettyprint-override"&gt;&lt;code&gt;function fibonacci(n) {_x000D_
  var nums = []_x000D_
  var a = b = 1_x000D_
  for (let i = 0; i &amp;lt; n; i++) {_x000D_
    [a, b] = [b, a + b]_x000D_
    nums.push(a)_x000D_
  }_x000D_
  return nums_x000D_
}_x000D_
_x000D_
console.log(fibonacci(5));_x000D_
// outputs: [1,2,3,5,8]&lt;/code&gt;&lt;/pre&gt;_x000D_
&lt;/div&gt;_x000D_
&lt;/div&gt;_x000D_
&lt;/p&gt;
&lt;p&gt;but after I changed two statements' order, it doesn't work:&lt;/p&gt;
&lt;p&gt;&lt;div class="snippet" data-lang="js" data-hide="false" data-console="true" data-babel="false"&gt;_x000D_
&lt;div class="snippet-code"&gt;_x000D_
&lt;pre class="snippet-code-js lang-js prettyprint-override"&gt;&lt;code&gt;function fibonacci(n) {_x000D_
  var nums = []_x000D_
  var a = b = 1_x000D_
  for (let i = 0; i &amp;lt; n; i++) {_x000D_
    nums.push(a)_x000D_
    [a, b] = [b, a + b]_x000D_
  }_x000D_
  return nums_x000D_
}_x000D_
_x000D_
console.log(fibonacci(5));_x000D_
// outputs: [1,1,1,1,1]&lt;/code&gt;&lt;/pre&gt;_x000D_
&lt;/div&gt;_x000D_
&lt;/div&gt;_x000D_
&lt;/p&gt;
&lt;p&gt;What's wrong with it?&lt;/p&gt;</t>
  </si>
  <si>
    <t>2016-11-15 02:44:38.453000+00:00</t>
  </si>
  <si>
    <t>2016-11-15 02:58:58.393000+00:00</t>
  </si>
  <si>
    <t>2016-11-15 02:48:45.327000+00:00</t>
  </si>
  <si>
    <t>javascript|syntax</t>
  </si>
  <si>
    <t>How to display a next set of options in UIMenuController</t>
  </si>
  <si>
    <t>&lt;p&gt;If you highlight a word on iOS, Apple presents a "Replace..." option in a UIMenuController. Upon tapping it, the menu controller changes its set of options to the replacement words:&lt;/p&gt;
&lt;p&gt;&lt;a href="https://i.stack.imgur.com/EWPr7.gif" rel="nofollow noreferrer"&gt;&lt;img src="https://i.stack.imgur.com/EWPr7.gif" alt="enter image description here"&gt;&lt;/a&gt;&lt;/p&gt;
&lt;p&gt;How can I achieve this same behavior of updating the items after an option is chosen?&lt;/p&gt;
&lt;hr&gt;
&lt;p&gt;I tried calling UIMenuController.&lt;a href="https://developer.apple.com/documentation/uikit/uimenucontroller/1622815-update" rel="nofollow noreferrer"&gt;&lt;code&gt;update()&lt;/code&gt;&lt;/a&gt; but after selecting the first option, the menu disappears. I have to tap again to show the menu.&lt;/p&gt;
&lt;p&gt;&lt;a href="https://i.stack.imgur.com/A1WB5.gif" rel="nofollow noreferrer"&gt;&lt;img src="https://i.stack.imgur.com/A1WB5.gif" alt="enter image description here"&gt;&lt;/a&gt;&lt;/p&gt;
&lt;p&gt;I already know how to customize the menu items and add my own. &lt;/p&gt;
&lt;p&gt;I can't figure out how to make the menu show up after an option is selected though. I tried doing the following:&lt;/p&gt;
&lt;pre&gt;&lt;code&gt;class MyTextView: UITextView {
  /// called once on viewDidLoad
  func initializeMenuItems() {
    UIMenuController.shared.menuItems = [
      UIMenuItem(title: "Thesaurus...", action: #selector(thesaurusTapped)),
    ]
  }
  @objc
  private func thesaurusTapped(_ sender: UIMenuController) {
    UIMenuController.shared.menuItems = [
      UIMenuItem(title: "Experiment", action: #selector(replacementTapped)),
      UIMenuItem(title: "Trial", action: #selector(replacementTapped)),
      UIMenuItem(title: "Inspection", action: #selector(replacementTapped)),
    ]
    UIMenuController.shared.update()
  }
  @objc
  private func replacementTapped(_ sender: UIMenuController) {
    // TODO: Display the option the user chose
  }
  override func canPerformAction(_ action: Selector, withSender sender: Any?) -&amp;gt; Bool {
    return action == #selector(replacementTapped) || action == #selector(thesaurusTapped)
  }
}
&lt;/code&gt;&lt;/pre&gt;</t>
  </si>
  <si>
    <t>2018-10-29 05:40:27.203000+00:00</t>
  </si>
  <si>
    <t>2018-10-29 05:57:26.060000+00:00</t>
  </si>
  <si>
    <t>ios|uimenucontroller</t>
  </si>
  <si>
    <t>Get first image of custom post type wordpress</t>
  </si>
  <si>
    <t>&lt;p&gt;I have this code &lt;/p&gt;
&lt;pre&gt;&lt;code&gt;function display_categoria($args) {
$query = new WP_Query(array(
    'post_type' =&amp;gt; 'job_listing',
    'post_status' =&amp;gt; 'publish',
    'posts_per_page' =&amp;gt; 5
));
while ($query-&amp;gt;have_posts()) {
  echo $query-&amp;gt;the_post();
   $id=get_the_id();
   echo $query1=get_permalink();
  }
 wp_reset_query();
}
add_shortcode( 'este', 'display_categoria' );
&lt;/code&gt;&lt;/pre&gt;
&lt;p&gt;in theory i can solve it placing in the loop &lt;/p&gt;
&lt;pre&gt;&lt;code&gt; if ( has_post_thumbnail() ) {
the_post_thumbnail();
                            } 
&lt;/code&gt;&lt;/pre&gt;
&lt;p&gt;but many entries not have a thumbnail (featured images), Can understand?&lt;/p&gt;</t>
  </si>
  <si>
    <t>2017-11-01 23:50:50.120000+00:00</t>
  </si>
  <si>
    <t>2017-11-02 00:26:47.320000+00:00</t>
  </si>
  <si>
    <t>2017-11-02 00:19:20.583000+00:00</t>
  </si>
  <si>
    <t>php|wordpress|loops</t>
  </si>
  <si>
    <t>Why doesn't my server regular expression recoginse the end of an input sent by Jmeter?</t>
  </si>
  <si>
    <t>&lt;p&gt;I have a server, it uses the following regular expression to determine the end of a "transmission" from a client: &lt;/p&gt;
&lt;pre&gt;&lt;code&gt;.*End\":[0-9]{3}}]}\r\n
&lt;/code&gt;&lt;/pre&gt;
&lt;p&gt;This works exactly as expected when a normal client connects. Has done for over a year now.&lt;br&gt;
I've decided to start doing some load testing using Apache JMeter, I've done a couple of simple tutorials and managed to successfully run some http tests. 
However, when I try running a TCP Sampler against my own server, the server doesn't recognize the above pattern from the string it is sent by JMeter. 
This is despite the fact that the String JMeter sends is an exact copy of a string it accepts every time when coming from an actual client. 
The server's debug messages say that a match wasn't found and the message is incomplete, then it waits for more information from JMeter.  &lt;/p&gt;
&lt;p&gt;I experimented by removing the &lt;code&gt;\r\n&lt;/code&gt; from the regex pattern and the JMeter test string and the server successfully recognized the end of the message from JMeter.&lt;/p&gt;
&lt;p&gt;Anyone got any suggestions on how to solve this? It seems like some sort of character encoding issue perhaps? &lt;/p&gt;</t>
  </si>
  <si>
    <t>2016-06-07 13:56:37.587000+00:00</t>
  </si>
  <si>
    <t>2016-06-09 11:38:18.297000+00:00</t>
  </si>
  <si>
    <t>java|jmeter|carriage-return|linefeed</t>
  </si>
  <si>
    <t>async void work around when 3rd party library uses it</t>
  </si>
  <si>
    <t>&lt;p&gt;Looking for help after searching has not produced a good suggestion.&lt;/p&gt;
&lt;p&gt;I always avoid having async void methods in code.  I don't use event handlers.  Sometimes a vendor or library gives you no choice, and their methods are implemented as async void.&lt;/p&gt;
&lt;p&gt;If my method itself returns Task, but i have no choice but to call a 3rd party library method with async void, is there a way to safely wrap their method in such a way that I can keep my code free of the async void dangers, as listed here about terminating my process?&lt;/p&gt;
&lt;p&gt;&lt;a href="https://stackoverflow.com/questions/45447955/why-exactly-is-void-async-bad"&gt;StackOverflow - why is async void bad&lt;/a&gt;&lt;/p&gt;
&lt;p&gt;An example of my concern is as follows:
3rd party library method looks like this&lt;/p&gt;
&lt;pre&gt;&lt;code&gt;public async void GetSomethingFromAService()
{
    /// their implementation, and somewhere along the way it throws an       exception, in this async void method --- yuck for me
}
&lt;/code&gt;&lt;/pre&gt;
&lt;p&gt;My method say on a service controller:&lt;/p&gt;
&lt;pre&gt;&lt;code&gt;public async Task&amp;lt;bool&amp;gt; MyMethod()
{
   await ThirdPartyLibrary.GetSomethingFromAService();
   return await Task.FromResult(true);
}
&lt;/code&gt;&lt;/pre&gt;
&lt;p&gt;My method is fine except the 3rd party library is async void and throws an exception.  My app is going to die.  I don't want it to because my code is well written an not async void.  But I can't control their code.  Can i wrap the call to their async void method in such a way to protect my code from dying?&lt;/p&gt;</t>
  </si>
  <si>
    <t>2018-04-19 12:41:22.273000+00:00</t>
  </si>
  <si>
    <t>2018-04-21 04:08:24.440000+00:00</t>
  </si>
  <si>
    <t>2018-04-19 13:19:43.533000+00:00</t>
  </si>
  <si>
    <t>c#|async-await</t>
  </si>
  <si>
    <t>Use of "Neoxygen/Neoclient" as a ServiceProvider+Facade into Laravel 5.1</t>
  </si>
  <si>
    <t>&lt;p&gt;[EDIT] : OK, i updated this post several times during my tests and now it's working... I let the correct code here below... [/EDIT]&lt;/p&gt;
&lt;p&gt;Since this morning, i'm trying to use "Neoxygen/Neoclient" as a ServiceProvider and a Facade into a new fresh installation of Laravel 5.1&lt;/p&gt;
&lt;p&gt;For this, I've required "neoxygen/neoclient": "^3.0" in my composer.json&lt;/p&gt;
&lt;p&gt;Then I've created a new ServiceProvider into "app/Providers" called "NeoClientServiceProvider".&lt;/p&gt;
&lt;p&gt;In its register method; I've instantiated the connection : &lt;/p&gt;
&lt;pre&gt;&lt;code&gt;public function register()
{
    $this-&amp;gt;app-&amp;gt;singleton('neoclient', function ($app) {
        return ClientBuilder::create()
            -&amp;gt;addConnection('default', 'http', env('NEO4J_HOST'), intval(env('NEO4J_PORT')), true, env('NEO4J_USER'), env('NEO4J_PASSWORD'))
            -&amp;gt;setDefaultTimeout( intval(env('NEO4J_TIMEOUT')) )
            -&amp;gt;setAutoFormatResponse(true)
            -&amp;gt;build();
    });
}
&lt;/code&gt;&lt;/pre&gt;
&lt;p&gt;Next, I've registered the ServiceProvider in "config/app.php" by including the Full Class in my providers and by setting an alias : &lt;/p&gt;
&lt;pre&gt;&lt;code&gt;'providers' =&amp;gt; [ 
...
App\Providers\NeoClientServiceProvider::class
...
],
'aliases' =&amp;gt; [
...
'NeoClient' =&amp;gt; App\NeoClient::class
...
]
&lt;/code&gt;&lt;/pre&gt;
&lt;p&gt;I also created a NeoClient Class who extends Facade like this :&lt;/p&gt;
&lt;pre&gt;&lt;code&gt;&amp;lt;?php namespace App;
use \Illuminate\Support\Facades\Facade;
class NeoClient extends Facade
{
/**
 * Get the registered name of the component.
 *
 * @return string
 */
protected static function getFacadeAccessor() { return 'neoclient'; }
}
&lt;/code&gt;&lt;/pre&gt;
&lt;p&gt;And Finally I have a Controller like this : &lt;/p&gt;
&lt;pre&gt;&lt;code&gt;&amp;lt;?php namespace App\Http\Controllers;
use NeoClient;
class GenreController extends Controller
{
public function __construct()
{
    // needed authentication
    //$this-&amp;gt;middleware('oauth');
}
public function create()
{
    $data = NeoClient::sendCypherQuery("MATCH (g:Genre) RETURN COUNT(g) AS total")-&amp;gt;getRows();
    return response()-&amp;gt;json($data);
}
}
&lt;/code&gt;&lt;/pre&gt;
&lt;p&gt;PS : I know "NeoEloquent" exists but I don't want to use this one... &lt;/p&gt;
&lt;p&gt;++&lt;/p&gt;
&lt;p&gt;Fred.&lt;/p&gt;</t>
  </si>
  <si>
    <t>2015-07-16 11:30:27.227000+00:00</t>
  </si>
  <si>
    <t>2015-10-03 09:38:46.070000+00:00</t>
  </si>
  <si>
    <t>2015-07-16 12:26:02.097000+00:00</t>
  </si>
  <si>
    <t>php|laravel|neo4j|neoxygen</t>
  </si>
  <si>
    <t>Sending Mails using the Mailjet API with GAS</t>
  </si>
  <si>
    <t>&lt;p&gt;I would like to send mails via Google Apps Script using Mailjet. The problem is that there is no documentation at all on how to use this API with GAS.&lt;/p&gt;
&lt;p&gt;Does any of you know some documentation somewhere about this use of Mailjet, or does any of you know a website to send mails like Sendgrid or Mailjet for which we can find documentation for the use of the API in GAS?&lt;/p&gt;
&lt;p&gt;I tried the following code to send a basic email with JetMail but I can't make it work: &lt;/p&gt;
&lt;pre&gt;&lt;code&gt;var mailjeturl = "https://api.mailjet.com/v3.1/send";
var mailjetparams = {
    "Messages":[{
      "From": {"Email": 'myemail@domain.com',"Name": 'Robert'},
      "To": [{"Email": 'theiremail@domain.com'}],
      "Subject": 'subject',
      "HTMLPart": 'this message',
}
var mailjetoptions = {
    'method': 'post',
    'contentType': 'application/json',
    'payload': JSON.stringify(mailjetparams)
};
var response = JSON.parse(UrlFetchApp.fetch(mailjeturl, mailjetoptions))
&lt;/code&gt;&lt;/pre&gt;
&lt;p&gt;I actually don't know where to write my keys.&lt;/p&gt;
&lt;p&gt;Thank you in advance for your answers,&lt;/p&gt;
&lt;p&gt;Clank &lt;/p&gt;</t>
  </si>
  <si>
    <t>2018-08-01 08:50:30.650000+00:00</t>
  </si>
  <si>
    <t>2018-08-01 14:12:18.113000+00:00</t>
  </si>
  <si>
    <t>2018-08-01 13:31:48.293000+00:00</t>
  </si>
  <si>
    <t>google-apps-script|mailjet</t>
  </si>
  <si>
    <t>Best practice webservice client singleton</t>
  </si>
  <si>
    <t>&lt;p&gt;I am implementing a web application which uses a webservice to retrieve data. What is best practice;&lt;/p&gt;
&lt;ul&gt;
&lt;li&gt;Create the webservice proxy as a singleton once and use this for all
calls&lt;/li&gt;
&lt;li&gt;Every time a webservice call is done, create the proxy with &lt;code&gt;using(var p = new Proxy())&lt;/code&gt;&lt;/li&gt;
&lt;/ul&gt;
&lt;p&gt;I notice when using the second option, every first call takes +- 500ms and next calls using this client take +- 180ms.&lt;/p&gt;</t>
  </si>
  <si>
    <t>2013-10-04 13:44:10.020000+00:00</t>
  </si>
  <si>
    <t>2013-10-04 14:28:16.420000+00:00</t>
  </si>
  <si>
    <t>c#|web-services|proxy|singleton|client</t>
  </si>
  <si>
    <t>Implement Python Scripting Into C++</t>
  </si>
  <si>
    <t>&lt;p&gt;I'm creating an application in Python with dynamic scripting that allows users to create their own Python scripts and manipulate the application. I would much rather make the application in c++ but I also want the custom Python script manipulation. So... basically I need c++ to read and execute Python scripts. Is there a way to do this?&lt;/p&gt;</t>
  </si>
  <si>
    <t>2014-03-19 06:00:23.503000+00:00</t>
  </si>
  <si>
    <t>2014-03-19 06:03:17.690000+00:00</t>
  </si>
  <si>
    <t>python|c++</t>
  </si>
  <si>
    <t>How do I convert a list of tuples to a dictionary</t>
  </si>
  <si>
    <t>&lt;p&gt;I have a list of tuples, like so:&lt;/p&gt;
&lt;pre&gt;&lt;code&gt;lst_of_tpls = [(1, 'test2', 3, 4),(11, 'test12', 13, 14),(21, 'test22', 23,24)]
&lt;/code&gt;&lt;/pre&gt;
&lt;p&gt;And I would like to convert it to a dictionary so that it looks like this:&lt;/p&gt;
&lt;pre&gt;&lt;code&gt;mykeys = ['ones', 'text', 'threes', 'fours']
mydict = {'ones': [1,11,21], 'text':['test2','test12','test22'], 
          'threes': [3,13,23], 'fours':[4,14,24]}
&lt;/code&gt;&lt;/pre&gt;
&lt;p&gt;I have tried to enumerate the &lt;code&gt;lst_of_tpls&lt;/code&gt;like so:&lt;/p&gt;
&lt;pre&gt;&lt;code&gt;mydict = dict.fromkeys(mykeys, [])
for count, (ones, text, threes, fours) in enumerate(lst_of_tpls):
    mydict['ones'].append(ones)
&lt;/code&gt;&lt;/pre&gt;
&lt;p&gt;but this puts the values I would like to see in 'ones' also in the other "categories":&lt;/p&gt;
&lt;pre&gt;&lt;code&gt;{'ones': [1, 11, 21], 'text': [1, 11, 21], 'threes': [1, 11, 21], 'fours': [1, 11, 21]}
&lt;/code&gt;&lt;/pre&gt;
&lt;p&gt;Also, I would like to keep &lt;code&gt;mykeys&lt;/code&gt; flexible.&lt;/p&gt;</t>
  </si>
  <si>
    <t>2018-11-14 15:29:03.077000+00:00</t>
  </si>
  <si>
    <t>2018-11-14 15:47:35.633000+00:00</t>
  </si>
  <si>
    <t>2018-11-14 15:30:02.477000+00:00</t>
  </si>
  <si>
    <t>Docker Container compared with Unikernel</t>
  </si>
  <si>
    <t>&lt;p&gt;I recently deployed a tiny Haskell app with docker, using "scratch-haskell" as a base image.&lt;/p&gt;
&lt;p&gt;Then I read about Unikernels and HALVM. And I got a little confused.&lt;/p&gt;
&lt;p&gt;My docker container is about 6MB large. A Unikernel (with the same haskell app) would be roughly the same size I guess.&lt;/p&gt;
&lt;p&gt;The Unikernel runs directly on the Xen hypervisor, whereas the docker Image (or general LXC) runs on a normal Linux distribution, which runs on bare metal.&lt;/p&gt;
&lt;p&gt;Now I have the "choice" of running Linux with multiple minimal containers OR a Xen machine with multiple small Unikernels.&lt;/p&gt;
&lt;p&gt;But what are the advantages and disadvantages of those two solutions? Is one more secure than the other? And are there any significant performance differences between them?&lt;/p&gt;</t>
  </si>
  <si>
    <t>2015-05-22 08:48:37.777000+00:00</t>
  </si>
  <si>
    <t>2016-10-14 04:32:41.547000+00:00</t>
  </si>
  <si>
    <t>2015-05-22 09:02:39.127000+00:00</t>
  </si>
  <si>
    <t>docker|xen|halvm|unikernel</t>
  </si>
  <si>
    <t>Paypal Sandbox API: javax.net.ssl.SSLHandshakeException: Received fatal alert: handshake_failure</t>
  </si>
  <si>
    <t>&lt;p&gt;I am getting an exception while using &lt;code&gt;PayPal MassPay API&lt;/code&gt; in sandbox mode.&lt;/p&gt;
&lt;p&gt;The same code worked earlier, now it is giving me an &lt;code&gt;SSLHandshakeException&lt;/code&gt;. I think this is because of PayPal's latest SSL certification updates. Could someone can help me fix this issue?&lt;/p&gt;
&lt;p&gt;The following is my exception log:&lt;/p&gt;
&lt;pre&gt;&lt;code&gt;http-bio-9090-exec-1, READ: TLSv1 Alert, length = 2
http-bio-9090-exec-1, RECV TLSv1 ALERT:  fatal, handshake_failure
http-bio-9090-exec-1, called closeSocket()
http-bio-9090-exec-1, handling exception: javax.net.ssl.SSLHandshakeException: Received fatal alert: handshake_failure
com.paypal.core.rest.PayPalRESTException: Received fatal alert: handshake_failure
    at com.paypal.core.rest.PayPalResource.execute(PayPalResource.java:374)
    at com.paypal.core.rest.PayPalResource.configureAndExecute(PayPalResource.java:225)
    at com.paypal.sdk.openidconnect.Tokeninfo.createFromAuthorizationCode(Tokeninfo.java:245)
    at com.oldwallet.controllers.CouponPaymentController.redeemed(CouponPaymentController.java:321)
    at sun.reflect.NativeMethodAccessorImpl.invoke0(Native Method)
    at sun.reflect.NativeMethodAccessorImpl.invoke(NativeMethodAccessorImpl.java:57)
    at sun.reflect.DelegatingMethodAccessorImpl.invoke(DelegatingMethodAccessorImpl.java:43)
    at java.lang.reflect.Method.invoke(Method.java:606)
    at org.springframework.web.method.support.InvocableHandlerMethod.invoke(InvocableHandlerMethod.java:215)
    at org.springframework.web.method.support.InvocableHandlerMethod.invokeForRequest(InvocableHandlerMethod.java:132)
    at org.springframework.web.servlet.mvc.method.annotation.ServletInvocableHandlerMethod.invokeAndHandle(ServletInvocableHandlerMethod.java:104)
    at org.springframework.web.servlet.mvc.method.annotation.RequestMappingHandlerAdapter.invokeHandleMethod(RequestMappingHandlerAdapter.java:745)
    at org.springframework.web.servlet.mvc.method.annotation.RequestMappingHandlerAdapter.handleInternal(RequestMappingHandlerAdapter.java:686)
    at org.springframework.web.servlet.mvc.method.AbstractHandlerMethodAdapter.handle(AbstractHandlerMethodAdapter.java:80)
    at org.springframework.web.servlet.DispatcherServlet.doDispatch(DispatcherServlet.java:925)
    at org.springframework.web.servlet.DispatcherServlet.doService(DispatcherServlet.java:856)
    at org.springframework.web.servlet.FrameworkServlet.processRequest(FrameworkServlet.java:953)
    at org.springframework.web.servlet.FrameworkServlet.doGet(FrameworkServlet.java:844)
    at javax.servlet.http.HttpServlet.service(HttpServlet.java:621)
    at org.springframework.web.servlet.FrameworkServlet.service(FrameworkServlet.java:829)
    at javax.servlet.http.HttpServlet.service(HttpServlet.java:728)
    at org.apache.catalina.core.ApplicationFilterChain.internalDoFilter(ApplicationFilterChain.java:305)
    at org.apache.catalina.core.ApplicationFilterChain.doFilter(ApplicationFilterChain.java:210)
    at org.apache.catalina.core.StandardWrapperValve.invoke(StandardWrapperValve.java:222)
    at org.apache.catalina.core.StandardContextValve.invoke(StandardContextValve.java:123)
    at org.apache.catalina.authenticator.AuthenticatorBase.invoke(AuthenticatorBase.java:472)
    at org.apache.catalina.core.StandardHostValve.invoke(StandardHostValve.java:171)
    at org.apache.catalina.valves.ErrorReportValve.invoke(ErrorReportValve.java:99)
    at org.apache.catalina.valves.AccessLogValve.invoke(AccessLogValve.java:953)
    at org.apache.catalina.core.StandardEngineValve.invoke(StandardEngineValve.java:118)
    at org.apache.catalina.connector.CoyoteAdapter.service(CoyoteAdapter.java:408)
    at org.apache.coyote.http11.AbstractHttp11Processor.process(AbstractHttp11Processor.java:1008)
    at org.apache.coyote.AbstractProtocol$AbstractConnectionHandler.process(AbstractProtocol.java:589)
    at org.apache.tomcat.util.net.JIoEndpoint$SocketProcessor.run(JIoEndpoint.java:310)
    at java.util.concurrent.ThreadPoolExecutor.runWorker(ThreadPoolExecutor.java:1145)
    at java.util.concurrent.ThreadPoolExecutor$Worker.run(ThreadPoolExecutor.java:615)
    at java.lang.Thread.run(Thread.java:745)
Caused by: javax.net.ssl.SSLHandshakeException: Received fatal alert: handshake_failure
    at sun.security.ssl.Alerts.getSSLException(Alerts.java:192)
    at sun.security.ssl.Alerts.getSSLException(Alerts.java:154)
    at sun.security.ssl.SSLSocketImpl.recvAlert(SSLSocketImpl.java:1959)
    at sun.security.ssl.SSLSocketImpl.readRecord(SSLSocketImpl.java:1077)
    at sun.security.ssl.SSLSocketImpl.performInitialHandshake(SSLSocketImpl.java:1312)
    at sun.security.ssl.SSLSocketImpl.startHandshake(SSLSocketImpl.java:1339)
    at sun.security.ssl.SSLSocketImpl.startHandshake(SSLSocketImpl.java:1323)
    at sun.net.www.protocol.https.HttpsClient.afterConnect(HttpsClient.java:563)
    at sun.net.www.protocol.https.AbstractDelegateHttpsURLConnection.connect(AbstractDelegateHttpsURLConnection.java:185)
    at sun.net.www.protocol.http.HttpURLConnection.getInputStream(HttpURLConnection.java:1300)
    at java.net.HttpURLConnection.getResponseCode(HttpURLConnection.java:468)
    at sun.net.www.protocol.https.HttpsURLConnectionImpl.getResponseCode(HttpsURLConnectionImpl.java:338)
    at com.paypal.core.HttpConnection.execute(HttpConnection.java:93)
    at com.paypal.core.rest.PayPalResource.execute(PayPalResource.java:367)
    ... 36 more
&lt;/code&gt;&lt;/pre&gt;</t>
  </si>
  <si>
    <t>2016-01-23 11:50:06.043000+00:00</t>
  </si>
  <si>
    <t>2016-05-27 09:06:53.717000+00:00</t>
  </si>
  <si>
    <t>2016-01-23 11:57:41.120000+00:00</t>
  </si>
  <si>
    <t>java|paypal|ssl-certificate|paypal-sandbox|masspay</t>
  </si>
  <si>
    <t>Nginx, PHP-FPM, Symfony, Docker, possibility of running many pages for the user</t>
  </si>
  <si>
    <t>&lt;p&gt;Im looking for a setting that affect the ability to run multiple nginx processes for one user. Currently, if administrator preforms a long time operation (upload multiple files) there is no possibility of openning the page in another tab - the page is waiting until the first tab ends.&lt;/p&gt;
&lt;p&gt;This is my docker-compose&lt;/p&gt;
&lt;pre&gt;&lt;code&gt;version: "3.1"
services:
 webserver:
      image: nginx:alpine
volumes:
          - .:/application
          - ./nginx/nginx_all.conf:/etc/nginx/nginx.conf
&lt;/code&gt;&lt;/pre&gt;
&lt;p&gt;This is nginx_all.conf&lt;/p&gt;
&lt;pre&gt;&lt;code&gt;user nginx;
worker_processes  1;
pid        /var/run/nginx.pid;
events {
    worker_connections  1024;
}
http {
    include       /etc/nginx/mime.types;
    default_type  application/octet-stream;
    log_format  main  '$remote_addr - $remote_user [$time_local] "$request" '
                      '$status $body_bytes_sent "$http_referer" '
                      '"$http_user_agent" "$http_x_forwarded_for"';
    access_log /dev/stdout  main;
    #sendfile        on;
    #tcp_nopush     on;
    keepalive_timeout  65;
    gzip  on;
 server {
   #  limit_conn conn_limit_per_ip 10;
   #  limit_req zone=req_limit_per_ip burst=10 nodelay;
fastcgi_keep_conn on;
#proxy_buffering off;
gzip off;
     listen 80 default;
     client_max_body_size 208M;
     access_log /var/log/nginx/application.access.log;
     root /application/public;
     rewrite ^/index\.php/?(.*)$ /$1 permanent;
     try_files $uri @rewriteapp;
     location @rewriteapp {
         rewrite ^(.*)$ /index.php/$1 last;
     }
     # Deny all . files
     location ~ /\. {
         deny all;
     }
     location ~ ^/(index)\.php(/|$) {
         fastcgi_pass php-fpm:9000;
         fastcgi_split_path_info ^(.+\.php)(/.*)$;
         fastcgi_index app_dev.php;
         send_timeout 1800;
         fastcgi_read_timeout 1800;
         fastcgi_param  SCRIPT_FILENAME $document_root$fastcgi_script_name;
         fastcgi_param PHP_VALUE "error_log=/var/log/nginx/application_php_errors.log";
         fastcgi_buffers 16 16k;
         fastcgi_buffer_size 32k;
         include fastcgi_params;
     }
     # Statics
         location /(bundles|media) {
         access_log off;
         expires 30d;
         try_files $uri @rewriteapp;
     }}
}
&lt;/code&gt;&lt;/pre&gt;
&lt;p&gt;i try change - worker_processes  1; to worker_processes  2; - but that does not change behavior.&lt;/p&gt;</t>
  </si>
  <si>
    <t>2018-09-05 09:10:16.877000+00:00</t>
  </si>
  <si>
    <t>php|docker|nginx</t>
  </si>
  <si>
    <t>Get all parent branch code into child branch Gitlab</t>
  </si>
  <si>
    <t>&lt;p&gt;I have Gitlab branch structure as below :&lt;/p&gt;
&lt;ul&gt;
&lt;li&gt;Master
&lt;ul&gt;
&lt;li&gt;8.0
&lt;ul&gt;
&lt;li&gt;8_TASK001&lt;/li&gt;
&lt;li&gt;8_TASK002&lt;/li&gt;
&lt;/ul&gt;&lt;/li&gt;
&lt;/ul&gt;&lt;/li&gt;
&lt;/ul&gt;
&lt;p&gt;-&gt; 8_TASK001 : Very old
-&gt; 8.0       : Latest code and fixes.&lt;/p&gt;
&lt;p&gt;I want to get all the changes from 8.0 into 8_TASK001 without getting all the history.&lt;/p&gt;
&lt;p&gt;After getting all the code it will develope feature into 8_TASK001 and then create  a merge request into 8.0&lt;/p&gt;
&lt;p&gt;P.S. rebase did not work.&lt;/p&gt;</t>
  </si>
  <si>
    <t>2017-06-26 04:40:57.277000+00:00</t>
  </si>
  <si>
    <t>2017-06-26 07:04:13.747000+00:00</t>
  </si>
  <si>
    <t>2017-06-26 05:16:20.700000+00:00</t>
  </si>
  <si>
    <t>git|github|version-control|gitlab|commit</t>
  </si>
  <si>
    <t>How to refresh a row in Primefaces?</t>
  </si>
  <si>
    <t>&lt;p&gt;In a Primefaces &lt;code&gt;&amp;lt;p:dataTable&amp;gt;&lt;/code&gt;, on each row, I have a column containing a commandButton.
This commandButton update a value of the bean corresponding to the current row.&lt;/p&gt;
&lt;p&gt;How to refresh the current row where I have just clicked so that the reader column will refresh?&lt;/p&gt;
&lt;pre&gt;&lt;code&gt;&amp;lt;p:dataTable id="repositoryBean" 
    currentPageReportTemplate="Total : {totalRecords}"
    lazy="true"
    resizableColumns="false"
    rows="200" 
    rowsPerPageTemplate="10,15,20"
    sortBy="#{row.name}"
    sortOrder="ascending"
    style="margin:20px 0px;"
    value="#{repositoryBean.users}"
    var="row"
    styleClass="small-datatable"
    editable="true"
   &amp;gt;
    &amp;lt;p:ajax event="rowSelect" listener="#{repositoryBean.onDisplay}"
        onstart="PF('loading').show()"
    /&amp;gt; 
    &amp;lt;p:column headerText="#{label.cvs_repo_user_firstname}" sortBy="#{row.firstname}" sortOrder="ascending"&amp;gt;
        &amp;lt;h:outputText value="#{row.firstname}" /&amp;gt;
    &amp;lt;/p:column&amp;gt;
    &amp;lt;p:column headerText="#{label.cvs_repo_user_is_reader}" sortBy="#{row.reader}" sortOrder="ascending"&amp;gt;
        &amp;lt;h:outputText value="#{row.reader}" /&amp;gt;
    &amp;lt;/p:column&amp;gt;
    &amp;lt;p:column headerText="#{label.cvs_repo_user_action}" style="text-align:center" &amp;gt;
        &amp;lt;p:commandButton
            value="Reader"
            styleClass="btn-off"
            action="#{repositoryBean.onSetReader(row)}"
            /&amp;gt;
    &amp;lt;/p:column&amp;gt;
&amp;lt;/p:dataTable&amp;gt;
&lt;/code&gt;&lt;/pre&gt;</t>
  </si>
  <si>
    <t>2015-05-29 06:38:23.287000+00:00</t>
  </si>
  <si>
    <t>2015-05-29 13:47:33.013000+00:00</t>
  </si>
  <si>
    <t>jsf|primefaces|datatable</t>
  </si>
  <si>
    <t>Stop using AppCompat</t>
  </si>
  <si>
    <t>&lt;p&gt;When I first noticed that I have reached maximum level of methods, I started to think what I should remove from dependencies. I assumed that I don't have to use support libraries because my min target is 17.&lt;/p&gt;
&lt;p&gt;I changed Activities from AppCompatActivity to Activity, removed support v7 dependency, but problem occured in styles, because this style &lt;code&gt;@android:style/Theme.Holo.Light.DarkActionBar"&lt;/code&gt; gives old action bar. &lt;/p&gt;
&lt;p&gt;So I am wondering, how to get newer action bar, and is it good practice to remove support library?&lt;/p&gt;</t>
  </si>
  <si>
    <t>2016-03-02 17:07:48.813000+00:00</t>
  </si>
  <si>
    <t>2016-03-02 17:58:27.853000+00:00</t>
  </si>
  <si>
    <t>user5762284</t>
  </si>
  <si>
    <t>android|android-support-library</t>
  </si>
  <si>
    <t>Android detects clicks when it shouldn't</t>
  </si>
  <si>
    <t>&lt;p&gt;I have an image button and associated click handler.&lt;/p&gt;
&lt;p&gt;When I animate button (using translate animation) the button, obviously, changes it's position on screen.&lt;/p&gt;
&lt;p&gt;But there is a problem: Android detects clicks when I touch initial button location and not the current. &lt;/p&gt;
&lt;p&gt;How can I make Android respect actual location of the button?&lt;/p&gt;
&lt;p&gt;&lt;strong&gt;fragment_main.xml&lt;/strong&gt;&lt;/p&gt;
&lt;pre&gt;&lt;code&gt;&amp;lt;RelativeLayout xmlns:android="http://schemas.android.com/apk/res/android"
                android:layout_width="match_parent"
                android:layout_height="match_parent"&amp;gt;
    &amp;lt;ImageButton
        android:id="@+id/addButton"
        android:src="@android:drawable/ic_input_add"
        android:layout_width="wrap_content"
        android:layout_height="wrap_content"
        android:onClick="plusButtonClick"/&amp;gt;
&amp;lt;/RelativeLayout&amp;gt;
&lt;/code&gt;&lt;/pre&gt;
&lt;p&gt;&lt;strong&gt;MainActivity.java&lt;/strong&gt;&lt;/p&gt;
&lt;pre&gt;&lt;code&gt;public class MainActivity extends ActionBarActivity
{
    public void plusButtonClick(View v)
    {
        Toast.makeText(this, "Clicked!", Toast.LENGTH_SHORT).show();
        animateButton(R.id.addButton, R.anim.anim_move);
    }
    private void animateButton(int buttonId, int animationId)
    {
        View button = findViewById(buttonId);
        AnimationSet animationSet = (AnimationSet)AnimationUtils.loadAnimation(this, animationId);
        animationSet.setAnimationListener(getStartingButtonsListener(button));
        button.setVisibility(View.VISIBLE);
        button.startAnimation(animationSet);
    }
    private Animation.AnimationListener getStartingButtonsListener(final View v)
    {
        return new Animation.AnimationListener()
        {
            @Override
            public void onAnimationEnd(Animation arg0)
            {
                v.setVisibility(View.GONE);
            }
        };
    }
}
&lt;/code&gt;&lt;/pre&gt;
&lt;p&gt;&lt;strong&gt;anim_move.xml&lt;/strong&gt;&lt;/p&gt;
&lt;pre&gt;&lt;code&gt;&amp;lt;?xml version="1.0" encoding="utf-8"?&amp;gt;
&amp;lt;set xmlns:android="http://schemas.android.com/apk/res/android"
     android:shareInterpolator="true"
     android:fillAfter="true"
     android:duration="1000"&amp;gt;
    &amp;lt;translate
        android:fromXDelta="0"
        android:toXDelta="180"
        android:fromYDelta="0"
        android:toYDelta="0"/&amp;gt;
&amp;lt;/set&amp;gt;
&lt;/code&gt;&lt;/pre&gt;</t>
  </si>
  <si>
    <t>2014-01-13 13:20:19.780000+00:00</t>
  </si>
  <si>
    <t>2014-01-13 13:25:58.357000+00:00</t>
  </si>
  <si>
    <t>android|android-animation</t>
  </si>
  <si>
    <t>Change view based on user role with MEAN + Passport</t>
  </si>
  <si>
    <t>&lt;p&gt;I'm setting up an authentication scheme with the MEAN stack and PassportJS to authenticate a user via an OpenID provider. When a user is not authenticated, I display a link that redirects the user to the OpenID provider. After authentication, I want to replace the link with some text along the lines of  "Welcome {user}".&lt;/p&gt;
&lt;p&gt;Currently, I am able to perform the authentication and store the returned identifier as such:&lt;/p&gt;
&lt;pre&gt;&lt;code&gt;passport.serializeUser(function(user, done) {
  done(null, user.identifier);
});
passport.deserializeUser(function(id, done) {
  User.findByIdAndUpdate(id, {}, { upsert: true }, function(err, user) {
    done(err, user);
  });
});
&lt;/code&gt;&lt;/pre&gt;
&lt;p&gt;&lt;em&gt;(Am I implementing my serialize and deserialize functions correctly?)&lt;/em&gt;&lt;/p&gt;
&lt;p&gt;From this, the user id is stored as a cookie and also as a key in the database.  Now in my client-side code, what would be the best way to change the view (sign-in -&gt; welcome text) based on whether user has been authenticated?&lt;/p&gt;</t>
  </si>
  <si>
    <t>2014-01-16 18:39:06.910000+00:00</t>
  </si>
  <si>
    <t>2015-01-07 13:34:17.110000+00:00</t>
  </si>
  <si>
    <t>angularjs|node.js|authentication|mongoose|passport.js</t>
  </si>
  <si>
    <t>Using Hunspell with Python for spelling cannot handle Portuguese word with sign</t>
  </si>
  <si>
    <t>&lt;p&gt;I am trying to correct typos, and for this, I am using Spacy with Hunspell and Python. I wrote the following code to find suggested words for "carda��o" which is an wrong way to write "cadar��o" in Portuguese.&lt;/p&gt;
&lt;pre&gt;&lt;code&gt;import hunspell
from spacy.tokens import Token
import spacy
class spaCyHunSpell(object):
    name = 'spacy_hunspell'
    def __init__(self, dic_path, aff_path):
        self.hobj = hunspell.HunSpell(dic_path, aff_path)
        Token.set_extension('hunspell_spell', default=None)
        Token.set_extension('hunspell_suggest', getter=self.get_suggestion)
    def __call__(self, doc):
        for token in doc:
            token._.hunspell_spell = self.hobj.spell(token.text)
        return doc
    def get_suggestion(self, token):
        return self.hobj.suggest(token.text)
nlp = spacy.load('pt')
hunspell = spaCyHunSpell('/usr/share/hunspell/pt_BR.dic',     '/usr/share/hunspell/pt_BR.aff')
nlp.add_pipe(hunspell)
doc = nlp(u'carda��o')
print(doc[0]._.hunspell_suggest)
&lt;/code&gt;&lt;/pre&gt;
&lt;p&gt;I have all libraries installed correctly and the code above works fine for the word "feninine" for example. My problem is the "��".&lt;/p&gt;
&lt;p&gt;The error I get is:&lt;/p&gt;
&lt;pre&gt;&lt;code&gt;UnicodeDecodeError: 'utf-8' codec can't decode byte 0xe7 in position 5: invalid continuation byte
The above exception was the direct cause of the following exception:
Traceback (most recent call last):
  File "/home/netshoes/PycharmProjects/migracao-sas/modelo_NICHO2/main.py", line 29, in &amp;lt;module&amp;gt;
    print(doc[0]._.hunspell_suggest)
  File "/usr/local/lib/python3.6/dist-packages/spacy/tokens/underscore.py", line 31, in __getattr__
    return getter(self._obj)
  File "/home/netshoes/PycharmProjects/migracao-sas/modelo_NICHO2/main.py", line 23, in get_suggestion
    return self.hobj.suggest(token.text)
SystemError: &amp;lt;built-in method suggest of HunSpell object at 0x7f6b3560fe50&amp;gt; returned a result with an error set
&lt;/code&gt;&lt;/pre&gt;
&lt;p&gt;I tried to use use unidecode without success.&lt;/p&gt;
&lt;p&gt;My Python version is 3.6&lt;/p&gt;</t>
  </si>
  <si>
    <t>2018-07-04 14:10:24.940000+00:00</t>
  </si>
  <si>
    <t>2018-07-05 02:41:02.953000+00:00</t>
  </si>
  <si>
    <t>python-3.x|nlp|spacy|hunspell</t>
  </si>
  <si>
    <t>Recycling Bitmap does not free memory</t>
  </si>
  <si>
    <t>&lt;p&gt;I have an &lt;code&gt;Activity&lt;/code&gt; in a &lt;code&gt;TabHost&lt;/code&gt; with 3 other activities. Hence, these are always alive (or in "on pause" state). &lt;/p&gt;
&lt;p&gt;The first activity has four different images (~250kb each) and they are retrieving a lot of memory (around 80MB. Just to point out, I load the minimum size needed for the screen and I'm using &lt;code&gt;layout_weight&lt;/code&gt; if that helps), so I want to minimize the amount of memory which is needed.&lt;/p&gt;
&lt;p&gt;I already tried to delete the images on the &lt;code&gt;OnPause&lt;/code&gt; state and set them again on &lt;code&gt;OnResume&lt;/code&gt;, but I didn't have luck, this is one example of what I was trying to do:&lt;/p&gt;
&lt;pre&gt;&lt;code&gt; imageView.Drawable.Callback = null;
 ((BitmapDrawable)imageView.Drawable).Bitmap.Recycle();
 imageView.Drawable.Dispose();
 imageView.SetImageDrawable(null);
 imageView.SetImageBitmap(null);
 GC.Collect();
&lt;/code&gt;&lt;/pre&gt;
&lt;p&gt;I don't know if deleting the &lt;code&gt;Bitmap&lt;/code&gt; on &lt;code&gt;OnPause&lt;/code&gt; is the best strategy, but it should work. I don't understand why the &lt;code&gt;ImageView&lt;/code&gt; isn't collected by the GC (since there are not external references)&lt;/p&gt;
&lt;p&gt;&lt;strong&gt;EDIT&lt;/strong&gt;
This is how I'm loading the images. It doesn't work even if I put the images on the xml file. Besides, I don't care this code, I just want to &lt;strong&gt;dispose&lt;/strong&gt; the bitmaps.&lt;/p&gt;
&lt;pre&gt;&lt;code&gt;       void SetBackgroundImages(int imageId, int resId, float width, float height) {
        var imageView = FindViewById&amp;lt;ImageView&amp;gt;(imageId);
        using (var bitmap = DecodeSampledBitmapFromResource(Resources, resId, width, height))
            imageView.SetImageBitmap(bitmap);
    }
    public static Bitmap DecodeSampledBitmapFromResource(Resources res, int resId, float reqWidth, float reqHeight) {
    var options = new BitmapFactory.Options {InJustDecodeBounds = true};
    using (var b = BitmapFactory.DecodeResource(res,resId,options)){}
        options.InSampleSize = CalculateInSampleSize(options, reqWidth, reqHeight);
        options.InJustDecodeBounds = false;
        return BitmapFactory.DecodeResource(res, resId, options);
    }
&lt;/code&gt;&lt;/pre&gt;</t>
  </si>
  <si>
    <t>2013-12-23 03:22:20.903000+00:00</t>
  </si>
  <si>
    <t>2016-07-23 19:31:33.220000+00:00</t>
  </si>
  <si>
    <t>2013-12-26 15:56:52.823000+00:00</t>
  </si>
  <si>
    <t>android|memory-leaks|bitmap|xamarin.android|xamarin</t>
  </si>
  <si>
    <t>Current URL of the webview in Windows Phone PhoneGap app</t>
  </si>
  <si>
    <t>&lt;p&gt;I am developing Windows Phone PhoneGap app. May I know how to get the current URL of the webview of the PhoneGap?&lt;/p&gt;</t>
  </si>
  <si>
    <t>2013-08-22 09:44:01.457000+00:00</t>
  </si>
  <si>
    <t>2013-08-23 11:12:19.197000+00:00</t>
  </si>
  <si>
    <t>user2189143</t>
  </si>
  <si>
    <t>c#|windows-phone-8|cordova</t>
  </si>
  <si>
    <t>Select from SQL Server table where all records have a column value of a range specified</t>
  </si>
  <si>
    <t>&lt;p&gt;I have this table :&lt;/p&gt;
&lt;pre&gt;&lt;code&gt;create table Test
(
    Input_Id int,
    Id int,
    primary key (Input_Id ,Id)
)
insert into Test 
values (2, 2), (2, 4), (2, 21), (3, 2), (3, 4), (3, 21), 
       (3, 244), (3, 246), (3, 248), (4, 2), (4, 4)
&lt;/code&gt;&lt;/pre&gt;
&lt;p&gt;I want to run a select which will return only the Input_Id's where all of the Id's are in a range I am specifying e.g. if I pass a range of 2,4,244,246,21 I would expect just 3 to be returned.&lt;/p&gt;
&lt;p&gt;So far I have&lt;/p&gt;
&lt;pre&gt;&lt;code&gt;select Input_Id 
from Test 
where id in (2, 4, 244, 246, 21) 
group by Input_Id 
&lt;/code&gt;&lt;/pre&gt;
&lt;p&gt;But this is returning 2, 3 and 4 not just 3.&lt;/p&gt;
&lt;p&gt;Thank you so much.&lt;/p&gt;</t>
  </si>
  <si>
    <t>2018-04-06 15:53:13.743000+00:00</t>
  </si>
  <si>
    <t>2018-04-06 18:50:02.273000+00:00</t>
  </si>
  <si>
    <t>2018-04-06 16:34:06.630000+00:00</t>
  </si>
  <si>
    <t>sql-server|select|sql-server-2008-r2</t>
  </si>
  <si>
    <t>how to get a reference to GLOBALS php variable inside template using Phptal</t>
  </si>
  <si>
    <t>&lt;p&gt;Below line &lt;/p&gt;
&lt;pre&gt;&lt;code&gt;tal:attributes="action php:GLOBALS['paypal']['url']"
&lt;/code&gt;&lt;/pre&gt;
&lt;p&gt;raises:&lt;/p&gt;
&lt;blockquote&gt;
  &lt;p&gt;PHPTAL_VariableNotFoundException' with message 'Unable to find
  variable 'GLOBALS' in current scope'&lt;/p&gt;
&lt;/blockquote&gt;
&lt;p&gt;while&lt;/p&gt;
&lt;pre&gt;&lt;code&gt;tal:attributes="action php:GLOBALS['paypal']['url']"
&lt;/code&gt;&lt;/pre&gt;
&lt;p&gt;works&lt;/p&gt;</t>
  </si>
  <si>
    <t>2013-06-25 20:34:42.397000+00:00</t>
  </si>
  <si>
    <t>2013-12-19 16:42:30.580000+00:00</t>
  </si>
  <si>
    <t>template-tal|phptal</t>
  </si>
  <si>
    <t>getJSON &amp; Mustache.js stopped working after ?callback=?</t>
  </si>
  <si>
    <t>&lt;p&gt;I moved my JSON File to my http website and the getJSON &amp;amp; mustache stopped working after that.&lt;/p&gt;
&lt;p&gt;I read that I should add ?callback=? to my json url. After that I can see something in the google chrome inspect network area. But still my json isn't rendered to html.&lt;/p&gt;
&lt;p&gt;This is my code:&lt;/p&gt;
&lt;pre&gt;&lt;code&gt;&amp;lt;main&amp;gt;
    &amp;lt;div class="container"&amp;gt;
        &amp;lt;div id="stream"&amp;gt;&amp;lt;/div&amp;gt;
    &amp;lt;/div&amp;gt;
&amp;lt;/main&amp;gt;
&amp;lt;script id="live" type="text/template"&amp;gt;
    {{#videos}}
        &amp;lt;h5&amp;gt;{{header}}&amp;lt;/h5&amp;gt;
        &amp;lt;div class="card livestream"&amp;gt; 
           &amp;lt;iframe width="100%" height="100%" src="https://www.youtube.com/embed/{{url}}" frameborder="0" allowfullscreen&amp;gt;&amp;lt;/iframe&amp;gt;
        &amp;lt;/div&amp;gt;
    {{/videos}}
&amp;lt;/script&amp;gt;
&amp;lt;!-- Mustache.js --&amp;gt;  
&amp;lt;script src="js/mustache.js"&amp;gt;&amp;lt;/script&amp;gt;
&amp;lt;script&amp;gt;
        $(function() {
            $.getJSON('externalurl.com/events/json/livestream.json?callback=?', function(data) {
                var template = $('#live').html();
                var html = Mustache.to_html(template, data);
                $('#stream').html(html);
            }); //getjson
        }); //function
&amp;lt;/script&amp;gt;
&lt;/code&gt;&lt;/pre&gt;</t>
  </si>
  <si>
    <t>2015-06-23 12:36:43.597000+00:00</t>
  </si>
  <si>
    <t>json|mustache</t>
  </si>
  <si>
    <t>TypeError: Cannot read property 'farewell' of undefined</t>
  </si>
  <si>
    <t>&lt;p&gt;I have a problem while making a chrome extension. It gives me an error "TypeError: Cannot read property 'farewell' of undefined". I was doing it by &lt;a href="https://developer.chrome.com/extensions/messaging" rel="nofollow noreferrer"&gt;Chrome documentation&lt;/a&gt;. &lt;/p&gt;
&lt;p&gt;Background script:&lt;/p&gt;
&lt;pre&gt;&lt;code&gt;chrome.tabs.query({active: true, currentWindow: true}, function(tabs) {
  chrome.tabs.sendMessage(tabs[0].id, {greeting: "hello"}, function(response) {
    console.log(response.farewell);
  });
});
&lt;/code&gt;&lt;/pre&gt;
&lt;p&gt;Content script:&lt;/p&gt;
&lt;pre&gt;&lt;code&gt;chrome.runtime.onMessage.addListener(
function(request, sender, sendResponse) {
  console.log(sender.tab ?
              "from a content script:" + sender.tab.url :
              "from the extension");
  if (request.greeting == "hello") sendResponse({farewell: "goodbye"});
});
&lt;/code&gt;&lt;/pre&gt;
&lt;p&gt;Manifest:&lt;/p&gt;
&lt;pre&gt;&lt;code&gt;{
  "name": "Test",
  "version": "0.0.1",
  "description": "Test app",
  "permissions": [ "background", "tts", "storage", "webNavigation", "activeTab", "tabs" ],
  "background": { "scripts": ["my.js"] },
  "browser_action": {
    "default_popup": "my.html"
  },
  "content_security_policy": "script-src 'self' 'unsafe-eval'; object-src 'self'",
  "content_security_policy": "script-src 'self' http://localhost; object-src 'self'",
  "content_scripts": [
    {
      "matches": ["http://*/*", "https://*/*"],
      "css": ["mystyles.css"],
      "js": ["autofill.js", "smart.js"]
    }
  ],
  "manifest_version": 2
}
&lt;/code&gt;&lt;/pre&gt;</t>
  </si>
  <si>
    <t>2018-01-28 16:51:16.123000+00:00</t>
  </si>
  <si>
    <t>2018-01-29 17:47:18.823000+00:00</t>
  </si>
  <si>
    <t>google-chrome-extension</t>
  </si>
  <si>
    <t>C++ &amp; Qt: Random string from an array area</t>
  </si>
  <si>
    <t>&lt;p&gt;In my small Qt application, I want to pick a random string out of an array after I clicked on a button. I've read many threads but nothing works for me.&lt;/p&gt;
&lt;p&gt;So in my slot there's an array with several strings in it. I also implemented &lt;code&gt;&amp;lt;string&amp;gt;, &amp;lt;time.h&amp;gt;&lt;/code&gt; and srand. &lt;/p&gt;
&lt;pre&gt;&lt;code&gt;#include "smashrandom.h"
#include &amp;lt;time.h&amp;gt;
#include &amp;lt;stdio.h&amp;gt;
#include &amp;lt;stdlib.h&amp;gt;
#include &amp;lt;string&amp;gt;
SmashRandom::SmashRandom(QWidget *parent)
    : QWidget(parent)
{
    // shortened version
    connect(button, SIGNAL(clicked()), this, SLOT(Randomizer()));
}
void SmashRandom::Randomizer()
{
    srand((unsigned int)time(NULL));
    std::string characters[6] = {"Mario", "Luigi", "Peach", "Yoshi", "Pac Man", "Sonic"};
}
&lt;/code&gt;&lt;/pre&gt;
&lt;p&gt;But how can &lt;em&gt;I&lt;/em&gt; pick a random &lt;strong&gt;string&lt;/strong&gt; out of my array "characters"? Normally I use rand()% for int or double arrays, but in this case I don't know how to use it for random strings.&lt;/p&gt;
&lt;p&gt;In addition to that, it is possible to select a random string from an area inside the array? For example I just want want a random string from Mario to Yoshi so Pac Man and Sonic can't even show up?&lt;/p&gt;
&lt;p&gt;I hope you can understand my problem and thanks in advance. :) &lt;/p&gt;</t>
  </si>
  <si>
    <t>2015-06-22 15:01:55.857000+00:00</t>
  </si>
  <si>
    <t>2015-06-22 15:06:43.137000+00:00</t>
  </si>
  <si>
    <t>c++|arrays|string|qt|random</t>
  </si>
  <si>
    <t>Return user data from SID</t>
  </si>
  <si>
    <t>&lt;p&gt;Trying to use SID translator to see what users have permissions on a specific printer (eventually I will modify to use for multiple printers), receiving error You cannot call a method on a null-valued expression. Below is what I have.&lt;/p&gt;
&lt;pre&gt;&lt;code&gt;$SID = [System.Security.Principal.SecurityIdentifier]::(
(Get-Printer 'Test-Printer-MFP' -Full).PermissionSDDL
)
$User = ($SID.Translate([System.Security.Principal.NTAccount]))
Return $User.Value
&lt;/code&gt;&lt;/pre&gt;
&lt;p&gt;Update: This function translates the SID to username, I need to do this for all users on the printer so I can query multiple printers.&lt;/p&gt;
&lt;pre&gt;&lt;code&gt;$objSID = New-Object System.Security.Principal.SecurityIdentifier `
("S-1-5-21-3923692831-1208425469-611280938-4396488")
$objUser = $objSID.Translate( [System.Security.Principal.NTAccount])
$objUser.Value 
&lt;/code&gt;&lt;/pre&gt;
&lt;p&gt;&lt;a href="https://i.stack.imgur.com/Boam8.png" rel="nofollow noreferrer"&gt;&lt;img src="https://i.stack.imgur.com/Boam8.png" alt="enter image description here"&gt;&lt;/a&gt;&lt;/p&gt;
&lt;p&gt;&lt;a href="https://i.stack.imgur.com/mGbxc.png" rel="nofollow noreferrer"&gt;&lt;img src="https://i.stack.imgur.com/mGbxc.png" alt="enter image description here"&gt;&lt;/a&gt;&lt;/p&gt;</t>
  </si>
  <si>
    <t>2018-01-23 16:24:42.350000+00:00</t>
  </si>
  <si>
    <t>2018-01-24 11:09:45.697000+00:00</t>
  </si>
  <si>
    <t>2018-01-23 21:22:46.703000+00:00</t>
  </si>
  <si>
    <t>powershell|printing</t>
  </si>
  <si>
    <t>Parse liquid variables in YAML front matter in Jekyll before processing the page</t>
  </si>
  <si>
    <t>&lt;p&gt;I'm using &lt;a href="https://nhoizey.github.io/jekyll-postfiles/" rel="nofollow noreferrer"&gt;jekyll-postfiles&lt;/a&gt; plugins to make my life easier. This plugin allows me to have static content in subfolders for my blog posts. For example:&lt;/p&gt;
&lt;pre&gt;&lt;code&gt;_posts/
��������� 2018-10-10-a.md
��������� 2018-10-11-b/
    ��������� 2018-10-11-b.md
    ��������� b.png
&lt;/code&gt;&lt;/pre&gt;
&lt;p&gt;And I can use the image as a locall file in the markdown: &lt;code&gt;![](b.png)&lt;/code&gt; in the &lt;code&gt;2018-10-11-b.md&lt;/code&gt;. This plugin makes all the magic of copying the file and making the links work.&lt;/p&gt;
&lt;p&gt;But now I want to use &lt;a href="https://github.com/jekyll/jekyll-seo-tag" rel="nofollow noreferrer"&gt;jekyll-seo-tag&lt;/a&gt; and I want to set YAML variables like this:&lt;/p&gt;
&lt;pre&gt;&lt;code&gt;---
image: "{{ page.url }}b.png"
---
&lt;/code&gt;&lt;/pre&gt;
&lt;p&gt;This is just to create custom metadata in the HTML file, i don't use the variable in my blog post. But I can't make this work. The &lt;code&gt;page.url&lt;/code&gt; liquid variable is not expanded and the final metadata looks like this:&lt;/p&gt;
&lt;pre&gt;&lt;code&gt;&amp;lt;meta property="og:image" content="myBlog/%7B%7B%20page.url%20%7D%7D%2Fmap.png" /&amp;gt;
&lt;/code&gt;&lt;/pre&gt;
&lt;p&gt;instead of:&lt;/p&gt;
&lt;pre&gt;&lt;code&gt;&amp;lt;meta property="og:image" content="myBlog/2018/10/11/b/b.png" /&amp;gt;
&lt;/code&gt;&lt;/pre&gt;
&lt;p&gt;This property is in the &lt;code&gt;head&lt;/code&gt; of the html page. Some questions here in StackOverflow show how to get a variable &lt;em&gt;from&lt;/em&gt; the front matter and parse the liquid markup in the body of the document. What I need is to parse the liquid markup before the processing of the markdown file.&lt;/p&gt;
&lt;p&gt;Is it possible to make the YAML front matter parse the liquid variables before processing the file?&lt;/p&gt;</t>
  </si>
  <si>
    <t>2018-10-11 13:08:52.783000+00:00</t>
  </si>
  <si>
    <t>2018-11-20 15:04:06.693000+00:00</t>
  </si>
  <si>
    <t>2018-10-14 09:20:44.333000+00:00</t>
  </si>
  <si>
    <t>jekyll|liquid</t>
  </si>
  <si>
    <t>Use MyEclipse to open a project in web browser, the URL has ''//'' in front the webapp's name</t>
  </si>
  <si>
    <t>&lt;p&gt;when I use MyEclipse to open a project in web browser, the URL has ''//'' in front the webapp's name like this "&lt;a href="http://localhost:8080//portal/" rel="nofollow"&gt;http://localhost:8080//portal/&lt;/a&gt;".
why there is a :8080//, I think it should be :8080/.
who can help me ,thanks!!!&lt;/p&gt;</t>
  </si>
  <si>
    <t>2016-09-21 07:37:32.040000+00:00</t>
  </si>
  <si>
    <t>2016-09-21 11:17:35.770000+00:00</t>
  </si>
  <si>
    <t>url|myeclipse</t>
  </si>
  <si>
    <t>display order items layout in email only for admin in magento</t>
  </si>
  <si>
    <t>&lt;p&gt;Whenever user place a new order in magento email will send. In this email contains order items with prices.&lt;/p&gt;
&lt;pre&gt;&lt;code&gt; {{layout handle="sales_email_order_items" order=$order}}
&lt;/code&gt;&lt;/pre&gt;
&lt;p&gt;But i need to send email to customer without order items and email to admin with order items.
So how to write condition to display this layout only for admin email.&lt;/p&gt;
&lt;p&gt;thanks,
murali.&lt;/p&gt;</t>
  </si>
  <si>
    <t>2013-01-09 07:14:52.760000+00:00</t>
  </si>
  <si>
    <t>2013-01-09 09:32:45.440000+00:00</t>
  </si>
  <si>
    <t>email|magento|layout|admin</t>
  </si>
  <si>
    <t>Use Ffmpeg on android with linux commands</t>
  </si>
  <si>
    <t>&lt;p&gt;I'm new programmer for android. I want to use &lt;code&gt;ffmpeg&lt;/code&gt; with android.&lt;/p&gt;
&lt;p&gt;But my question is can I use &lt;code&gt;ffpmeg&lt;/code&gt; on android programming with Linux commands?
for example use this &lt;code&gt;ffmpeg&lt;/code&gt; code : &lt;/p&gt;
&lt;pre&gt;&lt;code&gt;ffmpeg -framerate 1/5 -i img%03d.png -c:v libx264 -r 30 -pix_fmt yuv420p out.mp4
&lt;/code&gt;&lt;/pre&gt;
&lt;p&gt;on android programming??&lt;/p&gt;</t>
  </si>
  <si>
    <t>2016-06-17 04:50:07.600000+00:00</t>
  </si>
  <si>
    <t>2016-06-17 05:18:23.300000+00:00</t>
  </si>
  <si>
    <t>2016-06-17 04:53:29.520000+00:00</t>
  </si>
  <si>
    <t>android|ffmpeg</t>
  </si>
  <si>
    <t>Why a program has a virtual address range that is not readable, writable or executable?</t>
  </si>
  <si>
    <t>&lt;p&gt;When I explore the virtual memory address ranges used by the bash program by looking at &lt;code&gt;/proc/bash_pid/maps&lt;/code&gt;, I found that some virtual address range is not readable, writable, or executable. For example, &lt;/p&gt;
&lt;pre&gt;&lt;code&gt;7f1337130000-7f133732f000 ---p 00017000 08:05 9179011                    /lib/x86_64-linux-gnu/libnsl-2.15.so
&lt;/code&gt;&lt;/pre&gt;
&lt;p&gt;&lt;strong&gt;My question is:&lt;/strong&gt;&lt;/p&gt;
&lt;p&gt;If such virtual address is not readable, writable, or executable, why does the program need it? &lt;/p&gt;
&lt;p&gt;Although it shows that that address area is linked to some shared library, it seems to me that these address areas are not useful for the program at all.&lt;/p&gt;
&lt;p&gt;&lt;strong&gt;Below is the full output of the /proc/pid/maps&lt;/strong&gt;&lt;/p&gt;
&lt;pre&gt;&lt;code&gt;/proc/4139# cat maps 
00400000-004e0000 r-xp 00000000 08:05 9437188                            /bin/bash
006e0000-006e1000 r--p 000e0000 08:05 9437188                            /bin/bash
006e1000-006ea000 rw-p 000e1000 08:05 9437188                            /bin/bash
006ea000-006f0000 rw-p 00000000 00:00 0 
02239000-02640000 rw-p 00000000 00:00 0                                  [heap]
7f1336d00000-7f1336d0c000 r-xp 00000000 08:05 9175165                    /lib/x86_64-linux-gnu/libnss_files-2.15.so
7f1336d0c000-7f1336f0b000 ---p 0000c000 08:05 9175165                    /lib/x86_64-linux-gnu/libnss_files-2.15.so
7f1336f0b000-7f1336f0c000 r--p 0000b000 08:05 9175165                    /lib/x86_64-linux-gnu/libnss_files-2.15.so
7f1336f0c000-7f1336f0d000 rw-p 0000c000 08:05 9175165                    /lib/x86_64-linux-gnu/libnss_files-2.15.so
7f1336f0d000-7f1336f17000 r-xp 00000000 08:05 9178732                    /lib/x86_64-linux-gnu/libnss_nis-2.15.so
7f1336f17000-7f1337117000 ---p 0000a000 08:05 9178732                    /lib/x86_64-linux-gnu/libnss_nis-2.15.so
7f1337117000-7f1337118000 r--p 0000a000 08:05 9178732                    /lib/x86_64-linux-gnu/libnss_nis-2.15.so
7f1337118000-7f1337119000 rw-p 0000b000 08:05 9178732                    /lib/x86_64-linux-gnu/libnss_nis-2.15.so
7f1337119000-7f1337130000 r-xp 00000000 08:05 9179011                    /lib/x86_64-linux-gnu/libnsl-2.15.so
7f1337130000-7f133732f000 ---p 00017000 08:05 9179011                    /lib/x86_64-linux-gnu/libnsl-2.15.so
7f133732f000-7f1337330000 r--p 00016000 08:05 9179011                    /lib/x86_64-linux-gnu/libnsl-2.15.so
7f1337330000-7f1337331000 rw-p 00017000 08:05 9179011                    /lib/x86_64-linux-gnu/libnsl-2.15.so
7f1337331000-7f1337333000 rw-p 00000000 00:00 0 
7f1337333000-7f133733b000 r-xp 00000000 08:05 9175163                    /lib/x86_64-linux-gnu/libnss_compat-2.15.so
7f133733b000-7f133753a000 ---p 00008000 08:05 9175163                    /lib/x86_64-linux-gnu/libnss_compat-2.15.so
7f133753a000-7f133753b000 r--p 00007000 08:05 9175163                    /lib/x86_64-linux-gnu/libnss_compat-2.15.so
7f133753b000-7f133753c000 rw-p 00008000 08:05 9175163                    /lib/x86_64-linux-gnu/libnss_compat-2.15.so
7f133753c000-7f1337c1f000 r--p 00000000 08:05 2365762                    /usr/lib/locale/locale-archive
7f1337c1f000-7f1337dd4000 r-xp 00000000 08:05 9175161                    /lib/x86_64-linux-gnu/libc-2.15.so
7f1337dd4000-7f1337fd4000 ---p 001b5000 08:05 9175161                    /lib/x86_64-linux-gnu/libc-2.15.so
7f1337fd4000-7f1337fd8000 r--p 001b5000 08:05 9175161                    /lib/x86_64-linux-gnu/libc-2.15.so
7f1337fd8000-7f1337fda000 rw-p 001b9000 08:05 9175161                    /lib/x86_64-linux-gnu/libc-2.15.so
7f1337fda000-7f1337fdf000 rw-p 00000000 00:00 0 
7f1337fdf000-7f1337fe1000 r-xp 00000000 08:05 9179006                    /lib/x86_64-linux-gnu/libdl-2.15.so
7f1337fe1000-7f13381e1000 ---p 00002000 08:05 9179006                    /lib/x86_64-linux-gnu/libdl-2.15.so
7f13381e1000-7f13381e2000 r--p 00002000 08:05 9179006                    /lib/x86_64-linux-gnu/libdl-2.15.so
7f13381e2000-7f13381e3000 rw-p 00003000 08:05 9179006                    /lib/x86_64-linux-gnu/libdl-2.15.so
7f13381e3000-7f1338205000 r-xp 00000000 08:05 9178891                    /lib/x86_64-linux-gnu/libtinfo.so.5.9
7f1338205000-7f1338405000 ---p 00022000 08:05 9178891                    /lib/x86_64-linux-gnu/libtinfo.so.5.9
7f1338405000-7f1338409000 r--p 00022000 08:05 9178891                    /lib/x86_64-linux-gnu/libtinfo.so.5.9
7f1338409000-7f133840a000 rw-p 00026000 08:05 9178891                    /lib/x86_64-linux-gnu/libtinfo.so.5.9
7f133840a000-7f133842c000 r-xp 00000000 08:05 9179003                    /lib/x86_64-linux-gnu/ld-2.15.so
7f133860f000-7f1338612000 rw-p 00000000 00:00 0 
7f1338623000-7f133862a000 r--s 00000000 08:05 2628031                    /usr/lib/x86_64-linux-gnu/gconv/gconv-modules.cache
7f133862a000-7f133862c000 rw-p 00000000 00:00 0 
7f133862c000-7f133862d000 r--p 00022000 08:05 9179003                    /lib/x86_64-linux-gnu/ld-2.15.so
7f133862d000-7f133862f000 rw-p 00023000 08:05 9179003                    /lib/x86_64-linux-gnu/ld-2.15.so
7fffdc8a0000-7fffdc8c1000 rw-p 00000000 00:00 0                          [stack]
7fffdc9c8000-7fffdc9ca000 r-xp 00000000 00:00 0                          [vdso]
ffffffffff600000-ffffffffff601000 r-xp 00000000 00:00 0                  [vsyscall]
&lt;/code&gt;&lt;/pre&gt;</t>
  </si>
  <si>
    <t>2016-03-29 02:20:19.870000+00:00</t>
  </si>
  <si>
    <t>2016-03-29 02:23:51.883000+00:00</t>
  </si>
  <si>
    <t>c|linux|memory-management|process|vmmap</t>
  </si>
  <si>
    <t>custom built in intents with Google assistant SDK</t>
  </si>
  <si>
    <t>&lt;p&gt;I am trying to extend my voice technologies experience after working with Amazon Alexa. 
Is it possible to use my Raspberry Pi based assistant handle the custom built-in intents like:
 - Hey Google, play with the dog;
 - Hey Google, make me a coffee;
 - Hey Google, clean the room;&lt;/p&gt;
&lt;p&gt;As I know the google has pretty the same way of deep linking of command and in the usual way user needs to say something like: 
 - Hey Google, talk to my concierge play with the dog;
 - Hey Google, talk to my concierge make me a coffee;
 - Hey Google, talk to my concierge clean the room;&lt;/p&gt;
&lt;p&gt;Is there a way to make direct calls to some concrete action without calling its name using Actions SDK?&lt;/p&gt;</t>
  </si>
  <si>
    <t>2018-09-08 11:33:04.210000+00:00</t>
  </si>
  <si>
    <t>2018-09-08 14:49:07.327000+00:00</t>
  </si>
  <si>
    <t>dialogflow|voice|google-assistant-sdk</t>
  </si>
  <si>
    <t>Youtube API: How do you get the URL of a video I just uploaded?</t>
  </si>
  <si>
    <t>&lt;p&gt;Sorry if this is a stupid question, I have looked through the YouTube python API and I can't seem to find anything.&lt;/p&gt;
&lt;p&gt;Basically all I want to do is upload a video then get the video ID once it has finished uploading.&lt;/p&gt;
&lt;p&gt;Is there an easy way to do this in python? &lt;/p&gt;
&lt;p&gt;Using V2 of the API.&lt;/p&gt;</t>
  </si>
  <si>
    <t>2013-05-13 20:36:50.370000+00:00</t>
  </si>
  <si>
    <t>2013-05-14 13:55:34.510000+00:00</t>
  </si>
  <si>
    <t>2013-05-14 11:01:09.787000+00:00</t>
  </si>
  <si>
    <t>python-2.7|youtube-api</t>
  </si>
  <si>
    <t>Having issues wrapping checkbox content within a an ItemsControl without using a TextBlock with wpf C#</t>
  </si>
  <si>
    <t>&lt;p&gt;I am new to C# and have been running into some issues. I am trying to add checkboxes to an ItemsControl, and read off the caption of the checkbox if it is checked. The checkbox caption must be wrapped within the Items Control, as the captions can get very long. The code below adds items to my ItemsControl, but the text is not wrapped:&lt;/p&gt;
&lt;pre&gt;&lt;code&gt;        var items = new ObservableCollection&amp;lt;CheckBox&amp;gt;();
        items.Add(new CheckBox() { Content = "Long text", IsChecked = false }); 
        itemControl.ItemsSource = items;
&lt;/code&gt;&lt;/pre&gt;
&lt;p&gt;Now, if I want to wrap the text, I can do the following:&lt;/p&gt;
&lt;pre&gt;&lt;code&gt;        var items = new ObservableCollection&amp;lt;CheckBox&amp;gt;();
        items.Add(new CheckBox() { Content = {Text = "Long text", TextWrapping = TextWrapping.WrapWithOverflow}, IsChecked = false }); 
        itemControl.ItemsSource = items;
&lt;/code&gt;&lt;/pre&gt;
&lt;p&gt;The problem with this is that I cannot seem to get the caption of the checkbox. When trying to reference the content, for example:&lt;/p&gt;
&lt;pre&gt;&lt;code&gt;        foreach (CheckBox item in listBox.Items)
        {
            if (item.IsChecked == true)
                Console.WriteLine(item.Content);
        }
&lt;/code&gt;&lt;/pre&gt;
&lt;p&gt;The console will only output that the content is a TextBlock, it shows &lt;code&gt;System.Windows.Controls.TextBlock&lt;/code&gt;.&lt;/p&gt;
&lt;p&gt;I have tried numerous way to try to have both the wrapping, and the caption able to be read. All come up short, sadly. I attempted to see if I could access the Content method to get the string from the textblock, but no dice, &lt;code&gt;item.Content.Textblock&lt;/code&gt; can not be accessed.&lt;/p&gt;
&lt;p&gt;Any help would be greatly appreciated.&lt;/p&gt;</t>
  </si>
  <si>
    <t>2015-12-07 19:10:26.867000+00:00</t>
  </si>
  <si>
    <t>c#|wpf|xaml|checkbox|itemscontrol</t>
  </si>
  <si>
    <t>Gnuplot plot every nth line a specific colour</t>
  </si>
  <si>
    <t>&lt;p&gt;I have a graph with several lines on it, read in from different columns in a data file.  I'd like each of the lines to be black, then every fifth line be red.  I've managed to get every fifth line be not-black but can't figure out how to specify red using the gnuplot rgbcolor variable syntax.&lt;a href="https://i.stack.imgur.com/KvlOD.png" rel="nofollow noreferrer"&gt;&lt;img src="https://i.stack.imgur.com/KvlOD.png" alt="Here is my current attempt"&gt;&lt;/a&gt;&lt;/p&gt;
&lt;p&gt;The line is use to specify these colours is:&lt;/p&gt;
&lt;pre&gt;&lt;code&gt;plot for [i=2:max_col] 'data_file.txt' u 1:i:((i-1)%5==0?(255000000):0) w l lc rgbcolor variable lw 2.8
&lt;/code&gt;&lt;/pre&gt;
&lt;p&gt;My question is, what do I place in the condition so that the line colour is red?  I'm using gnuplot 4.6 so the 255&amp;lt;&amp;lt;16 trick to get red produces an error.  &lt;/p&gt;</t>
  </si>
  <si>
    <t>2018-04-13 14:59:53.293000+00:00</t>
  </si>
  <si>
    <t>2018-04-13 15:07:19.793000+00:00</t>
  </si>
  <si>
    <t>plot|graph|gnuplot|rgbcolor</t>
  </si>
  <si>
    <t>Absolute panel collision with r shiny dashboard sidebar panel</t>
  </si>
  <si>
    <t>&lt;p&gt;I'm trying to add &lt;code&gt;absolutePanel&lt;/code&gt; to my shiny dashboard app. I want the panel to be at the bottom of the page with the width of the window and adjust to it when the sidebar is visible or not. The problem is that when the sidebar is opened some of the panel is not visible:&lt;/p&gt;
&lt;p&gt;&lt;a href="https://i.stack.imgur.com/JZNyD.jpg" rel="nofollow noreferrer"&gt;&lt;img src="https://i.stack.imgur.com/JZNyD.jpg" alt="left part of the panel not visible"&gt;&lt;/a&gt;&lt;/p&gt;
&lt;p&gt;On the other hand if I set the width from the left side of a panel and close the sidebar it's far from the left end of the window:&lt;/p&gt;
&lt;p&gt;&lt;a href="https://i.stack.imgur.com/2Ukjj.png" rel="nofollow noreferrer"&gt;&lt;img src="https://i.stack.imgur.com/2Ukjj.png" alt="panel too short"&gt;&lt;/a&gt;&lt;/p&gt;
&lt;p&gt;Here is a reproducible code:&lt;/p&gt;
&lt;pre&gt;&lt;code&gt;## app.R ##
library(shiny)
library(shinydashboard)
ui &amp;lt;- dashboardPage(
  dashboardHeader(),
  dashboardSidebar(),
  dashboardBody(
    absolutePanel(
      bottom = 0, left = 0, right = 0, # or left = 300
      fixed = TRUE,
      wellPanel(
        style = "padding: 8px; border-bottom: 1px solid #CCC; background: #FFFFEE;",
        HTML("Save changes?"),
        actionButton("save", "Save"),
        actionButton("cancel", "Cancel")
      )
    )
  )
)
server &amp;lt;- function(input, output) { }
shinyApp(ui, server)
&lt;/code&gt;&lt;/pre&gt;</t>
  </si>
  <si>
    <t>2018-05-09 10:48:32.557000+00:00</t>
  </si>
  <si>
    <t>2018-05-09 12:08:33.887000+00:00</t>
  </si>
  <si>
    <t>r|shiny|shinydashboard</t>
  </si>
  <si>
    <t>Django and docker, ImportError: Could not import settings '"config"' Is it on sys.path?</t>
  </si>
  <si>
    <t>&lt;p&gt;I'm step by step switching my django project to work on local from vagrant to docker.&lt;/p&gt;
&lt;p&gt;With docker, you don't need a virtualenv. 
Even if I find it very convenient I'm facing some new troublesome issues.&lt;/p&gt;
&lt;p&gt;The main one is this error on ./manage.py cmd:&lt;/p&gt;
&lt;blockquote&gt;
  &lt;p&gt;ImportError: Could not import settings '"config"' (Is it on sys.path? Is there an import error in the settings file?): No module named '"config"'&lt;/p&gt;
&lt;/blockquote&gt;
&lt;p&gt;So when I start the python console code and type:&lt;/p&gt;
&lt;pre&gt;&lt;code&gt;&amp;gt;&amp;gt; import sys
&amp;gt;&amp;gt; sys.path
&amp;gt;&amp;gt; ['', '/usr/lib/python3.4', '/usr/lib/python3.4/plat-x86_64-linux-gnu', '/usr/lib/python3.4/lib-dynload', '/usr/local/lib/python3.4/dist-packages', '/usr/lib/python3/dist-packages']
&lt;/code&gt;&lt;/pre&gt;
&lt;p&gt;But my path project is:
&lt;code&gt;/var/www/webapps/wrapper_website/app&lt;/code&gt;&lt;/p&gt;
&lt;p&gt;I've a setup environment loaded on docker-compose up which contain:
&lt;code&gt;DJANGO_CONFIGURATION="LocalContent"&lt;/code&gt;&lt;/p&gt;
&lt;p&gt;And that's what I'm trying to reach. 
The config folder is in:
&lt;code&gt;/var/www/webapps/wrapper_website/app/config&lt;/code&gt;&lt;/p&gt;
&lt;p&gt;I've tried this in the wsgi.py:&lt;/p&gt;
&lt;pre&gt;&lt;code&gt;import os
import sys
os.environ.setdefault("DJANGO_SETTINGS_MODULE", "config")
os.environ.setdefault("DJANGO_CONFIGURATION", "Production")
sys.path.insert(0, 
os.path.abspath(os.path.dirname(os.path.dirname(__file__)))) &amp;lt;- this line
from configurations.wsgi import get_wsgi_application
application = get_wsgi_application()
&lt;/code&gt;&lt;/pre&gt;
&lt;p&gt;Without success.&lt;/p&gt;</t>
  </si>
  <si>
    <t>2017-04-25 16:20:23.490000+00:00</t>
  </si>
  <si>
    <t>Visible attribute undefined for multiple modals</t>
  </si>
  <si>
    <t>&lt;p&gt;I am trying to include 2-3 modals in my single page application. But I am having trouble making all of them work at the same time. My first modal works properly, but my second and third Modal fails to $watch the visible attribute.&lt;/p&gt;
&lt;p&gt;These are my modal toggle functions:&lt;/p&gt;
&lt;pre&gt;&lt;code&gt;$scope.toggleModal = function(){
    $scope.showModal = !$scope.showModal;
};
$scope.toggleTestModal = function(){
    $scope.showTestModal = !$scope.showTestModal;};
$scope.toggleBranchSelectModal = function(){
  $scope.showBranchSelectModal = !$scope.showBranchSelectModal;
  console.log('$scope.showBranchSelectModal', $scope.showBranchSelectModal);
};
&lt;/code&gt;&lt;/pre&gt;
&lt;p&gt;These are my directive for these three modals:&lt;/p&gt;
&lt;p&gt;&lt;strong&gt;Modal 1&lt;/strong&gt;&lt;/p&gt;
&lt;pre&gt;&lt;code&gt;cicdapp.directive('modal', function () {
return {
  template: '&amp;lt;div class="modal fade"&amp;gt;' +
      '&amp;lt;div class="modal-dialog"&amp;gt;' +
        '&amp;lt;div class="modal-content"&amp;gt;' +
          '&amp;lt;div class="modal-header"&amp;gt;' +
            '&amp;lt;button type="button" class="close" data-dismiss="modal" aria-hidden="true"&amp;gt;&amp;amp;times;&amp;lt;/button&amp;gt;' +
            '&amp;lt;h4 class="modal-title"&amp;gt;{{ title }}&amp;lt;/h4&amp;gt;' +
          '&amp;lt;/div&amp;gt;' +
          '&amp;lt;div class="modal-body" ng-transclude&amp;gt;&amp;lt;/div&amp;gt;' +
        '&amp;lt;/div&amp;gt;' +
      '&amp;lt;/div&amp;gt;' +
    '&amp;lt;/div&amp;gt;',
  restrict: 'E',
  transclude: true,
  replace:true,
  scope:true,
  link: function postLink(scope, element, attrs) {
    scope.title = attrs.title;
    scope.$watch(attrs.visible, function(value){
      console.log(value)
      if(value == true)
        $(element).modal('show');
      else
        $(element).modal('hide');
    });
    $(element).on('shown.bs.modal', function(){
      scope.$apply(function(){
        scope.$parent[attrs.visible] = true;
      });
    });
    $(element).on('hidden.bs.modal', function(){
      scope.$apply(function(){
        scope.$parent[attrs.visible] = false;
      });
    });
  }
};
});
&lt;/code&gt;&lt;/pre&gt;
&lt;p&gt;&lt;strong&gt;Modal 2&lt;/strong&gt;&lt;/p&gt;
&lt;pre&gt;&lt;code&gt;cicdapp.directive('testmodal', function () {
console.log('Test modal')
  return {
    template: '&amp;lt;div class="modal fade"&amp;gt;' +
        '&amp;lt;div class="modal-dialog"&amp;gt;' +
          '&amp;lt;div class="modal-content"&amp;gt;' +
            '&amp;lt;div class="modal-header"&amp;gt;' +
              '&amp;lt;button type="button" class="close" data-dismiss="modal" aria-hidden="true"&amp;gt;&amp;amp;times;&amp;lt;/button&amp;gt;' +
              '&amp;lt;h4 class="modal-title"&amp;gt;{{ title }}&amp;lt;/h4&amp;gt;' +
            '&amp;lt;/div&amp;gt;' +
            '&amp;lt;div class="modal-body" ng-transclude&amp;gt;&amp;lt;/div&amp;gt;' +
          '&amp;lt;/div&amp;gt;' +
        '&amp;lt;/div&amp;gt;' +
      '&amp;lt;/div&amp;gt;',
    restrict: 'E',
    transclude: true,
    replace:true,
    scope:true,
    link: function postLink(scope, element, attrs) {
      scope.title = attrs.title;
      scope.$watch(attrs.visible, function(value){
        console.log(value)
        if(value == true)
          $(element).modal('show');
        else
          $(element).modal('hide');
      });
      $(element).on('shown.bs.modal', function(){
        scope.$apply(function(){
          scope.$parent[attrs.visible] = true;
        });
      });
      $(element).on('hidden.bs.modal', function(){
        scope.$apply(function(){
          scope.$parent[attrs.visible] = false;});});}};});
&lt;/code&gt;&lt;/pre&gt;
&lt;p&gt;&lt;strong&gt;&lt;em&gt;Modal 3&lt;/em&gt;&lt;/strong&gt;&lt;/p&gt;
&lt;pre&gt;&lt;code&gt;cicdapp.directive('branchselectmodal', function () {
  return {
    template: '&amp;lt;div class="modal fade"&amp;gt;' +
        '&amp;lt;div class="modal-dialog"&amp;gt;' +
          '&amp;lt;div class="modal-content"&amp;gt;' +
            '&amp;lt;div class="modal-header"&amp;gt;' +
              '&amp;lt;button type="button" class="close" data-dismiss="modal" aria-hidden="true"&amp;gt;&amp;amp;times;&amp;lt;/button&amp;gt;' +
              '&amp;lt;h4 class="modal-title"&amp;gt;{{ title }}&amp;lt;/h4&amp;gt;' +
            '&amp;lt;/div&amp;gt;' +
            '&amp;lt;div class="modal-body" ng-transclude&amp;gt;&amp;lt;/div&amp;gt;' +
          '&amp;lt;/div&amp;gt;' +
        '&amp;lt;/div&amp;gt;' +
      '&amp;lt;/div&amp;gt;',
    restrict: 'E',
    transclude: true,
    replace:true,
    scope:true,
    link: function postLink(scope, element, attrs) {
      scope.title = attrs.title;
      scope.$watch(attrs.visible, function(value){
        if(value == true)
          $(element).modal('show');
        else
          $(element).modal('hide');
      });
      $(element).on('shown.bs.modal', function(){
        scope.$apply(function(){
          scope.$parent[attrs.visible] = true;
        });
      });
      $(element).on('hidden.bs.modal', function(){
        scope.$apply(function(){
          scope.$parent[attrs.visible] = false;
        });
      });
    }
  };
});
&lt;/code&gt;&lt;/pre&gt;
&lt;p&gt;When I toggle the modals, through I logging I figured that inside $watch for attrs.visible, its value is undefined for Modal 2 and 3, while it works as expected for Modal 1. I am trying to think why this is happening, but I cannot think of a reason why this should work in the first case and not in the other two. Any direction on why this is happening would be appreciated.&lt;/p&gt;</t>
  </si>
  <si>
    <t>2016-06-13 23:05:59.233000+00:00</t>
  </si>
  <si>
    <t>2016-06-14 15:32:55.703000+00:00</t>
  </si>
  <si>
    <t>javascript|angularjs|bootstrap-modal</t>
  </si>
  <si>
    <t>Magento Custom Report</t>
  </si>
  <si>
    <t>&lt;p&gt;I am trying to create a custom report I have successfully created but I am not able to get use of filter values such as period(day/month/year). When its day its shows perfect result but when its month and year it reduces result.&lt;/p&gt;
&lt;p&gt;my files details 
Block\Adminhtml\Commissionreport.php&lt;/p&gt;
&lt;pre&gt;&lt;code&gt;&amp;lt;?php  
class Magestore_Commissionreport_Block_Adminhtml_Commissionreport extends Mage_Adminhtml_Block_Widget_Grid_Container {
  public function __construct()
  {
    $this-&amp;gt;_controller = 'adminhtml_commissionreport';
    $this-&amp;gt;_blockGroup = 'commissionreport';
    $this-&amp;gt;_headerText = Mage::helper('commissionreport')-&amp;gt;__('Commission Report');
    parent::__construct();
    $this-&amp;gt;_removeButton('add');
  }
}
&lt;/code&gt;&lt;/pre&gt;
&lt;p&gt;Block\Adminhtml\Commissionreport\Grid.php&lt;/p&gt;
&lt;pre&gt;&lt;code&gt;&amp;lt;?php
class Magestore_Commissionreport_Block_Adminhtml_Commissionreport_Grid extends Mage_Adminhtml_Block_Report_Grid
{
  public function __construct()
  {         
      parent::__construct();
      $this-&amp;gt;setId('commissionreportGrid');
      $this-&amp;gt;setDefaultSort('created_at');
      $this-&amp;gt;setDefaultDir('ASC');
      $this-&amp;gt;setSaveParametersInSession(true);  
  }
  protected function _prepareCollection()
  {     
        parent::_prepareCollection();
        // Get the data collection from the model
        $this-&amp;gt;getCollection()-&amp;gt;initReport('commissionreport/commissionreport');
  }
  protected function _prepareColumns()
  {
      $this-&amp;gt;addColumn('created_at', array(
          'header'    =&amp;gt; Mage::helper('commissionreport')-&amp;gt;__('Created At'),
          'align'     =&amp;gt;'left',
          'sortable'  =&amp;gt; true,        
          'index'     =&amp;gt; 'created_at',
      ));
      $this-&amp;gt;addColumn('order_id', array(
          'header'    =&amp;gt; Mage::helper('commissionreport')-&amp;gt;__('Order Id'),
          'align'     =&amp;gt;'left',
          'sortable'  =&amp;gt; true,        
          'index'     =&amp;gt; 'order_id',
      ));     
      $this-&amp;gt;addColumn('fullname', array(
          'header'    =&amp;gt; Mage::helper('commissionreport')-&amp;gt;__('Customer Name'),
          'align'     =&amp;gt;'left',
          'width'     =&amp;gt;'550px',
          'index'     =&amp;gt; 'fullname',
      ));     
      $this-&amp;gt;addColumn('total_commission', array(
          'header'    =&amp;gt; Mage::helper('commissionreport')-&amp;gt;__('Commission Earned'),
          'align'     =&amp;gt;'left',
          'total'     =&amp;gt;'sum',
          'width'     =&amp;gt;'350px',
          'index'     =&amp;gt; 'total_commission',
      ));
        $this-&amp;gt;addExportType('*/*/exportCsv', Mage::helper('commissionreport')-&amp;gt;__('CSV'));
        $this-&amp;gt;addExportType('*/*/exportXml', Mage::helper('commissionreport')-&amp;gt;__('XML'));
      return parent::_prepareColumns();
  }
  public function getRowUrl($row)
  {
      return false;
  }
}
&lt;/code&gt;&lt;/pre&gt;
&lt;p&gt;Commissionreport\controllers\Adminhtml\CommissionreportController.php&lt;/p&gt;
&lt;pre&gt;&lt;code&gt;&amp;lt;?php
class Magestore_Commissionreport_Adminhtml_CommissionreportController extends Mage_Adminhtml_Controller_Action
{
    protected function _initAction() { 
        $this-&amp;gt;loadLayout()
            -&amp;gt;_setActiveMenu('rewards/rewards')
            -&amp;gt;_addBreadcrumb(Mage::helper('adminhtml')-&amp;gt;__('Rewards Transaction'), Mage::helper('adminhtml')-&amp;gt;__('Rewards Transaction'));
        return $this;
    }   
    public function indexAction() {
        $this-&amp;gt;_initAction()
            -&amp;gt;renderLayout();       
    }
}
&lt;/code&gt;&lt;/pre&gt;
&lt;p&gt;Commissionreport\Model\Commissionreport.php&lt;/p&gt;
&lt;pre&gt;&lt;code&gt;&amp;lt;?php
class Magestore_Commissionreport_Model_Commissionreport extends Mage_Core_Model_Mysql4_Collection_Abstract
{
protected function _construct()
    {
        $this-&amp;gt;_init('rewards/rewards');
    }
    protected function _joinFields($from = '', $to = '')
    {
        $firstnameAttr = Mage::getModel('eav/entity_attribute')-&amp;gt;loadByCode('1', 'firstname');
        $lastnameAttr = Mage::getModel('eav/entity_attribute')-&amp;gt;loadByCode('1', 'lastname');
        $this-&amp;gt;getSelect()
                -&amp;gt;join( array('order_item'=&amp;gt; sales_flat_order_item), 'order_item.quote_item_id = main_table.item_id', array('order_item.created_at'))
                -&amp;gt;join( array('quote_item'=&amp;gt; sales_flat_quote_item), 'quote_item.item_id = main_table.item_id', array('quote_item.commission', 'quote_item.product_id', 'quote_item.qty'));     
            $this-&amp;gt;addFieldToFilter('order_item.created_at' , array("from" =&amp;gt; $from, "to" =&amp;gt; $to, "datetime" =&amp;gt; false));
        return $this;
    }
    public function setDateRange($from, $to)
    {
        $this-&amp;gt;_reset()
        -&amp;gt;_joinFields($from, $to);
        return $this;
    }
    public function setStoreIds($storeIds)
    {
        return $this;
    }
}
?&amp;gt;
&lt;/code&gt;&lt;/pre&gt;
&lt;p&gt;When I select month it shows perfect result will all records&lt;/p&gt;
&lt;p&gt;&lt;img src="https://i.stack.imgur.com/YbZY1.jpg" alt="enter image description here"&gt;&lt;/p&gt;
&lt;p&gt;but when we select month or year it reduces the result&lt;/p&gt;
&lt;p&gt;&lt;img src="https://i.stack.imgur.com/eIadF.jpg" alt="enter image description here"&gt;&lt;/p&gt;
&lt;p&gt;&lt;img src="https://i.stack.imgur.com/MzxLf.jpg" alt="enter image description here"&gt;&lt;/p&gt;</t>
  </si>
  <si>
    <t>2014-05-08 05:18:10.543000+00:00</t>
  </si>
  <si>
    <t>2016-04-25 07:38:32.010000+00:00</t>
  </si>
  <si>
    <t>2014-05-09 12:18:53.063000+00:00</t>
  </si>
  <si>
    <t>php|magento|report|magento-1.8</t>
  </si>
  <si>
    <t>UITabBarController does not load Custom UITableView</t>
  </si>
  <si>
    <t>&lt;p&gt;I'm having a weird issue with my UITableView loading within my UITabBarController. When I initially transition to the TabBar view (from a "login" view controller), the Table does not load/display its data. It is only after I click between on a different tab, then back to the original tab that it will then load the information. The data for the table is being retrieved from a server, which happens in a function that runs both in viewDidLoad and viewWillAppear for the relevant tab. &lt;/p&gt;
&lt;p&gt;I'm not entirely sure why this is happening. The code below are the viewDidLoad and viewWillAppear functions for the tab housing the tableView. Any tips are appreciated. Thanks. &lt;/p&gt;
&lt;pre&gt;&lt;code&gt;override func viewDidLoad() {
    super.viewDidLoad()
    getTableInfo()
    tableView.allowsSelection = false
    tableView.delegate = self
    tableView.dataSource = self
    tableView.reloadData()
}
override func viewWillAppear(_ animated: Bool) {
    super.viewWillAppear(animated)
    getTableInfo()
    tableView.reloadData()
}
&lt;/code&gt;&lt;/pre&gt;
&lt;p&gt;EDIT: The below is the code used to get the information from the server for the table, into a variable tableInfo: &lt;/p&gt;
&lt;pre&gt;&lt;code&gt;let task = URLSession.shared.dataTask(with: request) { data, response, error in
            let httpResponse = response as! HTTPURLResponse
            let statusCode = httpResponse.statusCode
            if (statusCode == 200) {
                do {
                    if let data = data,
                        let jsonResponse = try JSONSerialization.jsonObject(with: data) as? [String: Any] {
                        self.tableView.removeAll()
                        if let locations = jsonResponse["pictures"] as? String {
                            self.tableInfo = locations.lines
                            self.tableInfo.reverse()
                        }
                    }
                } catch {
                    print("Error deserializing JSON: \(error)")
                }
            }
&lt;/code&gt;&lt;/pre&gt;
&lt;p&gt;There are checks for other status codes that I omitted as they are irrelevant (they just display an alert box describing an error if triggered). &lt;/p&gt;</t>
  </si>
  <si>
    <t>2017-04-26 00:02:04.850000+00:00</t>
  </si>
  <si>
    <t>2018-05-11 16:19:16.700000+00:00</t>
  </si>
  <si>
    <t>2017-04-26 00:29:56.943000+00:00</t>
  </si>
  <si>
    <t>swift|uitableview|io|uitabbarcontroller</t>
  </si>
  <si>
    <t>IE7/8 duplicated AJAX requests</t>
  </si>
  <si>
    <t>&lt;p&gt;On a code I wrote...&lt;/p&gt;
&lt;pre&gt;&lt;code&gt;function change_regione(handle) {
// Hiding selects that we don't need
jQuery("select#comune").hide();
jQuery("select#quartiere").hide();
if(jQuery("#regione").val() == '') {
    jQuery("select#provincia").parent().hide();
    return
}
jQuery.ajax( {
    url : WEBSITE_PATH + 'loadProvince.php',
    type : 'GET',
    dataType: 'json',
    data : {
        search_value : jQuery("#regione option:selected").attr("rel")
    },
    success : function(result) {
        var provinceOptions = "&amp;lt;option value=\"\"&amp;gt;Tutte le province&amp;lt;/option&amp;gt;";
        jQuery.each(result,function(i,el){
            provinceOptions += '&amp;lt;option value="'+ el.url +'" rel="'+ el.id +'"&amp;gt;' + el.value.replace("~","") + '&amp;lt;/option&amp;gt;';
        }); 
        jQuery("select#provincia").parent().show();
        jQuery("select#provincia").html(provinceOptions).show();
    },
error : function(request, status, error) {
}
});
&lt;/code&gt;&lt;/pre&gt;
&lt;p&gt;}&lt;/p&gt;
&lt;p&gt;IE7/8 launches the AJAX request twice on the onchange() event for a select. &lt;/p&gt;
&lt;pre&gt;&lt;code&gt;&amp;lt;select id="regione" name="regione" class="srhbox" onchange="change_regione(this)"&amp;gt;
...
&amp;lt;/select&amp;gt;
&lt;/code&gt;&lt;/pre&gt;
&lt;p&gt;Firefox, Safari, Chrome, behave correctly.&lt;/p&gt;
&lt;p&gt;What's going on? Have you ever seen this behaviour?&lt;/p&gt;</t>
  </si>
  <si>
    <t>2011-12-14 15:14:39.027000+00:00</t>
  </si>
  <si>
    <t>2011-12-14 15:22:34.677000+00:00</t>
  </si>
  <si>
    <t>javascript|jquery|ajax|internet-explorer-8|internet-explorer-7</t>
  </si>
  <si>
    <t>ajax + php + mysql: (another) issue with charsets</t>
  </si>
  <si>
    <t>&lt;p&gt;&lt;br/&gt;&lt;/p&gt;
&lt;p&gt;I'm having a problem with charset and I'm driving crazy to find the solution. This is what I have:&lt;/p&gt;
&lt;ul&gt;
&lt;li&gt;I have a MySQL database with 'latin1_spanish_ci' as a collation for the database, the table and each one of the fields.&lt;/li&gt;
&lt;li&gt;An html file with the header '&amp;lt;meta http-equiv="Content-type" content="text/html; charset=iso-8859-1"&gt;' wich has a form. When the button is pushed, an Ajax is called which sends a POST request to an PHP.&lt;/li&gt;
&lt;li&gt;The PHP with the call 'header('Content-type: text/html; charset=iso-8859-1');' at the top. This PHP makes a query to the database to get a list of data.&lt;/li&gt;
&lt;li&gt;&lt;p&gt;The AJAX call is the following:&lt;/p&gt;
&lt;p&gt;$.ajax({
url:"llistat.php",
type: "POST",
data:
{
sector : $("#sector").val(), 
cp : $("#cp").val(), 
province : $("#province").val(), 
free : $("#free").val() 
},
success:
function(data) {
$("#results").html("");
$("#results").append(data);
},
contentType: "application/x-www-form-urlencoded; charset=iso-8859-1"
});&lt;/p&gt;&lt;/li&gt;
&lt;/ul&gt;
&lt;p&gt;The problem...&lt;/p&gt;
&lt;ol&gt;
&lt;li&gt;If I keep the charset header in the PHP, the characters are get properly from the database, but the 'estrange' characters (accents, '��', ...) sent through the AJAX call are not got properly.&lt;/li&gt;
&lt;li&gt;If I remove the charset header I have the same problem but the other way around. The characters from the call are get properly, but not the ones from the database.&lt;/li&gt;
&lt;li&gt;Finally if I don't do the call through the Ajax call and I do it straight form submitting the form, everything works properly. The characters are sent properly and the info from the database as well.&lt;/li&gt;
&lt;/ol&gt;
&lt;p&gt;What is wrong with all this process? I guess (according to the last point) that there is a difference between calling through an AJAX call or through a submit in the form. But, which is that difference? What am I doing wrong?&lt;/p&gt;
&lt;p&gt;Thanks.&lt;/p&gt;</t>
  </si>
  <si>
    <t>2013-03-29 12:08:48.527000+00:00</t>
  </si>
  <si>
    <t>2013-03-29 12:11:38.037000+00:00</t>
  </si>
  <si>
    <t>php|jquery|mysql|ajax|character-encoding</t>
  </si>
  <si>
    <t>C++ write to file error with full PATH from GetEnvironmentVariable()</t>
  </si>
  <si>
    <t>&lt;p&gt;I'm noob in C++ but wanting to learn. I have a little program that writes some info to my &lt;code&gt;\etc\hosts&lt;/code&gt; in Windows; I get the &lt;code&gt;%WINDIR%&lt;/code&gt; variable via &lt;code&gt;GetEnvironmentVariable()&lt;/code&gt;, if I put the full path manually everything is ok, but when I substitute with &lt;code&gt;WINDIR&lt;/code&gt; variable my code isn't compiling. I know I don't do something right.&lt;/p&gt;
&lt;pre&gt;&lt;code&gt;#include &amp;lt;windows.h&amp;gt;
#include &amp;lt;ios&amp;gt;
#include &amp;lt;fstream&amp;gt;
char buffer[1000];
int main() {
    GetEnvironmentVariable("WINDIR",(char*)&amp;amp;buffer,sizeof(buffer));
    std::ofstream log;
    log.open("%s\\system32\\drivers\\etc\\hosts", buffer);
    log &amp;lt;&amp;lt; "127.0.0.1   domain.com\n" &amp;lt;&amp;lt; std::endl;
    return 0;
}
&lt;/code&gt;&lt;/pre&gt;
&lt;p&gt;I get really ugly errors like:&lt;/p&gt;
&lt;blockquote&gt;
  &lt;p&gt;C:\Documents and Settings\xtmtrx\Desktop\coding\windir.cpp no matching function for call to `&lt;code&gt;std::basic_ofstream&amp;lt;char, std::char_traits&amp;lt;char&amp;gt; &amp;gt;::open(const char[30], char[1000])&lt;/code&gt;'&lt;/p&gt;
&lt;/blockquote&gt;</t>
  </si>
  <si>
    <t>2012-12-29 18:13:39.963000+00:00</t>
  </si>
  <si>
    <t>2012-12-29 18:51:45.507000+00:00</t>
  </si>
  <si>
    <t>2012-12-29 18:26:01.073000+00:00</t>
  </si>
  <si>
    <t>c++|compiler-errors|environment-variables</t>
  </si>
  <si>
    <t>How to iterate a variable in Java</t>
  </si>
  <si>
    <t>&lt;p&gt;So Im sort of stumped on how to do the following.&lt;/p&gt;
&lt;p&gt;I have my program outputting the correct variables in a table like format that I want.  However, I dont quite understand how to make one of the variables increase in value as well.&lt;/p&gt;
&lt;p&gt;Below is the code.&lt;/p&gt;
&lt;pre&gt;&lt;code&gt;package annualsalarywithcommisions;
/**
 *
 * @author TDavis
 */
public class Calculations {
    public double baseSalary = 55000;
    public double localTotalSalary;
    public double salesTarget = 165000;
    public double potentialSalary;
    public void PayCalculator() {
        //Method for calculating the total wages paid to a sales rep.
        double localSales = ComissionsWk3.Sales;
        if (localSales &amp;lt; (.75 * salesTarget)) {
            localTotalSalary = baseSalary;
            //When sales are less than 75% of sales target, they only make
            //the salary.
        } else if ((localSales &amp;gt; (.75 * salesTarget)) &amp;amp;&amp;amp; (localSales &amp;lt;= salesTarget)) {
            localTotalSalary = (.14 * localSales) + baseSalary;
            //Total salary is calculated with the 14% commission rate when
            //75% of the salesTarget has been met.
        } else if (localSales &amp;lt; salesTarget) {
            localTotalSalary = (.216 * localSales) + baseSalary;
            //Total salary is calculated with the acceleration factor and the 
            //base salary included when total sales exceeds the sales target.
        }
    }
    public double getCalculatedSalary() {
        return localTotalSalary; //method for returnin te' calculated salary total.
    }
    public double CompensationTable() {
        double localSales = ComissionsWk3.Sales;
        for (double counter = localSales; counter &amp;lt; localSales * 1.5;
                counter += 5000) {
            if (counter &amp;lt; (.75 * salesTarget)) {
                potentialSalary = baseSalary;
            //When sales are less than 75% of sales target, they only make
                //the salary.
            } else if ((localSales &amp;gt; (.75 * salesTarget)) &amp;amp;&amp;amp; (localSales &amp;lt;= salesTarget)) {
                potentialSalary = (.14 * localSales) + baseSalary;
            //Total salary is calculated with the 14% commission rate when
                //75% of the salesTarget has been met.
            } else if (localSales &amp;lt; salesTarget) {
                potentialSalary = (.216 * localSales) + baseSalary;
            //Total salary is calculated with the acceleration factor and the 
                //base salary included when total sales exceeds the sales target.
            }
            System.out.println("Total Sales: " + counter + "\tTotal " + "Compensation: " + potentialSalary);
        }
        return 0;
    }
}
&lt;/code&gt;&lt;/pre&gt;
&lt;p&gt;What I'm stumped on is how to make the output &lt;code&gt;potentialSalary&lt;/code&gt; come back with the calculated &lt;code&gt;potentialSalary&lt;/code&gt;.&lt;/p&gt;
&lt;p&gt;Essentially whenever the 5k increase happens, get the 14% or 21.6% increase added into that variables total each time it runs through the loop and set it as such.&lt;/p&gt;
&lt;p&gt;Any ideas are very much welcomed.&lt;/p&gt;
&lt;p&gt;I have actually figured it out - but apparently cant answer my own question.  Below is the fixed code.&lt;/p&gt;
&lt;p&gt;/*
 * To change this license header, choose License Headers in Project Properties.
 * To change this template file, choose Tools | Templates
 * and open the template in the editor.
 */
package annualsalarywithcommisions;&lt;/p&gt;
&lt;p&gt;/**
 *
 * @author TDavis
 */
public class Calculations {&lt;/p&gt;
&lt;pre&gt;&lt;code&gt;public double baseSalary = 55000;
public double localTotalSalary;
public double salesTarget = 165000;
public double potentialSalary;
public void PayCalculator() {
    //Method for calculating the total wages paid to a sales rep.
    double localSales = ComissionsWk3.Sales;
    if (localSales &amp;lt; (.75 * salesTarget)) {
        localTotalSalary = baseSalary;
        //When sales are less than 75% of sales target, they only make
        //the salary.
    } else if ((localSales &amp;gt; (.75 * salesTarget)) &amp;amp;&amp;amp; (localSales &amp;lt;= salesTarget)) {
        localTotalSalary = (.14 * localSales) + baseSalary;
        //Total salary is calculated with the 14% commission rate when
        //75% of the salesTarget has been met.
    } else if (localSales &amp;lt; salesTarget) {
        localTotalSalary = (.216 * localSales) + baseSalary;
        //Total salary is calculated with the acceleration factor and the 
        //base salary included when total sales exceeds the sales target.
    }
}
public double getCalculatedSalary() {
    return localTotalSalary; //method for returnin te' calculated salary total.
}
public double CompensationTable() {
    double localSales = ComissionsWk3.Sales;
    for (double counter = localSales; counter &amp;lt; localSales * 1.5;
            counter += 5000)
    {
        if (counter &amp;lt; (.75 * salesTarget)) {
            potentialSalary = baseSalary;
        //When sales are less than 75% of sales target, they only make
            //the salary.
        } else if ((counter &amp;gt; (.75 * salesTarget)) &amp;amp;&amp;amp; (counter &amp;lt;= salesTarget)) {
            potentialSalary = (.14 * counter) + baseSalary;
        //Total salary is calculated with the 14% commission rate when
            //75% of the salesTarget has been met.
        } else if (counter &amp;lt; salesTarget) {
            potentialSalary = (.216 * counter) + baseSalary;
        //Total salary is calculated with the acceleration factor and the 
            //base salary included when total sales exceeds the sales target.
        }
        System.out.println("Total Sales: " + counter + "\tTotal " + "Compensation: " + potentialSalary);
    }
    return 0;
}
&lt;/code&gt;&lt;/pre&gt;
&lt;p&gt;}&lt;/p&gt;</t>
  </si>
  <si>
    <t>2014-05-07 21:11:06.350000+00:00</t>
  </si>
  <si>
    <t>2018-03-19 15:59:13.297000+00:00</t>
  </si>
  <si>
    <t>NullPointerException - access array from fragment in method called from mainactivity</t>
  </si>
  <si>
    <t>&lt;p&gt;I'm currently working on small program that will send a string to multiple servers. I'm calling send method from mainactivity, which in fragmentA(fA). It's working well, but I cant access to array of sockets, which is in fragmentA. It throws NullPointerException&lt;/p&gt;
&lt;p&gt;That is my calling function:&lt;/p&gt;
&lt;pre&gt;&lt;code&gt;//MainActivity
@Override
public void send(String text) {
    FragmentA fA = new FragmentA();
    fA.send(text);
}
&lt;/code&gt;&lt;/pre&gt;
&lt;p&gt;and this is function that sends stuff out:&lt;/p&gt;
&lt;pre&gt;&lt;code&gt;//FragmentA
Socket s[]=new Socket[100];
//onactivitycreate
for(int i = 0; i&amp;lt;s.length;i++){
    s[i] = new Socket();
}
public void send(String text){
    for(int i = 0; i&amp;lt;s.length;i++){
        Log.d("","Send i = "+i);
        if(s[i].isConnected()){ //there error occurred
        //sending stuff
        }
    }
}
&lt;/code&gt;&lt;/pre&gt;
&lt;p&gt;I can access variables from this method that are not arrays though, integer array doesnt work as well.
Maybe there is another way to connect with multiple servers and send to them the same string.&lt;/p&gt;
&lt;p&gt;Edit:
Ok, so I've moved sockets and functions to mainactivity, and it works, but I still wonder, how to make it work in fragment, how to add fragment via FragmentManager with no ip or tag (viewpager). &lt;/p&gt;
&lt;p&gt;Thank you.&lt;/p&gt;</t>
  </si>
  <si>
    <t>2014-08-29 19:00:35.893000+00:00</t>
  </si>
  <si>
    <t>2014-08-29 21:43:39.980000+00:00</t>
  </si>
  <si>
    <t>java|android|arrays|sockets</t>
  </si>
  <si>
    <t>Simple AJAX Submit and update mysql</t>
  </si>
  <si>
    <t>&lt;p&gt;I am stumped, I am tossing out my code and I need help with a cross browser ajax submit.
Can anyone PLEASE give me a simple working ajax submit script for updating mysql? The one I have is all bad. &lt;/p&gt;
&lt;p&gt;Works in FF and Safarai (iphone), but in IE7, it has caching problem and in IE8 it doesn't even submit.&lt;/p&gt;</t>
  </si>
  <si>
    <t>2009-09-18 02:16:18.697000+00:00</t>
  </si>
  <si>
    <t>2012-12-25 00:18:42.887000+00:00</t>
  </si>
  <si>
    <t>php|javascript|mysql|ajax</t>
  </si>
  <si>
    <t>StormPath Node Express Heroku Error 'apiKey.id is required'</t>
  </si>
  <si>
    <t>&lt;p&gt;I have an Express/Angular app using Stormpath for authentication. Everything works on my local implementation but when I attempt to push to Heroku it crashes with the error below. &lt;/p&gt;
&lt;p&gt;Error:&lt;/p&gt;
&lt;pre&gt;&lt;code&gt;"015-10-07T03:40:29.632276+00:00 heroku[web.1]: Starting process with command `npm start`
2015-10-07T03:40:32.269520+00:00 app[web.1]: &amp;gt; cmpe165@1.0.0 start /app
2015-10-07T03:40:32.269497+00:00 app[web.1]:
2015-10-07T03:40:32.269522+00:00 app[web.1]: &amp;gt; node index.js
2015-10-07T03:40:32.269523+00:00 app[web.1]:
2015-10-07T03:40:34.196981+00:00 app[web.1]:
2015-10-07T03:40:34.197063+00:00 app[web.1]: /app/node_modules/express-stormpath/node_modules/stormpath/lib/authc/RequestAuthenticator.js:8
2015-10-07T03:40:34.197300+00:00 app[web.1]:     throw new   Error('apiKey.id is required.');
2015-10-07T03:40:34.197307+00:00 app[web.1]:           ^
2015-10-07T03:40:34.199043+00:00 app[web.1]: Error: apiKey.id is   required.
 2015-10-07T03:40:34.199047+00:00 app[web.1]: atBasicRequestAuthenticator.RequestAuthenticator     (/app/node_modules/express-stormpath/node_modules/stormpath/lib/authc/RequestAuthenticator.js:8:11)
2015-10-07T03:40:34.199048+00:00 app[web.1]:     at new BasicRequestAuthenticator (/app/node_modules/express-stormpath/node_modules/stormpath/lib/authc/BasicRequestAuthenticator.js:7:36)
2015-10-07T03:40:34.199054+00:00 app[web.1]:     at Object.getAuthenticator (/app/node_modules/express-stormpath/node_modules/stormpath/lib/authc/index.js:27:15)
2015-10-07T03:40:34.199055+00:00 app[web.1]:     at new RequestExecutor (/app/node_modules/express-stormpath/node_modules/stormpath/lib/ds/RequestExecutor.js:26:37)
2015-10-07T03:40:34.199056+00:00 app[web.1]:     at new DataStore (/app/node_modules/express-stormpath/node_modules/stormpath/lib/ds/DataStore.js:46:52)
2015-10-07T03:40:34.199058+00:00 app[web.1]:     at new Client (/app/node_modules/express-stormpath/node_modules/stormpath/lib/Client.js:39:21)
2015-10-07T03:40:34.199059+00:00 app[web.1]:     at initClient (/app/node_modules/express-stormpath/lib/stormpath.js:31:16)
2015-10-07T03:40:34.199061+00:00 app[web.1]:     at Object.module.exports.init (/app/node_modules/express-stormpath/lib/stormpath.js:67:16)
2015-10-07T03:40:34.199062+00:00 app[web.1]:     at Object.&amp;lt;anonymous&amp;gt; (/app/index.js:9:37)
2015-10-07T03:40:34.199063+00:00 app[web.1]:     at Module._compile (module.js:456:26)
2015-10-07T03:40:34.220191+00:00 app[web.1]:
2015-10-07T03:40:34.229264+00:00 app[web.1]: npm ERR! cmpe165@1.0.0 start: `node index.js`
2015-10-07T03:40:34.229476+00:00 app[web.1]: npm ERR! Exit status 8
2015-10-07T03:40:34.229630+00:00 app[web.1]: npm ERR!
2015-10-07T03:40:34.229727+00:00 app[web.1]: npm ERR! Failed at the cmpe165@1.0.0 start script.
2015-10-07T03:40:34.230335+00:00 app[web.1]: npm ERR! This is most likely a problem with the cmpe165 package,
2015-10-07T03:40:34.230428+00:00 app[web.1]: npm ERR! not with npm itself.
2015-10-07T03:40:34.230541+00:00 app[web.1]: npm ERR! Tell the author that this fails on your system:
2015-10-07T03:40:34.230633+00:00 app[web.1]: npm ERR!     node index.js
2015-10-07T03:40:34.230846+00:00 app[web.1]: npm ERR!     npm owner ls cmpe165
2015-10-07T03:40:34.230758+00:00 app[web.1]: npm ERR! You can get their info via:
2015-10-07T03:40:34.230939+00:00 app[web.1]: npm ERR! There is likely additional logging output above.
2015-10-07T03:40:34.231109+00:00 app[web.1]: npm ERR! System Linux 3.13.0-61-generic
2015-10-07T03:40:34.231263+00:00 app[web.1]: npm ERR! command "/app/.heroku/node/bin/node" "/app/.heroku/node/bin/npm" "start"
2015-10-07T03:40:34.231385+00:00 app[web.1]: npm ERR! cwd /app
2015-10-07T03:40:34.231508+00:00 app[web.1]: npm ERR! node -v    v0.10.40
2015-10-07T03:40:34.231632+00:00 app[web.1]: npm ERR! npm -v 1.4.28
2015-10-07T03:40:34.231764+00:00 app[web.1]: npm ERR! code ELIFECYCLE
2015-10-07T03:40:34.234027+00:00 app[web.1]: npm ERR!
2015-10-07T03:40:34.234774+00:00 app[web.1]: npm ERR!     /app/npm- debug.log
2015-10-07T03:40:34.234115+00:00 app[web.1]: npm ERR! Additional logging details can be found in:
2015-10-07T03:40:34.234999+00:00 app[web.1]: npm ERR! not ok code 0
2015-10-07T03:40:35.141609+00:00 heroku[web.1]: Process exited with status 1
2015-10-07T03:40:35.163609+00:00 heroku[web.1]: State changed from starting to crashed"
&lt;/code&gt;&lt;/pre&gt;
&lt;p&gt;Express Server:&lt;/p&gt;
&lt;pre&gt;&lt;code&gt;var express = require('express');
var stormpath = require('express-stormpath');
var app = express();
app.use(express.static(__dirname + '/public'));
app.use(express.static(__dirname + '/controllers'));
var stormpathMiddleware = stormpath.init(app, {
application: {
href: 'https://api.stormpath.com/v1/applications/173vkD8p8nkeJb55sXM6WW'
 },
 expandCustomData: true,
 enableForgotPassword: true,
website: {
  login: {
    enabled: true,
    nextUri: __dirname + '/views/jobform.html'
  }
}
});
app.use(stormpathMiddleware);
app.get("/", function(req,res){
 res.status(200).sendFile(__dirname + '/views/login.html');
});
app.post("/home", function(req,res){
res.status(200).sendFile(__dirname + '/views/jobform.html');
});
app.get("/jobs", function(req,res){
res.status(200).sendFile(__dirname + '/views/jobform.html');
})
app.get("/create", function(req,res){
res.status(200).sendFile(__dirname + '/views/jobform.html');
})
// Listen for incoming requests and serve them.
app.on('stormpath.ready', function() {
app.listen(process.env.PORT || 9000, function() {
console.log("Starting server...");
});
});
&lt;/code&gt;&lt;/pre&gt;</t>
  </si>
  <si>
    <t>2015-10-07 03:53:56.483000+00:00</t>
  </si>
  <si>
    <t>2015-10-07 22:54:00.180000+00:00</t>
  </si>
  <si>
    <t>angularjs|node.js|express|heroku|stormpath</t>
  </si>
  <si>
    <t>How to bundle a native library (.so + .jar) for reuse in new Eclipse Android projects?</t>
  </si>
  <si>
    <t>&lt;p&gt;I have a C++ library and I made some JNI code to export it into the Android world. I also created an Android App which uses my JNI interface.&lt;/p&gt;
&lt;p&gt;To use the library, I imported all the *.java and *.h / *.cpp files in my Eclipse App project (into the right folder), then I created the *.mk files for the NDK. I compiled the library with ndk-build and loaded it into the target device with Eclipse. The App works fine.&lt;/p&gt;
&lt;p&gt;Now I would like to separate the App from the library. So, I compiled name.jar which contains the Java files of the JNI interface, then I compiled the libname.so with ndk-build for the C++ stuff. Then I put name.jar into newproject/libs and libname.so into newproject/libs/armeabi. Consider "newproject" the App I created without the library source code (I don't want to release the source code, only the .jar and .so).&lt;/p&gt;
&lt;p&gt;The result is a crash of the  App with the memory dump into LogCat. I used System.loadLibrary("name") in a static context.&lt;/p&gt;
&lt;p&gt;Anybody can help me?&lt;/p&gt;</t>
  </si>
  <si>
    <t>2012-09-12 16:50:45.443000+00:00</t>
  </si>
  <si>
    <t>2012-09-13 09:28:25.093000+00:00</t>
  </si>
  <si>
    <t>2012-09-12 17:12:53.680000+00:00</t>
  </si>
  <si>
    <t>eclipse|jar|android-ndk|shared-libraries</t>
  </si>
  <si>
    <t>How to manage access rights for rocket.chat, so that all users are not visible to everyone?</t>
  </si>
  <si>
    <t>&lt;p&gt;I am using Rocket.chat as part of a website, where users from different organizations can log in and chat with their colleagues.&lt;/p&gt;
&lt;p&gt;How to configure rocket.chat so that users from different organizations cannot see each other? &lt;/p&gt;
&lt;p&gt;For example, can I define a user hierarchy and also a custom permission (like: can-see-other-organization) in Rocket.chat?&lt;/p&gt;</t>
  </si>
  <si>
    <t>2017-11-07 13:04:23.003000+00:00</t>
  </si>
  <si>
    <t>2017-11-17 12:54:04.843000+00:00</t>
  </si>
  <si>
    <t>meteor|rocket.chat</t>
  </si>
  <si>
    <t>Ajax-solr init load</t>
  </si>
  <si>
    <t>&lt;p&gt;i try to use ajax-solr and my autocomplete and result work. 
But i have problem on first load. 
I would like to delete the first request on all index.
Because i would like to see only my searchbar on my page.&lt;/p&gt;
&lt;p&gt;I didn't find where is problem.&lt;/p&gt;
&lt;p&gt;Thank you&lt;/p&gt;</t>
  </si>
  <si>
    <t>2012-09-05 14:42:29.477000+00:00</t>
  </si>
  <si>
    <t>2012-09-11 06:47:43.553000+00:00</t>
  </si>
  <si>
    <t>ajax|solr|init</t>
  </si>
  <si>
    <t>Dockerode works with node, but not via Webpack</t>
  </si>
  <si>
    <t>&lt;p&gt;I am trying to write a web application that can start a Docker container.
Therefore, I am using the &lt;em&gt;dockerode&lt;/em&gt; module. 
The short module looks like this:&lt;/p&gt;
&lt;pre&gt;&lt;code&gt;//index.js
var Docker = require('dockerode');
var docker = new Docker({socketPath: '/var/run/docker.sock'});
docker.buildImage({
    /*
    Building image over here...
    */
});
&lt;/code&gt;&lt;/pre&gt;
&lt;p&gt;Running this JavaScript file with node like this:&lt;/p&gt;
&lt;pre&gt;&lt;code&gt;node index.js
&lt;/code&gt;&lt;/pre&gt;
&lt;p&gt;Works just fine. My local Docker installation will build a new image and afterwards create a new container. Finally, this container will be started.&lt;/p&gt;
&lt;p&gt;However, now I am trying to add this module to a web application by using &lt;em&gt;Webpack&lt;/em&gt;.&lt;/p&gt;
&lt;p&gt;But now the problem is: When using the &lt;em&gt;webpack.config.js&lt;/em&gt; property&lt;/p&gt;
&lt;pre&gt;&lt;code&gt;target: 'web'
&lt;/code&gt;&lt;/pre&gt;
&lt;p&gt;Webpack successfully builds the file, but when opening the website I receive this issue:&lt;/p&gt;
&lt;pre&gt;&lt;code&gt;Uncaught TypeError: stat is not a function
    at loop (gen.js:27528)
    at onnextentry (gen.js:27640)
    at Object.exports.pack (gen.js:27643)
    at Docker.buildImage (gen.js:22180)
    at buildImage (gen.js:21892)
    at Object.&amp;lt;anonymous&amp;gt; (gen.js:21888)
    at Object.&amp;lt;anonymous&amp;gt; (gen.js:21926)
    at __webpack_require__ (gen.js:20)
    at Object.exports.initBackend (gen.js:21874)
    at initBackends (gen.js:11552)
&lt;/code&gt;&lt;/pre&gt;
&lt;p&gt;I can't find anything regarding this issue. The line being underlined in the generated JS file is this one:&lt;/p&gt;
&lt;pre&gt;&lt;code&gt;stat(nextAbs, function (err, stat) {
&lt;/code&gt;&lt;/pre&gt;
&lt;p&gt;Any suggestions on why I can build docker images by using node but not when being called inside of the browser? Is it even possible to start Docker containers via the browser? 
Thanks in advance.&lt;/p&gt;</t>
  </si>
  <si>
    <t>2017-06-22 19:28:42.683000+00:00</t>
  </si>
  <si>
    <t>2017-06-22 19:32:25.850000+00:00</t>
  </si>
  <si>
    <t>javascript|node.js|docker|webpack</t>
  </si>
  <si>
    <t>Hot to sent Data from list to Combobox</t>
  </si>
  <si>
    <t>&lt;p&gt;I'm looking to write the data from &lt;code&gt;listOfColumns&lt;/code&gt; to a combobox, this is the code I have :&lt;/p&gt;
&lt;pre&gt;&lt;code&gt;connectionString = "Server=localhost;User Id=root; Password=1234; Database=db2; Pooling=false;CharSet=utf8;";
connection = new MySqlConnection(connectionString);
connection.Open();
string sql = "SELECT * FROM data where id = '"+textBox1.Text.Trim()+"'";
MySqlCommand cmd = new MySqlCommand(sql, connection);
MySqlDataReader rdr = cmd.ExecuteReader();
DataTable schema = rdr.GetSchemaTable();
Dictionary&amp;lt;int, String&amp;gt; columnNames = new Dictionary&amp;lt;int, string&amp;gt;();
int index = 0;
foreach (DataRow row in schema.Rows)
{
   columnNames.Add(index, row[schema.Columns["ColumnName"]].ToString());
   index++;
}
List&amp;lt;String&amp;gt; listOfColumns = new List&amp;lt;string&amp;gt;();
for (int i = 0; i &amp;lt; rdr.FieldCount; i++)
{
   var val = rdr[i];
   if ("1" == val)
   {
      /* if the value of the column is 1,
         add the column name from the dictionary */
      listOfColumns.Add(columnNames[i]);
   }
}
&lt;/code&gt;&lt;/pre&gt;</t>
  </si>
  <si>
    <t>2014-07-22 07:36:02.950000+00:00</t>
  </si>
  <si>
    <t>2014-07-22 12:30:14.690000+00:00</t>
  </si>
  <si>
    <t>2014-07-22 08:14:24.010000+00:00</t>
  </si>
  <si>
    <t>c#|combobox</t>
  </si>
  <si>
    <t>LinkButton inside LoginView LoggedInTemplate, how to trap the Click event?</t>
  </si>
  <si>
    <t>&lt;p&gt;I have a master page that contains a LoginView control.  In the LoggedInTemplate I have a link button.  I would like to trap that click event and do some cleanup (kill session, forms auth, etc).  No matter what I do for some reason the button event never fires, and the LoginView switches back to the AnonymousTemplate.&lt;/p&gt;
&lt;p&gt;The fact that the LoginView control switches to AnonymousTemplate bothers me, it seems that any control that causes a postback within the LoggedInTemplate the LoginView automatically assumes that it's time to switch back to the AnonymousTemplate.  As a result I am speculating that the button that caused the postback to begin with is no longer rendered and the event that caused the postback never traps.&lt;/p&gt;
&lt;p&gt;This is inside my Site.Master (and yes AutoEventWireup="true" is specified)&lt;/p&gt;
&lt;pre&gt;&lt;code&gt;&amp;lt;asp:LoginView ID="lgvLoginBox" runat="server"&amp;gt;
    &amp;lt;AnonymousTemplate&amp;gt;
        &amp;lt;asp:Login ID="lgLogin" runat="server" DisplayRememberMe="false" /&amp;gt;                    
    &amp;lt;/AnonymousTemplate&amp;gt;
    &amp;lt;LoggedInTemplate&amp;gt;
        &amp;lt;a href="../Account/ChangePassword.aspx"&amp;gt;Change Password&amp;lt;/a&amp;gt;
        &amp;lt;asp:LinkButton ID="lbLogoff" runat="server" Text="Log Out" OnClick="lbLogoff_Click"&amp;gt;&amp;lt;/asp:LinkButton&amp;gt;                                                        
    &amp;lt;/LoggedInTemplate&amp;gt;
&amp;lt;/asp:LoginView&amp;gt;   
&lt;/code&gt;&lt;/pre&gt;
&lt;p&gt;This is inside my Site.Master.cs&lt;/p&gt;
&lt;pre&gt;&lt;code&gt;protected void lbLogoff_Click(object sender, EventArgs e)
{
    throw new NotImplementedException();
}
&lt;/code&gt;&lt;/pre&gt;
&lt;p&gt;I also attempted to register actual click event via Page_Init and Page_Load (in Site.Master.cs) with no luck.  When the postback fires the control can no longer be found because the template on the LoginView is already anonymous&lt;/p&gt;
&lt;pre&gt;&lt;code&gt;LinkButton lbLogoff = lgvLoginBox.FindControl("lbLogoff") as LinkButton;
if(lbLogoff != null)
    lbLogoff.Click +=new EventHandler(lbLogoff_Click);
&lt;/code&gt;&lt;/pre&gt;</t>
  </si>
  <si>
    <t>2010-10-14 20:08:02.017000+00:00</t>
  </si>
  <si>
    <t>2011-10-14 17:01:06.967000+00:00</t>
  </si>
  <si>
    <t>c#|asp.net|webforms|asp.net-membership</t>
  </si>
  <si>
    <t>Getting 403 (forbidden) while trying to use a REST web service</t>
  </si>
  <si>
    <t>&lt;p&gt;I'm trying to use a REST web service in my android application and I'm always getting 403 in the status code.
The web service is provided by a web application installed on Wampserver. The method I'm trying to use is called glpi.doLogin that takes tow prams username and password. It works fine on my browser. here's the code:&lt;/p&gt;
&lt;p&gt;package com.example.ws;&lt;/p&gt;
&lt;pre&gt;&lt;code&gt;import java.io.BufferedReader;
import java.io.IOException;
import java.io.InputStream;
import java.io.InputStreamReader;
import org.apache.http.HttpEntity;
import org.apache.http.HttpHost;
import org.apache.http.HttpRequest;
import org.apache.http.HttpResponse;
import org.apache.http.StatusLine;
import org.apache.http.client.ClientProtocolException;
import org.apache.http.client.HttpClient;
import org.apache.http.client.ResponseHandler;
import org.apache.http.client.methods.HttpGet;
import org.apache.http.client.methods.HttpPost;
import org.apache.http.client.methods.HttpUriRequest;
import org.apache.http.conn.ClientConnectionManager;
import org.apache.http.impl.client.DefaultHttpClient;
import org.apache.http.params.HttpParams;
import org.apache.http.protocol.HttpContext;
import org.json.JSONObject;
import android.os.AsyncTask;
import android.os.Bundle;
import android.util.Log;
import android.view.View;
import android.widget.Button;
import android.widget.TextView;
import android.widget.Toast;
import android.app.Activity;
public class MainActivity extends Activity {
        HttpClient client;
        HttpGet httpGet;
        HttpResponse reponce;
        public Toast toast;
        public static final String TAG ="Mon_TAG";
        public TextView letexte;
        @Override
        protected void onCreate(Bundle savedInstanceState) {
            super.onCreate(savedInstanceState);
            setContentView(R.layout.activity_main);
            letexte= (TextView) findViewById(R.id.letexte);
            Button btn = (Button) findViewById(R.id.MyBtn);
            btn.setOnClickListener(new View.OnClickListener() {
                public void onClick(View v) {
                    c();
                }
            });
        }
        public void c(){
            client = new DefaultHttpClient();
            httpGet = new HttpGet("http://169.254.101.101:80/plugins/webservices/rest.php?method=glpi.doLogin&amp;amp;login_name=glpi&amp;amp;login_password=glpi"); 
            Thread t = new Thread(new t());
            t.start();
            if(reponce != null){
                try{
                    StatusLine status = reponce.getStatusLine();
                    int codeStatus = status.getStatusCode();
                    if(codeStatus != 200){
                        String su = "status code = "+ codeStatus;
                        update(su);
                    }
                    else{
                        HttpEntity corps = reponce.getEntity();
                        InputStream is = corps.getContent();
                        BufferedReader br = new BufferedReader(new InputStreamReader(is));
                        StringBuilder s = new StringBuilder();
                        String r;
                        while((r = br.readLine()) != null){
                            s.append(r);
                        }
                        String stringFinal = s.toString();
                        update(stringFinal);
                    }
                }
                catch(IOException e){
                    String s = "Error cnx";
                    update(s);
                }
            }
            else update("reponce null");
        }
        public void update(String s){
            letexte.setText(s);
        }
        class t implements Runnable {
            public void run(){
                try{
                    reponce = client.execute(httpGet);
                }
                catch(IOException e){
                    Log.d("Thread","Error");
                    e.printStackTrace();
                }
            }
        }
}
&lt;/code&gt;&lt;/pre&gt;</t>
  </si>
  <si>
    <t>2014-05-17 11:16:57.863000+00:00</t>
  </si>
  <si>
    <t>php|android|rest</t>
  </si>
  <si>
    <t>Android - SignalStrength Terminology Explanation</t>
  </si>
  <si>
    <t>&lt;p&gt;I am looking through the documentation on the SignalStrength class for an app I plan to make, but there is a lot of telecommunications terminology that I'm not very familiar with. I was wondering if anyone could briefly shed some light on some of the methods in this class, specifically these:&lt;/p&gt;
&lt;pre&gt;&lt;code&gt;int  getCdmaDbm()
Get the CDMA RSSI value in dBm
int  getCdmaEcio()
Get the CDMA Ec/Io value in dB*10
int  getEvdoDbm()
Get the EVDO RSSI value in dBm
int  getEvdoEcio()
Get the EVDO Ec/Io value in dB*10
int  getEvdoSnr()
Get the signal to noise ratio.
int  getGsmBitErrorRate()
Get the GSM bit error rate (0-7, 99) as defined in TS 27.007 8.5
int  getGsmSignalStrength()
Get the GSM Signal Strength, valid values are (0-31, 99) as defined in TS 27.007 8.5
&lt;/code&gt;&lt;/pre&gt;
&lt;p&gt;As I understand it, GSM and CDMA are two different protocols for mobile cellular networks, EVDO is the standard by which data is moved through CDMA, and HSPA is the equivalent data standard on GSM. Why then, are there no corresponding HSPA methods, as well as no getCDMASignalStrength() or getCDMABitErrorRate()? I'm also not too clear on what RSSI or Ec/Io are.&lt;/p&gt;</t>
  </si>
  <si>
    <t>2013-02-24 17:38:00.867000+00:00</t>
  </si>
  <si>
    <t>2015-02-11 18:26:34.380000+00:00</t>
  </si>
  <si>
    <t>android|signals|telecommunication|signal-strength|phone-state-listener</t>
  </si>
  <si>
    <t>Use a succession of incorrect passwords to login</t>
  </si>
  <si>
    <t>&lt;p&gt;How would I need to alter the kernel to do the following.&lt;/p&gt;
&lt;pre&gt;&lt;code&gt;Login:User
Password:&amp;lt;enter passwd 1&amp;gt;
Password incorrect
Password:&amp;lt;enter passwd 2&amp;gt;
Password incorrect
Password:&amp;lt;enter passwd 3&amp;gt;
User is logged in
&lt;/code&gt;&lt;/pre&gt;
&lt;p&gt;The examples shows the user using 3 passwords sequentially (the first to returning incorrect) to login.&lt;/p&gt;</t>
  </si>
  <si>
    <t>2012-07-30 02:08:51.520000+00:00</t>
  </si>
  <si>
    <t>2012-07-30 07:07:34.693000+00:00</t>
  </si>
  <si>
    <t>2012-07-30 02:11:09.707000+00:00</t>
  </si>
  <si>
    <t>macos|security|login|passwords|kernel</t>
  </si>
  <si>
    <t>Can I force a unit test to fail if there are no Asserts?</t>
  </si>
  <si>
    <t>&lt;p&gt;Some programmers in my team sometimes write unit tests which call the method, gets the result but forget to call the proper &lt;code&gt;Assert&lt;/code&gt; methods to actually check what's happening.&lt;/p&gt;
&lt;p&gt;I was wondering if there is any configuration I can do to force MSTest to fail the test if no verification is done. I remember seeing something like this in DUnit, but could not find it in Visual Studio.&lt;/p&gt;</t>
  </si>
  <si>
    <t>2012-08-27 20:22:03.107000+00:00</t>
  </si>
  <si>
    <t>2012-08-30 05:25:00.600000+00:00</t>
  </si>
  <si>
    <t>unit-testing|mstest</t>
  </si>
  <si>
    <t>how to store coordinates streaming form tweepy api in to mysql db?</t>
  </si>
  <si>
    <t>&lt;p&gt;I am using this script to stream tweets from twitter using tweepy and I am facing a problem with the coordinates parameter.&lt;/p&gt;
&lt;p&gt;whenever I get a tweet with coordinates, I get this error:&lt;/p&gt;
&lt;pre&gt;&lt;code&gt;(1064, ���You have an error in your SQL syntax; check the manual that corresponds to your MySQL server version for the right syntax to use near \���: ���\���Point\'���, u\���coordinates\���: \'(28.5383355,-81.3792365)\���})\��� at line 1���)
&lt;/code&gt;&lt;/pre&gt;
&lt;p&gt;also, my Coordinates condition to only store the tweets with geo-location is not taking effect. All the incoming tweets seem to be stored in the db.&lt;/p&gt;
&lt;pre&gt;&lt;code&gt;import tweepy
import json
import MySQLdb
from dateutil import parser
WORDS = ['#bigdata', '#AI', '#datascience', '#machinelearning', '#ml', '#iot']
CONSUMER_KEY = ""
CONSUMER_SECRET = ""
ACCESS_TOKEN = ""
ACCESS_TOKEN_SECRET = ""
HOST = ""
USER = ""
PASSWD = ""
DATABASE = ""
# This function takes the 'created_at', 'text', 'screen_name', 'tweet_id' and 'coordinates' and stores it
# into a MySQL database
def store_data(created_at, text, screen_name, tweet_id, coordinates):
    db=MySQLdb.connect(host=HOST, user=USER, passwd=PASSWD, db=DATABASE, charset="utf8")
    cursor = db.cursor()
    insert_query = "INSERT INTO twitter (tweet_id, screen_name, created_at, text, coordinates) VALUES (%s, %s, %s, %s, %s)"
    cursor.execute(insert_query, (tweet_id, screen_name, created_at, text, coordinates))
    db.commit()
    cursor.close()
    db.close()
    return
class StreamListener(tweepy.StreamListener):
    #This is a class provided by tweepy to access the Twitter Streaming API.
    def on_connect(self):
        # Called initially to connect to the Streaming API
        print("You are now connected to the streaming API.")
    def on_error(self, status_code):
        # On error - if an error occurs, display the error / status code
        print('An Error has occured: ' + repr(status_code))
        return False
    def on_data(self, data):
        #This is the meat of the script...it connects to your mongoDB and stores the tweet
        try:
           # Decode the JSON from Twitter
            datajson = json.loads(data)
            if datajson['coordinates']=='None':
                print 'coordinates = None, skipped'
            else:
            #grab the wanted data from the Tweet
                text = datajson['text']
                screen_name = datajson['user']['screen_name']
                tweet_id = datajson['id']
                created_at = parser.parse(datajson['created_at'])
                coordinates = datajson['coordinates']
                #print out a message to the screen that we have collected a tweet
                print("Tweet collected at " + str(created_at))
                #print datajson
                #insert the data into the MySQL database
                store_data(created_at, text, screen_name, tweet_id, coordinates)
        except Exception as e:
           print(e)
auth = tweepy.OAuthHandler(CONSUMER_KEY, CONSUMER_SECRET)
auth.set_access_token(ACCESS_TOKEN, ACCESS_TOKEN_SECRET)
#Set up the listener. The 'wait_on_rate_limit=True' is needed to help with Twitter API rate limiting.
listener = StreamListener(api=tweepy.API(wait_on_rate_limit=True))
streamer = tweepy.Stream(auth=auth, listener=listener)
print("Tracking: " + str(WORDS))
streamer.filter(track=WORDS)
&lt;/code&gt;&lt;/pre&gt;</t>
  </si>
  <si>
    <t>2017-01-26 21:31:17.003000+00:00</t>
  </si>
  <si>
    <t>2017-01-26 22:04:01.570000+00:00</t>
  </si>
  <si>
    <t>python|mysql|tweepy</t>
  </si>
  <si>
    <t>comparing two different kinds of lists in python and getting index</t>
  </si>
  <si>
    <t>&lt;p&gt;I am trying to compare two lists in python and getting index. But the 2 lists are in different form.&lt;/p&gt;
&lt;pre&gt;&lt;code&gt;list1:
[array(['apple'], 
       dtype='&amp;lt;U32'), array(['tim', 'out', 'over'], 
       dtype='&amp;lt;U32')array(['orange', 'oop'], 
       dtype='&amp;lt;U32'), , array(['senty', 'analys'], 
       dtype='&amp;lt;U32'), array(['context', 'analys'], 
       dtype='&amp;lt;U32'), array(['mis', 'report'], 
       dtype='&amp;lt;U32'), array(['man', 'wom'], 
       dtype='&amp;lt;U32'), array(['hospit', 'man', 'solv'], 
       dtype='&amp;lt;U32'), array(['big', 'dat', 'platform'], 
       dtype='&amp;lt;U32'), array(['hi', 'all'], 
       dtype='&amp;lt;U32'),  array(['analys'], 
       dtype='&amp;lt;U32')]
list2: 
['proact','man','apple',
 'stat','intellig',
 'algorithm','hol','hi','solv']
&lt;/code&gt;&lt;/pre&gt;
&lt;p&gt;I have to check if any of the elements in  &lt;code&gt;list2&lt;/code&gt; is present in &lt;code&gt;list1&lt;/code&gt; (with out unlisting &lt;code&gt;list1&lt;/code&gt;)and the corresponding index of &lt;code&gt;list1&lt;/code&gt;. Eg: in &lt;code&gt;list2&lt;/code&gt; is present in &lt;code&gt;list1&lt;/code&gt; at 6th position. &lt;code&gt;list1[6]=['man','wom']&lt;/code&gt;. so i have to get the index &lt;code&gt;6&lt;/code&gt;. similary for all elements. In this example it should return [0,6,9] . Because apple ,man, and hi is there in list2. so it should return the corresponding positions in list1.  Thanks in advance.&lt;/p&gt;</t>
  </si>
  <si>
    <t>2018-09-27 04:18:41.487000+00:00</t>
  </si>
  <si>
    <t>2018-09-27 06:08:47.693000+00:00</t>
  </si>
  <si>
    <t>python-3.x</t>
  </si>
  <si>
    <t>dplyr::mutate to add multiple values</t>
  </si>
  <si>
    <t>&lt;p&gt;There are a couple of issues about this on the &lt;a href="https://github.com/hadley/dplyr" rel="noreferrer"&gt;dplyr Github repo&lt;/a&gt; already, and at least one related SO question, but none of them quite covers my question -- I think.&lt;/p&gt;
&lt;ul&gt;
&lt;li&gt;&lt;a href="https://stackoverflow.com/questions/24936330/adding-multiple-columns-in-a-dplyr-mutate-call"&gt;Adding multiple columns in a dplyr mutate call&lt;/a&gt; is more or less what I want, but there's a special-case answer for that case (&lt;code&gt;tidyr::separate&lt;/code&gt;) that doesn't (I think) work for me.&lt;/li&gt;
&lt;li&gt;&lt;a href="https://github.com/hadley/dplyr/issues/372" rel="noreferrer"&gt;This issue&lt;/a&gt; ("summarise or mutate with functions returning multiple values/columns") says "use &lt;code&gt;do()&lt;/code&gt;".&lt;/li&gt;
&lt;/ul&gt;
&lt;p&gt;Here's my use case: I want to compute exact binomial confidence intervals &lt;/p&gt;
&lt;pre&gt;&lt;code&gt;dd &amp;lt;- data.frame(x=c(3,4),n=c(10,11))
get_binCI &amp;lt;- function(x,n) {
    rbind(setNames(c(binom.test(x,n)$conf.int),c("lwr","upr")))
}
with(dd[1,],get_binCI(x,n))
##             lwr       upr
## [1,] 0.06673951 0.6524529
&lt;/code&gt;&lt;/pre&gt;
&lt;p&gt;I can get this done with &lt;code&gt;do()&lt;/code&gt; but I wonder if there's a more expressive way to do this (it feels like &lt;code&gt;mutate()&lt;/code&gt; &lt;em&gt;could&lt;/em&gt; have a &lt;code&gt;.n&lt;/code&gt; argument &lt;a href="https://github.com/hadley/dplyr/issues/154" rel="noreferrer"&gt;as is being discussed for summarise()&lt;/a&gt; ...)&lt;/p&gt;
&lt;pre&gt;&lt;code&gt;library("dplyr")
dd %&amp;gt;% group_by(x,n) %&amp;gt;%
    do(cbind(.,get_binCI(.$x,.$n)))
## Source: local data frame [2 x 4]
## Groups: x, n
## 
##   x  n        lwr       upr
## 1 3 10 0.06673951 0.6524529
## 2 4 11 0.10926344 0.6920953
&lt;/code&gt;&lt;/pre&gt;</t>
  </si>
  <si>
    <t>2015-04-13 20:50:10.920000+00:00</t>
  </si>
  <si>
    <t>2018-05-11 18:37:15.527000+00:00</t>
  </si>
  <si>
    <t>2017-05-23 10:31:23.467000+00:00</t>
  </si>
  <si>
    <t>r|dplyr</t>
  </si>
  <si>
    <t>Why do I have to state 'atomic=False' when I change model name in Django?</t>
  </si>
  <si>
    <t>&lt;p&gt;Okay so I was following Django 2.0 tutorial on the &lt;a href="https://docs.djangoproject.com/en/2.1/intro/tutorial02/" rel="nofollow noreferrer"&gt;official documentation&lt;/a&gt; 
when I realized I named a model 'Questions' instead of 'Question'. (I'm new to Django)&lt;/p&gt;
&lt;p&gt;I already did&lt;/p&gt;
&lt;pre&gt;&lt;code&gt;$ python manage.py makemigrations polls
$ python manage.py migrate 
&lt;/code&gt;&lt;/pre&gt;
&lt;p&gt;so I thought I could just repeat this to apply the change. &lt;/p&gt;
&lt;p&gt;Django asked me if I wanted to rename so I said yes. &lt;/p&gt;
&lt;pre&gt;&lt;code&gt;(venv) H:\PycharmProjects\django_tutorials\mysite&amp;gt;python manage.py makemigrations
Did you rename the polls.Questions model to Question? [y/N] y
Migrations for 'polls':
  polls\migrations\0002_auto_20180804_0935.py
    - Rename model Questions to Question
&lt;/code&gt;&lt;/pre&gt;
&lt;p&gt;But when I tried to migrate, Django wouldn't run the migration and showed me this error. &lt;/p&gt;
&lt;pre&gt;&lt;code&gt;(venv) H:\PycharmProjects\django_tutorials\mysite&amp;gt;python manage.py migrate
Operations to perform:
  Apply all migrations: admin, auth, contenttypes, polls, sessions
Running migrations:
  Applying polls.0001_initial... OK
  Applying polls.0002_auto_20180804_0935...Traceback (most recent call last):
  File "manage.py", line 15, in &amp;lt;module&amp;gt;
    execute_from_command_line(sys.argv)
  File "H:\PycharmProjects\django_tutorials\venv\lib\site-packages\django\core\management\__init__.py", line 381, in execute_from_command_line
    utility.execute()
  File "H:\PycharmProjects\django_tutorials\venv\lib\site-packages\django\core\management\__init__.py", line 375, in execute
    self.fetch_command(subcommand).run_from_argv(self.argv)
  File "H:\PycharmProjects\django_tutorials\venv\lib\site-packages\django\core\management\base.py", line 316, in run_from_argv
    self.execute(*args, **cmd_options)
  File "H:\PycharmProjects\django_tutorials\venv\lib\site-packages\django\core\management\base.py", line 353, in execute
    output = self.handle(*args, **options)
  File "H:\PycharmProjects\django_tutorials\venv\lib\site-packages\django\core\management\base.py", line 83, in wrapped
    res = handle_func(*args, **kwargs)
  File "H:\PycharmProjects\django_tutorials\venv\lib\site-packages\django\core\management\commands\migrate.py", line 203, in handle
    fake_initial=fake_initial,
  File "H:\PycharmProjects\django_tutorials\venv\lib\site-packages\django\db\migrations\executor.py", line 117, in migrate
    state = self._migrate_all_forwards(state, plan, full_plan, fake=fake, fake_initial=fake_initial)
  File "H:\PycharmProjects\django_tutorials\venv\lib\site-packages\django\db\migrations\executor.py", line 147, in _migrate_all_forwards
    state = self.apply_migration(state, migration, fake=fake, fake_initial=fake_initial)
  File "H:\PycharmProjects\django_tutorials\venv\lib\site-packages\django\db\migrations\executor.py", line 244, in apply_migration
    state = migration.apply(state, schema_editor)
  File "H:\PycharmProjects\django_tutorials\venv\lib\site-packages\django\db\migrations\migration.py", line 124, in apply
    operation.database_forwards(self.app_label, schema_editor, old_state, project_state)
  File "H:\PycharmProjects\django_tutorials\venv\lib\site-packages\django\db\migrations\operations\models.py", line 330, in database_forwards
    new_model._meta.db_table,
  File "H:\PycharmProjects\django_tutorials\venv\lib\site-packages\django\db\backends\sqlite3\schema.py", line 84, in alter_db_table
    ) % old_db_table)
django.db.utils.NotSupportedError: Renaming the 'polls_questions' table while in a transaction is not supported on SQLite because it would break referential integrity. Try adding `atomic = False` to the Migration class.
&lt;/code&gt;&lt;/pre&gt;
&lt;p&gt;I googled and &lt;a href="https://stackoverflow.com/questions/48549068/django-db-utils-notsupportederror-in-sqlite-why-not-supported-in-sqlite"&gt;one Stackoverflow question&lt;/a&gt; said I should add &lt;code&gt;atomic=False&lt;/code&gt; but he never explained why. &lt;/p&gt;
&lt;p&gt;I also googled the &lt;a href="https://docs.djangoproject.com/en/2.0/howto/writing-migrations/" rel="nofollow noreferrer"&gt;official documentation&lt;/a&gt; for 'Non-atomic migrations' but still don't see why it's needed for a simple model name change. (It's rather hard to understand what it is for me to be honest.)&lt;/p&gt;
&lt;p&gt;Is it really supposed to be like this to change a model name? Is there anything I'm doing wrong? &lt;/p&gt;
&lt;blockquote&gt;
  &lt;p&gt;&lt;strong&gt;Non-atomic migrations&lt;/strong&gt;&lt;/p&gt;
  &lt;p&gt;On databases that support DDL transactions
  (SQLite and PostgreSQL), migrations will run inside a transaction by
  default. For use cases such as performing data migrations on large
  tables, you may want to prevent a migration from running in a
  transaction by setting the atomic attribute to False:&lt;/p&gt;
&lt;/blockquote&gt;</t>
  </si>
  <si>
    <t>2018-08-04 01:15:22.117000+00:00</t>
  </si>
  <si>
    <t>2018-08-06 02:06:09.810000+00:00</t>
  </si>
  <si>
    <t>2018-08-04 02:11:58.433000+00:00</t>
  </si>
  <si>
    <t>python|django|sqlite</t>
  </si>
  <si>
    <t>jQuery UI Tabs beforeLoad preventDefault is not working</t>
  </si>
  <si>
    <t>&lt;p&gt;Somehow the &lt;code&gt;e.preventDefault()&lt;/code&gt; on the &lt;code&gt;beforeLoad()&lt;/code&gt; event in jQuery UI Tabs is not working. &lt;strong&gt;Here is a little example:&lt;/strong&gt;&lt;/p&gt;
&lt;pre&gt;&lt;code&gt;&amp;lt;div id="tabs"&amp;gt;
    &amp;lt;ul&amp;gt;
        &amp;lt;li&amp;gt;&amp;lt;a href="#exampleExistingTab"&amp;gt;Existing Tab&amp;lt;/a&amp;gt;&amp;lt;/li&amp;gt;
        &amp;lt;li&amp;gt;&amp;lt;a href="/path/to/remote/tab"&amp;gt;Remote Tab&amp;lt;/a&amp;gt;&amp;lt;/li&amp;gt;
    &amp;lt;/ul&amp;gt;
    &amp;lt;div id="#exampleExistingTab"&amp;gt;&amp;lt;h3&amp;gt;Hello There!&amp;lt;/h3&amp;gt;&amp;lt;/div&amp;gt;
&amp;lt;/div&amp;gt;
&amp;lt;script type="text/javascript"&amp;gt;
    $('#tabs').tabs({
        beforeLoad: function (e, ui) {
            e.preventDefault();
        }
    });
&amp;lt;/script&amp;gt;
&lt;/code&gt;&lt;/pre&gt;
&lt;p&gt;For sure this is not the real script, just an example to show the mistake. I think the remote tab should never be loaded, but the ajax request is fired every time you click the "Remote Tab" (and it's not active before).&lt;/p&gt;
&lt;p&gt;Anyone know about this issue or how to fix this?&lt;/p&gt;
&lt;p&gt;Tested with: Mozilla Firefox 24.0; jquery 1.10.2; jqueryUi 1.10.3&lt;/p&gt;</t>
  </si>
  <si>
    <t>2013-10-30 08:41:52.633000+00:00</t>
  </si>
  <si>
    <t>2013-10-30 09:29:06.467000+00:00</t>
  </si>
  <si>
    <t>2013-10-30 08:55:11.833000+00:00</t>
  </si>
  <si>
    <t>javascript|jquery|jquery-ui|jquery-ui-tabs</t>
  </si>
  <si>
    <t>Type definition error for Paginator with react BootstrapTable in VS2017 typescript</t>
  </si>
  <si>
    <t>&lt;p&gt;My react typescript component/codes worked fine in &lt;code&gt;VS2017&lt;/code&gt; with an external react bootstrap table next library but the minute I tried to add the extra paginator feature it just kept giving me this error:&lt;/p&gt;
&lt;blockquote&gt;
  &lt;p&gt;Error: PaginationWrapper.render(): A valid React element (or null)
  must be returned. You may have returned undefined, an array or some
  other invalid object.&lt;/p&gt;
&lt;/blockquote&gt;
&lt;p&gt;I have exhausted my search here for a clue on how to define the &lt;code&gt;paginator&lt;/code&gt; function inside Visual studio so that typescript could understand and run correctly.&lt;/p&gt;
&lt;p&gt;I know this &lt;code&gt;paginator&lt;/code&gt; worked with react as I tested this with:
&lt;a href="https://codesandbox.io/s/82jmpw46jl" rel="nofollow noreferrer"&gt;https://codesandbox.io/s/82jmpw46jl&lt;/a&gt;&lt;/p&gt;
&lt;p&gt;Inside VS , I attempted to declare the &lt;code&gt;@type&lt;/code&gt; for &lt;code&gt;paginator&lt;/code&gt; in an &lt;code&gt;index.d.ts&lt;/code&gt; as&lt;/p&gt;
&lt;pre&gt;&lt;code&gt;export default function paginator():void;
&lt;/code&gt;&lt;/pre&gt;
&lt;p&gt;This stop VS compiler from complaining, then from my component I just use it like usual but I get error at runtime.
my codes:&lt;/p&gt;
&lt;pre&gt;&lt;code&gt;'import * as React from 'react';'
'import BootstrapTable from 'react-bootstrap-table-next';'
'import paginator from 'react-bootstrap-table2-paginator';'
&lt;/code&gt;&lt;/pre&gt;
&lt;p&gt;...
...&lt;/p&gt;
&lt;p&gt;&lt;code&gt;&amp;lt;BootstrapTable keyField='id' data={this.props.responsesData} columns={this.props.columsDefn} pagination={paginator()} /&amp;gt;&lt;/code&gt;&lt;/p&gt;
&lt;p&gt;Hope any gunter out there can help .&lt;/p&gt;</t>
  </si>
  <si>
    <t>2018-05-25 03:45:24.587000+00:00</t>
  </si>
  <si>
    <t>2018-05-25 04:07:34.817000+00:00</t>
  </si>
  <si>
    <t>reactjs|typescript|pagination|paginator|react-bootstrap-table</t>
  </si>
  <si>
    <t>Sub-domain tangle (knotsmith required)</t>
  </si>
  <si>
    <t>&lt;p&gt;I seem to have painted myself into a corner with my plans for a series of website sub-domains. I wonder if my plans can be rescued or have I truly shot myself in the foot and would need to totally re-write a ton of stuff? Here's the problem:&lt;/p&gt;
&lt;p&gt;I planned a series of sub-domain sites all dealing with variations on a theme. For illustrative purposes let's pretend I have the site www.colour.com (this is the 'hub' whose files reside in public_html) and then I add subdomains red.colour.com (in public_html/red), green.colour.com (in public_html/green) and blue.colour.com (in public_html/blue). Ok all good up to this point.&lt;/p&gt;
&lt;p&gt;The thing is that these sites all share a lot of resources in common - style sheets, Javascripts, images etc. These are resources I don't want to replicate because it's a waste of space, but more importantly I don't want to risk developing different versions of files and them not all keeping in step with each other. So I did what I thought was the sane thing and I store all these at the 'hub' (in public_html/css, public_html/js etc).&lt;/p&gt;
&lt;p&gt;What I discovered when my site went nearly live was that as soon as I defined e.g. public_html/red as red.colour.com, it could no longer 'see' any of it's supporting files that were located one level higher (in ../) and so the appearence and functionality broke down into a complete screen mess.&lt;/p&gt;
&lt;p&gt;Short of a major re-write, is there any way out of this mess that anyone can think of?&lt;/p&gt;
&lt;p&gt;Thanks in advance!&lt;/p&gt;
&lt;p&gt;Frank.&lt;/p&gt;</t>
  </si>
  <si>
    <t>2012-02-12 13:57:37.820000+00:00</t>
  </si>
  <si>
    <t>2012-02-21 15:44:03.240000+00:00</t>
  </si>
  <si>
    <t>2012-02-13 09:14:28.607000+00:00</t>
  </si>
  <si>
    <t>apache|.htaccess|subdomain|directory-structure</t>
  </si>
  <si>
    <t>tolower for C-style strings</t>
  </si>
  <si>
    <t>&lt;p&gt;I'm trying to perform case insensitive strcmp on two C-style strings.&lt;/p&gt;
&lt;p&gt;I have a function to convert C-style strings to lowercase.&lt;/p&gt;
&lt;pre&gt;&lt;code&gt;char* ToLowerCase(const char* str)
{
    char buffer[strlen(str)];
    for (int i=0; i&amp;lt;strlen(str); ++i)
        buffer[i] = char(tolower(str[i]));
    return buffer;
}
&lt;/code&gt;&lt;/pre&gt;
&lt;p&gt;One string comes from function char* GetMyString(int i), and the second is in array of C-style strings char* myStrings[5].&lt;/p&gt;
&lt;p&gt;So assuming that both GetMyString(0) and myString[0] both return "TEXT" &lt;/p&gt;
&lt;pre&gt;&lt;code&gt;strcmp(ToLowerCase(GetMyString(0)), ToLowerCase(myStrings[0]));
&lt;/code&gt;&lt;/pre&gt;
&lt;p&gt;compares strings like "mytextxaogs5atx" "mytextxabs5atx" (some random text gets added...)&lt;/p&gt;
&lt;p&gt;whilst&lt;/p&gt;
&lt;pre&gt;&lt;code&gt;strcmp(GetMyString(0), myStrings[0]);
&lt;/code&gt;&lt;/pre&gt;
&lt;p&gt;works just fine, so that I assume there's nothing to do with the null termination as some of you might think.&lt;/p&gt;
&lt;p&gt;What is wrong with my code? Did I miss something? I've looked at many questions about tolower but none of them were able to help with my problem.&lt;/p&gt;</t>
  </si>
  <si>
    <t>2016-10-26 12:12:24.813000+00:00</t>
  </si>
  <si>
    <t>2016-10-26 13:31:52.060000+00:00</t>
  </si>
  <si>
    <t>c|string|tolower</t>
  </si>
  <si>
    <t>PHP session is restarting instead of resuming</t>
  </si>
  <si>
    <t>&lt;p&gt;I am unity3d to make a login/logout screen for my game. I am assigning values to the session variable during login. It is working fine in the browser but if i call the logout from unity it always says "user not logged in". &lt;/p&gt;
&lt;p&gt;It means the session variable is going back to NULL or the session is restarting inside the logout.php instead of resuming. How do i solve this?&lt;/p&gt;
&lt;p&gt;Login.php&lt;/p&gt;
&lt;pre&gt;&lt;code&gt;&amp;lt;?php
session_start();
 $servername="localhost";
 $username="root";
 $password="xxxx";
 $database="database";
try {
    $conn = new PDO("mysql:host=$servername;dbname=$database", $username, $password);
    // set the PDO error mode to exception
    $conn-&amp;gt;setAttribute(PDO::ATTR_ERRMODE, PDO::ERRMODE_EXCEPTION);
    // =============================================================================
    $unityHash = $_POST["unity_hash"];
    $phpHash = "hashcode"; // same code in here as in your Unity game
    $player = $_POST["form_name"]; //I use that function to protect against SQL injection
    $password = $_POST["form_password"];
    if(!$player || !$password) {
        echo "Login or password cant be empty.";
    } else {
        if ($unityHash != $phpHash){
            echo "HASH code is diferent from your game, you infidel.";
        } else {
            $sql = $conn-&amp;gt;prepare("SELECT password FROM players WHERE player = '$player' LIMIT 1");
            $sql-&amp;gt;execute();            
            if($sql-&amp;gt;rowCount() &amp;gt; 0)
            {
                    $row = $sql-&amp;gt;fetch(PDO::FETCH_ASSOC);
                    if(password_verify($password, $row['password'])){
                        echo "successfully logged in";
                        //update the state
                        $stmt = $conn-&amp;gt;prepare("UPDATE players SET state='1' WHERE player= '$player' AND password = '$row[password]'");
                        $stmt-&amp;gt;execute();   
//SESSION VARIABLE ASSIGNMENT  
                            $_SESSION["form_name"] = $player;
                            $_SESSION["form_password"] = $row['password'];
                        }
                        else{
                        echo "Wrong password";
                        }
                }
                else{
                    echo "Data invalid - cant find name.";
                }               
            }
        }
        }
    catch(PDOException $e)
        {
        echo "Error: " . $e-&amp;gt;getMessage();
        }
    $conn = null;
    ?&amp;gt;
&lt;/code&gt;&lt;/pre&gt;
&lt;p&gt;Logout.php&lt;/p&gt;
&lt;pre&gt;&lt;code&gt;&amp;lt;?php
session_start();
echo $_SESSION["form_password"];
if(isset($_SESSION["form_name"])){
    unset($_SESSION["form_name"]);
    unset($_SESSION["form_password"]);
    echo "successfully logged out"; 
}
else{
echo "user not logged in"; 
}        
?&amp;gt;
&lt;/code&gt;&lt;/pre&gt;
&lt;p&gt;I am getting the following error if i try to print $_SESSION["form_password"]&lt;/p&gt;
&lt;p&gt;&lt;code&gt;&amp;lt;b&amp;gt;Notice&amp;lt;/b&amp;gt;:  Undefined index: form_password in &amp;lt;b&amp;gt;C:\xampp\htdocs\aditya\logout.php&amp;lt;/b&amp;gt; on line &amp;lt;b&amp;gt;3&amp;lt;/b&amp;gt;&amp;lt;br /&amp;gt;&lt;/code&gt; &lt;/p&gt;
&lt;p&gt;Code inside unity&lt;/p&gt;
&lt;pre&gt;&lt;code&gt;IEnumerator LoginUser(){
        WWWForm form = new WWWForm();
        form.AddField("form_name" , form_name);
        form.AddField("form_password" , form_password );
        form.AddField("unity_hash" , unity_hash);
        WWW login = new WWW(login_url, form);
        yield return login;
        // check for errors
        if (login.error == null)
        {
            Debug.Log(login.text);
        } else {
            Debug.Log("WWW Error: "+ login.error);
        } 
    }
    IEnumerator LogoutUser(){
        WWW logout = new WWW(logout_url);
        yield return logout;
        // check for errors
        if (logout.error == null)
        {
            Debug.Log(logout.text);
        } else {
            Debug.Log("WWW Error: "+ logout.error);
        } 
    }
&lt;/code&gt;&lt;/pre&gt;</t>
  </si>
  <si>
    <t>2015-04-04 16:47:30.290000+00:00</t>
  </si>
  <si>
    <t>php|session|unity3d</t>
  </si>
  <si>
    <t>SQL query to make a column of numbers a string</t>
  </si>
  <si>
    <t>&lt;p&gt;Is it possible to convert a column of doubles in a big string:&lt;/p&gt;
&lt;p&gt;Something like:&lt;/p&gt;
&lt;pre&gt;&lt;code&gt;att1
----------
123.2
3.6
6.77
23.43
4.78
7.6
123.2
9.6
1.77
3.43
24.78
76.6
411.5
346.5
975.75
162.788
4.5
16.2
324.5
746.5
975.75
12.788
24.5
6.2
to
string = "
123.2,
3.6,
6.77,
23.43,
4.78,
7.6,
123.2,
9.6,
1.77,
3.43,
24.78,
76.6,
411.5,
346.5,
975.75,
162.788,
4.5,
16.2,
324.5,
746.5,
975.75,
12.788,
24.5,
6.2
";
&lt;/code&gt;&lt;/pre&gt;</t>
  </si>
  <si>
    <t>2011-06-16 02:56:01.073000+00:00</t>
  </si>
  <si>
    <t>2011-07-29 19:09:03.683000+00:00</t>
  </si>
  <si>
    <t>sql|sql-server|string|tsql|sql-server-2008</t>
  </si>
  <si>
    <t>How do I give all users permissions to a SQL Server 2008 instance?</t>
  </si>
  <si>
    <t>&lt;p&gt;I have created an ini file that installs/creates a SQL Server instance.  I am able to connect and modify the databases attached to this instance fine.  However, if anyone else logs onto the machine, they can start the service fine but then get errors when trying to open connections.  What I need is for all users that log into the machine to have all permissions on the SQL Server instance.  I have seleced "Windows authentication mode" when building the install.  What setting am I forgetting that will give everyone the correct permissions?&lt;/p&gt;</t>
  </si>
  <si>
    <t>2009-08-13 17:28:50.840000+00:00</t>
  </si>
  <si>
    <t>2009-08-13 17:43:59.430000+00:00</t>
  </si>
  <si>
    <t>sql-server|installation</t>
  </si>
  <si>
    <t>Python requests post blocked by server</t>
  </si>
  <si>
    <t>&lt;p&gt;I'm trying to login a site with my username and password, go to the report page, select the criteria and download the report. I'm trying to use requests to do it automatically. &lt;/p&gt;
&lt;p&gt;So far I have:&lt;/p&gt;
&lt;pre&gt;&lt;code&gt;report_page_url = 'http://url......'
signin = {username, password}
data = {
     'from_day': '1',
     'from_month': '3',
     'from_year': '2016'}
 with requests.Session() as s:
     s.post(login_url, data=signin)
     download = s.post(report_page_url, data=data)
&lt;/code&gt;&lt;/pre&gt;
&lt;p&gt;I can login the site with the first post, and download the page content of report page.&lt;/p&gt;
&lt;p&gt;However, every time I do requests.post on the report page and pass in the params to fill the form, it redirect me to a page with error messages: &lt;/p&gt;
&lt;blockquote&gt;
  &lt;p&gt;&lt;em&gt;You are attempting to modify settings from a URL that does not appear to have come from a FreePBX page link or button. This can occur if you
  manually typed in the URL below. This action has been blocked because
  the HTTP_REFERER does not match your current SERVER. If you require
  this access, you can set Check Server Referrer=false in Advanced
  Settings to disable this security check.&lt;/em&gt;&lt;/p&gt;
&lt;/blockquote&gt;
&lt;p&gt;Is there anyway to go around it ?&lt;/p&gt;
&lt;p&gt;Thanks !&lt;/p&gt;</t>
  </si>
  <si>
    <t>2016-03-03 23:49:19.563000+00:00</t>
  </si>
  <si>
    <t>2016-03-04 00:10:36.990000+00:00</t>
  </si>
  <si>
    <t>2016-03-03 23:59:31.943000+00:00</t>
  </si>
  <si>
    <t>python|python-requests</t>
  </si>
  <si>
    <t>Cannot run shell (which) command in PHP code</t>
  </si>
  <si>
    <t>&lt;p&gt;So I am working with Flyway and I run specific commands using PHP exec() function:&lt;/p&gt;
&lt;pre&gt;&lt;code&gt;exec('/path/absolute/flyway info');
&lt;/code&gt;&lt;/pre&gt;
&lt;p&gt;These commands work as long as I specify the absolute path, but that may vary depending on the machines that it will be working on. That is why I want to use a variable which determines that absolute path, through the command &lt;code&gt;exec('which flyway')&lt;/code&gt;.&lt;/p&gt;
&lt;p&gt;The thing is that this returns a null value, even though when I write it directly in shell I get the desired result. I also tried using the php interactive shell &lt;code&gt;php -a&lt;/code&gt;, where if I run the command &lt;code&gt;echo exec('which flyway')&lt;/code&gt; it also returns the desired path, altough when I write it directly in my code, I get the NULL result.&lt;/p&gt;
&lt;p&gt;Note that if I want to verify the absolute path of php (&lt;code&gt;which php&lt;/code&gt;), I can do that in the shell, php -a or in my code, and it returns the desired result in all three cases. So the &lt;code&gt;which flyway&lt;/code&gt; command is the only one that has a null result in my code.&lt;/p&gt;
&lt;p&gt;Can anyone please help me in this matter ?&lt;/p&gt;</t>
  </si>
  <si>
    <t>2018-05-07 08:38:48.803000+00:00</t>
  </si>
  <si>
    <t>2018-05-07 08:45:10.760000+00:00</t>
  </si>
  <si>
    <t>php|shell|ssh|flyway</t>
  </si>
  <si>
    <t>how to send json object from server to jsp and receive a response on jsp</t>
  </si>
  <si>
    <t>&lt;p&gt;My java server receives JSON from JSP and make some operation and I try to send JSON object to JSON in the following way:&lt;/p&gt;
&lt;pre&gt;&lt;code&gt;protected void doGet(HttpServletRequest request, HttpServletResponse response) throws ServletException, IOException 
{
    JSONObject newObj = new JSONObject();
    try {
        newObj = new JSONObject(request.getParameter("jsonData"));
    } catch (JSONException e) {
        e.printStackTrace();
    }
    int  val2 = 0;
    int val1 = 0;
    try {
        val2 = Integer.parseInt(newObj.getJSONObject("mydata").getString("number2"));
        val1 = Integer.parseInt(newObj.getJSONObject("mydata").getString("number1"));
    } catch (JSONException e) {
        e.printStackTrace();
    }
    System.out.println(val2 + val1);
    Double d =  Math.pow(val1, 2);
    PrintWriter writer = response.getWriter();
    JSONObject obj=new JSONObject();
    try {
        obj.put("results",d);
        obj.put("resultText","foo");
    } catch (JSONException e) {
        e.printStackTrace();
    }
    writer.println(obj);
    writer.flush();
    System.out.println(d);
}
&lt;/code&gt;&lt;/pre&gt;
&lt;p&gt;My JSP where I send JSON to server and try to receive JSON object response from server   &lt;/p&gt;
&lt;pre&gt;&lt;code&gt;&amp;lt;body&amp;gt;
   &amp;lt;h3&amp;gt;Please enter a number to Square : &amp;lt;/h3&amp;gt;
   &amp;lt;input style="width: 33px; margin-left: 2px; " type="text" id="number1" name="number1"&amp;gt;
   &amp;lt;input style="width: 33px; margin-left: 2px;" type="text" id="number2" name="number2"&amp;gt;
   &amp;lt;input type="button" onclick="callServlet();" value="Calc"&amp;gt;
   &amp;lt;input style="font-family: cursive; border:none" type="text"   id="result" /&amp;gt;
   &amp;lt;input style="font-family: cursive; border:none; width: 100%" type="text"  value=""  id="resultText" /&amp;gt;
 &amp;lt;/body&amp;gt;
 &amp;lt;script&amp;gt;
        function callServlet() {
            var input1 = document.getElementById('number1').value;
            var input2 = document.getElementById('number2').value;
            var myData = {"mydata": {"number1": input1, "number2": input2}};
            $.ajax({
                type: "GET",
                url: "/AjaxServletCalculator",
                data: {jsonData: JSON.stringify(myData)},
                dataType: "json",
                //if received a response from the server
                success: function (data) {
                    //our country code was correct so we have some information to display
                        var json = JSON.parse(data);        
                        alert(json["resultText"]);        
                       /*document.getElementById('number1').value = data.*/        
                }
            });
        }
 &amp;lt;/script&amp;gt;
&lt;/code&gt;&lt;/pre&gt;
&lt;p&gt;pleas help find the problem on which the program does not work &lt;/p&gt;</t>
  </si>
  <si>
    <t>2014-12-03 19:00:16.303000+00:00</t>
  </si>
  <si>
    <t>2017-04-08 11:05:09.830000+00:00</t>
  </si>
  <si>
    <t>javascript|java|json|jsp</t>
  </si>
  <si>
    <t>Image slider in Google Map's Infobox</t>
  </si>
  <si>
    <t>&lt;p&gt;I am having the Infobox (a Infowindow with more controls) popup when the user clicks on a marker on the map. In this popup window, I am currently trying to insert a jQuery image slider, in particular NivoSlider.&lt;/p&gt;
&lt;p&gt;&lt;strong&gt;Problem:&lt;/strong&gt;
However, this image slider only works when its on a normal HTML page, and does not work at all when inside the Infobox. I need the image to work &lt;strong&gt;inside&lt;/strong&gt; the infobox.&lt;/p&gt;
&lt;p&gt;&lt;strong&gt;jQuery/JS Code&lt;/strong&gt;&lt;/p&gt;
&lt;p&gt;&lt;em&gt;The part that loads the jQuery image slider is enclosed by &lt;code&gt;&amp;lt;div id="slider class="nivoSlider"&amp;gt;&amp;lt;img...../&amp;gt;&amp;lt;img....../&amp;gt;&amp;lt;/div&amp;gt;"&lt;/code&gt;&lt;/em&gt;&lt;/p&gt;
&lt;pre&gt;&lt;code&gt;$(window).load(function() {
&lt;/code&gt;&lt;/pre&gt;
&lt;p&gt;$('#slider').nivoSlider();             //loads the nivoslider in the div #slider&lt;/p&gt;
&lt;p&gt;$("#search_button").click(function(e){
        e.preventDefault();
        var search_location = $("#search_location").val();
        $.getJSON(........................., function() {&lt;/p&gt;
&lt;pre&gt;&lt;code&gt;        for( i = 0; i &amp;lt; json.length; i++) {
            // Place markers on map
            var latLng = new google.maps.LatLng(json[i].lat, json[i].lng);
            var marker = new google.maps.Marker({
                position: latLng,
                map: map
            });
            markers.push(marker);
            // Create infowindows
            var boxText = '&amp;lt;div id="infobox"&amp;gt; \
                                &amp;lt;div id="infobox_header_title"&amp;gt; \
                                    &amp;lt;span id="infobox_header_price"&amp;gt;$' + json[i].price + '&amp;lt;/span&amp;gt; \
                                    &amp;lt;span id="infobox_header_room"&amp;gt;' + json[i].bedroom + 'br &amp;lt;/span&amp;gt; \
                                    &amp;lt;span id="infobox_header_address"&amp;gt;' + json[i].address_1 + '&amp;lt;/span&amp;gt; \
                                &amp;lt;/div&amp;gt; \
                                &amp;lt;div id="slider" class="nivoSlider"&amp;gt; \
                                    &amp;lt;img src="/images/cl/' +  json[i].photos[0] + '.jpg" /&amp;gt; \
                                    &amp;lt;img src="/images/cl/' +  json[i].photos[1] + '.jpg" /&amp;gt; \
                                &amp;lt;/div&amp;gt; \
                            &amp;lt;/div&amp;gt;';
            var infoboxOptions = {
                content: boxText,
                disableAutoPan: false,
                maxWidth: 0,
                pixelOffset: new google.maps.Size(-140, 0),
                zIndex: null,
                boxStyle: { 
                },
                closeBoxMargin: "10px 2px 2px 2px",
                closeBoxURL: "http://www.google.com/intl/en_us/mapfiles/close.gif",
                infoBoxClearance: new google.maps.Size(1, 1),
                isHidden: true,
                pane: "floatPane",
                enableEventPropagation: false
                };
            var infobox = new InfoBox(infoboxOptions);
            infobox.open(map, markers[i]);
            infoboxes.push(infobox);
            // Create Listeners
            markers[i]._index = i;
            google.maps.event.addListener(markers[i], 'click', function() {
                //infoboxes[this._index].open(map, markers[i]);
                infoboxes[this._index].show();
            });
        };
        // Fill screen with markers
        mapAutoCenter(markers);
    });
&lt;/code&gt;&lt;/pre&gt;
&lt;p&gt;&lt;strong&gt;What I think is causing this:&lt;/strong&gt; Probably something to do with the &lt;code&gt;&amp;lt;div&amp;gt;&lt;/code&gt; in the infobox not being created when the &lt;code&gt;$('#slider').nivoSlider()&lt;/code&gt; is called right at the start&lt;/p&gt;
&lt;p&gt;&lt;strong&gt;Additional Info:&lt;/strong&gt; I'm using Google Maps API V3, with PHP and Codeigniter framework.&lt;/p&gt;</t>
  </si>
  <si>
    <t>2011-10-22 02:21:43.470000+00:00</t>
  </si>
  <si>
    <t>2011-10-22 04:36:39.370000+00:00</t>
  </si>
  <si>
    <t>javascript|jquery|google-maps|google-maps-api-3|nivo-slider</t>
  </si>
  <si>
    <t>node.js stubbing AWS S3 method in request spec with sinon</t>
  </si>
  <si>
    <t>&lt;p&gt;I've got an &lt;code&gt;express&lt;/code&gt; based app running on &lt;code&gt;node.js 0.12.2&lt;/code&gt; which uses the &lt;code&gt;s3.headBucket&lt;/code&gt; method from &lt;code&gt;aws-sdk 2.1.22&lt;/code&gt; to return a JSON response depending upon whether a particular bucket exists or not.  &lt;/p&gt;
&lt;p&gt;I've been struggling to directly stub out the call to &lt;code&gt;s3.headBucket&lt;/code&gt; with sinon.  I've managed to work around this by creating an s3wrapper module which just requires the &lt;code&gt;aws-sdk&lt;/code&gt; and instantiates and returns the &lt;code&gt;s3&lt;/code&gt; variable, however, I'm sure this can be done without using the wrapper module and can instead be stubbed directly with sinon, can anyone point me in the right direction?&lt;/p&gt;
&lt;p&gt;Below is the currently working code (with the wrapper module &lt;code&gt;s3wrapper.js&lt;/code&gt; which I'd like to remove and handle the stubbing in my &lt;code&gt;status_router_spec.js&lt;/code&gt; file). In other words, I'd like to be able to call &lt;code&gt;s3.headBucket({Bucket: 'whatever' ...&lt;/code&gt; instead of &lt;code&gt;s3wrapper.headBucket({Bucket: ' ...&lt;/code&gt; and be able to stub out this &lt;code&gt;s3.headBucket&lt;/code&gt; call with my own response.&lt;/p&gt;
&lt;p&gt;&lt;strong&gt;status_router_spec.js&lt;/strong&gt;&lt;/p&gt;
&lt;pre&gt;&lt;code&gt;var chai = require('chai'),
    sinon = require('sinon'),
    request = require('request'),
    myHelper = require('../request_helper')
var expect = chai.expect
var s3wrapper = require('../../helpers/s3wrapper')
describe('My router', function () {
  describe('checking the service status', function () {
    var headBucketStub
    beforeEach(function () {
      headBucketStub = sinon.stub(s3wrapper, 'headBucket')
    })
    afterEach(function () {
      s3wrapper.headBucket.restore()
    })
    describe('when no errors are returned', function () {
      it('returns healthy response', function (done) {
        // pass null to represent no errors
        headBucketStub.yields(null)
        request.get(myHelper.appUrl('/status'), function (err, resp, body) {
          if (err) { done(err) }
          expect(JSON.parse(body)).to.deep.eql({
            healthy: true,
            message: 'success'
          })
          done()
        })
      })
    })
  })
})
&lt;/code&gt;&lt;/pre&gt;
&lt;p&gt;&lt;strong&gt;s3wrapper.js&lt;/strong&gt;&lt;/p&gt;
&lt;pre&gt;&lt;code&gt;var AWS = require('aws-sdk')
var s3 = new AWS.S3()
module.exports = s3
&lt;/code&gt;&lt;/pre&gt;
&lt;p&gt;&lt;strong&gt;status_router.js&lt;/strong&gt;&lt;/p&gt;
&lt;pre&gt;&lt;code&gt;var Router = require('express').Router
var s3wrapper = require('../helpers/s3wrapper.js')
var router = new Router()
function statusHandler (req, res) {     
  s3wrapper.headBucket({Bucket: 'some-bucket-id'}, function (err) {
    if (err) {
      return res.json({ healthy: false, message: err })
    } else {
      return res.json({ healthy: true, message: 'success' })
    }
  })
}
router.get(/^\/status\/?$/, statusHandler)
module.exports = router
&lt;/code&gt;&lt;/pre&gt;</t>
  </si>
  <si>
    <t>2015-04-29 07:28:40.297000+00:00</t>
  </si>
  <si>
    <t>2018-07-16 14:51:03.753000+00:00</t>
  </si>
  <si>
    <t>2015-04-30 09:09:35.517000+00:00</t>
  </si>
  <si>
    <t>node.js|amazon-s3|sinon|aws-sdk</t>
  </si>
  <si>
    <t>Backbone Sinon Fake Server - test server 404 (500) error response</t>
  </si>
  <si>
    <t>&lt;p&gt;There are millions of examples and blogs how to create a sinon fakeServer response to 200 OK ajax request, but I can't find any example how to test server error properly.&lt;/p&gt;
&lt;p&gt;I have a Backbone Model with "check" function which looks like this: &lt;/p&gt;
&lt;pre class="lang-js prettyprint-override"&gt;&lt;code&gt;check: function(callback){
            this.fetch({
                success: function(model, response){
                    if(response.authenticated){
                        if('success' in callback) callback.success(model, response);
                    } else {
                        if('error' in callback) callback.error(model, response);
                    }
                },
                error: function(model, response){
                    if('error' in callback) callback.error(model, response.responseJSON[0]);
                }
            });
        }
&lt;/code&gt;&lt;/pre&gt;
&lt;p&gt;Than I'm testing this function with Sinon - here it goes:&lt;/p&gt;
&lt;pre class="lang-js prettyprint-override"&gt;&lt;code&gt;it("should call callback error on server error", function(done){
                var clock = sinon.useFakeTimers();
                this.callback = {
                    success:  sinon.spy(),
                    error: sinon.spy()
                };
                this.server.respondWith("GET", "/api/session", [
                    404,
                    { "Content-Type": "application/json" },
                    '[{"test":"error"}]'
                ]);
                this.model.once('error', function(){
                    expect(this.callback.error.callCount).to.equal(1);
                    expect(this.callback.error.called).to.be.ok;
                    done();
                }, this);
                this.model.check(this.callback);
                //why clock has to be set here at min 10ms?
                clock.tick(10);
            });
&lt;/code&gt;&lt;/pre&gt;
&lt;p&gt;The test doesn't behave properly until I add clock.tick with at least 10ms value.
The callback.error is handled properly even without clock.tick, but the test is not working then. &lt;/p&gt;
&lt;p&gt;Can someone please explain it to me what is going on here ? Am I mixing some concepts ?&lt;/p&gt;
&lt;p&gt;Thanks&lt;/p&gt;</t>
  </si>
  <si>
    <t>2015-07-02 18:16:08.197000+00:00</t>
  </si>
  <si>
    <t>javascript|server|http-status-code-404|sinon</t>
  </si>
  <si>
    <t>Error when MySQLx tries to parse an expression (Nodejs)</t>
  </si>
  <si>
    <t>&lt;p&gt;I have downloaded the @mysql/xDevApi from NPM repository 
&lt;a href="http://npmjs.com/package/@mysql/xdevapi" rel="nofollow noreferrer"&gt; @mysql/xdevapi&lt;/a&gt; and its version is 1.0.5&lt;/p&gt;
&lt;p&gt;&lt;strong&gt;I am getting errors after trying out 2 different ways:-&lt;/strong&gt;&lt;/p&gt;
&lt;ol&gt;
&lt;li&gt;&lt;p&gt;collection.find("$.name == :name") .bind('name','Test') 
-&gt; Here it is giving name is undefined&lt;/p&gt;&lt;/li&gt;
&lt;li&gt;&lt;p&gt;collection.find(name == :name") .bind('name','Test') 
-&gt;Here it is giving "Expecting '.', '(', got 'like'" error&lt;/p&gt;&lt;/li&gt;
&lt;/ol&gt;
&lt;p&gt;Any idea on how to use this and which is the correct one? Or is there any other solution? I need to bind parameters. &lt;/p&gt;
&lt;p&gt;Kindly suggest! Thank You!&lt;/p&gt;</t>
  </si>
  <si>
    <t>2017-01-17 10:32:41.907000+00:00</t>
  </si>
  <si>
    <t>2017-01-17 10:55:50.310000+00:00</t>
  </si>
  <si>
    <t>2017-01-17 10:44:02.593000+00:00</t>
  </si>
  <si>
    <t>mysql|node.js|npm|npm-install</t>
  </si>
  <si>
    <t>Reading LastModifiedDate for aws-s3 via Jets3t fails in Java-8 but succeeds in Java-7</t>
  </si>
  <si>
    <t>&lt;p&gt;JetS3t fails to get LastModifiedDate for existing S3 object in Java 8 but succeeds in Java 7.&lt;/p&gt;
&lt;pre&gt;&lt;code&gt;package JsTest
import org.jets3t.service.S3Service;
import org.jets3t.service.ServiceException;
import org.jets3t.service.impl.rest.httpclient.RestS3Service;
import org.jets3t.service.model.S3Object;
import org.jets3t.service.security.AWSCredentials;
public class Jetsettester {
public static void main(String[] args) {
    String awsAccessKey = "&amp;lt;access_key&amp;gt;";
    String awsSecretKey = "&amp;lt;secret&amp;gt;";
    AWSCredentials awsCredentials = new AWSCredentials(awsAccessKey, awsSecretKey);
    S3Service s3Service = new RestS3Service(awsCredentials);
    try {
        S3Object objectDetailsOnly = (S3Object) s3Service.getObjectDetails("ENTER_BUCKET_NAME", "EXISTING_SAMPLE_KEY.TXT");
        Object md = objectDetailsOnly.getMetadata("Last-Modified"); // Object type is 'String' in Java 8 - and 'Date' in Java 7
        Date dt = objectDetailsOnly.getLastModifiedDate(); // Hence, raises ClassCastException only in Java 8 . In Java 7 - it is correct Date class
    } catch (ServiceException e) {
        e.printStackTrace();
    }
}
}
&lt;/code&gt;&lt;/pre&gt;
&lt;ol&gt;
&lt;li&gt;Ensure a bucket and key exists in Amazon S3. Add it in the code below along with AWS secret and key&lt;/li&gt;
&lt;li&gt;Run the above code using Java 7 it runs successfully. More specifically, the return type of Object md is type String and return type Date dt is Date.&lt;/li&gt;
&lt;li&gt;Repeat with Java 8 it fails with a ClassCastException. More specifically, JetS3t is is returning a String date - instead of Date object. &lt;/li&gt;
&lt;/ol&gt;
&lt;p&gt;I think there are two header values - one for 'Last-Modified' and other for lowercase 'last-modified' but I dont know more than that. Can someone help?&lt;/p&gt;</t>
  </si>
  <si>
    <t>2015-05-15 23:09:13.330000+00:00</t>
  </si>
  <si>
    <t>2016-02-02 04:57:21.090000+00:00</t>
  </si>
  <si>
    <t>java|amazon-s3|java-8|java-7|jets3t</t>
  </si>
  <si>
    <t>move to another php page using javascript</t>
  </si>
  <si>
    <t>&lt;p&gt;I'm trying to move from page to another after clicking on li goes to javascript function that have the request to go to another page . &lt;/p&gt;
&lt;p&gt;Here is my js code :  &lt;/p&gt;
&lt;pre&gt;&lt;code&gt;function profile(usertype){
 alert(usertype);
 window.location="comehere.php";
}
&lt;/code&gt;&lt;/pre&gt;
&lt;p&gt;index.php page code :   &lt;/p&gt;
&lt;pre&gt;&lt;code&gt;&amp;lt;!DOCTYPE html&amp;gt;
&amp;lt;html&amp;gt;
&amp;lt;head&amp;gt;
 &amp;lt;script src="style.js"&amp;gt;&amp;lt;/script&amp;gt;
 &amp;lt;/head&amp;gt;
&amp;lt;body&amp;gt;
 &amp;lt;div id="Menu-bar" &amp;gt;
   &amp;lt;ul&amp;gt;
  &amp;lt;li style="position:absolute;left:430px;Top:0;"&amp;gt;&amp;lt;a 
   href="javascript:profile('Admin');" class="active" id="report-print"&amp;gt;
     &amp;lt;img src="images/users.png"&amp;gt;&amp;lt;/a&amp;gt;&amp;lt;/li&amp;gt;
   &amp;lt;/div&amp;gt;
 &amp;lt;/ul&amp;gt;
 &amp;lt;/body&amp;gt;
&lt;/code&gt;&lt;/pre&gt;
&lt;p&gt;comehre.php page : &lt;/p&gt;
&lt;pre&gt;&lt;code&gt;&amp;lt;!DOCTYPE html&amp;gt;
&amp;lt;html&amp;gt;
 &amp;lt;head&amp;gt;
&amp;lt;h1&amp;gt;HALLOOOOOOOOOOOO  &amp;lt;/h1&amp;gt;
&amp;lt;/head&amp;gt;
&lt;/code&gt;&lt;/pre&gt;
&lt;p&gt;By clicking on &lt;code&gt;li&lt;/code&gt;,I only get the alert and doesn't move to another page , why?&lt;/p&gt;</t>
  </si>
  <si>
    <t>2018-01-07 17:46:52.630000+00:00</t>
  </si>
  <si>
    <t>2018-01-07 18:13:25.057000+00:00</t>
  </si>
  <si>
    <t>2018-01-07 17:51:41.350000+00:00</t>
  </si>
  <si>
    <t>Timepicker with DialogFragment xamarin android</t>
  </si>
  <si>
    <t>&lt;p&gt;I am opening timepicker in dialogfragment in my fragment class.&lt;/p&gt;
&lt;pre&gt;&lt;code&gt;var dialog = new TimePickerDialogFragment(_activity, DateTime.Now, new OnTimeSetListener());
                    dialog.Cancelable = false;
                    dialog.Show(_fg, null);
&lt;/code&gt;&lt;/pre&gt;
&lt;p&gt;Here TimePickerDialogFragment extends DialogFragment.&lt;/p&gt;
&lt;pre&gt;&lt;code&gt;public class TimePickerDialogFragment : DialogFragment    
{        
private Activity _activity;
private DateTime _date;
private readonly TimePickerDialog.IOnTimeSetListener _listener;
        public TimePickerDialogFragment(Activity activity, DateTime date, TimePickerDialog.IOnTimeSetListener listener)
        {
            _activity = activity;
            _date = date;
            _listener = listener;
        }
        public override Dialog OnCreateDialog(Bundle savedState)
    {
        var dialog = new TimePickerDialog(_activity, _listener, _date.Hour, _date.Minute, true);
        dialog.SetTitle("Enter Time"+ DateTime.Now.ToString());
        return dialog;
    }
    }
&lt;/code&gt;&lt;/pre&gt;
&lt;p&gt;Here is my listener class&lt;/p&gt;
&lt;pre&gt;&lt;code&gt;public class OnTimeSetListener : Java.Lang.Object, TimePickerDialog.IOnTimeSetListener 
    {
      public void OnTimeSet(TimePicker view, int hourOfDay, int minute)
      {
      }
    }
&lt;/code&gt;&lt;/pre&gt;
&lt;p&gt;Now I want to update the title as soon as user selects a new time while the pop up is opened. The OnTimeSet is called when I click on set button on popup.I don't want to update there. How can I achieve this?
Is there any other way to open timepicker dialog apart from this that I can try?
I am new to android. Any help is appreciated.&lt;/p&gt;</t>
  </si>
  <si>
    <t>2016-05-02 08:07:37.157000+00:00</t>
  </si>
  <si>
    <t>2016-05-02 08:24:29.907000+00:00</t>
  </si>
  <si>
    <t>2016-05-02 08:18:18.433000+00:00</t>
  </si>
  <si>
    <t>android|xamarin|timepicker|android-timepicker|timepickerdialog</t>
  </si>
  <si>
    <t>ionic2: How to do calculations in form?</t>
  </si>
  <si>
    <t>&lt;p&gt;I have a form with product rate and quantity inputs. I need to calculate the value (rate * quantity) and assign the value to amount input field.&lt;/p&gt;
&lt;p&gt;Please find the code snippet below:&lt;/p&gt;
&lt;pre&gt;&lt;code&gt;  &amp;lt;form [formGroup]="additemForm" (ngSubmit)="submit(additemForm.value)" &amp;gt;
  &amp;lt;ion-row&amp;gt;
    &amp;lt;ion-col&amp;gt;
      &amp;lt;ion-list inset&amp;gt;            
        &amp;lt;ion-item&amp;gt;
          &amp;lt;ion-label&amp;gt;Product :&amp;lt;/ion-label&amp;gt;
          &amp;lt;ion-select formControlName="product"&amp;gt;
              &amp;lt;ion-option *ngFor="let product of productArray" value="{{product.code}}" selected="false"&amp;gt;{{product.name}}&amp;lt;/ion-option&amp;gt;
          &amp;lt;/ion-select&amp;gt;
        &amp;lt;/ion-item&amp;gt; 
        &amp;lt;ion-item&amp;gt;
          &amp;lt;ion-label&amp;gt;QUANTITY :&amp;lt;/ion-label&amp;gt;
          &amp;lt;ion-input type="number" formControlName="qty"&amp;gt;&amp;lt;/ion-input&amp;gt;
        &amp;lt;/ion-item&amp;gt;             
        &amp;lt;ion-item&amp;gt;
          &amp;lt;ion-label&amp;gt;RATE:&amp;lt;/ion-label&amp;gt;
          &amp;lt;ion-input type="number" formControlName="rate"&amp;gt;&amp;lt;/ion-input&amp;gt;
        &amp;lt;/ion-item&amp;gt;
        &amp;lt;ion-item&amp;gt;
          &amp;lt;ion-label&amp;gt;Value :&amp;lt;/ion-label&amp;gt;
          &amp;lt;ion-input type="number" formControlName="value"&amp;gt;&amp;lt;/ion-input&amp;gt;
        &amp;lt;/ion-item&amp;gt;                         
      &amp;lt;/ion-list&amp;gt;
    &amp;lt;/ion-col&amp;gt;
  &amp;lt;/ion-row&amp;gt;
  &amp;lt;ion-row&amp;gt;
    &amp;lt;ion-col class="signup-col"&amp;gt;
      &amp;lt;button ion-button class="submit-btn"  type="submit" [disabled]="!additemForm.valid"&amp;gt;Submit&amp;lt;/button&amp;gt;
      &amp;lt;button ion-button type="button" (click)='cancel()' &amp;gt;Cancel&amp;lt;/button&amp;gt;
    &amp;lt;/ion-col&amp;gt;
  &amp;lt;/ion-row&amp;gt;      
  &amp;lt;/form&amp;gt;
&lt;/code&gt;&lt;/pre&gt;</t>
  </si>
  <si>
    <t>2017-02-22 17:01:50.747000+00:00</t>
  </si>
  <si>
    <t>2017-02-23 10:51:21.100000+00:00</t>
  </si>
  <si>
    <t>ionic-framework|ionic2</t>
  </si>
  <si>
    <t>How to know if your sms filter extension is enable in iOS settings?</t>
  </si>
  <si>
    <t>&lt;p&gt;When we add an extension to our application for example by filtering SMS&lt;/p&gt;
&lt;p&gt;Add extension:&lt;/p&gt;
&lt;p&gt;&lt;a href="https://i.stack.imgur.com/7m9jn.png" rel="nofollow noreferrer"&gt;&lt;img src="https://i.stack.imgur.com/7m9jn.png" alt="enter image description here"&gt;&lt;/a&gt;&lt;/p&gt;
&lt;p&gt;After launching our application on the device (hereinafter referred to as the host app), we need to activate our extension in the iOS settings in the message section:&lt;/p&gt;
&lt;p&gt;Enable extension:&lt;/p&gt;
&lt;p&gt;&lt;a href="https://i.stack.imgur.com/7NPJW.jpg" rel="nofollow noreferrer"&gt;&lt;img src="https://i.stack.imgur.com/7NPJW.jpg" alt="enter image description here"&gt;&lt;/a&gt;&lt;/p&gt;
&lt;p&gt;How in the host app to know the status of the extension, is it active in the settings or not?&lt;/p&gt;
&lt;p&gt;I need to know the state in order to ask the user to activate the extension or not to ask the user to activate the extension, and instead show other content in the host app&lt;/p&gt;</t>
  </si>
  <si>
    <t>2018-10-25 12:37:57.027000+00:00</t>
  </si>
  <si>
    <t>2018-10-25 12:52:43.060000+00:00</t>
  </si>
  <si>
    <t>ios|swift|settings</t>
  </si>
  <si>
    <t>'NSInvalidArgumentException', reason: '-[UIView animateToCameraPosition:]: unrecognized selector sent to instance 0x7f8ae45033a0'</t>
  </si>
  <si>
    <t>&lt;p&gt;I'm trying to get my iOS project to launch with my current location enabled on google maps. However, I am getting the following error:&lt;/p&gt;
&lt;blockquote&gt;
  &lt;p&gt;'NSInvalidArgumentException', reason: '-[UIView animateToCameraPosition:]: unrecognized selector sent to instance 0x7f8ae45033a0'&lt;/p&gt;
&lt;/blockquote&gt;
&lt;p&gt;I have already added &lt;code&gt;-ObjC&lt;/code&gt; to other linker flags for debug and release and I still receive that error. I am not sure what to do.&lt;/p&gt;</t>
  </si>
  <si>
    <t>2017-04-23 20:38:56.277000+00:00</t>
  </si>
  <si>
    <t>2017-04-23 20:43:36.313000+00:00</t>
  </si>
  <si>
    <t>ios|objective-c|google-maps</t>
  </si>
  <si>
    <t>Custom taxonomies Dropdown without a Submit Button using JavaScript</t>
  </si>
  <si>
    <t>&lt;p&gt;I Developing one project and I stuck in small thing which is very small for PHP Expert :D Which i'm not&lt;/p&gt;
&lt;p&gt;I'm Trying to make Dropdown list of Custom taxonomies which work on select go to that Custom taxonomies page.&lt;/p&gt;
&lt;p&gt;But After lot of search I found Solution But not doing action to go to the selected Custom taxonomies&lt;/p&gt;
&lt;p&gt;First I found&lt;/p&gt;
&lt;pre&gt;&lt;code&gt;&amp;lt;?php wp_dropdown_categories( 'taxonomy=my_custom_taxonomy' ); ?&amp;gt;
&lt;/code&gt;&lt;/pre&gt;
&lt;p&gt;Second I found&lt;/p&gt;
&lt;pre&gt;&lt;code&gt;function fjarrett_custom_taxonomy_dropdown( $taxonomy ) {
$terms = get_terms( $taxonomy );
if ( $terms ) {
    printf( '&amp;lt;select name="%s" class="postform"&amp;gt;', esc_attr( $taxonomy ) );
    foreach ( $terms as $term ) {
        printf( '&amp;lt;option value="%s"&amp;gt;%s&amp;lt;/option&amp;gt;', esc_attr( $term-&amp;gt;slug ), esc_html( $term-&amp;gt;name ) );
    }
    print( '&amp;lt;/select&amp;gt;' );
}
}
&lt;/code&gt;&lt;/pre&gt;
&lt;p&gt;Which I can use when I insert in any page code billow&lt;/p&gt;
&lt;pre&gt;&lt;code&gt;&amp;lt;?php fjarrett_custom_taxonomy_dropdown( 'my_custom_taxonomy' ); ?&amp;gt;
&lt;/code&gt;&lt;/pre&gt;
&lt;blockquote&gt;
  &lt;p&gt;Credit
  &lt;a href="https://frankiejarrett.com/2011/09/create-a-dropdown-of-custom-taxonomies-in-wordpress-the-easy-way/" rel="nofollow noreferrer"&gt;https://frankiejarrett.com/2011/09/create-a-dropdown-of-custom-taxonomies-in-wordpress-the-easy-way/&lt;/a&gt;&lt;/p&gt;
&lt;/blockquote&gt;
&lt;p&gt;BUT I DON'T KNOW NOW HOW I GONNA MAKE IT WORKING&lt;/p&gt;
&lt;p&gt;Hope you can help me to find solution that from above any one solution can I able to make select and go thing.&lt;/p&gt;
&lt;hr&gt;
&lt;p&gt;Thanks in advance&lt;/p&gt;
&lt;h2&gt;POSSIBLE ANSWER - 1&lt;/h2&gt;
&lt;p&gt;I Found Possible Answer&lt;/p&gt;
&lt;pre&gt;&lt;code&gt;&amp;lt;form id="category-select" class="category-select" action="&amp;lt;?php echo esc_url( home_url( '/' ) ); ?&amp;gt;" method="get"&amp;gt;
    &amp;lt;?php
    $args = array(
        'show_option_none' =&amp;gt; __( 'Select category' ),
        'show_count'       =&amp;gt; 1,
        'orderby'          =&amp;gt; 'name',
        'name'             =&amp;gt; 'cat',
        'echo'             =&amp;gt; 0,
        'taxonomy'         =&amp;gt; 'MyCustomTaxonomys',
        'value_field'      =&amp;gt; 'slug'
    );
    ?&amp;gt;
    &amp;lt;?php $select  = wp_dropdown_categories( $args ); ?&amp;gt;
    &amp;lt;?php $replace = "&amp;lt;select$1 onchange='return this.form.submit()'&amp;gt;"; ?&amp;gt;
    &amp;lt;?php $select  = preg_replace( '#&amp;lt;select([^&amp;gt;]*)&amp;gt;#', $replace, $select ); ?&amp;gt;
    &amp;lt;?php echo $select; ?&amp;gt;
    &amp;lt;noscript&amp;gt;
        &amp;lt;input type="submit" value="View" /&amp;gt;
    &amp;lt;/noscript&amp;gt;
&amp;lt;/form&amp;gt;
&lt;/code&gt;&lt;/pre&gt;
&lt;p&gt;It Give me URL &lt;/p&gt;
&lt;blockquote&gt;
  &lt;p&gt;www.website.com/?cat=xxx  where xxx is my custom taxonomy&lt;/p&gt;
&lt;/blockquote&gt;
&lt;p&gt;But I Want URL &lt;/p&gt;
&lt;blockquote&gt;
  &lt;p&gt;www.website.com/cat/xxx  where xxx is my custom taxonomy&lt;/p&gt;
&lt;/blockquote&gt;
&lt;p&gt;Is it possible? &lt;/p&gt;</t>
  </si>
  <si>
    <t>2017-10-24 07:45:15.570000+00:00</t>
  </si>
  <si>
    <t>2017-10-25 01:21:04.153000+00:00</t>
  </si>
  <si>
    <t>2017-10-25 01:00:13.540000+00:00</t>
  </si>
  <si>
    <t>javascript|php|jquery|wordpress</t>
  </si>
  <si>
    <t>jQuery Set height of 2 independent lists first list li the same height as second li</t>
  </si>
  <si>
    <t>&lt;p&gt;I have this HTML code:&lt;/p&gt;
&lt;pre&gt;&lt;code&gt;&amp;lt;div class="inner"&amp;gt;
    &amp;lt;div class="label fivecol"&amp;gt;
        &amp;lt;ul class="extraQuestionName"&amp;gt;
            &amp;lt;li&amp;gt;Amount Of Bedrooms&amp;lt;/li&amp;gt;
            &amp;lt;li&amp;gt;Year Built:&amp;lt;/li&amp;gt;
            &amp;lt;li&amp;gt;Amount Of Bathrooms&amp;lt;/li&amp;gt;
            &amp;lt;li&amp;gt;City:&amp;lt;/li&amp;gt;
            &amp;lt;li&amp;gt;Amount Of Stables&amp;lt;/li&amp;gt;
            &amp;lt;li&amp;gt;Amount Of Paddocks&amp;lt;/li&amp;gt;
            &amp;lt;li&amp;gt;Approximate Acres:&amp;lt;/li&amp;gt;
        &amp;lt;/ul&amp;gt;
    &amp;lt;/div&amp;gt;
    &amp;lt;div class="data sevencol last"&amp;gt;
        &amp;lt;ul class="extraQuestionValue"&amp;gt;
            &amp;lt;li&amp;gt;2-4&amp;lt;/li&amp;gt;
            &amp;lt;li&amp;gt;2005&amp;lt;/li&amp;gt;
            &amp;lt;li&amp;gt;0-2&amp;lt;/li&amp;gt;
            &amp;lt;li&amp;gt;Norwich&amp;lt;/li&amp;gt;
            &amp;lt;li&amp;gt;0 - 2&amp;lt;/li&amp;gt;
            &amp;lt;li&amp;gt;5 - 7&amp;lt;/li&amp;gt;
            &amp;lt;li&amp;gt;5&amp;lt;/li&amp;gt;
        &amp;lt;/ul&amp;gt;
    &amp;lt;/div&amp;gt;
&amp;lt;/div&amp;gt;
&lt;/code&gt;&lt;/pre&gt;
&lt;p&gt;I require the second lists li element to be the same height as that matched li from the first list if that makes sense.&lt;/p&gt;
&lt;p&gt;These elements are dynamic and the amounts of the list items change but they always come in matched pairs.&lt;/p&gt;
&lt;p&gt;Does anyone have any idea how I could accomplish this in jQuery as I really have no idea.&lt;/p&gt;
&lt;p&gt;Cheers.&lt;/p&gt;</t>
  </si>
  <si>
    <t>2013-07-19 14:31:37.117000+00:00</t>
  </si>
  <si>
    <t>2013-07-19 14:35:25.777000+00:00</t>
  </si>
  <si>
    <t>jquery|sizing</t>
  </si>
  <si>
    <t>How to Pass MULTIPLE filenames to a Context Menu Shell Command?</t>
  </si>
  <si>
    <t>&lt;p&gt;Passing a single filename to a context menu shell command is simple:&lt;/p&gt;
&lt;pre&gt;&lt;code&gt;[HKEY_CLASSES_ROOT\*\shell\MyProgram\Command]
@="program.exe %1"
&lt;/code&gt;&lt;/pre&gt;
&lt;p&gt;But if I select multiple files, &lt;code&gt;program.exe&lt;/code&gt; is invoked for &lt;em&gt;each&lt;/em&gt; such selected file.&lt;/p&gt;
&lt;p&gt;What I would like to do instead is invoke&lt;code&gt;program.exe&lt;/code&gt; only once, passing to it all the filenames currently selected.&lt;/p&gt;
&lt;p&gt;How to do this?&lt;/p&gt;</t>
  </si>
  <si>
    <t>2011-06-22 13:33:08.133000+00:00</t>
  </si>
  <si>
    <t>2016-03-06 10:09:36.553000+00:00</t>
  </si>
  <si>
    <t>windows|shell|contextmenu|registry</t>
  </si>
  <si>
    <t>Sending out a newsletter - does it matter where images are hosted?</t>
  </si>
  <si>
    <t>&lt;p&gt;I'm sending out a newsletter on icontact. Does it matter where the images in the newsletter are hosted? Would it trigger any spam filters if they come from a domain different from the email address?&lt;/p&gt;</t>
  </si>
  <si>
    <t>2010-06-03 00:57:09.723000+00:00</t>
  </si>
  <si>
    <t>2010-06-03 01:01:30.553000+00:00</t>
  </si>
  <si>
    <t>email|newsletter</t>
  </si>
  <si>
    <t>Export value of corresponding site out to a new text file</t>
  </si>
  <si>
    <t>&lt;p&gt;I have a text file that contains two columns of data, the first column being a site ID and the second being a value. If the value is equal to 0, I want to send the corresponding site ID out to a new file. If the value is equal to 15, I want to do nothing.&lt;/p&gt;
&lt;p&gt;&lt;strong&gt;Text File:&lt;/strong&gt;&lt;/p&gt;
&lt;pre&gt;&lt;code&gt;K5B2 0
K6B0 0
K6L4 0
K7W4 0
K8B0 0
K8G2 0
K8W2 0
KABE 15
KACK 15
KACY 15
KADW 15
KAFJ 15
KAFN 15
KAGC 15
KAKQ 15
KALB 15
KANP 0
KAOO 15
KAPG 15
KAQW 15
KART 15
KASH 15
KAUG 15
&lt;/code&gt;&lt;/pre&gt;
&lt;p&gt;&lt;strong&gt;Attempted Script:&lt;/strong&gt;&lt;/p&gt;
&lt;pre&gt;&lt;code&gt;badcheck1=`00z_reingest_out_tmp | awk '{print $2}'`
badsitescheck=`00z_reingest_out_tmp | awk '{print $1}'`
if [ ${badcheck1} -eq "0" ];
then
echo "${sites} is fine"
else
echo "${badsitescheck}" &amp;gt;&amp;gt; out
fi
&lt;/code&gt;&lt;/pre&gt;</t>
  </si>
  <si>
    <t>2016-06-10 15:19:50.403000+00:00</t>
  </si>
  <si>
    <t>2016-06-10 17:07:29.357000+00:00</t>
  </si>
  <si>
    <t>linux|bash|unix|scripting</t>
  </si>
  <si>
    <t>Change dictionary values wrong when using KVO with NSOperationQueue?</t>
  </si>
  <si>
    <t>&lt;p&gt;I was working through an example in the concurrency chapter of "More iPhone 3 Development," and can't get KVO on an &lt;code&gt;NSOperationQueue&lt;/code&gt; working as expected. I create an &lt;code&gt;NSOperationQueue&lt;/code&gt; and observe its &lt;code&gt;operations&lt;/code&gt; array using:&lt;/p&gt;
&lt;pre&gt;&lt;code&gt;NSOperationQueue *newQueue = [[NSOperationQueue alloc] init];
self.queue = newQueue;
[newQueue release];
[queue addObserver:self
        forKeyPath:@"operations"
           options:(NSKeyValueObservingOptionNew | NSKeyValueObservingOptionOld)
           context:NULL];
&lt;/code&gt;&lt;/pre&gt;
&lt;p&gt;When the first &lt;code&gt;NSOperation&lt;/code&gt; is added to the queue, I expect it to be added to its underlying &lt;code&gt;operations&lt;/code&gt; array (which the iOS documentation says is KVO-compliant) and hence, in the change dictionary, to find a mapping from &lt;code&gt;NSKeyValueChangeKindKey&lt;/code&gt; to &lt;code&gt;NSKeyValueChangeInsertion&lt;/code&gt;, along with a mapping from &lt;code&gt;NSKeyValueChangeNewKey&lt;/code&gt; to the added &lt;code&gt;NSOperation&lt;/code&gt;. But I wasn't seeing any kind of value &lt;code&gt;NSKeyValueChangeInsertion&lt;/code&gt;.&lt;/p&gt;
&lt;p&gt;I know the debugger is pro and all, but in the interest of having something useful to copy here, I started my observer method with:&lt;/p&gt;
&lt;pre&gt;&lt;code&gt;- (void) observeValueForKeyPath:(NSString *)keyPath
                       ofObject:(id)object
                         change:(NSDictionary *)change
                        context:(void *)context {
  NSNumber *kind = [change objectForKey:NSKeyValueChangeKindKey];
  NSObject *newValue = [change objectForKey:NSKeyValueChangeNewKey];
  NSObject *oldValue = [change objectForKey:NSKeyValueChangeOldKey];
  NSIndexSet *indexes = [change objectForKey:NSKeyValueChangeIndexesKey];
  NSLog(@"kind=%d, newValue=%@, oldValue=%@, indexes=%@",
       [kind integerValue], newValue, oldValue, indexes);
&lt;/code&gt;&lt;/pre&gt;
&lt;p&gt;And that prints:&lt;/p&gt;
&lt;pre&gt;&lt;code&gt;2010-11-18 20:01:56.249 Stalled[2692:6f07] kind=1, newValue=(
    "&amp;lt;SquareRootOperation: 0x5f51b40&amp;gt;"
), oldValue=(
), indexes=(null)
2010-11-18 20:01:56.250 Stalled[2692:6f07] kind=1, newValue=(
    "&amp;lt;SquareRootOperation: 0x5f51b40&amp;gt;"
), oldValue=(
    "&amp;lt;SquareRootOperation: 0x5f51b40&amp;gt;"
), indexes=(null)
&lt;/code&gt;&lt;/pre&gt;
&lt;p&gt;(&lt;code&gt;SquareRootOperation&lt;/code&gt; is simply my subclass of &lt;code&gt;NSOperation&lt;/code&gt; that overrides &lt;code&gt;main&lt;/code&gt; appropriately, and &lt;code&gt;Stalled&lt;/code&gt; is simply the project name.) But note that the method is called twice upon inserting a single operation, and both times with a kind value of 1, which is &lt;code&gt;NSKeyValueChangeSetting&lt;/code&gt;, not &lt;code&gt;NSKeyValueChangeInsertion&lt;/code&gt;. Additionally, &lt;code&gt;newValue&lt;/code&gt; and &lt;code&gt;oldValue&lt;/code&gt; seem to be the array itself, not the item added.&lt;/p&gt;
&lt;p&gt;Any ideas? Thanks!&lt;/p&gt;</t>
  </si>
  <si>
    <t>2010-11-19 04:20:14.597000+00:00</t>
  </si>
  <si>
    <t>2010-12-23 17:54:22.030000+00:00</t>
  </si>
  <si>
    <t>2010-12-23 17:48:02.137000+00:00</t>
  </si>
  <si>
    <t>iphone|multithreading|key-value-observing|foundation|nsoperationqueue</t>
  </si>
  <si>
    <t>How can I fix this alignment?</t>
  </si>
  <si>
    <t>&lt;p&gt;I have the following code, I would like to remove the space above the social icons, I do not know where is taken from the /div ends before the social icons start.&lt;/p&gt;
&lt;p&gt;Something like in this image would be desired result: &lt;a href="http://prntscr.com/ap7ai7" rel="nofollow"&gt;http://prntscr.com/ap7ai7&lt;/a&gt;&lt;/p&gt;
&lt;p&gt;&lt;div class="snippet" data-lang="js" data-hide="false"&gt;_x000D_
&lt;div class="snippet-code"&gt;_x000D_
&lt;pre class="snippet-code-html lang-html prettyprint-override"&gt;&lt;code&gt;&amp;lt;strong&amp;gt;&amp;lt;div style="margin-top: 10px;"&amp;gt;�� 2016 RIESEN-PRINTMEDIA           &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UID-Nummer CHE-356.597.965 &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amp;amp;nbsp;IBAN: CH25 0070 0115 8002 6948 8 ZKB - Z��rich&amp;lt;/strong&amp;gt;&amp;lt;/div&amp;gt;&lt;/code&gt;&lt;/pre&gt;_x000D_
&lt;/div&gt;_x000D_
&lt;/div&gt;_x000D_
&lt;/p&gt;</t>
  </si>
  <si>
    <t>2016-04-07 10:28:31.717000+00:00</t>
  </si>
  <si>
    <t>2016-04-14 13:01:05.907000+00:00</t>
  </si>
  <si>
    <t>2016-04-07 10:41:05.477000+00:00</t>
  </si>
  <si>
    <t>html5|css3|alignment</t>
  </si>
  <si>
    <t>fs.readFileSync only sometimes returns a valid string in specific circumstances</t>
  </si>
  <si>
    <t>&lt;p&gt;In my node application, I have an &lt;code&gt;init&lt;/code&gt; function:&lt;/p&gt;
&lt;pre&gt;&lt;code&gt;function init() {
    if (!fs.existsSync("../schedule.json"))
        fs.createReadStream('../template.json').pipe(fs.createWriteStream('../schedule.json'));
    var content = fs.readFileSync("../schedule.json", "utf8");
    return JSON.parse(content);
}
&lt;/code&gt;&lt;/pre&gt;
&lt;p&gt;Whenever I try to run it from cmd or git bash it crashes because of the error:&lt;/p&gt;
&lt;blockquote&gt;
  &lt;p&gt;SyntaxError: Unexpected end of JSON input&lt;/p&gt;
&lt;/blockquote&gt;
&lt;p&gt;So I debugged it in vscode and found out that the variable &lt;code&gt;content&lt;/code&gt; only contained an empty string which means that &lt;code&gt;readFileSync&lt;/code&gt; is returning an empty string.&lt;/p&gt;
&lt;p&gt;Now here is the weird thing; it never works if started in cmd or git bash (neither in regular mode or debug) or when started in debug mode in vscode but if I restart the debugger in vscode (not starting and stopping but actually hitting the restart button) then I get the correct content of the json file as a string returned from readFileSync about every other time.&lt;/p&gt;
&lt;p&gt;Update:
I tried deleting the schedule.json file and then stepping through the code. It showed that it actually didn't enter the &lt;code&gt;if(!fs.existsSync("../schedule.json"))&lt;/code&gt; statement.
It's almost like a caching bug.&lt;/p&gt;</t>
  </si>
  <si>
    <t>2017-05-05 09:30:55.907000+00:00</t>
  </si>
  <si>
    <t>2017-05-05 11:25:57.717000+00:00</t>
  </si>
  <si>
    <t>javascript|node.js|visual-studio-code|fs</t>
  </si>
  <si>
    <t>in gallery how to give different background to each image in android</t>
  </si>
  <si>
    <t>&lt;p&gt;hi am doing one app here i need to display images horiznatally.so using gallery i displyed images.but i need different background to each image in gallery.i dont know how to do.
 i gave background to gallery but single same  background coming entire gallery.but i need diffrent background to each image.any one help me.i treid using below code.&lt;/p&gt;
&lt;pre&gt;&lt;code&gt;       example .class:
        public class example extends Activity {
/** Called when the activity is first created. */
  private Gallery gallery;
           private ImageView imgView;
      private Integer[] Imgid = {
        R.drawable.popup2, R.drawable.a_2, R.drawable.a_3, R.drawable.a_4, R.drawable.a_5, R.drawable.a_6, R.drawable.a_7};
            @Override
           public void onCreate(Bundle savedInstanceState) {
    super.onCreate(savedInstanceState);
    setContentView(R.layout.main);
    gallery = (Gallery) findViewById(R.id.examplegallery);
    gallery.setAdapter(new AddImgAdp(this));
     }
        public class AddImgAdp extends BaseAdapter {
    int GalItemBg;
    private Context cont;
    public AddImgAdp(Context c) {
        cont = c;
        TypedArray typArray = obtainStyledAttributes(R.styleable.GalleryTheme);
        GalItemBg = typArray.getResourceId(R.styleable.GalleryTheme_android_galleryItemBackground, 0);
        typArray.recycle();
    }
    public int getCount() {
        return Imgid.length;
    }
    public Object getItem(int position) {
        return position;
    }
    public long getItemId(int position) {
        return position;
    }
            @Override
    public View getView(int position, View convertView, ViewGroup parent) {
        // TODO Auto-generated method stub
          ImageView imgView = new ImageView(cont);
                    imgView.setImageResource(Imgid[position]);
            imgView.setLayoutParams(new Gallery.LayoutParams(80, 70));
               imgView.setScaleType(ImageView.ScaleType.FIT_XY);
              imgView.setBackgroundResource(GalItemBg);
                return imgView;
    }
       }
    }
&lt;/code&gt;&lt;/pre&gt;</t>
  </si>
  <si>
    <t>2012-03-01 11:47:24.040000+00:00</t>
  </si>
  <si>
    <t>2012-03-01 12:59:52.573000+00:00</t>
  </si>
  <si>
    <t>android|android-emulator</t>
  </si>
  <si>
    <t>Check for same ID in 3 different tables</t>
  </si>
  <si>
    <t>&lt;p&gt;Hi all I have the following query to check if an ID is present in a table:&lt;/p&gt;
&lt;pre&gt;&lt;code&gt;SELECT CASE WHEN EXISTS (SELECT 1 FROM (SELECT TOP 1 RequestID FROM tT 
     UNION 
     SELECT TOP 1 RequestID FROM tET
     UNION 
     SELECT TOP 1 RequestID FROM tE) AS idSearcher 
WHERE 
     idSearcher.RequestID = 120) THEN 'y' ELSE 'n' END AS alreadyHasID
&lt;/code&gt;&lt;/pre&gt;
&lt;p&gt;This works but it doesn't seem to see if &lt;strong&gt;ANY of the 3 tables&lt;/strong&gt; have the same ID. The above query only seems to check if &lt;strong&gt;ALL of the 3 tables&lt;/strong&gt; has that value.&lt;/p&gt;
&lt;p&gt;As an example the output for the query above:&lt;/p&gt;
&lt;pre&gt;&lt;code&gt;|alreadyHasID |
+-------------+
 n
&lt;/code&gt;&lt;/pre&gt;
&lt;p&gt;When it should be 'y' since, out of the 3 tables, &lt;strong&gt;1 table DOES have 120&lt;/strong&gt;.&lt;/p&gt;
&lt;p&gt;Running each of the 3 tables separately gives this as the output:&lt;/p&gt;
&lt;pre&gt;&lt;code&gt;+----------+
|tT        |
+----------+
 no records
+----------+
|tET       |
+----------+
 no records
+----------+
|tE        |
+----------+
 120
&lt;/code&gt;&lt;/pre&gt;
&lt;p&gt;How can this be modified in order to show a &lt;strong&gt;"y"&lt;/strong&gt; if it finds the ID in &lt;strong&gt;ANY of the 3 tables&lt;/strong&gt;?&lt;/p&gt;</t>
  </si>
  <si>
    <t>2017-03-02 18:46:38.880000+00:00</t>
  </si>
  <si>
    <t>2017-03-02 20:10:26.487000+00:00</t>
  </si>
  <si>
    <t>2017-03-02 19:28:36.200000+00:00</t>
  </si>
  <si>
    <t>sql|sql-server|tsql|sql-server-2012</t>
  </si>
  <si>
    <t>Weird data corruption behavior with p/invoke</t>
  </si>
  <si>
    <t>&lt;p&gt;I'm having a very strange problem with p/invoke in C#. The unmanaged function I am trying to call has quite a few arguments (23), some of which are float arrays. Unfortunately I can't post the real code, but originally I was passing the float arrays into the function that makes the p/invoke call, something like this:&lt;/p&gt;
&lt;pre&gt;&lt;code&gt;public void func()
{
    float[] a = new float[257];
    float[] b = new float[257];
    float[] c = new float[257];
    float[] d = new float[257];
    callDll(a, b, c, d);
}
[DllImport(DllName, EntryPoint="dllfunc", CharSet = CharSet.Ansi)]
public static extern void dllfunc(ref float a, ref float b, ref float c, ref float d);
public void callDll(float[] a, float[] b, float[] c, float[] d)
{
    dllfunc(ref a[1], ref b[1], ref c[1], ref d[1]);
}
&lt;/code&gt;&lt;/pre&gt;
&lt;p&gt;I know the way the arrays are passed is kind of strange, but this all worked fine. Then I decided to combine the float arrays into an object, so I changed it to something like this:&lt;/p&gt;
&lt;pre&gt;&lt;code&gt;public class myObj
{
    float[] a;
    float[] b;
    float[] c;
    float[] d;
}
public void func()
{
    myObj m = new myObj();
    callDll(m);
}
[DllImport(DllName, EntryPoint="dllfunc", CharSet = CharSet.Ansi)]
public static extern void dllfunc(ref float a, ref float b, ref float c, ref float d);
public void callDll(myObj m)
{
    float[] a = new float[257];
    float[] b = new float[257];
    float[] c = new float[257];
    float[] d = new float[257];
    dllfunc(ref a[1], ref b[1], ref c[1], ref d[1]);
    m.a = a;
    m.b = b;
    m.c = c;
    m.d = d;
}
&lt;/code&gt;&lt;/pre&gt;
&lt;p&gt;This runs once, and then crashes on every subsequent call with an error about &lt;code&gt;Attempted to read or write protected memory. This is often an indication that other memory is corrupt.&lt;/code&gt; The odd behavior does seem like some sort of memory corruption issue, but I don't understand at all how changing the argument list for the function that wraps the p/invoke call could have this sort of effect. Does anyone have any ideas?&lt;/p&gt;
&lt;p&gt;UPDATE: I rearranged the arguments some more and this problem seems to have gone away. It must have been something the unmanaged code was doing, I'm not sure what. I voted to close this question since it seems to have been a localized problem.&lt;/p&gt;</t>
  </si>
  <si>
    <t>2011-05-20 23:13:01.653000+00:00</t>
  </si>
  <si>
    <t>2011-05-24 17:19:51.457000+00:00</t>
  </si>
  <si>
    <t>c#|interop|pinvoke</t>
  </si>
  <si>
    <t>Eclipse Intellisense is unreadable in Windows 8</t>
  </si>
  <si>
    <t>&lt;p&gt;I am using Eclipse on Windows 8 x64. The problem I have is that the Eclipse IntelliSense pop-up (not sure what its actual name is) is unreadable:&lt;/p&gt;
&lt;p&gt;&lt;img src="https://i.stack.imgur.com/IvSnU.png" alt="enter image description here"&gt;&lt;/p&gt;
&lt;p&gt;This is because the background is cream and the foreground is white. I have only managed to find solutions for Ubuntu &lt;a href="https://stackoverflow.com/questions/6424800/the-selected-entry-in-eclipse-content-assist-is-unreadable-because-of-colours"&gt;here&lt;/a&gt; but nothing for Windows.&lt;/p&gt;
&lt;p&gt;How can I change either the background or the foreground color of the Eclipse IntelliSense pop-up to make it readable? Thanks!&lt;/p&gt;</t>
  </si>
  <si>
    <t>2013-05-29 11:46:45.583000+00:00</t>
  </si>
  <si>
    <t>2013-05-29 13:15:42.163000+00:00</t>
  </si>
  <si>
    <t>2017-05-23 11:53:33.757000+00:00</t>
  </si>
  <si>
    <t>java|eclipse|intellisense</t>
  </si>
  <si>
    <t>Confusion about file.cs name, class name</t>
  </si>
  <si>
    <t>&lt;p&gt;So I am following &lt;a href="http://mikesknowledgebase.azurewebsites.net/pages/Services/WebServices.htm" rel="nofollow"&gt;a tutorial&lt;/a&gt; to send JSON data to SQL using WCF Service.&lt;/p&gt;
&lt;p&gt;Let's say the project is named JsonWcfService.&lt;/p&gt;
&lt;p&gt;Inside this project there's a .cs file named &lt;code&gt;Order.cs&lt;/code&gt; added:&lt;/p&gt;
&lt;pre&gt;&lt;code&gt;namespace JsonWcfService
{
    [DataContract]
    [Serializable]
    public class wsOrder
    {
        [DataMember]
        public int OrderID { get; set; }
        //some other fields
    }
}
&lt;/code&gt;&lt;/pre&gt;
&lt;p&gt;As you can see, file name and class name are different.&lt;/p&gt;
&lt;p&gt;Then, there is function using this class, to deserialize Json data sent, accepting &lt;code&gt;Stream JSONDataStream&lt;/code&gt; as parameter:&lt;/p&gt;
&lt;pre&gt;&lt;code&gt;StreamReader stream = new StreamReader(JSONDataStream);
string JSONData = stream.ReadToEnd();
JavaScriptSerializer jss = new JavaScriptSerializer();
wsOrder order = jss.Deserialize&amp;lt;wsOrder&amp;gt;(JSONData);
&lt;/code&gt;&lt;/pre&gt;
&lt;p&gt;So here the data is deserialized into a single instance of wsOrder class (if I understand that correctly).&lt;/p&gt;
&lt;p&gt;Next, we see if there's a record matching our OrderID inside the database:&lt;/p&gt;
&lt;pre&gt;&lt;code&gt;testDBDataContext dc = new testDBDataContext();
Order currentOrder = dc.Orders.Where(o =&amp;gt; o.OrderID == order.OrderID).FirstOrDefault();
&lt;/code&gt;&lt;/pre&gt;
&lt;p&gt;And here's my confusion: &lt;code&gt;Order currentOrder&lt;/code&gt; - does it say it is an instance of Order.cs file? Is this a namespace? &lt;/p&gt;
&lt;p&gt;When I try to write my own WCF service, and create a &lt;code&gt;Example.cs&lt;/code&gt; with &lt;code&gt;public class wsExample&lt;/code&gt; inside, it gives me the following error:&lt;/p&gt;
&lt;p&gt;&lt;code&gt;The type or namespace name 'Example' could not be found (are you missing a using directive or an assembly reference?)&lt;/code&gt;&lt;/p&gt;
&lt;p&gt;when I try to use the same method as described above:&lt;/p&gt;
&lt;pre&gt;&lt;code&gt;StreamReader stream = new StreamReader(testData);
string testReceive = stream.ReadToEnd();
JavaScriptSerializer jss = new JavaScriptSerializer();
wsExample example = jss.Deserialize&amp;lt;wsExample&amp;gt;(testReceive);
testDBDataContext dc = new testDBDataContext();
Example currentExample = dc.testTable.Where(o =&amp;gt; o.name == example.Name).FirstOrDefault();
&lt;/code&gt;&lt;/pre&gt;</t>
  </si>
  <si>
    <t>2015-08-17 10:27:01.250000+00:00</t>
  </si>
  <si>
    <t>2015-08-17 10:36:56.993000+00:00</t>
  </si>
  <si>
    <t>c#|web-services|wcf|rest</t>
  </si>
  <si>
    <t>How to remove the uploaded file while deleting the respective row value in sonata admin?</t>
  </si>
  <si>
    <t>&lt;p&gt;How to delete the uploaded file on Symfony Sonata admin bundle? I have already tried this code on admin class it does not work.   &lt;/p&gt;
&lt;pre&gt;&lt;code&gt;public function removeUpload() {
    if ($file = $this-&amp;gt;getAbsolutePath()) {
        unlink($file);
    }
}
public function getAbsolutePath() {
    return "uploads/" . getFile();
}
&lt;/code&gt;&lt;/pre&gt;</t>
  </si>
  <si>
    <t>2013-11-22 16:56:42.367000+00:00</t>
  </si>
  <si>
    <t>2014-01-06 18:18:43.333000+00:00</t>
  </si>
  <si>
    <t>2013-11-22 17:08:41.750000+00:00</t>
  </si>
  <si>
    <t>symfony|upload</t>
  </si>
  <si>
    <t>iOS 11.3 WKWebView: input.focus() doesn't do anything</t>
  </si>
  <si>
    <t>&lt;p&gt;Since updating to iOS 11.3, HTML input fields cannot be focused anymore using JavaScript .focus() except when the function call is immediately following a touch interaction (it used to be possible to use .focus() at any time). Is there a known workaround?&lt;/p&gt;</t>
  </si>
  <si>
    <t>2018-03-31 12:40:42.840000+00:00</t>
  </si>
  <si>
    <t>2018-04-27 17:49:03.037000+00:00</t>
  </si>
  <si>
    <t>javascript|html|ios|safari|wkwebview</t>
  </si>
  <si>
    <t>CookComputing.XmlRpc.XmlRpcServerException: 'Origin Error' with WordPress Sharp</t>
  </si>
  <si>
    <t>&lt;p&gt;When I try to get the list of my blog post via WordPress Sharp,
I get an "Origin Error" (CookComputing.XmlRpc.XmlRpcServerException).&lt;/p&gt;
&lt;p&gt;What is it and how can I solve the problem, please?&lt;/p&gt;
&lt;p&gt;This is my code:&lt;/p&gt;
&lt;h3&gt;Main class&lt;/h3&gt;
&lt;pre&gt;&lt;code&gt;namespace ConsoleApp1
{
    class Program
    {
        static void Main(string[] args)
        {
            var wordPressConfigData = new WordPressConfigData()
            {
                WordPressBlogUrl = "http://example.com",              
                WordPressBlogUsername = "user",  
                WordPressBlogPassword = "password"           
            };
            var wordPressService = new WordPressService(wordPressConfigData);
            wordPressService.PublishOnBlog("test", "this is just a test");
        } 
    }
}
&lt;/code&gt;&lt;/pre&gt;
&lt;h3&gt;Service Class&lt;/h3&gt;
&lt;pre&gt;&lt;code&gt;namespace ConsoleApp1
{
    public class WordPressService
    {
        public WordPressSiteConfig Config { get; set; }
        public WordPressService(WordPressConfigData configData)
        {
            Config = new WordPressSiteConfig
            {
                BaseUrl = configData.WordPressBlogUrl,
                BlogId = 1,
                Username = configData.WordPressBlogUsername,
                Password = configData.WordPressBlogPassword
            };
        }
        public void PublishOnBlog(String title, String content)
        {
            var post = new Post
            {
                PostType = "post",
                Title = title,
                Content = content,
                PublishDateTime = DateTime.Now,
                Status = "publish"
            };
            using (var client = new WordPressClient(this.Config))
            {
                var filter = new PostFilter()
                {
                    Number = 3,
                    PostType = WordPressSharp.Constants.PostType.Post,
                    PostStatus = WordPressSharp.Constants.PostStatus.Published
                };
                var posts = client.GetPosts(filter);
            }
        }
    }
}
&lt;/code&gt;&lt;/pre&gt;
&lt;p&gt;Something about the error I get:&lt;/p&gt;
&lt;p&gt;&lt;a href="https://i.stack.imgur.com/XZpGg.png" rel="nofollow noreferrer"&gt;&lt;img src="https://i.stack.imgur.com/XZpGg.png" alt="The exception"&gt;&lt;/a&gt;&lt;/p&gt;
&lt;p&gt;&lt;a href="https://i.stack.imgur.com/zdGUX.png" rel="nofollow noreferrer"&gt;&lt;img src="https://i.stack.imgur.com/zdGUX.png" alt="Exception Details"&gt;&lt;/a&gt;&lt;/p&gt;</t>
  </si>
  <si>
    <t>2018-01-13 08:51:35.620000+00:00</t>
  </si>
  <si>
    <t>c#|.net|wordpress|wordpresssharp</t>
  </si>
  <si>
    <t>Tab through a table inside content editable div?</t>
  </si>
  <si>
    <t>&lt;p&gt;I am trying to figure out how to tab through HTML tables cells inside a contenteditable div. I know most people would say why are you doing that in the first place. I am working on a text editor that allows the user to insert a pre-formatted table where ever they want. I have tackled inserting the table dynamically at the users cursor but I cannot figure out how to let the user tab from the content to the html table and through each cell. I have tried input boxes which allows them to tab through but it leaves selector bars on each corner and still requires the user to double click on the cell to add content. I have also tried just table cells and it will not tab to the cells it just jumps over them. Any help would be much appreciated... after conquering the tracking of the cursor for inserting the table I thought I was home free... :(&lt;/p&gt;
&lt;pre&gt;&lt;code&gt;  &amp;lt;div id="divbilltext" runat="server" contenteditable="true" style="height:auto;"&amp;gt;
                        &amp;lt;table&amp;gt;
                            &amp;lt;tr&amp;gt;
                                &amp;lt;td&amp;gt;
                                &amp;lt;input type="text" id="a" tabindex="1"/&amp;gt;
                                &amp;lt;/td&amp;gt;
                                &amp;lt;td&amp;gt;
                                &amp;lt;input type="text" id="b" tabindex="2"/&amp;gt;
                                &amp;lt;/td&amp;gt;
                                &amp;lt;td&amp;gt;
                                &amp;lt;input type="text" id="c" tabindex="3"/&amp;gt;
                                &amp;lt;/td&amp;gt;
                            &amp;lt;/tr&amp;gt;
                        &amp;lt;/table&amp;gt;
                      &amp;lt;/div&amp;gt;
&lt;/code&gt;&lt;/pre&gt;</t>
  </si>
  <si>
    <t>2012-05-31 15:53:18.643000+00:00</t>
  </si>
  <si>
    <t>2012-05-31 16:20:37.930000+00:00</t>
  </si>
  <si>
    <t>Collision simplification with Box2d in a Cocos2d game</t>
  </si>
  <si>
    <t>&lt;p&gt;Consider a simple Cocos2d game consisting of five horizontal dominoes on a 1x20 grid (width is 20 squares, width of each domino is two, dominoes can't overlap). The dominoes can slide horizontally in the grid. Since they are constrained to the grid their vertical position is constant.&lt;/p&gt;
&lt;p&gt;The logic for basic movement is simple: tapping and dragging moves a domino until &lt;code&gt;CGRectIntersectsRect&lt;/code&gt; determines when another domino is hit. At this point the domino just moved snaps into place.&lt;/p&gt;
&lt;p&gt;The logic for "advanced" movement is more complex. Here pushing a domino against another domino should move both dominoes like two consecutive train cars as long as their is room. Clearly three, four etc dominoes can be moved in this manner.&lt;/p&gt;
&lt;p&gt;While the advanced movement code is more complex I don't think it's hopeless. I've sketched out a few concepts:&lt;/p&gt;
&lt;ul&gt;
&lt;li&gt;"rear domino" is the domino user is dragging&lt;/li&gt;
&lt;li&gt;"front domino" is at the front of all moving dominoes and determines when to stop, when to add another domino to the group etc&lt;/li&gt;
&lt;li&gt;"moving dominoes" is the group of all dominoes currently in the "train"&lt;/li&gt;
&lt;/ul&gt;
&lt;p&gt;I think this approach is doable. However I'm not convinced it's the easiest approach given the high probability of numerous corner cases. For example snapping three consecutive dominoes into place might require logic preventing overlapping after snapping, gaps after snapping etc.&lt;/p&gt;
&lt;p&gt;&lt;strong&gt;How can I avoid some of this complex logic by using Box2d?&lt;/strong&gt;&lt;/p&gt;
&lt;p&gt;I think a simple physics engine completely eliminates the need for front domino, rear domino etc concepts. Hence I'm considering this approach.&lt;/p&gt;</t>
  </si>
  <si>
    <t>2013-03-11 19:08:44.100000+00:00</t>
  </si>
  <si>
    <t>cocos2d-iphone|box2d</t>
  </si>
  <si>
    <t>Having trouble performing left joins on multiple tables</t>
  </si>
  <si>
    <t>&lt;p&gt;I'm in the process of moving some mysql queries over to postgres and I ran across this one that doesn't work.&lt;/p&gt;
&lt;pre&gt;&lt;code&gt;select (tons of stuff)
from trip_publication 
left join trip_collection AS "tc" on
tc.id = tp.collection_id
left join 
            trip_author ta1, (dies here)
            trip_person tp1,
            trip_institution tai1,
            trip_location tail1,
            trip_rank tr1
    ON
            tp.id = ta1.publication_id 
            AND tp1.id = ta1.person_id 
            AND ta1.order = 1 
            AND tai1.id = ta1.institution_id 
            AND tail1.id = tai1.location_id 
            AND ta1.rank_id = tr1.id
&lt;/code&gt;&lt;/pre&gt;
&lt;p&gt;The query seems to be dying on the "trip_author ta1" line, where I marked it above. The actual error message is:&lt;/p&gt;
&lt;pre&gt;&lt;code&gt;   syntax error at or near ","
   LINE 77:   (trip_author ta1, trip_person tp1, ... 
&lt;/code&gt;&lt;/pre&gt;
&lt;p&gt;I went through the docs, and it seems to be correct. What exactly am I doing wrong here? Any feedback would be much appreciated.&lt;/p&gt;</t>
  </si>
  <si>
    <t>2012-07-24 17:39:30.113000+00:00</t>
  </si>
  <si>
    <t>2012-07-24 17:46:41.513000+00:00</t>
  </si>
  <si>
    <t>sql|postgresql|syntax-error</t>
  </si>
  <si>
    <t>SwipeRefreshLayout refresh conflict with fragmentTransactions</t>
  </si>
  <si>
    <t>&lt;p&gt;TLDR: here's my bug report : &lt;a href="http://goo.gl/UgBFW2" rel="nofollow noreferrer"&gt;http://goo.gl/UgBFW2&lt;/a&gt;&lt;/p&gt;
&lt;p&gt;Using a &lt;code&gt;SwipeRefreshLayout&lt;/code&gt; if I press back and trigger either a &lt;code&gt;getSupportFragmentManager().popBackstack()&lt;/code&gt;, &lt;code&gt;super.onBackPressed()&lt;/code&gt; or &lt;code&gt;fragmentTransaction.replace()&lt;/code&gt; right when the adapter triggers the views refresh, the two fragments overlap (a video showing the problem can be found in the top link).&lt;/p&gt;
&lt;p&gt;I tried several things and adding a background is not a solution since the list fragment is in the foreground and the one clickable is the previous fragment.&lt;/p&gt;
&lt;p&gt;Has anyone found a solution to this ?&lt;/p&gt;
&lt;p&gt;&lt;a href="https://stackoverflow.com/questions/29253846/replacing-fragment-does-not-work-properly-while-swiperefresh-is-running"&gt;Replacing Fragment does not work properly while swipeRefresh is running&lt;/a&gt;&lt;/p&gt;</t>
  </si>
  <si>
    <t>2015-04-21 13:39:48.093000+00:00</t>
  </si>
  <si>
    <t>2016-12-21 13:45:54.770000+00:00</t>
  </si>
  <si>
    <t>2017-05-23 12:25:39.370000+00:00</t>
  </si>
  <si>
    <t>How do you obtain a value from the main method to use in another class?</t>
  </si>
  <si>
    <t>&lt;p&gt;I am currently writing a program to obtain user input for the coefficients and degree of a polynomial and then converting those inputs into a polynomial. In my main method I use a scanner to obtain a line of string that is then converted into a double array. However, I need to use the values of this double array in another class but cannot seem to do it. I have been stuck on this for awhile and even after researching I still seem unable to get it.&lt;/p&gt;
&lt;p&gt;PolynomialDemo.java&lt;/p&gt;
&lt;pre&gt;&lt;code&gt;public class PolynomialDemo  {
public static int degree;
public static double[] numbers;
public static void main(String[] args) {
    Scanner scan = new Scanner(System.in);
    Scanner scanner = new Scanner(System.in);
    System.out.print("Enter the degree of the first polynomial -&amp;gt; ");
    degree = scan.nextInt();
    System.out.print("Enter its coefficients in order of descending powers -&amp;gt; ");
    String deg = scanner.nextLine();
    String[] numbersStr = deg.split(" ");
    double[] numbers = new double[ numbersStr.length ];
    for ( int i = 0; i &amp;lt; numbersStr.length; i++ )
    {
        numbers[i] = Integer.parseInt( numbersStr[i] );
    }
&lt;/code&gt;&lt;/pre&gt;
&lt;p&gt;Polynomial.java &lt;/p&gt;
&lt;pre&gt;&lt;code&gt;public class Polynomial implements PolyEval  {
private double[] coeffs;
private int degree;
public Polynomial() {
//creates polynomial 0
}
public Polynomial(double[] c) throws IllegalArgumentException{
//obtain coefficients
}
@Override
public int degree() {
 //return degree
}
@Override
public String toString() {
    //build polynomial
}}
&lt;/code&gt;&lt;/pre&gt;
&lt;p&gt;Polynomial.java is the class I need to obtain the value in. When I have tried to do it, the value always returns 'null' when it gets to the Polynomial class. I'm stuck and not sure where to go from here. Thanks for the help!&lt;/p&gt;</t>
  </si>
  <si>
    <t>2018-01-19 17:57:50.707000+00:00</t>
  </si>
  <si>
    <t>2018-01-19 18:07:51.590000+00:00</t>
  </si>
  <si>
    <t>java|arrays|class|instances</t>
  </si>
  <si>
    <t>Can't set border of UItextView in xamarin.ios</t>
  </si>
  <si>
    <t>&lt;p&gt;I am trying to set UITextview border with rounded corners in my xamarin.ios app but not been able to.Following is the code that I write in ViewDidLoad.&lt;/p&gt;
&lt;pre&gt;&lt;code&gt; CommentsTextView.Layer.BorderColor = UIColor.Gray.CGColor;
 CommentsTextView.Layer.BorderWidth = 4;
 CommentsTextView.Layer.CornerRadius = 8;
&lt;/code&gt;&lt;/pre&gt;
&lt;p&gt;Also the above TextView is embedded inside a stack view which is further embedded in more outermost stackview.Not sure if this is causing the problem though.
Also one more thing I have observed is whenever I add UITextview inside a stackview it gives me constraint conflicts for my outermost vertical stackview between Leading and Trailing constraints which I have both set to zero.Any ideas why this could be.&lt;/p&gt;
&lt;p&gt;Thanks,
Santosh &lt;/p&gt;</t>
  </si>
  <si>
    <t>2018-07-05 12:16:45.647000+00:00</t>
  </si>
  <si>
    <t>xamarin.ios|uitextview|border|uistackview</t>
  </si>
  <si>
    <t>List in list (Model) Factory</t>
  </si>
  <si>
    <t>&lt;p&gt;I would like to create list of data in list of data. I believe this can be difficult to explain but I will try explain my problem very clear. I created list of data but in this list some arguments are also list of data. I have to write using this code because this are restriction (Our Factory). If I take data, which are not list of data, everything working correct. Where is problem? If I write list in list I get error. Perhaps you can see there my mistake.&lt;/p&gt;
&lt;p&gt;Program is compile.&lt;/p&gt;
&lt;p&gt;Problem(I take data from third table using mapping in NHibernate):&lt;/p&gt;
&lt;pre&gt;&lt;code&gt;DestynationName = (List&amp;lt;dictionaryNewInfoSupportList&amp;gt;x.DictImportantInformationSDestination.Select(n=&amp;gt; new DictionaryNewInfoSupportList { Id = n.Destination.Id, Name = n.Destination.Desciption}).ToList();
&lt;/code&gt;&lt;/pre&gt;
&lt;p&gt;DestynationName in Model&lt;/p&gt;
&lt;pre&gt;&lt;code&gt;public Ilist&amp;lt;dictionaryNewInfoSupportList&amp;gt; DestynationName;
&lt;/code&gt;&lt;/pre&gt;
&lt;p&gt;Class:&lt;/p&gt;
&lt;pre&gt;&lt;code&gt;class dictionaryNewInfoSupportList
{
public string Name {get; set;}
public int Id {get; set;}
}
&lt;/code&gt;&lt;/pre&gt;
&lt;p&gt;Important:&lt;/p&gt;
&lt;pre&gt;&lt;code&gt;public IEnumerable&amp;lt;DictionaryListModel&amp;gt; OnList(DictionayDisplayModel dictionary DisplayModel, int jtStartIndex = 0, int jtPageSize = 0, string jtSorting = null)
{
var displayModel = (DictionaryNewInfoDisplayModel)dictionaryDisplayModel;
if (displayModel == null)
var list = _dictImportantInformation.GetList().Select(
x=&amp;gt; new DictionaryNewInfoListModel
    {
        Id = x.Id
        Description = x.Description,
        IsActiveYN = x.IsActive,
        DestynationName = (List&amp;lt;DictionaryNewInfoSupportList&amp;gt;) x.DictImportantInformationXDestination.Select(n =&amp;gt; new DictionaryNewInfoSupportList 
        { Id = n.Destination.Id, Name = Destination.Description}).To.List()
    }
    ).ToList();
return list;
}
&lt;/code&gt;&lt;/pre&gt;
&lt;p&gt;I have got answer (Topic Closed) &lt;/p&gt;
&lt;pre&gt;&lt;code&gt;var list = _dictImportantInformation.GetList().ToList().Select(
            x =&amp;gt; new DictionaryNewInfoListModel
                     {
                         Id = x.Id,
                         Description = x.Description,
                         IsActiveYN = x.IsActive,
                         DeestynationName = x.DictImportantInformationXDestination.Select(n =&amp;gt; new DictionaryNewInfoSupportList 
                         { Id = n.Destination.Id, Name = n.Destination.Description }).ToList()
                     }
            ).ToList();
&lt;/code&gt;&lt;/pre&gt;</t>
  </si>
  <si>
    <t>2012-10-18 22:00:15.327000+00:00</t>
  </si>
  <si>
    <t>2012-11-05 12:06:42.893000+00:00</t>
  </si>
  <si>
    <t>2012-10-19 07:44:52.290000+00:00</t>
  </si>
  <si>
    <t>c#|asp.net-mvc-3|nhibernate</t>
  </si>
  <si>
    <t>Jquery mobile change window.location.href to mobile.changePage</t>
  </si>
  <si>
    <t>&lt;p&gt;I have a short question to JQuery mobile&lt;/p&gt;
&lt;p&gt;I Have the following script and want to have a data transition=slide but it is not working with window.location.href. So i want to change it to $.mobile.changePage. But I don't get it.&lt;/p&gt;
&lt;p&gt;Here is the script;&lt;/p&gt;
&lt;pre&gt;&lt;code&gt;var category_data;
$(document).ready(function () {
    $('#search_category_form').bind('submit', function(){
        var form = $('#search_category_form');
        var data = form.serialize();
        $.post('index.html', data, function(){
            category_data = data; 
            window.location.href = 'index.html#search_general';
        });
        return false;
    });        
&lt;/code&gt;&lt;/pre&gt;
&lt;p&gt;Thank you for your help&lt;/p&gt;</t>
  </si>
  <si>
    <t>2014-06-30 18:12:36.937000+00:00</t>
  </si>
  <si>
    <t>2014-07-01 08:46:25.217000+00:00</t>
  </si>
  <si>
    <t>javascript|jquery-mobile|multipage</t>
  </si>
  <si>
    <t>How to hide #href in url in that jquery script</t>
  </si>
  <si>
    <t>&lt;p&gt;I use this script (in combination with bootstrap) to make an animated scroll to the sections of a single page site.
I would like to hide the appearance of the href in the address bar.&lt;/p&gt;
&lt;p&gt;&lt;strong&gt;HTML NAV&lt;/strong&gt;&lt;/p&gt;
&lt;pre&gt;&lt;code&gt;        &amp;lt;nav class="collapse navbar-collapse navbar-right" role="navigation" data-toggle="collapse" data-target=".navbar-collapse"&amp;gt;
            &amp;lt;ul id="nav" class="nav navbar-nav"&amp;gt;
                &amp;lt;li class="current"&amp;gt;&amp;lt;a href="#body"&amp;gt;Home&amp;lt;/a&amp;gt;&amp;lt;/li&amp;gt;
                &amp;lt;li&amp;gt;&amp;lt;a href="#1"&amp;gt;1&amp;lt;/a&amp;gt;&amp;lt;/li&amp;gt;
                &amp;lt;li&amp;gt;&amp;lt;a href="#2"&amp;gt;2&amp;lt;/a&amp;gt;&amp;lt;/li&amp;gt;
                &amp;lt;li&amp;gt;&amp;lt;a href="#3"&amp;gt;3&amp;lt;/a&amp;gt;&amp;lt;/li&amp;gt;
            &amp;lt;/ul&amp;gt;
        &amp;lt;/nav&amp;gt;
&lt;/code&gt;&lt;/pre&gt;
&lt;p&gt;&lt;strong&gt;jQuery&lt;/strong&gt;&lt;/p&gt;
&lt;pre&gt;&lt;code&gt;if (typeof Object.create !== "function") {
    Object.create = function(e) {
        function t() {}
        t.prototype = e;
        return new t
    }
}(function(e, t, n, r) {
    "use strict";
    var i = {
        init: function(n, r) {
            this.options = e.extend({}, e.fn.singlePageNav.defaults, n);
            this.container = r;
            this.$container = e(r);
            this.$links = this.$container.find("a");
            if (this.options.filter !== "") {
                this.$links = this.$links.filter(this.options.filter)
            }
            this.$window = e(t);
            this.$htmlbody = e("html, body");
            this.$links.on("click.singlePageNav", e.proxy(this.handleClick, this));
            this.didScroll = false;
            this.checkPosition();
            this.setTimer()
        },
        handleClick: function(t) {
            var n = this,
                r = t.currentTarget,
                i = e(r.hash);
            t.preventDefault();
            if (i.length) {
                n.clearTimer();
                if (typeof n.options.beforeStart === "function") {
                    n.options.beforeStart()
                }
                n.setActiveLink(r.hash);
                n.scrollTo(i, function() {
                    if (n.options.updateHash &amp;amp;&amp;amp; history.pushState) {
                        history.pushState(null, null, r.hash)
                    }
                    n.setTimer();
                    if (typeof n.options.onComplete === "function") {
                        n.options.onComplete()
                    }
                })
            }
        },
        scrollTo: function(e, t) {
            var n = this;
            var r = n.getCoords(e).top;
            var i = false;
            n.$htmlbody.stop().animate({
                scrollTop: r
            }, {
                duration: n.options.speed,
                easing: n.options.easing,
                complete: function() {
                    if (typeof t === "function" &amp;amp;&amp;amp; !i) {
                        t()
                    }
                    i = true
                }
            })
        },
        setTimer: function() {
            var e = this;
            e.$window.on("scroll.singlePageNav", function() {
                e.didScroll = true
            });
            e.timer = setInterval(function() {
                if (e.didScroll) {
                    e.didScroll = false;
                    e.checkPosition()
                }
            }, 250)
        },
        clearTimer: function() {
            clearInterval(this.timer);
            this.$window.off("scroll.singlePageNav");
            this.didScroll = false
        },
        checkPosition: function() {
            var e = this.$window.scrollTop();
            var t = this.getCurrentSection(e);
            this.setActiveLink(t)
        },
        getCoords: function(e) {
            return {
                top: Math.round(e.offset().top) - this.options.offset
            }
        },
        setActiveLink: function(e) {
            var t = this.$container.find("a[href$='" + e + "']");
            if (!t.hasClass(this.options.currentClass)) {
                this.$links.removeClass(this.options.currentClass);
                t.addClass(this.options.currentClass)
            }
        },
        getCurrentSection: function(t) {
            var n, r, i, s;
            for (n = 0; n &amp;lt; this.$links.length; n++) {
                r = this.$links[n].hash;
                if (e(r).length) {
                    i = this.getCoords(e(r));
                    if (t &amp;gt;= i.top - this.options.threshold) {
                        s = r
                    }
                }
            }
            return s || this.$links[0].hash
        }
    };
    e.fn.singlePageNav = function(e) {
        return this.each(function() {
            var t = Object.create(i);
            t.init(e, this)
        })
    };
    e.fn.singlePageNav.defaults = {
        offset: 0,
        threshold: 120,
        speed: 400,
        currentClass: "current",
        easing: "swing",
        updateHash: false,
        filter: "",
        onComplete: false,
        beforeStart: false
    }
})(jQuery, window, document)
&lt;/code&gt;&lt;/pre&gt;
&lt;p&gt;I would like to get the same result as this script (but with the animation):&lt;/p&gt;
&lt;pre&gt;&lt;code&gt; $('a').each(function(){  
 $(this).attr('onclick','window.location.href="'+$(this).attr('href')+'"');
 $(this).attr('href','#');
 });
&lt;/code&gt;&lt;/pre&gt;
&lt;p&gt;is it possible to get what I want?&lt;/p&gt;</t>
  </si>
  <si>
    <t>2018-04-20 12:17:39.067000+00:00</t>
  </si>
  <si>
    <t>Linked lists using nested classes?</t>
  </si>
  <si>
    <t>&lt;p&gt;I have the class &lt;code&gt;Agency&lt;/code&gt; which has a private nested class &lt;code&gt;Node&lt;/code&gt; that should be used to build a linked list of &lt;code&gt;Client&lt;/code&gt; objects.&lt;/p&gt;
&lt;p&gt;In order to add a node I need to use an overloaded &lt;code&gt;+=&lt;/code&gt; operator that receives a &lt;code&gt;Client&lt;/code&gt; object.
When I want to add the first object: the function calls the &lt;code&gt;setHead&lt;/code&gt; member of the &lt;code&gt;Node&lt;/code&gt; class.&lt;/p&gt;
&lt;p&gt;But once I try to modify the data members of &lt;code&gt;head&lt;/code&gt;: &lt;code&gt;data&lt;/code&gt; to point to the received &lt;code&gt;Client&lt;/code&gt; object and &lt;code&gt;next&lt;/code&gt; to &lt;code&gt;NULL&lt;/code&gt; a run-time error occurs. &lt;/p&gt;
&lt;p&gt;I can't figure out whats wrong, the &lt;code&gt;Client&lt;/code&gt; object is passed as it should be (I checked it) - I think that I'm missing something in the declaration of &lt;code&gt;setHead&lt;/code&gt;'s arguments.&lt;/p&gt;
&lt;p&gt;would be thankful for any advice. 
btw, I have to use the existing private members as they are and &lt;code&gt;setHead&lt;/code&gt; method must receive a pointer to &lt;code&gt;Client&lt;/code&gt;. &lt;/p&gt;
&lt;p&gt;Agency.h&lt;/p&gt;
&lt;pre&gt;&lt;code&gt;class Agency
{
    public:
        Agency(); //ctor
        Agency&amp;amp; operator+=(const Client&amp;amp;); //overloaded += operator
        ~Agency(); //dtor
    private:
        class Node //node as nested class
        {
            public:
            Node(); //ctor
            void setHead(Client*&amp;amp;); //set head node
            private:
            Client* data; //points to Client
            Node* next; //points to next node on the list
        };
        Node *head; //points to head node of database
};
&lt;/code&gt;&lt;/pre&gt;
&lt;p&gt;Agency.cpp relevant methods&lt;/p&gt;
&lt;pre&gt;&lt;code&gt;void Agency::Node::setHead(Client*&amp;amp; temp)
{
    data = temp;
    next = NULL;
}
Agency&amp;amp; Agency::operator+=(const Client&amp;amp; client_add)
{   
    Client* temp = new Client (client_add); //new client object is created using clients copy ctor
    if (!head) //if the head node is NULL
    {
        head-&amp;gt;setHead(temp); //assign head node to point to the new client object 
    }
        return *this;
}
&lt;/code&gt;&lt;/pre&gt;
&lt;p&gt;EDIT:
Thanks for the reply, I have yet another question:&lt;/p&gt;
&lt;p&gt;I want to have a method of &lt;code&gt;Node&lt;/code&gt; that will return a pointer to &lt;code&gt;Node&lt;/code&gt;, here is the declaration:&lt;/p&gt;
&lt;pre&gt;&lt;code&gt;    `Node* nextNode(Node*);` 
&lt;/code&gt;&lt;/pre&gt;
&lt;p&gt;Function:&lt;/p&gt;
&lt;pre&gt;&lt;code&gt;    `Node* MatchmakingAgency::Node::nextNode(Node* start)`
&lt;/code&gt;&lt;/pre&gt;
&lt;p&gt;Causes compilation error: &lt;code&gt;'Node' does not name a type&lt;/code&gt;&lt;/p&gt;
&lt;p&gt;How can I properly declare such a method?&lt;/p&gt;</t>
  </si>
  <si>
    <t>2014-08-21 09:19:50.100000+00:00</t>
  </si>
  <si>
    <t>2014-08-21 12:36:13.150000+00:00</t>
  </si>
  <si>
    <t>c++|linked-list</t>
  </si>
  <si>
    <t>Webpack error Module parse failed: Unexpected token</t>
  </si>
  <si>
    <t>&lt;pre&gt;&lt;code&gt;npm -v 5.6.0
&lt;/code&gt;&lt;/pre&gt;
&lt;p&gt;I added &lt;code&gt;"react-native-spinkit": "^1.1.1"&lt;/code&gt; in my package.json file then run &lt;code&gt;npm install&lt;/code&gt;. I see that &lt;code&gt;package-lock.json&lt;/code&gt; was also updated with the package I added. But when I run webpack, I am getting the error message below.&lt;/p&gt;
&lt;pre&gt;&lt;code&gt;ERROR in ./~/react-native-spinkit/index.js
Module parse failed: /opt/app-root/src/themes/node_modules/react-native-spinkit/index.js Unexpected token (16:18)
You may need an appropriate loader to handle this file type.
| class Spinkit extends React.Component {
| 
|   static propTypes = {
|       type: PropTypes.string,
|       /**
 @ ./js/index.js 19:26-57
 @ multi ./js/index.js ./webpack.config.js
&lt;/code&gt;&lt;/pre&gt;
&lt;p&gt;I just added the &lt;code&gt;Spinner&lt;/code&gt; component in my &lt;code&gt;index.js&lt;/code&gt; file header and run webpack. &lt;/p&gt;
&lt;pre&gt;&lt;code&gt;import React from 'react';
import { render } from 'react-dom';
import Chart from './Chart';
import Spinner from 'react-native-spinkit';
...
&lt;/code&gt;&lt;/pre&gt;
&lt;p&gt;&lt;strong&gt;webpack.config.js&lt;/strong&gt;&lt;/p&gt;
&lt;pre&gt;&lt;code&gt;module.exports = {
  entry: ['./js/index.js'],
  output: {
    path: __dirname + "/js/",
    filename: 'favorite.bundle.js'
  },
  module: {
    loaders: [
      {test: /\.js$/, exclude: /node_modules/, loader: 'babel-loader'},
      { test: /\.css$/, loader: "style-loader!css-loader" }
    ]
  }
};
&lt;/code&gt;&lt;/pre&gt;</t>
  </si>
  <si>
    <t>2018-10-01 11:02:03.023000+00:00</t>
  </si>
  <si>
    <t>reactjs|react-native|webpack|npm-install</t>
  </si>
  <si>
    <t>Rails: Implementing an acts_as_commentable_with_threading form</t>
  </si>
  <si>
    <t>&lt;p&gt;I'm trying to create a form that utilizes the acts_as_commentable_with_threading gem. Although I have working code, it's got a couple of kinks. My main concern is that I've had to make a hidden_field for the commentable object's id. I suspect there's a way to bypass this on account of the gem's build-in method, build_from. If you know how to do that, please share. At the moment, here's what my code looks like:&lt;/p&gt;
&lt;p&gt;In my Impressions controller I have:&lt;/p&gt;
&lt;pre&gt;&lt;code&gt;@impression = @book.impressions.find_by_user_id(user)
@new_comment = Comment.build_from( @impression, current_user.id, "" )
&lt;/code&gt;&lt;/pre&gt;
&lt;p&gt;In my view, I have:&lt;/p&gt;
&lt;pre&gt;&lt;code&gt;&amp;lt;%= form_for @new_comment, :remote =&amp;gt; true do |f| %&amp;gt;
  &amp;lt;%= f.text_area :body %&amp;gt;
  &amp;lt;%= f.hidden_field :commentable_id, :value =&amp;gt; @impression.id %&amp;gt;
  &amp;lt;%= f.submit 'Submit' %&amp;gt;
&amp;lt;% end %&amp;gt;
&lt;/code&gt;&lt;/pre&gt;
&lt;p&gt;And in the Comments controller I have:&lt;/p&gt;
&lt;pre&gt;&lt;code&gt;def create
  @comment = Comment.build_from( Userimpression.find(params[:comment][:commentable_id]), current_user.id, params[:comment][:body] )
  @comment.save
end
&lt;/code&gt;&lt;/pre&gt;
&lt;p&gt;In the Comments model:&lt;/p&gt;
&lt;pre&gt;&lt;code&gt;def self.build_from(obj, user_id, comment)
  c = self.new
  c.commentable_id = obj.id
  c.commentable_type = obj.class.base_class.name
  c.body = comment
  c.user_id = user_id
  c
end
&lt;/code&gt;&lt;/pre&gt;</t>
  </si>
  <si>
    <t>2012-08-04 00:23:06.123000+00:00</t>
  </si>
  <si>
    <t>2013-05-09 20:08:59.947000+00:00</t>
  </si>
  <si>
    <t>2012-08-04 02:36:06.357000+00:00</t>
  </si>
  <si>
    <t>ruby-on-rails|acts-as-commentable</t>
  </si>
  <si>
    <t>Observe firebase database on changes typescript</t>
  </si>
  <si>
    <t>&lt;p&gt;So I'm calling to my firebase realtime database in an angular service like so:&lt;/p&gt;
&lt;pre&gt;&lt;code&gt;readItems() {
    return this.af.database.ref(`/path`)
      .on('value', snap =&amp;gt; this.callback(snap.val()));
  }
&lt;/code&gt;&lt;/pre&gt;
&lt;p&gt;callback just modifies the response to my needs. What I need to do is grab this modified data in the component I'm calling &lt;code&gt;readItems&lt;/code&gt; from. Here's that call in said component:&lt;/p&gt;
&lt;pre&gt;&lt;code&gt;this.service.readItems();
&lt;/code&gt;&lt;/pre&gt;
&lt;p&gt;I want to to find when this finishes and returns the modified response using an observable or promise with a &lt;code&gt;subscribe&lt;/code&gt; or &lt;code&gt;then&lt;/code&gt;. I cannot figure how to do this and any help would be great.&lt;/p&gt;</t>
  </si>
  <si>
    <t>2018-03-05 05:27:53.533000+00:00</t>
  </si>
  <si>
    <t>2018-03-05 05:46:49.447000+00:00</t>
  </si>
  <si>
    <t>angular|typescript|firebase|firebase-realtime-database|angular5</t>
  </si>
  <si>
    <t>How can I verify that a field has no value (null)?</t>
  </si>
  <si>
    <t>&lt;p&gt;How can I check if a certain field has no value (&lt;code&gt;null&lt;/code&gt;) using Selenium Web Driver?&lt;/p&gt;
&lt;p&gt;This is what I have so far:&lt;/p&gt;
&lt;pre&gt;&lt;code&gt;WebDriverWait wait5 = new WebDriverWait(driver, 5);
wait5.until(ExpectedConditions.elementToBeClickable(By.name("chargeId")));
&lt;/code&gt;&lt;/pre&gt;</t>
  </si>
  <si>
    <t>2014-04-11 12:11:51.117000+00:00</t>
  </si>
  <si>
    <t>2014-04-16 11:32:21.837000+00:00</t>
  </si>
  <si>
    <t>2014-04-11 12:14:03.097000+00:00</t>
  </si>
  <si>
    <t>java|selenium|selenium-webdriver|webdriver</t>
  </si>
  <si>
    <t>How to use BeautifulSoup to scrape a webpage url</t>
  </si>
  <si>
    <t>&lt;p&gt;I get started with web scraping and I would like to get the URLs from certain page provided below.   &lt;/p&gt;
&lt;pre&gt;&lt;code&gt;import requests
from bs4 import BeautifulSoup as Soup
page = "http://www.zillow.com/homes/for_sale/fore_lt/2-_beds/any_days/globalrelevanceex_sort/57.610107,-65.170899,15.707662,-128.452149_rect/3_zm/"    
response = requests.get(page)
soup = Soup(response.text)
&lt;/code&gt;&lt;/pre&gt;
&lt;p&gt;Now, I have all the info of the page in the soup content and I would like to get URLs of all the homes provided in the image 
    &lt;a href="https://i.stack.imgur.com/AZDif.png" rel="nofollow noreferrer"&gt;&lt;img src="https://i.stack.imgur.com/AZDif.png" alt="enter image description here"&gt;&lt;/a&gt;&lt;/p&gt;
&lt;p&gt;When, I INSPECT any of the videos of the home, the chrome opens this DOM element in the image: &lt;/p&gt;
&lt;p&gt;&lt;a href="https://i.stack.imgur.com/uKNHl.png" rel="nofollow noreferrer"&gt;&lt;img src="https://i.stack.imgur.com/uKNHl.png" alt="enter image description here"&gt;&lt;/a&gt;&lt;/p&gt;
&lt;p&gt;How would I get the link inside the &lt;code&gt;&amp;lt;a href=""&amp;gt;&lt;/code&gt; tag using the &lt;code&gt;soup&lt;/code&gt;? I think the parent is &lt;code&gt;&amp;lt;div id = "lis-results"&amp;gt;&lt;/code&gt;, but, I need a way to navigate to the element. Actually, I need all the URLs (391,479) of in a text file.   &lt;/p&gt;
&lt;p&gt;Zillow has an API and also, Python wrapper for the convenience of this kind of data job and I'm looking the code now. All I need to get is the URLs for the FOR SALE -&gt; Foreclosures and POTENTIAL LISTING -&gt; Foreclosed and Pre-foreclosed informations. &lt;/p&gt;</t>
  </si>
  <si>
    <t>2016-05-26 15:29:45.253000+00:00</t>
  </si>
  <si>
    <t>2017-03-17 18:23:51.093000+00:00</t>
  </si>
  <si>
    <t>How to convert hexadecimal array to decimal and back again in C?</t>
  </si>
  <si>
    <t>&lt;p&gt;I have got a hexadecimal array, which I want to convert to decimal, do a modulus operation, and then convert it back to hexadecimal.&lt;/p&gt;
&lt;pre&gt;&lt;code&gt;int main()
{
    char num[] = {0x02,0x03,0x04};
    long n = strtol(num, NULL, 16);
    printf("n=%ld\n", n);  
}
&lt;/code&gt;&lt;/pre&gt;
&lt;p&gt;I am getting "0" here while I am expecting "262914".&lt;/p&gt;
&lt;p&gt;EDIT:&lt;/p&gt;
&lt;p&gt;I know that putting &lt;code&gt;char num[] = "0x040302"&lt;/code&gt; will give me the expected output, but it needs to be withing the {} like &lt;code&gt;{0x02,0x03,0x04}&lt;/code&gt;&lt;/p&gt;</t>
  </si>
  <si>
    <t>2018-11-05 17:25:58.270000+00:00</t>
  </si>
  <si>
    <t>2018-11-05 19:46:50.010000+00:00</t>
  </si>
  <si>
    <t>2018-11-05 17:40:06.710000+00:00</t>
  </si>
  <si>
    <t>c|hex</t>
  </si>
  <si>
    <t>Getting the Value of the Discriminator Column</t>
  </si>
  <si>
    <t>&lt;p&gt;I have a JPA Entity which uses a discriminator column. But I need to get access to the value of the discriminator as one of the fields of the entity.  How do I that.  If I create a method that matches the discriminator column I get the following error at deploy time:&lt;/p&gt;
&lt;pre&gt;&lt;code&gt;Caused by: org.hibernate.MappingException: Repeated column in mapping for entity: com.example.PortEntity column: type (should be mapped with insert="false" update="false")
&lt;/code&gt;&lt;/pre&gt;
&lt;p&gt;The entity definition:&lt;/p&gt;
&lt;pre&gt;&lt;code&gt;@Entity(name="Port")
@DiscriminatorColumn(name="type",
         discriminatorType=DiscriminatorType.STRING,
         length=10)
@DiscriminatorValue(value="port")
@Table(name="vPorts")
@XmlRootElement(name="port")
public class PortEntity {
     ...
     @Column(name="type", length=20, insert=false, update="false")
     @XmlAttribute(name="type")
     public String getType() { ... }
     public void setType(String newType) {... }
     ...
     @Entity(name="SeaPort")
     @DiscriminatorValue(value="seaport")
     @XmlRootElement(name="seaport")
     public static class Sea
     extends PortEntity { ... }
     @Entity(name="AirPort")
     @DiscriminatorValue(value="seaport")
     @XmlRootElement(name="seaport")
     public static class Air
     extends PortEntity { ... }
}
&lt;/code&gt;&lt;/pre&gt;</t>
  </si>
  <si>
    <t>2013-03-04 18:47:19.997000+00:00</t>
  </si>
  <si>
    <t>2015-06-11 10:59:40.267000+00:00</t>
  </si>
  <si>
    <t>2013-03-04 23:03:15.160000+00:00</t>
  </si>
  <si>
    <t>java-ee|jpa</t>
  </si>
  <si>
    <t>StickyGridHeaders bug when used inside RelativeLayout</t>
  </si>
  <si>
    <t>&lt;p&gt;I am using &lt;a href="https://github.com/TonicArtos/StickyGridHeaders" rel="nofollow noreferrer"&gt;TonicArtos/StickyGridHeaders&lt;/a&gt; library and my &lt;code&gt;StickyGridHeadersGridView&lt;/code&gt; is placed inside a &lt;code&gt;RelativeLayout&lt;/code&gt;. The problem is, attributes I used in layout XML for &lt;code&gt;StickyGridHeadersGridView&lt;/code&gt; is not working because of which &lt;code&gt;ScrollBar&lt;/code&gt; is appearing above the grid view items&lt;/p&gt;
&lt;pre&gt;&lt;code&gt;android:layout_above
android:layout_below
android:layout_toRightOf
&lt;/code&gt;&lt;/pre&gt;
&lt;p&gt;I am getting output as follows&lt;/p&gt;
&lt;p&gt;&lt;img src="https://i.stack.imgur.com/4kEXQ.png" alt="enter image description here"&gt;&lt;/p&gt;
&lt;p&gt;&lt;strong&gt;Workaround Solution:&lt;/strong&gt;&lt;/p&gt;
&lt;p&gt;To resolve this issue I have to wrap the &lt;code&gt;StickyGridHeadersGridView&lt;/code&gt; inside &lt;code&gt;FrameLayout&lt;/code&gt; and I applied the above mentioned attributes to this &lt;code&gt;FrameLayout&lt;/code&gt; and it worked just fine BUT &lt;code&gt;FrameLayout&lt;/code&gt; here is unnecessary since it will add an Another view in  view hierarchy.&lt;/p&gt;</t>
  </si>
  <si>
    <t>2013-09-11 05:58:28.160000+00:00</t>
  </si>
  <si>
    <t>2013-09-12 07:35:46.810000+00:00</t>
  </si>
  <si>
    <t>android|android-gridview|android-scrollbar</t>
  </si>
  <si>
    <t>read.table is returning a single column of "NA" characters under the heading ������D</t>
  </si>
  <si>
    <t>&lt;p&gt;I have encountered a very strange problem when trying to read a table of data into R using the read.table function. Rather than the actual data being read, I get a single column of NA characters under the heading ����D (which is not anywhere in my code or in my input file). My code and data file are below. Please let me know if you have any suggestions as to why I am getting this strange result. I have been searching for hours and come up with nothing. &lt;/p&gt;
&lt;p&gt;code:&lt;/p&gt;
&lt;pre&gt;&lt;code&gt;Raw_Annotation_data_AllDeer&amp;lt;-read.table("Sample.txt", as.is=TRUE, row.names=NULL, 
                                         check.names = TRUE, sep="\t", fill=T, header=T, 
                                         strip.white = T, quote = "", na.strings = "NA", 
                                         comment.char="")
&lt;/code&gt;&lt;/pre&gt;
&lt;p&gt;File (first 5 lines):&lt;/p&gt;
&lt;pre&gt;&lt;code&gt;Document_Name   Sequence_Name   Track_Name  Type    Name    Sequence    Minimum Min_(with_gaps) Maximum Max_(with_gaps) Length  Length_(with_gaps)  #_Intervals Direction   Average_Quality Coverage    modified_by Polymorphism_Type   Strand-Bias Strand-Bias_&amp;gt;50%_P-value    Strand-Bias_&amp;gt;65%_P-value    Variant_Frequency   Variant_Nucleotide(s)   Variant_P-Value_(approximate)
Chr2_FT Chr2    Chr2.bed    CDS 10000_ARHGAP15  GAAAGAATCATTAACAGTTAGAAGTTGATG-AAGTTTCAATAACAAGTGGGCACTGAGAGAAAG    55916421    56019336    55916483    56019399    63  64  1   forward         User                            
Chr2_FT Chr2    Chr2.bed    CDS 10001_ARHGAP15  GATACCACTGTACTATGCAGAAATCTACAAATTCTGATATCCCTGTGGAAACACTGAATCCCACCCGCCAAGGCACTGGAGCTGTGCAAATGAGAATCAAAAATGCCAACAGCCACCATGACAGGCTGAGCCAAAGTAAATCTATGATCCTCACCGAAGTTGGGAAGGTCACTGAACCT 55936395    56039336    55936573    56039514    179 179 1   forward         User                            
Chr2_FT Chr2    Chr2.bed    CDS 10002_HNMT  CTGACACAATAATAATGAGAATCTTAGCATTGGTAGCTAAGAGACTATGGAAGAATTTCAGGGTAGCTGGGATGTCTTTAACATAATACAGCAT  61980947    62093615    61981040    62093708    94  94  1   forward         User                            
Chr2_FT Chr2    Chr2.bed    CDS 10003_HNMT  CTGAATCATATGAATAAAGTCCCACCTCTGAAGTTCTTTTTTCTCCATCATTCTATTTTGATATTCAGATGATGTCTCTTTATGCCAAGCAAACTTTATGTTCTCAAGGTTTGATGTCTTTGCTACAAGCT 61986120    62098794    61986250    62098924    131 131 1   forward         User                            
Chr2_FT Chr2    Chr2.bed    CDS 10004_HNMT  CTTTGTACTTGGTGATTTGTTCAGCACTTGGTTCAACAACTTCATTGATGATATGAACTCCTGGGTACTGAGCTTGCACTTTGGAGAGAATTTGAAGGTCAATTTCAC    61987773    62100453    61987880    62100560    108 108 1   forward         User                            
&lt;/code&gt;&lt;/pre&gt;</t>
  </si>
  <si>
    <t>2012-12-28 21:05:22.173000+00:00</t>
  </si>
  <si>
    <t>2012-12-29 02:50:21.567000+00:00</t>
  </si>
  <si>
    <t>r|encoding|na|read.table</t>
  </si>
  <si>
    <t>IE creates font-icon strange underline</t>
  </si>
  <si>
    <t>&lt;p&gt;I'm using fontello font-icons. They work perfectly except with Internet Explorer. They do not react also with the hover status and so... The problem I'm getting at this moment is a trange underline under the font-icon.&lt;/p&gt;
&lt;p&gt;I already tried text-decoration, border-bottom...&lt;/p&gt;
&lt;p&gt;Do anybody have any solution for this:&lt;/p&gt;
&lt;p&gt;&lt;img src="https://i.stack.imgur.com/JIYjm.jpg" alt="enter image description here"&gt;&lt;/p&gt;
&lt;p&gt;This is my CSS code, I'm using SASS in this project:&lt;/p&gt;
&lt;pre&gt;&lt;code&gt;nav{
        a{
            width: 60px;
            height: $height-header-nav-tablet;
            float: left;
            line-height: 50px;
            text-align: center;
            @media screen and (min-width : $media-tablet-min) and (max-width : $media-tablet-max) {
                width: $width-header-link-nav-tablet;
            }
            i.icon-menu{
                font-size: 30px;
            }
                &amp;amp;:link,
                &amp;amp;:visited{
                    color: $blue-dark-takeda;
                    @include border-gradient;
                    text-shadow: 1px 1px rgba(28, 42, 83, 0.2);
                }
                &amp;amp;:hover{
                    color: $white-takeda;
                    background-color: $blue-dark-takeda;
                    text-shadow: 1px 1px rgba(0, 0, 0, 0.2);
                }
                &amp;amp;:active{
                    @include background-image(radial-gradient(45px 45px, $blue-dark-takeda 25px, #111931 40px));
                }
                &amp;amp;.active {
                    color: $white-takeda;
                    background-color: $blue-dark-takeda;
                    text-shadow: 1px 1px rgba(0, 0, 0, 0.2);
                    @include background-image(radial-gradient(45px 45px, $blue-dark-takeda 25px, #111931 40px));
                }
        }
    }
&lt;/code&gt;&lt;/pre&gt;</t>
  </si>
  <si>
    <t>2013-05-03 15:39:06.290000+00:00</t>
  </si>
  <si>
    <t>2018-03-06 14:27:00.830000+00:00</t>
  </si>
  <si>
    <t>2013-05-03 19:41:15.070000+00:00</t>
  </si>
  <si>
    <t>internet-explorer|cross-browser|sass|font-face|compass-sass</t>
  </si>
  <si>
    <t>Run Debian program compiled on Ubuntu with Lazarus</t>
  </si>
  <si>
    <t>&lt;p&gt;When compiling any source developed in Lazarus in Ubuntu, it does the same thing normally, but in Debian with the &lt;code&gt;./Test&lt;/code&gt; command, it gives the following error: &lt;/p&gt;
&lt;pre&gt;&lt;code&gt;Targeting Failure
&lt;/code&gt;&lt;/pre&gt;
&lt;p&gt;The Debian version is in Portuguese. The program can be as simple as it is, even just displaying a simple text output. The systems have the same 32-bit architecture. Is it missing a library or incompatibility? I can not compile directly in Debian, because it is a VPS and I only have SSH access.&lt;/p&gt;
&lt;p&gt;Here is the source code:&lt;/p&gt;
&lt;pre&gt;&lt;code&gt;program Test;
uses
  SysUtils;
var
iParam: string;
begin
  iParam := ParamStr(1);
  Writeln(iParam);
end.
&lt;/code&gt;&lt;/pre&gt;</t>
  </si>
  <si>
    <t>2017-05-16 17:13:42.670000+00:00</t>
  </si>
  <si>
    <t>2017-05-17 09:35:05.897000+00:00</t>
  </si>
  <si>
    <t>debian|lazarus</t>
  </si>
  <si>
    <t>Parallelism improvement</t>
  </si>
  <si>
    <t>&lt;p&gt;Is there a better pattern for parallelism that can be improved in the following code? With all the new Task features in C# I'm wondering if there is room for improvement. The call to TaskManager.StartNew is a wrapper to the Task.Factory.StartNew with exception handling. It basically creates an array of Tasks, and then calls the WaitAll method. Is this the best way to execute these tasks in parallel?&lt;/p&gt;
&lt;pre&gt;&lt;code&gt; var queries = new Task[]
        {
            TaskManager.StartNew(() =&amp;gt;
                {
                   ...
                }, context.UserContextContainer.UserContext),
            TaskManager.StartNew(() =&amp;gt;
                {
                    ...
                }, context.UserContextContainer.UserContext),
            TaskManager.StartNew(() =&amp;gt;
                {
                   ...
                }, context.UserContextContainer.UserContext),
            TaskManager.StartNew(() =&amp;gt;
                {
                   ...
                }, context.UserContextContainer.UserContext),
            TaskManager.StartNew(() =&amp;gt;
                {
                   ...
                }, context.UserContextContainer.UserContext)
        };
  Task.WaitAll(queries);
&lt;/code&gt;&lt;/pre&gt;</t>
  </si>
  <si>
    <t>2014-10-01 14:47:19.787000+00:00</t>
  </si>
  <si>
    <t>2014-10-01 15:10:18.597000+00:00</t>
  </si>
  <si>
    <t>2014-10-01 14:48:58.273000+00:00</t>
  </si>
  <si>
    <t>c#|parallel-processing|task-parallel-library|task</t>
  </si>
  <si>
    <t>Scatterplot on multiple line graph d3js</t>
  </si>
  <si>
    <t>&lt;p&gt;I am trying to realise a multiple line chart with scatterplot for each observation.&lt;/p&gt;
&lt;p&gt;My code is : &lt;/p&gt;
&lt;pre&gt;&lt;code&gt;&amp;lt;!DOCTYPE html&amp;gt;
&amp;lt;meta charset="utf-8"&amp;gt;
&amp;lt;style&amp;gt; /* set the CSS */
    body { font: 12px Arial;}
    path {
        stroke: steelblue;
        stroke-width: 2;
        fill: none;
    }
.axis path,
.axis line {
    fill: none;
    stroke: grey;
    stroke-width: 1;
    shape-rendering: crispEdges;
}
.legend {
    font-size: 12px;
    font-weight: bold;
    text-anchor: middle;
}
    &amp;lt;/style&amp;gt;
&amp;lt;body&amp;gt;
    &amp;lt;!-- load the d3.js library --&amp;gt;
    &amp;lt;script src="http://d3js.org/d3.v3.min.js"&amp;gt;&amp;lt;/script&amp;gt;
    &amp;lt;script&amp;gt;
        // Set the dimensions of the canvas / graph
        var margin = {top: 30, right: 20, bottom: 70, left: 50},
        width = 1000 - margin.left - margin.right,
        height = 500 - margin.top - margin.bottom;
        // Parse the date / time
        var parseDate = d3.time.format("%b %d %Y").parse;
        // Set the ranges
        var x = d3.time.scale().range([0, width]);
        var y = d3.scale.linear().range([0, height]);
        // Define the axes
        var xAxis = d3.svg.axis().scale(x)
        .orient("bottom").ticks(5);
        var yAxis = d3.svg.axis().scale(y)
        .orient("left").ticks(5);
        // Define the line
        var priceline = d3.svg.line()
        .x(function(d) { return x(d.date); })
        .y(function(d) { return y(d.price); })
        .interpolate("basis");
       // var circleAttributes = circles
       // .attr("cx", function (d) { return d.cx; })
       // .attr("cy", function (d) { return d.cy; })
      //  .attr("r", function (d) { return d.radius; })
      //  .style("fill", function (d) { return d.color; });
      // Define the points
     // var point = d3.svg
     //  .cx(function(d) { return x(d.date); })
     //  .cy(function(d) { return y(d.price); })
     //  .r(function(d) { return 5;})
        // Adds the svg canvas
        var svg = d3.select("body")
        .append("svg")
        .attr("width", width + margin.left + margin.right)
        .attr("height", height + margin.top + margin.bottom)
        .append("g")
        .attr("transform",
              "translate(" + margin.left + "," + margin.top + ")");
              // Get the data
              d3.csv("stocks.csv", function(error, data) {
                     data.forEach(function(d) {
                                  d.date = parseDate(d.date);
                                  d.price = +d.price;
                                  });
                     // Scale the range of the data
                     x.domain(d3.extent(data, function(d) { return d.date; }));
                     y.domain([0, d3.max(data, function(d) { return d.price; })]);
                     // Nest the entries by symbol
                     var dataNest = d3.nest()
                     .key(function(d) {return d.symbol;})
                     .entries(data);
                     var color = d3.scale.category20();   // set the colour scale
                     legendSpace = width/dataNest.length; // spacing for the legend
                     // Loop through each symbol / key
                     dataNest.forEach(function(d,i) {
                                      svg.append("path")
                                      .attr("class", "line")
                                      .style("stroke", function() { // Add the colours dynamically
                                             return d.color = color(d.key); })
                                      .attr("id", 'tag'+d.key.replace(/\s+/g, '')) // assign ID
                                      .attr("stroke-width", 2)
                                      //.style("opacity", 0)
                                      .attr("d", priceline(d.values));
                                     // console.log(d.price)
                                     // console.log(d.price.values)
                                      // Add the scatterplot
                                      svg.selectAll("dot")
                                      .data(d.values)
                                      .enter().append("circle")
                                      .attr("r", 1.5)
                                      .attr("cx", function(d) { return x(d.date); })
                                      .attr("cy", function(d) { return y(d.price); });
                                     // svg.enter()
                                     // .append("circle")
                                     // .attr("cy", function(d) { return y(d.price); })
                                     // .attr("cx", function(d) { return x(d.date); })
                                     // .attr("r", 9)
                                     // .attr("opacity", 0.15)
                                      //svg.append("path")
                                      //.attr("class", "circle")
                                      //.attr("cy", points(d.values))
                                      //.attr("opacity", 0.15)
                                      if(i&amp;lt;10){
                                      // Add the Legend
                                      svg.append("text")
                                      .attr("x",(((i+1)*100-80)))  // space legend
                                      .attr("y", height + (margin.bottom/2)+ 5)
                                      .attr("class", "legend")    // style the legend
                                      .style("fill", function() { // Add the colours dynamically
                                             return d.color = color(d.key); })
                                      .on("click", function(){
                                          // Determine if current line is visible 
                                          var active   = d.active ? false : true,
                                          newOpacity = active ? 1 : 0;
                                          // Hide or show the elements based on the ID
                                          d3.select("#tag"+d.key.replace(/\s+/g, ''))
                                          .transition().duration(100) 
                                          .style("opacity", newOpacity); 
                                          // Update whether or not the elements are active
                                          d.active = active;
                                          })  
                                      .text(d.key);
                                      }
                                      else{
                                      svg.append("text")
                                      .attr("x", ((i-9)*100-80))  // space legend
                                      .attr("y", height + (margin.bottom/2)+30)
                                      .attr("class", "legend")    // style the legend
                                      .style("fill", function() { // Add the colours dynamically
                                             return d.color = color(d.key); })
                                      .on("click", function(){
                                          // Determine if current line is visible
                                          var active   = d.active ? false : true,
                                          newOpacity = active ? 0 : 1;
                                          // Hide or show the elements based on the ID
                                          d3.select("#tag"+d.key.replace(/\s+/g, ''))
                                          .transition().duration(100)
                                          .style("opacity", newOpacity);
                                          // Update whether or not the elements are active
                                          d.active = active;
                                          })
                                      .text(d.key);
                                      }
                                      });
                     // Add the X Axis
                     svg.append("g")
                     .attr("class", "x axis")
                     .attr("transform", "translate(0," + height + ")")
                     .call(xAxis);
                     // Add the Y Axis
                     svg.append("g")
                     .attr("class", "y axis")
                     .call(yAxis);
                     });
        &amp;lt;/script&amp;gt;
&amp;lt;/body&amp;gt;
&lt;/code&gt;&lt;/pre&gt;
&lt;p&gt;The result is :&lt;/p&gt;
&lt;p&gt;Result of the code&lt;/p&gt;
&lt;p&gt;&lt;a href="https://i.stack.imgur.com/fBXa8.png" rel="nofollow noreferrer"&gt;&lt;img src="https://i.stack.imgur.com/fBXa8.png" alt="enter image description here"&gt;&lt;/a&gt;&lt;/p&gt;
&lt;p&gt;So, it works for the first day but the same points are repeted for the over days.&lt;/p&gt;</t>
  </si>
  <si>
    <t>2016-12-26 11:02:44.497000+00:00</t>
  </si>
  <si>
    <t>2016-12-26 23:29:28.743000+00:00</t>
  </si>
  <si>
    <t>Facebook Like Button Grabbing Content From Wrong Page</t>
  </si>
  <si>
    <t>&lt;p&gt;On my site, I've implemented some facebook like buttons on the articles which works for all of them but one. If you 'like' an article, such as &lt;a href="http://www.theslam.co.uk/article/ranticles/L.A.-Noire-The-Unrewarding-Story/" rel="nofollow"&gt;this one&lt;/a&gt; then it works fine and grabs the right image, right content and puts them on my facebook profile. However, when I 'like' &lt;a href="http://www.theslam.co.uk/article/retrospectacles/Supernatural-Where-did-it-all-go-wrong/" rel="nofollow"&gt;this one&lt;/a&gt; it grabs the content and the url of the home page, made worse by the carousel on the homepage which means that it gets content from that and not even the intro text there. &lt;/p&gt;
&lt;p&gt;This has been driving me crazy. Please help me.&lt;/p&gt;</t>
  </si>
  <si>
    <t>2011-06-19 10:40:28.417000+00:00</t>
  </si>
  <si>
    <t>2011-06-19 16:56:25.863000+00:00</t>
  </si>
  <si>
    <t>2011-06-19 10:44:48.553000+00:00</t>
  </si>
  <si>
    <t>user456814</t>
  </si>
  <si>
    <t>javascript|html|css|facebook</t>
  </si>
  <si>
    <t>VBA Excel UserForm resizing without asking to with two monitors</t>
  </si>
  <si>
    <t>&lt;p&gt;When i use multiple monitors in my computer my userforms go wild. &lt;/p&gt;
&lt;p&gt;When the excel is maximized in my main monitor the userforms shrinks in width everytime i open it. Everytime. The width literally tends to zero.&lt;/p&gt;
&lt;p&gt;In the second monitor this doesn't happen, but the userform does not even show.&lt;/p&gt;
&lt;p&gt;I always used this code to center the userform in the screen where the excel is maximized&lt;/p&gt;
&lt;pre&gt;&lt;code&gt;With UserForm_Name
 .StartUpPosition = 0
 .Left = Application.Left + (0.5 * Application.Width) - (0.5 * .Width)
 .Top = Application.Top + (0.5 * Application.Height) - (0.5 * .Height)
 .Show
End With
&lt;/code&gt;&lt;/pre&gt;
&lt;p&gt;Out of the blue the code started to freeze and i need to hit ctrl + break to see that it does not pass .Show&lt;/p&gt;
&lt;p&gt;If i remove the startupposition the userform starts to show in the second monitor, but the problem in the main monitor continues.&lt;/p&gt;
&lt;p&gt;Any ideas why is this happening?&lt;/p&gt;</t>
  </si>
  <si>
    <t>2018-07-17 15:10:59.077000+00:00</t>
  </si>
  <si>
    <t>excel-vba|userform</t>
  </si>
  <si>
    <t>What is the exact class of the ".in" static variable in the System class?</t>
  </si>
  <si>
    <t>&lt;p&gt;The Oracle Java specification pages that are online list the " .in " static variable in the System class as being of type InputStream. &lt;/p&gt;
&lt;p&gt;However, the class InputStream is abstract. So, no instance of InputStream can exist. &lt;/p&gt;
&lt;p&gt;Therefore, the developers must have subclassed InputStream to create the ".in" instance. &lt;/p&gt;
&lt;p&gt;What is the exact type of the ".in" variable?&lt;/p&gt;
&lt;p&gt;Thanks.&lt;/p&gt;</t>
  </si>
  <si>
    <t>2014-12-20 01:16:23.837000+00:00</t>
  </si>
  <si>
    <t>2014-12-20 02:00:18.007000+00:00</t>
  </si>
  <si>
    <t>user4308129</t>
  </si>
  <si>
    <t>java|class|static|system|inputstream</t>
  </si>
  <si>
    <t>where to find a web project after deployment on tomcat</t>
  </si>
  <si>
    <t>&lt;p&gt;After deploying a web application war on tomcat , i want to run the web application's classes within tomcat folder&lt;/p&gt;
&lt;p&gt;so i found this path (C:\software\apache-tomcat-7\apache-tomcat-7.0.28\wtpwebapps\SeleniumebDriverProject\WEB-INF\classes) that contain all classes . &lt;/p&gt;
&lt;p&gt;I want you to correct me if it's not the right folder&lt;/p&gt;
&lt;p&gt;Thank you in advance&lt;/p&gt;</t>
  </si>
  <si>
    <t>2012-07-10 14:45:41.263000+00:00</t>
  </si>
  <si>
    <t>2012-07-10 15:50:39.007000+00:00</t>
  </si>
  <si>
    <t>tomcat</t>
  </si>
  <si>
    <t>ERROR TypeError: Cannot read property 'version' of null angular 4</t>
  </si>
  <si>
    <t>&lt;p&gt;I am using ng2-nouislider in an angular 4 application with below dependency. I am successfully able to build with and without --aot and got no error however on browser I am getting error "ERROR TypeError: Cannot read property 'version' of null" in an infinite loop so can anyone suggest what could be reason for this problem as I went through different solution on github but nothing seems to be working for me.&lt;/p&gt;
&lt;pre&gt;&lt;code&gt;"dependencies": {
    "@angular/animations": "^4.2.6",
    "@angular/common": "^4.0.0",
    "@angular/compiler": "^4.0.0",
    "@angular/core": "^4.0.0",
    "@angular/forms": "^4.0.0",
    "@angular/http": "^4.0.0",
    "@angular/platform-browser": "^4.0.0",
    "@angular/platform-browser-dynamic": "^4.0.0",
    "@angular/router": "^4.0.0",
    "@ngx-translate/core": "6.0.1",
    "@ngx-translate/http-loader": "0.0.3",
    "angular-in-memory-web-api": "~0.3.0",
    "angular2-cookie": "^1.2.6",
    "core-js": "^2.4.1",
    "enhanced-resolve": "^3.3.0",
    "file-saver": "^1.3.3",
    "jquery": "^3.2.1",
    "ng-click-outside": "^2.3.4",
    "ng2-lazy-trumbowyg": "^2.3.1",
    "ng2-nouislider": "1.6.2",
    "ng2-select2": "^1.0.0-beta.10",
    "ngx-cookie": "^1.0.0",
    "ngx-smart-modal": "^2.0.3",
    "nouislider": "^10.1.0",
    "rxjs": "^5.1.0",
    "select2": "^4.0.3",
    "systemjs": "0.19.40",
    "zone.js": "^0.8.4"
  }
&lt;/code&gt;&lt;/pre&gt;
&lt;p&gt;Error:
&lt;a href="https://i.stack.imgur.com/iwT38.png" rel="nofollow noreferrer"&gt;&lt;img src="https://i.stack.imgur.com/iwT38.png" alt="enter image description here"&gt;&lt;/a&gt;&lt;/p&gt;</t>
  </si>
  <si>
    <t>2017-09-29 04:49:26.237000+00:00</t>
  </si>
  <si>
    <t>2017-09-29 05:57:28.280000+00:00</t>
  </si>
  <si>
    <t>angular|nouislider</t>
  </si>
  <si>
    <t>How serve static files with rack-coffee</t>
  </si>
  <si>
    <t>&lt;p&gt;I use the gem &lt;a href="http://rubygems.org/gems/rack-coffee" rel="nofollow"&gt;rack-coffee&lt;/a&gt; to compile my coffee-scripts. I want to use jquery.js too. I put them in the same folder, but it does not work. Rack-coffee also compiles the jquery.js and the compiler throws an error. How can I use these two kinds of files in the same folder.&lt;/p&gt;
&lt;pre&gt;&lt;code&gt;use Rack::Coffee,
  :root =&amp;gt; File.join(Dir.pwd, 'assets'),
  :urls =&amp;gt; '/javascripts'
&lt;/code&gt;&lt;/pre&gt;</t>
  </si>
  <si>
    <t>2013-06-05 07:04:21.423000+00:00</t>
  </si>
  <si>
    <t>2013-10-28 11:47:20.467000+00:00</t>
  </si>
  <si>
    <t>2013-06-05 22:15:56.090000+00:00</t>
  </si>
  <si>
    <t>javascript|coffeescript|sinatra|rack</t>
  </si>
  <si>
    <t>iPhone: What are the Advantages and Disadvantages of Developing with CSS/Javascript?</t>
  </si>
  <si>
    <t>&lt;p&gt;There are alternatives to developing for iPhone besides the native Objective-C API. In particular, there are CSS/Javascript based solutions such as the &lt;a href="http://code.google.com/p/iui/" rel="nofollow noreferrer"&gt;iUi Framework&lt;/a&gt;. &lt;/p&gt;
&lt;p&gt;Can you write successful iPhone apps with CSS/Javascript? Does Apple approve such apps? What are the advantages and disadvantages of using this approuch?&lt;/p&gt;
&lt;p&gt;Thanks in advance.&lt;/p&gt;</t>
  </si>
  <si>
    <t>2010-03-31 10:55:21.600000+00:00</t>
  </si>
  <si>
    <t>2010-03-31 13:00:38.623000+00:00</t>
  </si>
  <si>
    <t>2010-03-31 11:46:54.353000+00:00</t>
  </si>
  <si>
    <t>javascript|iphone|css</t>
  </si>
  <si>
    <t>Merge two different dataframes with loop (python)</t>
  </si>
  <si>
    <t>&lt;p&gt;I'm quite new to python and got the following problem.&lt;/p&gt;
&lt;p&gt;I have two dataframes, where the first one looks like this:&lt;/p&gt;
&lt;pre&gt;&lt;code&gt;df1
code  product
10-00  apple
10-10  banana
10-20  grape
10-00  cucumber
20-00  tomato
20-10  onion
20-10  garlic
&lt;/code&gt;&lt;/pre&gt;
&lt;p&gt;and the second one looks like:&lt;/p&gt;
&lt;pre&gt;&lt;code&gt;df2
code  colour
10-00  green
10-10  yellow
10-20  purple
20-00  red
20-10  white
&lt;/code&gt;&lt;/pre&gt;
&lt;p&gt;I would like to have a loop that would give the following dataframe&lt;/p&gt;
&lt;pre&gt;&lt;code&gt;df
10-00  apple  green
10-10  banana  yellow
10-20  grape  purple
10-00  cucumber  green
20-00  tomato  red
20-10  onion  white
20-10  garlic  white
&lt;/code&gt;&lt;/pre&gt;
&lt;p&gt;But I really can't figure it out where to start..
Anybody who has experience with such a problem?&lt;/p&gt;</t>
  </si>
  <si>
    <t>2018-02-28 09:51:44.237000+00:00</t>
  </si>
  <si>
    <t>2018-03-08 01:33:30.710000+00:00</t>
  </si>
  <si>
    <t>python|pandas|loops|dataframe</t>
  </si>
  <si>
    <t>Find an item and change value in custom object array - Swift</t>
  </si>
  <si>
    <t>&lt;p&gt;I have this class&lt;/p&gt;
&lt;pre&gt;&lt;code&gt;class InboxInterests {
    var title = ""
    var eventID = 0
    var count = ""
    var added = 0
    init(title : String, eventID : NSInteger, count: String, added : NSInteger) {
        self.title = title
        self.eventID = eventID
        self.count = count
        self.added = added
    }
}
&lt;/code&gt;&lt;/pre&gt;
&lt;p&gt;And i use it like this&lt;/p&gt;
&lt;pre&gt;&lt;code&gt;var array: [InboxInterests] = [InboxInterests]()
&lt;/code&gt;&lt;/pre&gt;
&lt;p&gt;Add item&lt;/p&gt;
&lt;pre&gt;&lt;code&gt;let post = InboxInterests(title: "test",eventID : 1, count: "test", added: 0)
self.array.append(post)
&lt;/code&gt;&lt;/pre&gt;
&lt;p&gt;I want to find the index by &lt;code&gt;eventID&lt;/code&gt; key and change the value of &lt;code&gt;added&lt;/code&gt; key in the same index&lt;/p&gt;
&lt;p&gt;How is that possible?&lt;/p&gt;</t>
  </si>
  <si>
    <t>2016-06-28 19:09:28.677000+00:00</t>
  </si>
  <si>
    <t>2018-05-10 20:17:16.787000+00:00</t>
  </si>
  <si>
    <t>2016-06-28 19:14:10.827000+00:00</t>
  </si>
  <si>
    <t>ios|arrays|swift</t>
  </si>
  <si>
    <t>How to hold an exception in an IObservable pipeline and re-throw it at the end?</t>
  </si>
  <si>
    <t>&lt;p&gt;I have the following method:&lt;/p&gt;
&lt;pre&gt;&lt;code&gt;public IObservable&amp;lt;DataManagementWorkItem&amp;gt; GetWorkItemSource(int maxConcurrentCalls)
{
    return m_namespaceManager
        .GetNamespaceConnectionInfoSource(true, drainAndDisable: false)
        .Select(nci =&amp;gt; Observable.Defer(() =&amp;gt; GetPolicySourceForNamespace(nci)))
        .Merge(maxConcurrentCalls)
        .Where(IsValid)
        .Select(ToWorkItem)
        .Where(o =&amp;gt; o != null);
}
&lt;/code&gt;&lt;/pre&gt;
&lt;p&gt;It implements the following logic:&lt;/p&gt;
&lt;ol&gt;
&lt;li&gt;Enter the monad by obtaining &lt;code&gt;IObservable&amp;lt;NamespaceConnectionInfo&amp;gt;&lt;/code&gt; from the namespace manager (&lt;code&gt;GetNamespaceConnectionInfoSource&lt;/code&gt;).&lt;/li&gt;
&lt;li&gt;As namespaces become available obtain &lt;code&gt;IObservable&amp;lt;DataManagementPolicy&amp;gt;&lt;/code&gt; corresponding to the particular namespace (&lt;code&gt;GetPolicySourceForNamespace&lt;/code&gt;). However, use the &lt;code&gt;Merge&lt;/code&gt; operator to restrict the number of concurrent calls to &lt;code&gt;GetPolicySourceForNamespace&lt;/code&gt;.&lt;/li&gt;
&lt;li&gt;Filter out bad &lt;code&gt;DataManagementPolicy&lt;/code&gt; records (cannot be done in SQL).&lt;/li&gt;
&lt;li&gt;Translate the seemingly good &lt;code&gt;DataManagementPolicy&lt;/code&gt; records to &lt;code&gt;DataManagementWorkItem&lt;/code&gt; instances. Some could turn out as &lt;code&gt;null&lt;/code&gt;, so they are filtered out at the end.&lt;/li&gt;
&lt;/ol&gt;
&lt;p&gt;The &lt;code&gt;GetNamespaceConnectionInfoSource&lt;/code&gt; can fault after having produced certain amount of valid &lt;code&gt;NamespaceConnectionInfo&lt;/code&gt; objects. It is entirely possible that certain amount of &lt;code&gt;DataManagementWorkItem&lt;/code&gt; objects have already been produced by that time in the final observable sequence.&lt;/p&gt;
&lt;p&gt;I have a unit test, where:&lt;/p&gt;
&lt;ul&gt;
&lt;li&gt;&lt;code&gt;GetNamespaceConnectionInfoSource&lt;/code&gt; throws after having produced 25 namespaces&lt;/li&gt;
&lt;li&gt;&lt;code&gt;GetPolicySourceForNamespace&lt;/code&gt; produces 10 objects per namespace&lt;/li&gt;
&lt;li&gt;The concurrency limit is 10&lt;/li&gt;
&lt;/ul&gt;
&lt;p&gt;I am also interested to examine the items produced in the final observable before it is faulted:&lt;/p&gt;
&lt;pre&gt;&lt;code&gt;var dm = DependencyResolver.Instance.GetInstance&amp;lt;IDataManagement&amp;gt;();
var workItems = new List&amp;lt;DataManagementWorkItem&amp;gt;();
try
{
    var obs = dm.GetWorkItemSource(10);
    obs.Subscribe(wi =&amp;gt; workItems.Add(wi));
    await obs;
    Assert.Fail("An expected exception was not thrown");
}
catch (Exception exc)
{
    AssertTheRightException(exc);
}
&lt;/code&gt;&lt;/pre&gt;
&lt;p&gt;The &lt;code&gt;workItems&lt;/code&gt; collection has a different number of items every time. One run it has 69 items, another - 50, yet another - 18.&lt;/p&gt;
&lt;p&gt;My interpretation is that when the fault occurs there are good &lt;code&gt;NamespaceConnectionInfo&lt;/code&gt; and &lt;code&gt;DataManagementPolicy&lt;/code&gt; objects in various phases of processing, all of which get aborted because of the fault. The amount is different each time, because the items are produced asynchronously.&lt;/p&gt;
&lt;p&gt;And here lies my problem - I do not want them to be aborted. I want them to run to completion, be produced in the final observable sequence and only then to communicate the fault. In essence I want to hold the exception and re-throw it at the end.&lt;/p&gt;
&lt;p&gt;I tried to modify the implementation a little bit:&lt;/p&gt;
&lt;pre&gt;&lt;code&gt;public IObservable&amp;lt;DataManagementWorkItem&amp;gt; GetWorkItemSource(int maxConcurrentCalls)
{
    Exception fault = null;
    return m_namespaceManager
        .GetNamespaceConnectionInfoSource(true, drainAndDisable: false)
        .Catch&amp;lt;NamespaceConnectionInfo, Exception&amp;gt;(exc =&amp;gt;
        {
            fault = exc;
            return Observable.Empty&amp;lt;NamespaceConnectionInfo&amp;gt;();
        })
        .Select(nci =&amp;gt; Observable.Defer(() =&amp;gt; GetPolicySourceForNamespace(nci)))
        .Merge(maxConcurrentCalls)
        .Where(IsValid)
        .Select(ToWorkItem)
        .Where(o =&amp;gt; o != null)
        .Finally(() =&amp;gt;
        {
            if (fault != null)
            {
                throw fault;
            }
        });
}
&lt;/code&gt;&lt;/pre&gt;
&lt;p&gt;Needless to say - it did not work. &lt;code&gt;Finally&lt;/code&gt; does not seem to propagate any exceptions, which I actually agree with.&lt;/p&gt;
&lt;p&gt;So, what is the right way to achieve what I want?&lt;/p&gt;
&lt;p&gt;&lt;strong&gt;EDIT&lt;/strong&gt;&lt;/p&gt;
&lt;p&gt;Unrelated to the question, I have found that the test code I use to collect the produced &lt;code&gt;DataManagementWorkItem&lt;/code&gt; instances is bad. Instead of&lt;/p&gt;
&lt;pre&gt;&lt;code&gt;    var obs = dm.GetWorkItemSource(10);
    obs.Subscribe(wi =&amp;gt; workItems.Add(wi));
    await obs;
&lt;/code&gt;&lt;/pre&gt;
&lt;p&gt;it should be&lt;/p&gt;
&lt;pre&gt;&lt;code&gt;    await dm.GetWorkItemSource(1).Do(wi =&amp;gt; workItems.Add(wi));
&lt;/code&gt;&lt;/pre&gt;
&lt;p&gt;The difference is that the latter subscribes to the source of items just once, whereas the original version subscribed twice:&lt;/p&gt;
&lt;ol&gt;
&lt;li&gt;by&lt;code&gt;Subscribe&lt;/code&gt;&lt;/li&gt;
&lt;li&gt;by &lt;code&gt;await&lt;/code&gt;&lt;/li&gt;
&lt;/ol&gt;
&lt;p&gt;It does not affect the qustion, but screws my mocking code.&lt;/p&gt;
&lt;p&gt;&lt;strong&gt;Clarification&lt;/strong&gt;&lt;/p&gt;
&lt;p&gt;This more of a clarification. Each namespace produce a sequence of 10 policy objects. But this process is asynchronous - the policy objects are produced sequentially, but asynchronously. During all that time namespaces continue to be produced and hence given 25 namespaces before the fault there are three possible "states" in which a produced namespace can be:&lt;/p&gt;
&lt;ul&gt;
&lt;li&gt;No policy objects have yet been produced for it, but the asynchronous policy production process has been started&lt;/li&gt;
&lt;li&gt;Some (but less that 10) policy objects have already been produced&lt;/li&gt;
&lt;li&gt;All 10 policy objects for the namespace have been produced&lt;/li&gt;
&lt;/ul&gt;
&lt;p&gt;When an error in the namespace production occurs the entire pipeline is aborted, regardless of the "state" in which "good" namespaces are right now. &lt;/p&gt;
&lt;p&gt;Let us have a look at the following trivial example:&lt;/p&gt;
&lt;pre&gt;&lt;code&gt;using System;
using System.Collections.Generic;
using System.Diagnostics;
using System.Reactive.Linq;
using System.Reactive.Subjects;
using System.Threading;
namespace observables
{
    class Program
    {
        static void Main()
        {
            int count = 0;
            var obs = Observable
                .Interval(TimeSpan.FromMilliseconds(1))
                .Take(50)
                .Select(i =&amp;gt;
                {
                    if (25 == Interlocked.Increment(ref count))
                    {
                        throw new Exception("Boom!");
                    }
                    return i;
                })
                .Select(i =&amp;gt; Observable.Defer(() =&amp;gt; Observable.Interval(TimeSpan.FromMilliseconds(1)).Take(10).Select(j =&amp;gt; i * 1000 + j)))
                .Merge(10);
            var items = new HashSet&amp;lt;long&amp;gt;();
            try
            {
                obs.Do(i =&amp;gt; items.Add(i)).GetAwaiter().GetResult();
            }
            catch (Exception exc)
            {
                Debug.WriteLine(exc.Message);
            }
            Debug.WriteLine(items.Count);
        }
    }
}
&lt;/code&gt;&lt;/pre&gt;
&lt;p&gt;When I run it I usually have the following output:&lt;/p&gt;
&lt;pre&gt;&lt;code&gt;Boom!
192
&lt;/code&gt;&lt;/pre&gt;
&lt;p&gt;But, it could also display 191. However, if we apply the fault concat solution (even if it does not work when there are no faults):&lt;/p&gt;
&lt;pre&gt;&lt;code&gt;        int count = 0;
        var fault = new Subject&amp;lt;long&amp;gt;();
        var obs = Observable
            .Interval(TimeSpan.FromMilliseconds(1))
            .Take(50)
            .Select(i =&amp;gt;
            {
                if (25 == Interlocked.Increment(ref count))
                {
                    throw new Exception("Boom!");
                }
                return i;
            })
            .Catch&amp;lt;long, Exception&amp;gt;(exc =&amp;gt;
            {
                fault.OnError(exc);
                return Observable.Empty&amp;lt;long&amp;gt;();
            })
            .Select(i =&amp;gt; Observable.Defer(() =&amp;gt; Observable.Interval(TimeSpan.FromMilliseconds(1)).Take(10).Select(j =&amp;gt; i * 1000 + j)))
            .Merge(10)
            .Concat(fault);
&lt;/code&gt;&lt;/pre&gt;
&lt;p&gt;Then the output is consistently 240, because we let all the asynchronous processes that have already been started to complete.&lt;/p&gt;
&lt;p&gt;&lt;strong&gt;An awkward solution based on answer by pmccloghrylaing&lt;/strong&gt;&lt;/p&gt;
&lt;pre&gt;&lt;code&gt;    public IObservable&amp;lt;DataManagementWorkItem&amp;gt; GetWorkItemSource(int maxConcurrentCalls)
    {
        var fault = new Subject&amp;lt;DataManagementWorkItem&amp;gt;();
        bool faulted = false;
        return m_namespaceManager
            .GetNamespaceConnectionInfoSource(true, drainAndDisable: false)
            .Catch&amp;lt;NamespaceConnectionInfo, Exception&amp;gt;(exc =&amp;gt;
            {
                faulted = true;
                return Observable.Throw&amp;lt;NamespaceConnectionInfo&amp;gt;(exc);
            })
            .Finally(() =&amp;gt;
            {
                if (!faulted)
                {
                    fault.OnCompleted();
                }
            })
            .Catch&amp;lt;NamespaceConnectionInfo, Exception&amp;gt;(exc =&amp;gt;
            {
                fault.OnError(exc);
                return Observable.Empty&amp;lt;NamespaceConnectionInfo&amp;gt;();
            })
            .Select(nci =&amp;gt; Observable.Defer(() =&amp;gt; GetPolicySourceForNamespace(nci)))
            .Merge(maxConcurrentCalls)
            .Where(IsValid)
            .Select(ToWorkItem)
            .Where(o =&amp;gt; o != null)
            .Concat(fault);
    }
&lt;/code&gt;&lt;/pre&gt;
&lt;p&gt;It works both when the namespace production faults and both when it is successful, but it looks so awkward. Plus multiple subscriptions still share the fault. There must be a more elegant solution.&lt;/p&gt;
&lt;p&gt;&lt;strong&gt;GetNamespaceConnectionInfoSource source code&lt;/strong&gt;&lt;/p&gt;
&lt;pre&gt;&lt;code&gt;public IObservable&amp;lt;NamespaceConnectionInfo&amp;gt; GetNamespaceConnectionInfoSource(bool? isActive = null,
    bool? isWorkflowEnabled = null, bool? isScheduleEnabled = null, bool? drainAndDisable = null,
    IEnumerable&amp;lt;string&amp;gt; nsList = null, string @where = null, IList&amp;lt;SqlParameter&amp;gt; whereParameters = null)
{
    IList&amp;lt;SqlParameter&amp;gt; parameters;
    var sql = GetNamespaceConnectionInfoSqls.GetSql(isActive,
        isWorkflowEnabled, isScheduleEnabled, drainAndDisable, nsList, @where, whereParameters, out parameters);
    var sqlUtil = m_sqlUtilProvider.Get(m_siteSettings.ControlDatabaseConnString);
    return sqlUtil.GetSource(typeof(NamespaceConnectionInfo), sqlUtil.GetReaderAsync(sql, parameters)).Cast&amp;lt;NamespaceConnectionInfo&amp;gt;();
}
public IObservable&amp;lt;DbDataReader&amp;gt; GetReaderAsync(string query, IList&amp;lt;SqlParameter&amp;gt; parameters = null, CommandBehavior commandBehavior = CommandBehavior.Default)
{
    return Observable.FromAsync(async () =&amp;gt;
    {
        SqlCommand command = null;
        try
        {
            var conn = await GetConnectionAsync();
            command = GetCommand(conn, query, parameters);
            return (DbDataReader)await command.ExecuteReaderAsync(commandBehavior | CommandBehavior.CloseConnection);
        }
        finally
        {
            DisposeSilently(command);
        }
    });
}
public IObservable&amp;lt;object&amp;gt; GetSource(Type objectType, IObservable&amp;lt;DbDataReader&amp;gt; readerTask)
{
    return Observable.Create&amp;lt;object&amp;gt;(async (obs, ct) =&amp;gt; await PopulateSource(objectType, await readerTask, true, obs, ct));
}
private static async Task PopulateSource(Type objectType, DbDataReader reader, bool disposeReader, IObserver&amp;lt;object&amp;gt; obs, CancellationToken ct)
{
    try
    {
        if (IsPrimitiveDataType(objectType))
        {
            while (await reader.ReadAsync(ct))
            {
                obs.OnNext(reader[0]);
            }
        }
        else
        {
            // Get all the properties in our Object
            var typeReflector = objectType.GetTypeReflector(TypeReflectorCreationStrategy.PREPARE_DATA_RECORD_CONSTRUCTOR);
            // For each property get the data from the reader to the object
            while (await reader.ReadAsync(ct))
            {
                obs.OnNext(typeReflector.DataRecordConstructor == null ?
                    ReadNextObject(typeReflector, reader) :
                    typeReflector.DataRecordConstructor(reader));
            }
        }
    }
    catch (OperationCanceledException)
    {
    }
    finally
    {
        if (disposeReader)
        {
            reader.Dispose();
        }
    }
}
&lt;/code&gt;&lt;/pre&gt;</t>
  </si>
  <si>
    <t>2015-07-30 23:45:57.967000+00:00</t>
  </si>
  <si>
    <t>2015-08-03 18:32:52.080000+00:00</t>
  </si>
  <si>
    <t>2015-08-01 00:40:35.357000+00:00</t>
  </si>
  <si>
    <t>c#|system.reactive</t>
  </si>
  <si>
    <t>react navigatio navigationOptions navigation always undefined</t>
  </si>
  <si>
    <t>&lt;p&gt;So I'm trying to pass on state to my tabBarIcon through react navigation, but for some reason I can't even read state, because the navigation passed will always be undefined, and I have no clue why.&lt;/p&gt;
&lt;p&gt;I'm passing on like this:&lt;/p&gt;
&lt;pre&gt;&lt;code&gt;const notificationStack = {
  screen: createStackNavigator(
    {
      main: {
        screen: NotificationScreen,
        navigationOptions: ({ navigation }) =&amp;gt; ({
          title: "Notifications"
        })
      }
    },
    { mode: "modal" }
  ),
  navigationOptions: ({ navigation }) =&amp;gt; ({
    title: "Notifications",
    tabBarIcon: ({ navigation, focused }) =&amp;gt; {
      const params = navigation.state.params || {};
      let iconName = `ios-mail${focused ? "" : "-outline"}`;
      let badge = "";
      console.log("navigation", navigation);
      //if(navigation &amp;amp;&amp;amp; navigation.state.params.unread &amp;gt; 0) badge = &amp;lt;Badge&amp;gt;&amp;lt;Text&amp;gt;{navigation.state.params.unread}&amp;lt;/Text&amp;gt;&amp;lt;/Badge&amp;gt;;
      return &amp;lt;Text&amp;gt;&amp;lt;Icon name={iconName}&amp;gt;{badge}&amp;lt;/Icon&amp;gt;{params.unread}&amp;lt;/Text&amp;gt;;
    }
  })
};
&lt;/code&gt;&lt;/pre&gt;
&lt;p&gt;I am setting the navigation properties correctly, I can read it in the components, but simply not through the stacknavigator. How do I debug this?&lt;/p&gt;</t>
  </si>
  <si>
    <t>2018-09-14 11:56:31.707000+00:00</t>
  </si>
  <si>
    <t>react-native|navigation|react-navigation</t>
  </si>
  <si>
    <t>Override event handler in C++ Builder</t>
  </si>
  <si>
    <t>&lt;p&gt;In Codegear C++ Builder, I'm trying to extend the TMemo VCL class to perform some functionality during the OnKeyDown event. I've set up the control and am able to add it to forms and so forth. The problem is that I am unable to capture the OnKeyDown event (or any other event, for that matter).&lt;/p&gt;
&lt;p&gt;Here is my class:&lt;/p&gt;
&lt;pre&gt;&lt;code&gt;class PACKAGE TREMemoFind : public TMemo
{
private:
    TFindDialog *FindDialog;
protected:
    void __fastcall MemoKeyDown(TObject *Sender, WORD &amp;amp;Key, TShiftState Shift);
public:
    __fastcall TREMemoFind(TComponent* Owner);
__published:
};
__fastcall TREMemoFind::TREMemoFind(TComponent* Owner) : TMemo(Owner)
{
    ScrollBars = ssVertical;
    OnKeyDown = MemoKeyDown;
}
void __fastcall TREMemoFind::MemoKeyDown(TObject *Sender, WORD &amp;amp;Key, TShiftState Shift)
{
    ShowMessage("It worked!");
}
&lt;/code&gt;&lt;/pre&gt;
&lt;p&gt;So, I guess my question is: how do I set up the classes that I derive from the VCL classes to perform custom functions when a certain event fires?&lt;/p&gt;</t>
  </si>
  <si>
    <t>2010-07-13 17:50:13.040000+00:00</t>
  </si>
  <si>
    <t>2014-03-11 09:04:34.317000+00:00</t>
  </si>
  <si>
    <t>c++|event-handling|c++builder|vcl|tmemo</t>
  </si>
  <si>
    <t>overriding UINavigationBar drawRect function doesnt work</t>
  </si>
  <si>
    <t>&lt;p&gt;I have a simple app with a nav bar controller and I would like to change its navigation bar while overriding the drawRect function. I read in many places here that all I need to do is just to paste the code below above my appDelegate. Sadly, it doesnt seem to do anything for me. I tried as a start to just have the color of the nav bar changed, before i try to add an image to it, but again, nothing happens. What am i missing here &lt;/p&gt;
&lt;p&gt;I tired to insert this code above the AppDelegate:&lt;/p&gt;
&lt;pre&gt;&lt;code&gt;@implementation UINavigationBar (UINavigationBarCategory)
- (void)drawRect:(CGRect)rect {
 UIColor *color = [UIColor redColor];
CGContextRef context = UIGraphicsGetCurrentContext();
CGContextSetFillColor(context, CGColorGetComponents( [color CGColor]));
CGContextFillRect(context, rect);
  }
 @end
&lt;/code&gt;&lt;/pre&gt;
&lt;p&gt;And with the background image:&lt;/p&gt;
&lt;pre&gt;&lt;code&gt;@implementation UINavigationBar (UINavigationBarCategory)
- (void)drawRect:(CGRect)rect {
// Drawing code 
UIImage *img = [UIImage imageNamed: @"13.png"];
[img drawInRect:CGRectMake(0, 0, 320, self.frame.size.height)];    
}
@end
&lt;/code&gt;&lt;/pre&gt;
&lt;p&gt;Thanks for the help! &lt;/p&gt;</t>
  </si>
  <si>
    <t>2011-07-24 14:11:45.260000+00:00</t>
  </si>
  <si>
    <t>2011-07-24 15:17:47.207000+00:00</t>
  </si>
  <si>
    <t>iphone|objective-c|xcode|uinavigationcontroller|uinavigationbar</t>
  </si>
  <si>
    <t>Assigning links to multiselect fields does not work</t>
  </si>
  <si>
    <t>&lt;p&gt;So lately i started working with Wordpress and found a plugin which stores certain input values in a database. This storing has many options and one of them is storing multiselect fields (option A, B or both - or more options if you would like). &lt;/p&gt;
&lt;p&gt;Though, i wanted to adjust this multiselect storing a bit by also giving the stored values (which are obviously pre defined) a certain link, like lets say: Option A gets link X while option B gets link XX. These link are not active when the person uploads the information (putting it in the database) but they are visible once you show the information (that is stored in the database - so when you retrieve the data). To get this working i came up with the following piece of code:&lt;/p&gt;
&lt;pre&gt;&lt;code&gt;    &amp;lt;?php while( $this-&amp;gt;have_fields() ) : $this-&amp;gt;the_field(); // each field is one cell ?&amp;gt;
      &amp;lt;td class="&amp;lt;?php echo $this-&amp;gt;field-&amp;gt;name ?&amp;gt;-field"&amp;gt;
        &amp;lt;?php
if(!function_exists("value_link")) {
function value_link($value) {
  $map = array(
    'Yes' =&amp;gt; 'http://www.google.com',
    'No' =&amp;gt; 'http://www.hotmail.com'
  );
  return $map[$value];
}
}
if ($this-&amp;gt;field-&amp;gt;name === 'edit_link') {
  $output = '';
  $value_array = explode(',', (string) $this-&amp;gt;field-&amp;gt;value);
  foreach ((array)$value_array as $the_value) {
    $the_value = trim($the_value); // in case there are spaces
    $output .= '&amp;lt;a href="' . value_link($the_value) . '"&amp;gt;' . $the_value . '&amp;lt;/a&amp;gt; ';
  }
  echo $output;
} else {
  $this-&amp;gt;field-&amp;gt;print_value();
}
?&amp;gt;
      &amp;lt;/td&amp;gt;
  &amp;lt;?php endwhile; // each field ?&amp;gt;
  &amp;lt;/tr&amp;gt;
&amp;lt;?php endwhile; // each record ?&amp;gt;
&amp;lt;/tbody&amp;gt;  
&lt;/code&gt;&lt;/pre&gt;
&lt;p&gt;A bit of explaining;
The first few code lines are standard which just echo's the table fields in which the data is shown. The related question code starts at the first IF function where i am setting the links to the 2 multiselect options i created. &lt;/p&gt;
&lt;p&gt;The next IF statement returns the one field which is related to the multiselect (so the frontend column in which the data input (multiselect input) is shown. Well and the rest in that IF statement speaks for itself, it should get the multiselect data that is uploaded and give the proper link to it. &lt;/p&gt;
&lt;p&gt;Though, for some reason, the $output only outputs (echo's) the word: Array. This is clickable (as in, its linked) but when i click it, it redirects me to nothing, well, it redirects me to the same page instead of the above defined links. Besides that, when the uploaded data is both the options, it still only shows ONE array word instead of 2. &lt;/p&gt;
&lt;p&gt;So summarized:&lt;/p&gt;
&lt;ol&gt;
&lt;li&gt;It only shows the word Array instead of the Yes or No option/value&lt;/li&gt;
&lt;li&gt;The word has a link but doesn't redirect me to the defined links&lt;/li&gt;
&lt;li&gt;It only shows ONE Array word while the data should have 2 Array words (when i have uploaded both the Yes and NO)&lt;/li&gt;
&lt;/ol&gt;
&lt;p&gt;Anyone knows what causes this problem?&lt;/p&gt;
&lt;p&gt;Thanks in advance! &lt;/p&gt;</t>
  </si>
  <si>
    <t>2014-08-22 07:52:33.840000+00:00</t>
  </si>
  <si>
    <t>2014-08-22 14:14:51.430000+00:00</t>
  </si>
  <si>
    <t>php|arrays|wordpress|storage|multi-select</t>
  </si>
  <si>
    <t>Facebook Wall Issue</t>
  </si>
  <si>
    <t>&lt;p&gt;I have an Ajax / PHP facebook style wall built here: &lt;/p&gt;
&lt;p&gt;&lt;a href="http://beulahprint.ie/facebook_wallpost_system/" rel="nofollow"&gt;http://beulahprint.ie/facebook_wallpost_system/&lt;/a&gt;&lt;/p&gt;
&lt;p&gt;Obviously all them warnings shouldn't be there though and I can't get the post button to actually display the input text. I'm guessing I don't have a database setup?&lt;/p&gt;
&lt;p&gt;Cheers,
Colm&lt;/p&gt;</t>
  </si>
  <si>
    <t>2011-01-10 07:16:44.273000+00:00</t>
  </si>
  <si>
    <t>php|ajax</t>
  </si>
  <si>
    <t>pragmatically login to outlook in office 365 and more</t>
  </si>
  <si>
    <t>&lt;p&gt;Basically I want to simulate "mailto" behaviors in a browser. Here is what we need to do step by step:&lt;/p&gt;
&lt;p&gt;1) click a link called "Email" in a web page.&lt;/p&gt;
&lt;p&gt;2) automatically log the user in to the outlook.office.com.&lt;/p&gt;
&lt;p&gt;3) open "create new email" interface.&lt;/p&gt;
&lt;p&gt;4) have saved email addresses showed in "To" field; saved subject showed in "subject" field automatically.&lt;/p&gt;
&lt;p&gt;Is it possible doing this in outlook in office 365?&lt;/p&gt;
&lt;p&gt;Thanks,&lt;/p&gt;
&lt;p&gt;Alex&lt;/p&gt;</t>
  </si>
  <si>
    <t>2015-11-09 19:05:30.610000+00:00</t>
  </si>
  <si>
    <t>2015-11-09 19:56:52.467000+00:00</t>
  </si>
  <si>
    <t>login|outlook|office365|mailto</t>
  </si>
  <si>
    <t>Google push notifications - DOMException: Registration failed - permission denied</t>
  </si>
  <si>
    <t>&lt;p&gt;I'm following the  (&lt;a href="https://developers.google.com/web/fundamentals/getting-started/push-notifications/step-06?hl=en" rel="nofollow"&gt;getting started with push locations guide&lt;/a&gt;) but am running into an error on step 6:&lt;/p&gt;
&lt;pre&gt;&lt;code&gt;undefined:1 Uncaught (in promise) DOMException: Registration failed - permission denied
&lt;/code&gt;&lt;/pre&gt;
&lt;p&gt;My manifest.json file is loading correctly based on the Network tab.&lt;/p&gt;
&lt;p&gt;I have entered my correct project number into manifest.json. I have tried adding other settings not mentioned in the guide:&lt;/p&gt;
&lt;pre&gt;&lt;code&gt;{
  "name": "Push Notifications codelab",
  "gcm_sender_id": "123456789",
  "gcm_user_visible_only": true,
  "permissions": [
    "gcm"
  ]
}
&lt;/code&gt;&lt;/pre&gt;
&lt;p&gt;I am running my server on localhost as per the guide.&lt;/p&gt;</t>
  </si>
  <si>
    <t>2016-08-05 07:16:55.373000+00:00</t>
  </si>
  <si>
    <t>2016-08-10 07:31:54.773000+00:00</t>
  </si>
  <si>
    <t>push-notification|google-cloud-messaging</t>
  </si>
  <si>
    <t>Can AppleScript access browser tabs and execute javascript in them?</t>
  </si>
  <si>
    <t>&lt;p&gt;I'm curious if AppleScript can access each specific tab in a browser and execute some javascript in them. &lt;/p&gt;
&lt;p&gt;Anyone have ideas?&lt;/p&gt;</t>
  </si>
  <si>
    <t>2011-02-27 20:13:29.217000+00:00</t>
  </si>
  <si>
    <t>2017-03-28 17:40:55.280000+00:00</t>
  </si>
  <si>
    <t>2013-06-26 21:20:43.343000+00:00</t>
  </si>
  <si>
    <t>javascript|google-chrome|safari|applescript|applescript-objc</t>
  </si>
  <si>
    <t>Should I do a self join</t>
  </si>
  <si>
    <t>&lt;p&gt;I have a table that is storing the information in a very strange manner. Each entry has 4 rows in the database. They are linked by a ROW_ID field each entry then has a column_id between 1-4 which signifies the column that the value goes in &lt;/p&gt;
&lt;pre&gt;&lt;code&gt;Row_id          Column_id         Value
1               1                 Value1
1               2                 Value2
1               3                 Value3
1               4                 Value4
&lt;/code&gt;&lt;/pre&gt;
&lt;p&gt;This information is currently being pulled out with a query for each value that gets put into a excel spread sheet but it is taking 4 separate queries that have the information for each column &lt;/p&gt;
&lt;pre&gt;&lt;code&gt;select value from table where column_id =1 order by row_id;
select value from table where column_id =2 order by row_id;
select value from table where column_id =3 order by row_id;
select value from table where column_id =4 order by row_id;
&lt;/code&gt;&lt;/pre&gt;
&lt;p&gt;Can this all be output as a single line? &lt;/p&gt;
&lt;pre&gt;&lt;code&gt;        Column_id1    Column_id2     Column_id3     Column_id4
Row_id  Value1        Value2         Value3         Value4
&lt;/code&gt;&lt;/pre&gt;</t>
  </si>
  <si>
    <t>2018-02-05 22:23:52.553000+00:00</t>
  </si>
  <si>
    <t>2018-02-05 22:30:06.723000+00:00</t>
  </si>
  <si>
    <t>sql|oracle|self-join</t>
  </si>
  <si>
    <t>Delete Row in Tableview and data remove on database using Sqlite</t>
  </si>
  <si>
    <t>&lt;p&gt;I am developing IOS App, using &lt;code&gt;Sqlite&lt;/code&gt; to Store data. Data can be shown on &lt;code&gt;tableview&lt;/code&gt; and delete the row from table view and data can be remove form database &lt;code&gt;sqlite&lt;/code&gt;. but when I delete row from &lt;code&gt;tableview&lt;/code&gt;, app is crashing. And the error I am getting is :&lt;/p&gt;
&lt;blockquote&gt;
  &lt;p&gt;Error:reason: 'Invalid update: invalid number of rows in section 0. 
  The number of rows contained in an existing section after the update
  (9) must be equal to the number of rows contained in that section
  before the update (9), plus or minus the number of rows inserted or
  deleted from that section (0 inserted, 1 deleted) and plus or minus
  the number of rows moved into or out of that section (0 moved in, 0
  moved out).&lt;/p&gt;
&lt;/blockquote&gt;
&lt;p&gt;Thanks in Advance&lt;/p&gt;
&lt;p&gt;Code :&lt;/p&gt;
&lt;pre&gt;&lt;code&gt;    NSMutableArray *resultArray
  - (UITableViewCell *)tableView:(UITableView *)tableView cellForRowAtIndexPath:(NSIndexPath*)indexPath{
    UITableViewCell *cell = [_tableview dequeueReusableCellWithIdentifier:@"cell"];
    dataBase *data = [_arr objectAtIndex:indexPath.row];
    UILabel *name = (UILabel *)[cell viewWithTag:1];
    name.text = data.name;
    UILabel *department = (UILabel *)[cell viewWithTag:2];
    department.text = data.department;
    UILabel *year = (UILabel *)[cell viewWithTag:3];
    year.text = data.year;
    if (indexPath.row %2 ==1)   //Use for color on tableview
    cell.backgroundColor = [UIColor colorWithRed:.9 green:.9 blue:.9 alpha:1];
    else
    cell.backgroundColor = [UIColor colorWithRed:.8 green:.8 blue:.8 alpha:1];
   return cell;
}
  -(void)tableView:(UITableView *)_tableView commitEditingStyle:(UITableViewCellEditingStyle)editingStyle forRowAtIndexPath:(NSIndexPath *)indexPath {
        if (editingStyle == UITableViewCellEditingStyleDelete) {
            [_tableView beginUpdates];
            Sqlite *sqlite = [[Sqlite alloc]init];
            [sqlite delete_profile:indexPath.row];
            NSMutableArray *newA = [[sqlite resultArray] mutableCopy];
            [newA removeObjectAtIndex:indexPath.row];
            [_tableView deleteRowsAtIndexPaths:@[indexPath] withRowAnimation:UITableViewRowAnimationRight];
            [_tableView endUpdates];
        }
        [_tableView reloadData];
    }
   // Method to delete Row From Sqlite
    -(void)delete_profile:(NSInteger)value
    {
        //      _categoryArray = [[NSMutableArray alloc]init];
        NSString *databasename=@"student.db";  // Your database Name.
        NSArray * documentpath=NSSearchPathForDirectoriesInDomains(NSDocumentDirectory, NSAllDomainsMask, YES);
        NSString * DocDir=[documentpath objectAtIndex:0];
        NSLog(@"%@",DocDir);
        NSString * databasepath=[DocDir stringByAppendingPathComponent:databasename];
        if (sqlite3_open([databasepath UTF8String], &amp;amp;database) == SQLITE_OK)
        {
            NSStringEncoding stringEncoding = NSUTF8StringEncoding;
            NSString *sql = [NSString stringWithFormat:@"DELETE FROM studentsDetail WHERE regno=\"%ld\"",(long)value];
            const char *sqlStatement = [sql cStringUsingEncoding:stringEncoding];
            if (sqlite3_prepare_v2(database,
                                   sqlStatement, -1, &amp;amp;statement, NULL) == SQLITE_OK)
            {
                //sqlite3_bind_int(statement, 1, value);
                if (sqlite3_step(statement) == SQLITE_OK)
                {
                    dataBase *base = [[dataBase alloc]init];
                    base.name = [[NSString alloc]initWithUTF8String:(const char *) sqlite3_column_text(statement, 1)];
                    base.department = [[NSString alloc]initWithUTF8String:(const char *)sqlite3_column_text(statement, 2)];
                    base.year = [[NSString alloc]initWithUTF8String:(const char *)sqlite3_column_text(statement, 3)];
                    [_resultArray addObject:base];
                }
            }
            else {
                NSAssert1(0,@"Error preparing statement", sqlite3_errmsg(database));
            }
        }
    }
&lt;/code&gt;&lt;/pre&gt;</t>
  </si>
  <si>
    <t>2016-12-08 11:12:47.403000+00:00</t>
  </si>
  <si>
    <t>2018-02-06 12:01:38.277000+00:00</t>
  </si>
  <si>
    <t>ios|sqlite</t>
  </si>
  <si>
    <t>ENVERs field modification not set</t>
  </si>
  <si>
    <t>&lt;p&gt;I have a working ENVERs project that I was finalizing the implementation and noticed the property level modification tracking feature. This feature sounds perfect for our needs and would replace a few (manual) tables.&lt;/p&gt;
&lt;p&gt;The problem comes in here;
I have the fields set in the database, but they are not being updated by ENVERs when I change things such as the the status column.&lt;/p&gt;
&lt;p&gt;Table;&lt;/p&gt;
&lt;pre&gt;&lt;code&gt;DROP TABLE IF EXISTS `enrollment_history` ;
CREATE TABLE `enrollment_history` (
  `revision` INTEGER NOT NULL,
  `revision_type` INTEGER NOT NULL,
  `enrollment_id` BIGINT(20) NOT NULL,
  `enrollment_status_id` BIGINT(20) NOT NULL,
  `enrollment_status_id_modified` boolean NOT NULL default 0,
  PRIMARY KEY USING BTREE (`enrollment_id`, `revision`))
 ENGINE=INNODB;
&lt;/code&gt;&lt;/pre&gt;
&lt;p&gt;POJO:&lt;/p&gt;
&lt;pre&gt;&lt;code&gt;@Entity
@Table(name = "enrollment")
@Audited(withModifiedFlag = true)
public class Enrollment implements Serializable {
    //...
    @Column(name = "enrollment_status_id", nullable = false)
    @NotNull
    @Enumerated(EnumType.ORDINAL)
    @Audited(modifiedColumnName = "enrollment_status_id_modified")
    private EnrollmentStatus status;
    // getters setters etc
    //...
}
&lt;/code&gt;&lt;/pre&gt;
&lt;p&gt;DAO&lt;/p&gt;
&lt;pre&gt;&lt;code&gt;public class DAO {
    @Autowired
    private SessionFactory sessionFactory;
    public AuditReader getAuditReader() {
        return AuditReaderFactory.get(sessionFactory.getCurrentSession());
    }
    @SuppressWarnings("unchecked")
    @Override
    public List&amp;lt;Enrollment&amp;gt; getEnrollmentsWhereStatusIsChanged(long userId) {
        AuditReader reader = getAuditReader();
        List&amp;lt;Enrollment&amp;gt; specificChanges =
        //@formatter:off
                reader
                .createQuery()
                .forRevisionsOfEntity(Enrollment.class, true, true)
                    .add(AuditEntity.id().eq(userId))
                    .add(AuditEntity.property("status").hasChanged())
                .getResultList();
        //@formatter:on
        return specificChanges;
    }
}
&lt;/code&gt;&lt;/pre&gt;
&lt;p&gt;Any guidance into what I am missing would be great. It almost seems as if Envers is aware of the fields since it is no longer complaining about the mappings, but at runtime it is missing something to fill them in or read data from them.&lt;/p&gt;
&lt;p&gt;This is the error I receive at runtime;&lt;/p&gt;
&lt;pre&gt;&lt;code&gt;org.hibernate.QueryException: could not resolve property: status_modified of: com.intellimec.drivesync.database.entity.enrollment.Enrollment_history 
&lt;/code&gt;&lt;/pre&gt;
&lt;p&gt;****EDIT****
We are using Hibernate 4.3.11.Final&lt;/p&gt;</t>
  </si>
  <si>
    <t>2016-01-04 22:09:48.627000+00:00</t>
  </si>
  <si>
    <t>2016-01-22 14:35:24.853000+00:00</t>
  </si>
  <si>
    <t>2016-01-04 22:26:39.857000+00:00</t>
  </si>
  <si>
    <t>java|hibernate|hibernate-envers</t>
  </si>
  <si>
    <t>ASP.NET Application object loses values</t>
  </si>
  <si>
    <t>&lt;p&gt;I have a webpage with 1 label and 2 buttons. One button does a postback generates a random squence of numbers, saves it to the Application object, and calls a method which gets the list from the Application object and writes them to the label. The other obutton just calls the method which gets the numbers and writes them to the label. On page load, I call the same function which gets the values and writes them to the label. &lt;/p&gt;
&lt;p&gt;I run the website locally, with 3 browsers (IE, FF, Chrome ) at the same time, and it works as expected. Each browser shows the same value, and they change if one of them calls the Randomize. &lt;/p&gt;
&lt;p&gt;On the production server I get different values, sometimes I get no value on IE or FF. &lt;/p&gt;
&lt;p&gt;We don't have a load balancer. &lt;/p&gt;
&lt;p&gt;Code, it looks ugly, but I've desperately tried every combination just to make it working:&lt;/p&gt;
&lt;pre&gt;&lt;code&gt;    protected void Page_Load(object sender, EventArgs e)
    {
        show();
    }
    private List&amp;lt;int&amp;gt; AllNums
    {
        get
        {
            List&amp;lt;int&amp;gt; list = new List&amp;lt;int&amp;gt;();
            try
            {
                list = (List&amp;lt;int&amp;gt;)Application["Nums"];
            }
            catch
            {
                list = new List&amp;lt;int&amp;gt;();
            }
            if (list == null)
                list = new List&amp;lt;int&amp;gt;();
            return list;
        }
    }
    protected void btnRandomize_Click(object sender, EventArgs e)
    {
        Random r = new Random();
        int i = r.Next(5, 15);
        List&amp;lt;int&amp;gt; list = new List&amp;lt;int&amp;gt;();
        for (int k = 0; k &amp;lt; i; k++)
            list.Add(r.Next(0, 100));
        Application.Lock();
        Application["Nums"] = list;
        Application.UnLock();
        show();
    }
    private void show()
    {
        StringBuilder sb = new StringBuilder();
        foreach (int o in AllNums)
            sb.AppendLine(o.ToString());
        lblSession.Text = sb.ToString();
    }
&lt;/code&gt;&lt;/pre&gt;</t>
  </si>
  <si>
    <t>2009-07-31 11:14:18.813000+00:00</t>
  </si>
  <si>
    <t>2012-11-02 07:35:18.803000+00:00</t>
  </si>
  <si>
    <t>Jerry</t>
  </si>
  <si>
    <t>controls|asp.net-3.5|state</t>
  </si>
  <si>
    <t>Setting the DisplayFormURL of a CalendarView item, SPCalendarView control</t>
  </si>
  <si>
    <t>&lt;p&gt;Background: &lt;/p&gt;
&lt;p&gt;I have a WebPart that makes use of the SPCalendarView control and in it I add items (events) dynamically from different Calendar lists from multiple sites. &lt;/p&gt;
&lt;p&gt;Problem: &lt;/p&gt;
&lt;p&gt;I need to be able to se the DisplayFormUrl dynamically as well: &lt;/p&gt;
&lt;p&gt;Currently setting :&lt;/p&gt;
&lt;pre&gt;&lt;code&gt;DisplayFormUrl =  string.Format("/Lists/{0}/DispForm.aspx", LstName)
&lt;/code&gt;&lt;/pre&gt;
&lt;p&gt;will use the WebPart's website URL instead of the actual list's url. What I want to be able to do is: &lt;/p&gt;
&lt;pre&gt;&lt;code&gt;DisplayFormUrl =  string.Format("{0}/Lists/{1}/DispForm.aspx", SiteURL,LstName)
&lt;/code&gt;&lt;/pre&gt;
&lt;p&gt;Any ideas on how I can achieve this (if I can)?&lt;/p&gt;
&lt;p&gt;When I compile it DisplayFormUrl automatically adds the parent web (that the webpart is in) to the URL is there anyway I can change that? &lt;/p&gt;
&lt;p&gt;Someone please help... &lt;/p&gt;</t>
  </si>
  <si>
    <t>2012-03-27 20:40:59.493000+00:00</t>
  </si>
  <si>
    <t>2012-07-03 05:02:06.530000+00:00</t>
  </si>
  <si>
    <t>2012-03-28 19:31:55.627000+00:00</t>
  </si>
  <si>
    <t>sharepoint|sharepoint-2010|web-parts</t>
  </si>
  <si>
    <t>Why is [object HTMLCollection] being displayed instead of the element I created?</t>
  </si>
  <si>
    <t>&lt;p&gt;In Javascript I am attempting to make a new div. This is what I added to make the div. &lt;/p&gt;
&lt;pre&gt;&lt;code&gt;html+= "&amp;lt;div&amp;gt;" + concerts + "&amp;lt;/div&amp;gt;";
&lt;/code&gt;&lt;/pre&gt;
&lt;p&gt;but in my browser it displays [object HTMLCollection] where the div tag should be.&lt;/p&gt;
&lt;p&gt;concerts is a pre defined var.&lt;/p&gt;
&lt;p&gt;Can anyone explain to me what I might be missing to make this work. Thanks in advance.&lt;/p&gt;</t>
  </si>
  <si>
    <t>2015-12-11 09:19:42.043000+00:00</t>
  </si>
  <si>
    <t>2015-12-11 09:54:09.953000+00:00</t>
  </si>
  <si>
    <t>javascript|html|object|dom|htmlcollection</t>
  </si>
  <si>
    <t>Button on form not working or showing any text</t>
  </si>
  <si>
    <t>&lt;p&gt;I am trying to create a custom title bar for my form. For this reason I have:&lt;/p&gt;
&lt;pre&gt;&lt;code&gt;this.FormBorderStyle = System.Windows.Forms.FormBorderStyle.None;
&lt;/code&gt;&lt;/pre&gt;
&lt;p&gt;I've positioned two custom buttons for minimising and closing as such:&lt;/p&gt;
&lt;pre&gt;&lt;code&gt;// Close
// 
this.Close.BackColor = System.Drawing.Color.Black;
this.Close.FlatAppearance.BorderColor = System.Drawing.Color.White;
this.Close.FlatStyle = System.Windows.Forms.FlatStyle.Flat;
this.Close.Font = new System.Drawing.Font("Microsoft Sans Serif", 8.25F, System.Drawing.FontStyle.Bold, System.Drawing.GraphicsUnit.Point, ((byte)(0)));
this.Close.ForeColor = System.Drawing.SystemColors.ButtonFace;
this.Close.Location = new System.Drawing.Point(376, 0);
this.Close.Name = "Close";
this.Close.Size = new System.Drawing.Size(27, 23);
this.Close.TabIndex = 1;
this.Close.Text = "X";
this.Close.UseVisualStyleBackColor = false;
this.Close.Click += new System.EventHandler(this.Close_Click);
// 
// Hide
// 
this.Hide.BackColor = System.Drawing.SystemColors.ControlText;
this.Hide.FlatAppearance.BorderColor = System.Drawing.Color.White;
this.Hide.FlatStyle = System.Windows.Forms.FlatStyle.Flat;
this.Hide.Font = new System.Drawing.Font("Microsoft Sans Serif", 8.25F, System.Drawing.FontStyle.Bold, System.Drawing.GraphicsUnit.Point, ((byte)(0)));
this.Hide.ForeColor = System.Drawing.SystemColors.ButtonFace;
this.Hide.Location = new System.Drawing.Point(346, 0);
this.Hide.Name = "Hide";
this.Hide.Size = new System.Drawing.Size(30, 23);
this.Hide.TabIndex = 0;
this.Hide.Text = "---";
this.Hide.UseVisualStyleBackColor = true;
&lt;/code&gt;&lt;/pre&gt;
&lt;p&gt;Which Is meant to look like this:&lt;/p&gt;
&lt;p&gt;&lt;img src="https://i.stack.imgur.com/iPPrv.jpg" alt="enter image description here"&gt;&lt;/p&gt;
&lt;p&gt;However, for some reason when I run the app they appear like this (without the text):&lt;/p&gt;
&lt;p&gt;&lt;img src="https://i.stack.imgur.com/2oSfI.jpg" alt="What the APP draws"&gt;&lt;/p&gt;
&lt;p&gt;Also, I've coded it so that upon clicking the &lt;code&gt;Close&lt;/code&gt; button this code is run:&lt;/p&gt;
&lt;pre&gt;&lt;code&gt;private void Close_Click(object sender, EventArgs e)
{
    this.Close();
}
&lt;/code&gt;&lt;/pre&gt;
&lt;p&gt;However, when I click close nothing happens.&lt;/p&gt;
&lt;p&gt;Can anybody point as to what is wrong with my code. Or what I have to add to fix it.&lt;/p&gt;
&lt;h3&gt;Edit:&lt;/h3&gt;
&lt;p&gt;Turns out, when I change the button colour to red the cross shows, but it is black, not white!&lt;/p&gt;</t>
  </si>
  <si>
    <t>2015-03-14 04:42:05.387000+00:00</t>
  </si>
  <si>
    <t>2018-11-13 22:19:50.927000+00:00</t>
  </si>
  <si>
    <t>2015-03-14 04:52:58.297000+00:00</t>
  </si>
  <si>
    <t>c#|winforms|button</t>
  </si>
  <si>
    <t>rspec issue believed to be with gets.chomp call</t>
  </si>
  <si>
    <t>&lt;p&gt;I am having trouble or am confused with an rspec error when running: &lt;/p&gt;
&lt;pre&gt;&lt;code&gt;rspec -fd game_spec
&lt;/code&gt;&lt;/pre&gt;
&lt;p&gt;&lt;img src="https://i.imgur.com/B2r0yyf.png" alt="respec error messaage"&gt;&lt;/p&gt;
&lt;p&gt;(the above is only the beginning of a long eror message)&lt;/p&gt;
&lt;p&gt;When I run it without the -fd, it works... but it looks goofy... something is wrong.  I start getting error messages when I use gets.chomp but I've looked at similar examples that use it.  Does 'the_word' have to be set in initialize?  Does gets.chomp or can it?  I appreciate any help.  Below is game file and its rspec so far.  I do not want to change much at all.  I just want to get what I have so far working and keep pushing on.  Thanks!&lt;/p&gt;
&lt;p&gt;&lt;img src="https://i.imgur.com/yqYuNta.png" alt="user interface with issue"&gt;
&lt;img src="https://i.imgur.com/tZMjfif.png" alt="rspec file"&gt;&lt;/p&gt;</t>
  </si>
  <si>
    <t>2016-11-12 21:36:12.953000+00:00</t>
  </si>
  <si>
    <t>2016-11-12 21:49:03.740000+00:00</t>
  </si>
  <si>
    <t>ruby|input|rspec|gets</t>
  </si>
  <si>
    <t>Swift: Cannot convert value of type '() -&gt; Bool' to expected argument type 'PFObject'</t>
  </si>
  <si>
    <t>&lt;p&gt;In the overall scheme of things I am trying to compare the user's multiple selections from a tableview and compare them to my Parse database. So my problem is twofold 1. Is my current code going about it the correct way? and 2. How can I convert value type Bool to argument type PFObject?&lt;/p&gt;
&lt;blockquote&gt;
  &lt;p&gt;Cannot convert value of type '() -&gt; Bool' to expected argument type 'PFObject'&lt;/p&gt;
&lt;/blockquote&gt;
&lt;p&gt;&lt;a href="https://i.stack.imgur.com/zA7pr.png" rel="nofollow noreferrer"&gt;&lt;img src="https://i.stack.imgur.com/zA7pr.png" alt="enter image description here"&gt;&lt;/a&gt;&lt;/p&gt;
&lt;pre&gt;&lt;code&gt;override func prepareForSegue(segue: UIStoryboardSegue, sender: AnyObject?) {
    if segue.identifier == "showResults" {
        // Get reference to destination view controller
        let destination = segue.destinationViewController as! CollectionViewController
        if let selectedItem = tableView.indexPathsForSelectedRows{
            for var i = 0; i &amp;lt; selectedItem.count; ++i {
                var currentPath = selectedItem[i] as NSIndexPath
                var cell = tableView.cellForRowAtIndexPath(currentPath)
                if let cell = cell {
                    //add major(s) selected to data variable in collectionview as type text(String)
                    destination.data.append(cell.textLabel!.text!)
                }
&lt;/code&gt;&lt;/pre&gt;
&lt;p&gt;let imagesQuery = PFQuery(className:"CollegeImages")
                    imagesQuery.selectKeys(["name"])
                    imagesQuery.findObjectsInBackgroundWithBlock({(objects: [PFObject]?, error: NSError?) in
                        if error == nil {
                            if let returnedobjects = objects {
                                //objects array isn't nil
                                //loop through the array to get each object
                                for object in returnedobjects {
                                    print(object["name"] as! String)
                                }
                            }&lt;/p&gt;
&lt;pre&gt;&lt;code&gt;                    }
                })
                let majorSelected:String = (cell?.textLabel!.text!)!
                let query = PFQuery(className:"CollegeMajors")
                query.selectKeys(["Major"])
                query.findObjectsInBackgroundWithBlock ({
                    (objects: [PFObject]?, error: NSError?) in
                    if error == nil {
                        // The find succeeded.
                        print("Successfully retrieved \(objects!.count) majors.", terminator: "")
                        // Do something with the found objects
                        if let returnedobjects = objects {
                            if returnedobjects.contains ({($0["Major"] as? String)! == majorSelected}) &amp;amp;&amp;amp; query.selectKeys(["College Name"]) ==  imagesQuery.selectKeys(["name"]) {
                                print("your in!") // transition to the new screen
                            }
                            else {
                                print("your out.") // do whatever
                            }
                        }
                    } else {
                        // Log details of the failure
                        print("Error: \(error!) \(error!.userInfo)", terminator: "")
                    }
                })
            }
        }
    }
}
override func tableView(tableView: UITableView, didSelectRowAtIndexPath indexPath: NSIndexPath) {
    //Keep track of which major(s) the user selected
    let path = tableView.indexPathForSelectedRow!
    if let cell = tableView.cellForRowAtIndexPath(indexPath){
        //Trigger the segue to go to the collection view
        self.performSegueWithIdentifier("showResults", sender: self)
    }
}
&lt;/code&gt;&lt;/pre&gt;</t>
  </si>
  <si>
    <t>2016-07-02 15:50:56.467000+00:00</t>
  </si>
  <si>
    <t>2016-07-06 21:36:20.897000+00:00</t>
  </si>
  <si>
    <t>ios|swift|parsing</t>
  </si>
  <si>
    <t>insert value from one table to another checking id</t>
  </si>
  <si>
    <t>&lt;p&gt;I have 2 tables.All the ids are include in table one (&lt;code&gt;Tbl_Distributor&lt;/code&gt;). 2nd table have all the names.&lt;/p&gt;
&lt;p&gt;I want to add all the names to first table according to id.&lt;/p&gt;
&lt;p&gt;My select query as below.&lt;/p&gt;
&lt;p&gt;&lt;img src="https://i.stack.imgur.com/CsmYq.jpg" alt="enter image description here"&gt;&lt;/p&gt;
&lt;pre&gt;&lt;code&gt; INSERT INTO dbo.Tbl_Distributor(Giv_Name) where dealercode= a.dealercode
 SELECT a.dealercode,d.nameinfull  
 FROM dealerplacement a,dealer d
 where a.dealercode= d.dealercode
 order by a.dealercode ASC
&lt;/code&gt;&lt;/pre&gt;
&lt;p&gt;This returns &lt;code&gt;nameinfull&lt;/code&gt; and &lt;code&gt;dealercode&lt;/code&gt;. I want to add this &lt;code&gt;nameinfull&lt;/code&gt; to &lt;code&gt;Tbl_Distributor&lt;/code&gt; .&lt;/p&gt;
&lt;p&gt;Please help me to solve this issue.&lt;/p&gt;</t>
  </si>
  <si>
    <t>2012-07-28 07:14:19.810000+00:00</t>
  </si>
  <si>
    <t>2013-02-11 22:13:59.823000+00:00</t>
  </si>
  <si>
    <t>How to set multiple variables in a FOR loop?</t>
  </si>
  <si>
    <t>&lt;p&gt;I'm programming in Swift and I'd like to set up a couple of variables in a single loop.
These are UIButtons and they all require the same settings. However I don't know how to refer to these variables using "i". This is what I tried:&lt;/p&gt;
&lt;pre&gt;&lt;code&gt;var gg1:UIButton = UIButton.buttonWithType(UIButtonType.System) as! UIButton
var gg2:UIButton = UIButton.buttonWithType(UIButtonType.System) as! UIButton
var gg3:UIButton = UIButton.buttonWithType(UIButtonType.System) as! UIButton
//further in the code
for i in 1...3 {
    gg(i).layer.anchorPoint.x = 0
    gg(i).titleLabel?.font = UIFont(name: "Arial", size: 20*rightFontSize)
    gg(i).setTitleColor(UIColor.blueColor(), forState: UIControlState.Normal)
    gg(i).sizeToFit()
    gg(i).center = CGPointMake(w/20,11*h/10)
    scrollView.addSubview(gg(i))
}
&lt;/code&gt;&lt;/pre&gt;</t>
  </si>
  <si>
    <t>2015-05-10 17:13:55.803000+00:00</t>
  </si>
  <si>
    <t>2015-05-10 18:36:42.023000+00:00</t>
  </si>
  <si>
    <t>ios|swift|for-loop</t>
  </si>
  <si>
    <t>Ordering coordinates from top left to bottom right</t>
  </si>
  <si>
    <t>&lt;p&gt;How can I go about trying to order the points of an irregular array from top left to bottom right, such as in the image below?&lt;/p&gt;
&lt;p&gt;&lt;img src="https://i.imgur.com/hId9y5V.png" alt="Points ordered top left to bottom right"&gt;&lt;/p&gt;
&lt;p&gt;Methods I've considered are:&lt;/p&gt;
&lt;ul&gt;
&lt;li&gt;&lt;p&gt;calculate the distance of each point from the top left of the image (Pythagoras's theorem) but apply some kind of weighting to the &lt;code&gt;Y&lt;/code&gt; coordinate in an attempt to prioritise points on the same '&lt;code&gt;row&lt;/code&gt;' e.g. &lt;code&gt;distance = SQRT((x * x) + (weighting * (y * y)))&lt;/code&gt;&lt;/p&gt;&lt;/li&gt;
&lt;li&gt;&lt;p&gt;sort the points into logical rows, then sort each row.  &lt;/p&gt;&lt;/li&gt;
&lt;/ul&gt;
&lt;p&gt;Part of the difficulty is that I do not know how many rows and columns will be present in the image coupled with the irregularity of the array of points.  Any advice would be greatly appreciated.&lt;/p&gt;</t>
  </si>
  <si>
    <t>2015-04-14 14:29:46.307000+00:00</t>
  </si>
  <si>
    <t>2015-04-14 15:02:57.683000+00:00</t>
  </si>
  <si>
    <t>2015-04-14 14:33:21.163000+00:00</t>
  </si>
  <si>
    <t>sorting|image-processing|coordinates</t>
  </si>
  <si>
    <t>Too many values to unpack (expected 2) python django tastypie</t>
  </si>
  <si>
    <t>&lt;p&gt;Here is my dict:&lt;/p&gt;
&lt;pre&gt;&lt;code&gt;{'interno__exact': False, 'formulario__protocolo__id__exact': '5', 'autor__funcionario__funcao__id__exact': '2'}
&lt;/code&gt;&lt;/pre&gt;
&lt;p&gt;I'm getting this error:&lt;/p&gt;
&lt;p&gt;&lt;code&gt;too many values to unpack (expected 2)&lt;/code&gt;&lt;/p&gt;
&lt;p&gt;on this execution:&lt;/p&gt;
&lt;pre&gt;&lt;code&gt;count = Avaliacao.objects.filter( applicable_filters )
&lt;/code&gt;&lt;/pre&gt;
&lt;p&gt;Does someone know what am I doing wrong?&lt;/p&gt;</t>
  </si>
  <si>
    <t>2015-04-15 19:52:19.690000+00:00</t>
  </si>
  <si>
    <t>2015-04-16 11:45:06.817000+00:00</t>
  </si>
  <si>
    <t>2015-04-16 11:07:36.087000+00:00</t>
  </si>
  <si>
    <t>python|django|dictionary|tastypie</t>
  </si>
  <si>
    <t>How to get drop event in Eclipse RCP tableview cell</t>
  </si>
  <si>
    <t>&lt;p&gt;I am new to eclipse rcp and i was creating a table and a tree for drag and drop.
Tree will have list of nodes which can be drag and drop in table particular cell.&lt;/p&gt;
&lt;p&gt;Drag and Drop does work fine but i am not able to drop the node text in particular cell of a table. Always it update the first column of the table.&lt;/p&gt;
&lt;p&gt;Please if anyone have any idea of this.&lt;/p&gt;</t>
  </si>
  <si>
    <t>2015-08-26 05:59:08.547000+00:00</t>
  </si>
  <si>
    <t>eclipse-rcp|rcp</t>
  </si>
  <si>
    <t>Opening Excel using EPPlus</t>
  </si>
  <si>
    <t>&lt;p&gt;I'm trying to open an excel file that I wrote using epplus. &lt;/p&gt;
&lt;p&gt;I'm opening it using this and it works in development server but not after publishing it.&lt;/p&gt;
&lt;pre&gt;&lt;code&gt;System.Diagnostics.Process.Start(Server.MapPath("~\chart.xlsx"))
&lt;/code&gt;&lt;/pre&gt;
&lt;p&gt;How can i open this excel sheet?&lt;/p&gt;</t>
  </si>
  <si>
    <t>2012-12-12 19:36:00.843000+00:00</t>
  </si>
  <si>
    <t>2012-12-12 21:25:55.793000+00:00</t>
  </si>
  <si>
    <t>asp.net|vb.net|excel|epplus</t>
  </si>
  <si>
    <t>xml transformation using xslt 2.0</t>
  </si>
  <si>
    <t>&lt;p&gt;I'm trying to do SOAP to XML transformation in XSLT 2.0, this is the source xml:&lt;/p&gt;
&lt;pre&gt;&lt;code&gt;    &amp;lt;soapenv:Envelope xmlns:soapenv="http://schemas.xmlsoap.org/soap/envelope/" xmlns:xi="http://www.xcdm.com"&amp;gt;
&amp;lt;soapenv:Header/&amp;gt;
&amp;lt;soapenv:Body&amp;gt;
    &amp;lt;xi:root&amp;gt;
        &amp;lt;xmlHeader&amp;gt;
            &amp;lt;timestamp&amp;gt;1232135468&amp;lt;/timestamp&amp;gt;
            &amp;lt;source&amp;gt;xds unit&amp;lt;/source&amp;gt;
        &amp;lt;/xmlHeader&amp;gt;
        &amp;lt;xmlBody&amp;gt;
            &amp;lt;method&amp;gt;create&amp;lt;/method&amp;gt;
            &amp;lt;customer&amp;gt;
                &amp;lt;custA&amp;gt;VOC-Prov&amp;lt;/custA&amp;gt;
                &amp;lt;custB&amp;gt;vocprov&amp;lt;/custB&amp;gt;
            &amp;lt;/customer&amp;gt;
            &amp;lt;Item&amp;gt;
                &amp;lt;subElmt1&amp;gt;12345&amp;lt;/subElmt1&amp;gt;
                &amp;lt;subElmt2&amp;gt;534321&amp;lt;/subElmt2&amp;gt;
            &amp;lt;/Item&amp;gt;
        &amp;lt;/xmlBody&amp;gt;
    &amp;lt;/xi:root&amp;gt;
&amp;lt;/soapenv:Body&amp;gt;
&lt;/code&gt;&lt;/pre&gt;
&lt;p&gt;`&lt;/p&gt;
&lt;p&gt;I have been looking for days for a way to transform the structure using XSLT 2.0 so that the output will structured by this one :&lt;/p&gt;
&lt;pre&gt;&lt;code&gt;    &amp;lt;customer version="1.0"&amp;gt;
    &amp;lt;custA&amp;gt;VOC-Prov&amp;lt;/custA&amp;gt;
    &amp;lt;custB&amp;gt;vocprov&amp;lt;/custB&amp;gt;
        &amp;lt;Item name="constName" method="value from the  method element (create)"&amp;gt;
        &amp;lt;Attribute name="subElmt1"&amp;gt;value of subElmt1 element&amp;lt;/Attribute&amp;gt;
        &amp;lt;Attribute name="subElmt2"&amp;gt;534321&amp;lt;/Attribute&amp;gt;
    &amp;lt;/Item&amp;gt;
&amp;lt;/customer&amp;gt;
&lt;/code&gt;&lt;/pre&gt;
&lt;ol&gt;
&lt;li&gt;How can i Concat the method value as attribute in the requested xml result ?&lt;/li&gt;
&lt;li&gt;What is the best way to implement xslt that convert element to attribute     that match this xml hirarchiel  ?&lt;/li&gt;
&lt;/ol&gt;
&lt;p&gt;Any help on this would be greatly appreciated! &lt;/p&gt;</t>
  </si>
  <si>
    <t>2016-08-16 12:01:05.977000+00:00</t>
  </si>
  <si>
    <t>2016-08-16 12:34:41.647000+00:00</t>
  </si>
  <si>
    <t>xml|templates|xslt|soap|xslt-2.0</t>
  </si>
  <si>
    <t>Create a Wireless Link between two nodes in ns3</t>
  </si>
  <si>
    <t>&lt;p&gt;I have to build a topology where 2 nodes are connected via the wifi network or cellular network.&lt;/p&gt;
&lt;p&gt;In ns-3 I can't find examples to do so.&lt;/p&gt;
&lt;p&gt;How could I build the topology ?&lt;/p&gt;</t>
  </si>
  <si>
    <t>2015-11-05 06:00:43+00:00</t>
  </si>
  <si>
    <t>2018-05-08 23:44:49.633000+00:00</t>
  </si>
  <si>
    <t>c++|wifi|simulation|wireless|ns-3</t>
  </si>
  <si>
    <t>Can't get controller to load correctly in tab</t>
  </si>
  <si>
    <t>&lt;p&gt;I am trying to get a controller to load correctly in a tab.
I have tried in the module the following to load the controller in the tab.&lt;/p&gt;
&lt;pre&gt;&lt;code&gt;$stateProvider
    .state('main', {
        url: '/main',
        data: {
            'selectedTab' : 0
        },
        templateUrl: 'main.html'            
    })
    .state('main.tab1', {
        url: '/tab1',
        data: {
            'selectedTab' : 1
        },
        templateUrl: 'tab1.html',
        controller: 'MembersCtrl as vm'         
    })
    .state('contact', {
        url: '/contact',
        data: {
            'selectedTab' : 2
        },
        templateUrl: 'tab2.html'
    });
&lt;/code&gt;&lt;/pre&gt;
&lt;p&gt;When I load the tab nothing seems to happen when I invoke the register function in the controller.
Is there another approach I can try.&lt;/p&gt;</t>
  </si>
  <si>
    <t>2015-12-04 18:58:57.687000+00:00</t>
  </si>
  <si>
    <t>2015-12-04 20:21:04.787000+00:00</t>
  </si>
  <si>
    <t>angularjs|angularjs-scope|angular-ui-router</t>
  </si>
  <si>
    <t>Refresh Bokeh 0.12.6 graph with streaming data from Flask</t>
  </si>
  <si>
    <t>&lt;p&gt;Struggling with Bokeh and Flask to graph data from streaming.&lt;/p&gt;
&lt;p&gt;Data source update is scheduled and not managed by Bokeh (I see it is done every second).&lt;/p&gt;
&lt;p&gt;&lt;strong&gt;How to force a refresh of the graph&lt;/strong&gt; (possibly not of all the page as there are multiple graphs around in the final version)?&lt;/p&gt;
&lt;p&gt;Here is a stripped down and runnable version of the faulty code.
Any idea is welcome.&lt;/p&gt;
&lt;pre&gt;&lt;code&gt;# -*- coding: utf-8 -*-
import numpy as np
import pandas as pd
from bokeh.embed import components
from bokeh.plotting import figure
from bokeh.resources import INLINE
from bokeh.models.sources import ColumnDataSource
from flask import Flask, render_template_string
from flask_apscheduler import APScheduler
from apscheduler.triggers.interval import IntervalTrigger
html_template = """
&amp;lt;!DOCTYPE html&amp;gt;
&amp;lt;html lang="en"&amp;gt;
    &amp;lt;head&amp;gt;
        &amp;lt;meta charset="utf-8"&amp;gt;
        {{ js_resources | safe }}
        {{ css_resources | safe }}
    &amp;lt;/head&amp;gt;
    &amp;lt;body&amp;gt;
        &amp;lt;div&amp;gt;
            {{ plot_div.graph_1 | safe }}
        &amp;lt;/div&amp;gt;
        {{ plot_script | safe }}
    &amp;lt;/body&amp;gt;
&amp;lt;/html&amp;gt;
"""
resources = INLINE
js_resources = resources.render_js()
css_resources = resources.render_css()
app = Flask(__name__)
@app.route("/")
def main_graph():
    script, div = components({'graph_1': graph_1.figure,})
    return  render_template_string(html_template,
        js_resources=js_resources,
        css_resources=css_resources,
        plot_script=script,
        plot_div=div)
# -------------------------------------------------------------------------------------------------------------------
class Generic3Lines:
    def __init__(self, scheduler):
        self.data_source = ColumnDataSource()
        self.figure = figure()
        self.figure.axis.visible = True
        self.update_data()
        line1 = self.figure.line(y="value_1", line_color="red",   x="date_time", source=self.data_source)
        line2 = self.figure.line(y="value_2", line_color="blue",  x="date_time", source=self.data_source)
        line3 = self.figure.line(y="value_3", line_color="green", x="date_time", source=self.data_source)
        scheduler.add_job(id="scheduled_update", func=self.update_data, trigger=IntervalTrigger(seconds=1))
    def update_data(self):
        df = pd.DataFrame(dict(
            date_time = range(180),
            "value_1" = np.random.random(size=180)*5+5,
            "value_2" = np.random.random(size=180)*5+10,
            "value_3" = np.random.random(size=180)*5+15,
        ))
        print(df.head(1))
        self.data_source = dict(date_time=df["date_time"],
                                 value_1=df["value_1"],
                                 value_2=df["value_2"],
                                 value_3=df["value_3"],
                                 )
scheduler = APScheduler()
scheduler.start()
graph_1 = Generic3Lines(scheduler=scheduler)
if __name__ == "__main__":
    app.run(host="0.0.0.0", port=5050)
&lt;/code&gt;&lt;/pre&gt;</t>
  </si>
  <si>
    <t>2017-07-28 11:37:48.923000+00:00</t>
  </si>
  <si>
    <t>2017-07-29 11:51:07.537000+00:00</t>
  </si>
  <si>
    <t>python|flask|bokeh</t>
  </si>
  <si>
    <t>Running setup/teardown tasks during stb test task</t>
  </si>
  <si>
    <t>&lt;p&gt;I try to configure sbt to run a setup task at the beginning and a tear down task at the end of myProject/test command. &lt;/p&gt;
&lt;p&gt;My build.sbt is here:&lt;/p&gt;
&lt;pre&gt;&lt;code&gt;name := "ch-2"
version := "1.0"
libraryDependencies += "org.specs2" % "specs2_2.10" % "1.14" % "test"
lazy val common = (
  Project("common", file("common")).
    settings()
  )
lazy val subPro = (
  Project("sub", file("subA")).settings(
  ).dependsOn(common)
    settings(libraryDependencies += "org.specs2" % "specs2_2.10" % "1.14" % "test" )
  )
val startS = taskKey[Unit]("Start")
val stopS = taskKey[Unit]("Stop")
startS := { println("Running start")}
stopS := { println("Running stop")}
testOptions in Test in subPro += Tests.Setup { () =&amp;gt; startS.value }
testOptions in Test in subPro += Tests.Cleanup { () =&amp;gt; stopS.value }
&lt;/code&gt;&lt;/pre&gt;
&lt;p&gt;The actual dummy test class is here:&lt;/p&gt;
&lt;pre&gt;&lt;code&gt;import org.specs2.mutable.Specification
/**
  * Created by jk on 26.3.2017.
  */
object FooSpec extends Specification {
  "The TEST method" should {
    "blaa blaa 1" in {
      println("test 1 running...")
      true
    }
    "blaa blaa 2" in {
      println("test 2 running...")
      true
    }
  }
}
&lt;/code&gt;&lt;/pre&gt;
&lt;p&gt;When I run the tests for project sub, I get following output:&lt;/p&gt;
&lt;pre&gt;&lt;code&gt;&amp;gt; sub/test
Running stop
Running start
[info] Updating {file:/home/jk/workspace/sbt-in-action/ch2/}sub...
[info] Resolving org.fusesource.jansi#jansi;1.4 ...
[info] Done updating.
[info] Compiling 1 Scala source to /home/jk/workspace/sbt-in-action/ch2/subA/target/scala-2.10/test-classes...
test 1 running...
test 2 running...
[info] FooSpec
[info] 
[info] The TEST method should
[info] + blaa blaa 1
[info] + blaa blaa 2
[info]  
[info]  
[info] Total for specification FooSpec
[info] Finished in 18 ms
[info] 2 examples, 0 failure, 0 error
[info] 
[info] Passed: Total 2, Failed 0, Errors 0, Passed 2
[success] Total time: 3 s, completed Mar 26, 2017 7:09:34 PM
&lt;/code&gt;&lt;/pre&gt;
&lt;p&gt;Why is stop task run even before compilation is finished and how to fix it so that it is run after all test cases are run (despite the result of the test cases)?&lt;/p&gt;
&lt;p&gt;Also the start task should run after successfull compilation but before first test case. How to fix these?&lt;/p&gt;</t>
  </si>
  <si>
    <t>2017-03-26 16:17:34.183000+00:00</t>
  </si>
  <si>
    <t>2017-03-28 11:10:53.990000+00:00</t>
  </si>
  <si>
    <t>scala|unit-testing|sbt</t>
  </si>
  <si>
    <t>SQL formatting for percentage</t>
  </si>
  <si>
    <t>&lt;p&gt;Using the SQL code&lt;/p&gt;
&lt;pre&gt;&lt;code&gt;select table.column, count(*) * 100.0 / sum(count(*)) over()
from table
group by table.column
&lt;/code&gt;&lt;/pre&gt;
&lt;p&gt;I would like to use this function for its efficiency since I am working on a large DB. The function generates both values of percentage which sum to 100. I can't figure out a simple way to only generate the true value (1) or value of summed number over number of rows in the column. Is there a simple way I can do this or do I need to use a different function entirely ?&lt;/p&gt;
&lt;p&gt;An example data set would be&lt;/p&gt;
&lt;pre&gt;&lt;code&gt;N,  Bit  
0 | 0  
1 | 0  
2 | 1  
3 | 0  
4 | 0  
5 | 1  
&lt;/code&gt;&lt;/pre&gt;
&lt;p&gt;It is a bit, null table where I am taking the percentage of true bits.
The N just stands for Number.&lt;/p&gt;</t>
  </si>
  <si>
    <t>2016-08-27 17:18:45.677000+00:00</t>
  </si>
  <si>
    <t>2016-08-27 18:21:04.723000+00:00</t>
  </si>
  <si>
    <t>2016-08-27 18:10:33.240000+00:00</t>
  </si>
  <si>
    <t>distinct contiguous blocks in pandas dataframe</t>
  </si>
  <si>
    <t>&lt;p&gt;I have a pandas dataframe looking like this:&lt;/p&gt;
&lt;pre&gt;&lt;code&gt; x1=[np.nan, 'a','a','a', np.nan,np.nan,'b','b','c',np.nan,'b','b', np.nan]
 ty1 = pd.DataFrame({'name':x1})
&lt;/code&gt;&lt;/pre&gt;
&lt;p&gt;Do you know how I can get a list of tuples containing the start and end indices of distinct contiguous blocks? For example for the dataframe above, &lt;/p&gt;
&lt;pre&gt;&lt;code&gt;[(1,3), (6,7), (8,8), (10,11)]. 
&lt;/code&gt;&lt;/pre&gt;</t>
  </si>
  <si>
    <t>2015-06-01 08:17:35.577000+00:00</t>
  </si>
  <si>
    <t>2015-06-01 08:31:42.550000+00:00</t>
  </si>
  <si>
    <t>If-Then statement confusion, NSURL result not working quite right</t>
  </si>
  <si>
    <t>&lt;p&gt;What I would like to do is take the [self getYear] method which is predefined and returns an NSString in the form of a year (i.e. 1995), and then take that number and match it to which year it actually is, and set that to a URL variable, theClassyear. When this project is run, i have this as part of a setup method in -viewWillAppear and when I pull up the view (this is in a tab bar controller fyi) then I get either an NSURL error 101 or error -999. The [self getYear] method takes it's string from a NSUserDefaults string that is set by a UIPicker in a different view pushed by the controller. Like I said, when I first open the view and this method runs I get the correct result from the first NSLog, but then it runs through my if statements and ends up using the else statement which sets my NSURL that is supposed to be returned to null (according to my NSLog). Later on in the code I have another NSLog that prints the [self getYear] result again and that gives me the right number also. somehow my if-then logic is not running through correctly and I would love advice on what I may be doing wrong. Thanks in advance!!! :)&lt;/p&gt;
&lt;pre&gt;&lt;code&gt;-(NSURL *)theClassYear{
NSURL *theClassYear = [[NSURL alloc] init];
NSLog(@"the user default loaded for the year is: %@",[self getYear]);
if ([self getYear] == @"1995") {
    theClassYear = [NSURL URLWithString:@"http://www.facebook.com/group.php?gid=35443264449"];
}
else if ([self getYear] == @"1996"){
    theClassYear = [NSURL URLWithString:@"http://www.facebook.com/group.php?gid=50371222704"];
}
else if ([self getYear] == @"1997"){
    theClassYear = [NSURL URLWithString:@"http://www.facebook.com/group.php?gid=101880069858690"];
}
else if ([self getYear] == @"1998"){
    theClassYear = [NSURL URLWithString:@"http://www.facebook.com/group.php?gid=98761155252"];
}
else if ([self getYear] == @"1999"){
    theClassYear = [NSURL URLWithString:@"http://www.facebook.com/group.php?gid=34955119113"];
}
else if ([self getYear] == @"2000"){
    theClassYear = [NSURL URLWithString:@"http://www.facebook.com/group.php?gid=41438241821"];
}
else if ([self getYear] == @"2001"){
    theClassYear = [NSURL URLWithString:@"http://www.facebook.com/group.php?gid=44108047608"];
}
else if ([self getYear] == @"2002"){
    theClassYear = [NSURL URLWithString:@"http://www.facebook.com/group.php?gid=98700780436"];
}
else if ([self getYear] == @"2003"){
    theClassYear = [NSURL URLWithString:@"http://www.facebook.com/group.php?gid=36811255052"];
}
else if ([self getYear] == @"2004"){
    theClassYear = [NSURL URLWithString:@"http://www.facebook.com/group.php?gid=40331531709"];
}
else if ([self getYear] == @"2005"){
    theClassYear = [NSURL URLWithString:@"http://www.facebook.com/group.php?gid=97724430117"];
}
else if ([self getYear] == @"2006"){
    theClassYear = [NSURL URLWithString:@"http://www.facebook.com/group.php?gid=50868469971"];
}
else if ([self getYear] == @"2007"){
    theClassYear = [NSURL URLWithString:@"http://www.facebook.com/group.php?gid=38506528654"];
}
else if ([self getYear] == @"2008"){
    theClassYear = [NSURL URLWithString:@"http://www.facebook.com/group.php?gid=55466866222"];
}
else if ([self getYear] == @"2009"){
    theClassYear = [NSURL URLWithString:@"http://www.facebook.com/group.php?gid=105187085612"];
}
else if ([self getYear] == @"2010"){
    theClassYear = [NSURL URLWithString:@"http://www.facebook.com/group.php?gid=39303927757"];
}
else if ([self getYear] == @"2011"){
    theClassYear = [NSURL URLWithString:@"http://www.facebook.com/group.php?gid=281837582821"];
}
else if ([self getYear] == @"2012"){
    theClassYear = [NSURL URLWithString:@"http://www.facebook.com/group.php?gid=79162636609"];
}
else if ([self getYear] == @"2013"){
theClassYear = [NSURL URLWithString:@"http://www.facebook.com/home.php?sk=group_161338720557447"];
}
else if ([self getYear] == @"2014"){
    theClassYear = [NSURL URLWithString:@"http://www.facebook.com/home.php?sk=group_125352334187406"];
}
else {
    NSLog(@"no matches");
}    
NSLog(@"the url for the year you chose is: %@",theClassYear);
return theClassYear;
[theClassYear release];
&lt;/code&gt;&lt;/pre&gt;
&lt;p&gt;}&lt;/p&gt;</t>
  </si>
  <si>
    <t>2011-05-19 02:39:59.317000+00:00</t>
  </si>
  <si>
    <t>2011-05-19 03:05:26.017000+00:00</t>
  </si>
  <si>
    <t>2011-05-19 02:54:55.893000+00:00</t>
  </si>
  <si>
    <t>iphone|ios|string-comparison</t>
  </si>
  <si>
    <t>How to override CSS?</t>
  </si>
  <si>
    <t>&lt;p&gt;I inspected it with Google Chrome and found this : &lt;/p&gt;
&lt;pre&gt;&lt;code&gt;&amp;lt;div class="_2p3a" style="min-width: 180px; width: 270px;"&amp;gt;
&lt;/code&gt;&lt;/pre&gt;
&lt;p&gt;It should be : &lt;/p&gt;
&lt;pre&gt;&lt;code&gt;&amp;lt;div class="_2p3a" style="min-width: 160px; width: 188px;"&amp;gt;
&lt;/code&gt;&lt;/pre&gt;
&lt;p&gt;But how to change it? It's a css from facebook. I tried to override it like that: &lt;/p&gt;
&lt;p&gt;Added this line in my style.css, it doesn't work : &lt;/p&gt;
&lt;pre&gt;&lt;code&gt;._2p3a {
min-width: 160px !important; 
width: 188px !important;
}
&lt;/code&gt;&lt;/pre&gt;
&lt;p&gt;Thanks for you help&lt;/p&gt;</t>
  </si>
  <si>
    <t>2016-06-11 16:49:17.500000+00:00</t>
  </si>
  <si>
    <t>2016-06-12 17:58:50.873000+00:00</t>
  </si>
  <si>
    <t>html|css|wordpress|override</t>
  </si>
  <si>
    <t>If all conditions matches inside foreach</t>
  </si>
  <si>
    <t>&lt;p&gt;I have this type of html:&lt;/p&gt;
&lt;pre&gt;&lt;code&gt;&amp;lt;p id="username_input" data-priority=""&amp;gt; 
    &amp;lt;label for="username"&amp;gt;Username&amp;lt;/label&amp;gt;
    &amp;lt;input type="text" class="input-text um-field " name="username" id="username" placeholder="" value="" required="required" data-label="Username"&amp;gt;
&amp;lt;/p&amp;gt;
&amp;lt;p id="firstname_input" data-priority=""&amp;gt; 
     &amp;lt;label for="firstname"&amp;gt;First Name&amp;lt;/label&amp;gt;
     &amp;lt;input type="text" class="input-text um-field " name="firstname" id="firstname" placeholder="" value="" required="required" data-label="FirstName"&amp;gt;
&amp;lt;/p&amp;gt;
&amp;lt;p class="form-row " id="radio_SXsPOwVSD_input"&amp;gt; 
   &amp;lt;input type="radio" class="input-radio um-field" value="Male" name="radio_SXsPOwVSD" id="radio_SXsPOwVSD_male"&amp;gt;Male 
   &amp;lt;input type="radio" class="input-radio um-field" value="Female" name="radio_SXsPOwVSD" id="radio_SXsPOwVSD_Female"&amp;gt;Female 
&amp;lt;/p&amp;gt;
&lt;/code&gt;&lt;/pre&gt;
&lt;p&gt;&lt;code&gt;applyConditions&lt;/code&gt; array contains &lt;code&gt;input&lt;/code&gt;, &lt;code&gt;condition&lt;/code&gt; and &lt;code&gt;value&lt;/code&gt; indexes. Could be any inputs and also many conditions. Suppose,&lt;/p&gt;
&lt;pre&gt;&lt;code&gt;input = username
condition = 0 (is)
value = abc
input = firstname
condition = 1 (is not)
value = pqr
&lt;/code&gt;&lt;/pre&gt;
&lt;p&gt;I need to do something(show/hide checkbox) if &lt;/p&gt;
&lt;blockquote&gt;
  &lt;p&gt;&lt;code&gt;username is abc and firstname isnot pqr&lt;/code&gt;&lt;/p&gt;
&lt;/blockquote&gt;
&lt;p&gt;from the frontend. But could be input radio_sXsPOwVSD, condition 1 and value Male.&lt;/p&gt;
&lt;p&gt;then,&lt;/p&gt;
&lt;pre&gt;&lt;code&gt;applyConditions.forEach( function( item ) {
  if(item.condition == 0) {
    jQuery("#"+ item.input+"_input").on('change', ( function(  avalue ) {
        return function(e) {                
          if( e.target.value == avalue ) {
                //show checkbox
          }
          else {
                //hide checkbox
          }
        };
    })(item.value));
  }
  else if( item.condition == 1 ) {
        jQuery("#"+ item.input+"_input").on('change', ( function(  avalue ) {
        return function(e) {                
          if( e.target.value != avalue ) {
                //show checkbox
          }
          else {
           //hide checkbox
          }
        };
     })(item.value));
 }
});
&lt;/code&gt;&lt;/pre&gt;
&lt;p&gt;However, this seems to be OR, if any matches, but I need all matches. I could count the matches and compare with array length, but with onChange count on same field seems to increase/decrease multiple times. What could be the solution? I am stuck on this for a while. &lt;/p&gt;
&lt;pre&gt;&lt;code&gt;applyConditions = 
[
  {"input":"username","condition":"0","value":"abc"}, 
  {"input":"firstname","condition":"1","value":"pqr"}
];
&lt;/code&gt;&lt;/pre&gt;
&lt;p&gt;could also be &lt;code&gt;{"input":"radio_SXsPOwVSD","condition":"0","value":"Male"},&lt;/code&gt;&lt;/p&gt;</t>
  </si>
  <si>
    <t>2018-03-31 12:16:10.053000+00:00</t>
  </si>
  <si>
    <t>2018-04-09 13:10:03.793000+00:00</t>
  </si>
  <si>
    <t>2018-04-02 12:52:57.307000+00:00</t>
  </si>
  <si>
    <t>Ignore any other _GET Variables</t>
  </si>
  <si>
    <t>&lt;p&gt;See, I have this return script which will return the user to the page they were denied access to because they aren't logged in, however it misses GET variables. Sorry if I can't explain..&lt;/p&gt;
&lt;p&gt;For example, my url is:&lt;/p&gt;
&lt;p&gt;&lt;code&gt;/login.php?return=/update.php?Number2=011&amp;amp;id=9696b8&lt;/code&gt;&lt;/p&gt;
&lt;p&gt;I want "return" to contain:&lt;/p&gt;
&lt;p&gt;&lt;code&gt;/login.php?return=**/update.php?Number2=011&amp;amp;id=9696b8**&lt;/code&gt;&lt;/p&gt;
&lt;p&gt;However it thinks that "id" is a seperate get variable and misses it and gives me only:&lt;/p&gt;
&lt;p&gt;&lt;code&gt;/login.php?return=**/update.php?Number2=011**&amp;amp;id=9696b8&lt;/code&gt;&lt;/p&gt;
&lt;p&gt;I understand why it's happening, just not how to prevent it.. Any ideas?&lt;/p&gt;</t>
  </si>
  <si>
    <t>2011-07-31 11:46:05.597000+00:00</t>
  </si>
  <si>
    <t>2011-07-31 12:21:23.830000+00:00</t>
  </si>
  <si>
    <t>2011-07-31 12:06:56.400000+00:00</t>
  </si>
  <si>
    <t>VBA Excel-Macro not referencing the way I need it to</t>
  </si>
  <si>
    <t>&lt;p&gt;Hey so I am having this problem with this macro I recorded. I am working with a workbook with multiple worksheets in it, one particular worksheet uses simple addition and subtraction formulas to get the differences between two numbers. These formulas are all the same and are already input in all the cells within the sheet. The formulas reference numbers from other sheets within the workbook to find the difference. So each month has its own cash flows, then the last sheet where the difference is calculated is the variance between the two months. I decided to record the macro as I inputted formulas and dragged it across the worksheet and making sure I had the "relative referencing" button on. After I recorded the macro, I changed the sheet name that the formulas referenced to see what would happen, as I expected it didn't calculate the numbers correctly since the sheet name was now different. I want to solve this issue since I plan on using this macro on multiple workbooks with the same format but difference data and sheet names, but not sure how to get around the issue of- the sheet names being different from what are in the formulas to reference.  &lt;/p&gt;</t>
  </si>
  <si>
    <t>2017-06-23 14:37:43.127000+00:00</t>
  </si>
  <si>
    <t>2017-06-23 16:55:59.683000+00:00</t>
  </si>
  <si>
    <t>Adding object to a linked list c++</t>
  </si>
  <si>
    <t>&lt;p&gt;I am trying to add a object to my linked list, the problem is I am not sure how also the object its self is a base class with sub classes. Vehicle and Car,Van respectively.&lt;/p&gt;
&lt;p&gt;The idea of the program is a vehicle rental system where the user can add a vehicle to the system and set certain variables about the vehicle such as: reg number engine size etc but also if the vehicle is a van or a car you the set further variables depending on the whether its a car or van.&lt;/p&gt;
&lt;p&gt;For example if I want to add a Ford Van, I would enter the details such as engine size,model etc then i would specify that its a van allowing me to add further details contained within the van subclass.&lt;/p&gt;
&lt;p&gt;If any of you can help me with being able to add an object to a linked list such that it meets the criteria I would be very thankful.&lt;/p&gt;
&lt;p&gt;My code to insert a new node.&lt;/p&gt;
&lt;pre&gt;&lt;code&gt;void linkedList::InsertNode(int regNo,double engine,string model,vehicle_type make)
{
Vehicle&amp;lt;int&amp;gt; vehicle(int,double,string,vehicle_type);
//create new node
nodePtr n=new node;
//make next point to null
n-&amp;gt;next=NULL;
n-&amp;gt;data=vehicle(regNo,engine,model,make);
//if we have a list set current pointer
if(head!=NULL)
{
    current=head;
    //checks if end
    while(current-&amp;gt;next!=NULL)
    {
        current=current-&amp;gt;next;
    }
    //connect last node to new node
    current-&amp;gt;next=n;
}
else
{
    //new node is front of list if empty
    head=n;
}
}
&lt;/code&gt;&lt;/pre&gt;
&lt;p&gt;Linkedlist.h&lt;/p&gt;
&lt;pre&gt;&lt;code&gt;#pragma once
#include &amp;lt;string&amp;gt;
using namespace std;
class linkedList
{
template&amp;lt;class regNo&amp;gt;;
friend class Vehicle&amp;lt;int&amp;gt;;
typedef enum{ Car,Van} vehicle_type;
private:
typedef struct node                                                
{                                                               
  int data;               
  node* next;             
}*nodePtr;
nodePtr head;
nodePtr current;
nodePtr temp;
public:
linkedList();
void InsertNode(int regNo ,double engine,string model,vehicle_type make);
void SearchNode(int);
void PrintList();
void DeleteNode(int delData);
~linkedList();
};
&lt;/code&gt;&lt;/pre&gt;
&lt;p&gt;vehicle.h&lt;/p&gt;
&lt;pre&gt;&lt;code&gt;#pragma once
template&amp;lt;class regNo=int&amp;gt;
class Vehicle
{
public:
typedef enum{ Car,Van} vehicle_type;
protected:
vehicle_type make;
string model;
int regNo;
double engineSize;
bool rented;
public:
Vehicle(vehicle_type  make):model(""),regNo(reg),engineSize(engine),make(make),rented(false){};
char getMakeModel();
int getRegNo();
int getEngineSize();
bool getRented();
bool setRented(bool rented);
~Vehicle();
void listVehicle();
void addVehicle();
void removeVehicle(int delData);
void bookVehicle();
void displayDetails(int regNo);
void listCarsNotRented();
void listFiveDoor();
void listFordVansRented();
};
&lt;/code&gt;&lt;/pre&gt;
&lt;p&gt;For clarification the linked listed will contain a list of many objects that holds information about a vehicle, what I need to do is add a vehicle(object) to the list.&lt;/p&gt;
&lt;p&gt;The error occurs when trying to set the data within the node to the object I want.&lt;/p&gt;</t>
  </si>
  <si>
    <t>2014-01-11 12:54:33.970000+00:00</t>
  </si>
  <si>
    <t>2014-01-11 13:17:33.240000+00:00</t>
  </si>
  <si>
    <t>2014-01-11 13:01:11.793000+00:00</t>
  </si>
  <si>
    <t>c++|object|linked-list</t>
  </si>
  <si>
    <t>SQL Results Pagination</t>
  </si>
  <si>
    <t>&lt;p&gt;I'm having a bit of trouble paginating my sql query results using PHP. I have tried a few different solutions but have had no success so far. Would someone be able to help me please? Below is my current code I use to display all results however I'd like them splitting into pages of 50.&lt;/p&gt;
&lt;pre&gt;&lt;code&gt;&amp;lt;?
 //query
 $data = mysql_query("SELECT * FROM names"); 
 //counts_result 
 $anymatches=mysql_num_rows($data); 
 if ($anymatches == 0) 
 {
 echo "ERROR"; 
 }
else {
    echo "&amp;lt;div class='search_result_output'&amp;gt;
    SEARCH SUCCESS 
    &amp;lt;/div&amp;gt;&amp;lt;hr&amp;gt;";
}
?&amp;gt;
&amp;lt;?
 //display results 
 while($result = mysql_fetch_array( $data )) 
 {
 echo "&amp;lt;div class='panel panel-default'&amp;gt;";
 echo "&amp;lt;div class='panel-heading'&amp;gt;";
 echo "&amp;lt;h4 class='panel-title'&amp;gt;";
 echo $result['name'];
 echo "&amp;lt;/h4&amp;gt;";
 echo "&amp;lt;/div&amp;gt;";
 echo "&amp;lt;div class='game_actions' style='float:right; margin-top:-40px; margin-right:10px;'&amp;gt;";
 echo "&amp;lt;a data-toggle='collapse' class='btn btn-custom' data-parent='#accordion' href='#".$result['id']."' title='More Info on ".$result['name']."'&amp;gt;&amp;lt;i class='fa fa-plus'&amp;gt;&amp;lt;/i&amp;gt;&amp;lt;/a&amp;gt;";
 echo "&amp;lt;/div&amp;gt;";
 echo "&amp;lt;div id='".$result['id']."' class='panel-collapse collapse'&amp;gt;";
 echo "&amp;lt;div class='panel-body'&amp;gt;";
 echo $result['name'];;
 echo "&amp;lt;/div&amp;gt;";
 echo "&amp;lt;/div&amp;gt;";
 echo "&amp;lt;/div&amp;gt;";
 }
 }
 ?&amp;gt;
&lt;/code&gt;&lt;/pre&gt;</t>
  </si>
  <si>
    <t>2013-12-27 03:31:09.697000+00:00</t>
  </si>
  <si>
    <t>2014-01-05 23:52:05.203000+00:00</t>
  </si>
  <si>
    <t>sql|pagination</t>
  </si>
  <si>
    <t>What is stopping my XML file from updating?</t>
  </si>
  <si>
    <t>&lt;p&gt;So for some reason my XML file won't update. I'm pretty sure I've set everything up correctly because the same thing works elsewhere. I've included a for loop to print out the names of the nodes right after it is removed and it prints everything correctly. I've also tried to add a test node to the one I'm trying to edit and it prints correctly as well. &lt;/p&gt;
&lt;p&gt;Here is the java file:&lt;/p&gt;
&lt;pre&gt;&lt;code&gt;package xmlpractice;
import com.sun.org.apache.xml.internal.serialize.OutputFormat;
import com.sun.org.apache.xml.internal.serialize.XMLSerializer;
import java.io.FileOutputStream;
import java.io.IOException;
import javax.xml.parsers.DocumentBuilder;
import javax.xml.parsers.DocumentBuilderFactory;
import javax.xml.parsers.ParserConfigurationException;
import org.w3c.dom.Document;
import org.w3c.dom.Element;
import org.w3c.dom.Node;
import org.xml.sax.SAXException;
public class XMLPractice {
    private DocumentBuilderFactory documentFactory;
    private DocumentBuilder documentBuilder;
    private Document xmlDoc;
    private Node rootNode;
    private static Node calendarDataNode;
    private static int month_index = 1;
    public XMLPractice() {
        try {
            documentFactory = DocumentBuilderFactory.newInstance();
            documentBuilder = documentFactory.newDocumentBuilder();
            xmlDoc = documentBuilder.parse(XMLPractice.class.getResourceAsStream("Calendar.xml"));
            rootNode = xmlDoc.getDocumentElement();
            calendarDataNode = rootNode.getChildNodes().item(1);
        } catch(ParserConfigurationException | SAXException | IOException e) {e.printStackTrace(System.out);}      
        doClick("test");
    }
    public void doClick(String tf_label) {
         for (int y=0; y&amp;lt;calendarDataNode.getChildNodes().getLength(); y++) {
            //if (year node name == "y" + current year)
            if (calendarDataNode.getChildNodes().item(y).getNodeName().equals("y" + 2015)) {
                //for (int m=0; m&amp;lt;number of child nodes in year node; m++)
                for (int m=0; m&amp;lt;calendarDataNode.getChildNodes().item(y).getChildNodes().getLength(); m++) {
                    //if (month node name == "m" + current month)
                    if (calendarDataNode.getChildNodes().item(y).getChildNodes().item(m).getNodeName().equals("m" + (month_index-1))) {
                        //for (int d=0; d&amp;lt;number of child nodes in month node; d++)
                        for (int d=1; d&amp;lt;calendarDataNode.getChildNodes().item(y).getChildNodes().item(m).getChildNodes().getLength(); d+=2) {
                            //if (day node name == "d" + current day)
                            if (calendarDataNode.getChildNodes().item(y).getChildNodes().item(m).getChildNodes().item(d).getNodeName().equals("d" + 1)) {
                                //Added test node to see if it would work correctly. Prints out correctly in for loop, but does the same thing.
                                Element newNode = xmlDoc.createElement("lTest");
                                newNode.setTextContent("testttttt");
                                //Prints correct node I'm trying to edit
                                System.out.println(calendarDataNode.getChildNodes().item(y).getChildNodes().item(m).getChildNodes().item(d).getNodeName());
                                calendarDataNode.getChildNodes().item(y).getChildNodes().item(m).getChildNodes().item(d).appendChild(newNode);
                                //for (int l=0; l&amp;lt;number of child nodes in day node; l++)
                                for (int l=1; l&amp;lt;calendarDataNode.getChildNodes().item(y).getChildNodes().item(m).getChildNodes().item(d).getChildNodes().getLength(); l++) {
                                    //if (label text contents == String label)
                                    if (calendarDataNode.getChildNodes().item(y).getChildNodes().item(m).getChildNodes().item(d).getChildNodes().item(l).getTextContent().equals(tf_label)) {
                                        //Prints name of correct node I'm trying to edit.
                                        System.out.println(calendarDataNode.getChildNodes().item(y).getChildNodes().item(m).getChildNodes().item(d).getChildNodes().item(l).getNodeName() + "\n");
                                        calendarDataNode.getChildNodes().item(y).getChildNodes().item(m).getChildNodes().item(d).removeChild(calendarDataNode.getChildNodes().item(y).getChildNodes().item(m).getChildNodes().item(d).getChildNodes().item(l));
                                        //Printing out node names to see if they were removed.
                                        for (int i=0; i&amp;lt;calendarDataNode.getChildNodes().item(y).getChildNodes().item(m).getChildNodes().item(d).getChildNodes().getLength(); i++) {
                                            System.out.println(calendarDataNode.getChildNodes().item(y).getChildNodes().item(m).getChildNodes().item(d).getChildNodes().item(i).getNodeName());
                                        }
                                    }
                                }
                            }
                        }    
                    }
                }
            }
        }
        OutputFormat outF = new OutputFormat(xmlDoc);
        try (FileOutputStream outStream = new FileOutputStream("Calendar.xml")) {
            XMLSerializer serializer = new XMLSerializer(outStream, outF);
            serializer.serialize(xmlDoc);
            outStream.close();
        }catch(IOException e) {e.printStackTrace(System.out);}
    }
    public static void main(String args[]) {
       new XMLPractice();
    } 
}
&lt;/code&gt;&lt;/pre&gt;
&lt;p&gt;Here is the XML File:&lt;/p&gt;
&lt;pre&gt;&lt;code&gt;&amp;lt;root&amp;gt;
    &amp;lt;calendar-data&amp;gt;
        &amp;lt;y2015&amp;gt;
            &amp;lt;m0&amp;gt;
                &amp;lt;d1&amp;gt;
                    &amp;lt;l0&amp;gt;test&amp;lt;/l0&amp;gt; //This should be removed
                    &amp;lt;l1&amp;gt;TEST&amp;lt;/l1&amp;gt; 
                    //lTest should be added
                &amp;lt;/d1&amp;gt;
            &amp;lt;/m0&amp;gt;
        &amp;lt;/y2015&amp;gt;
    &amp;lt;/calendar-data&amp;gt;
&amp;lt;/root&amp;gt;
&lt;/code&gt;&lt;/pre&gt;
&lt;p&gt;And here is the output:&lt;/p&gt;
&lt;pre&gt;&lt;code&gt;d1
l0
test
#text //l0 is missing
#text
l1
#text
lTest //lTest is added
&lt;/code&gt;&lt;/pre&gt;</t>
  </si>
  <si>
    <t>2015-01-20 00:12:29.767000+00:00</t>
  </si>
  <si>
    <t>2015-01-20 02:52:37.367000+00:00</t>
  </si>
  <si>
    <t>java|xml|file-writing</t>
  </si>
  <si>
    <t>dynamic textbox for user information in php</t>
  </si>
  <si>
    <t>&lt;p&gt;I am developing one travel website using PHP,where user can book the travel. While booking I am storing the name and age of the user.&lt;/p&gt;
&lt;p&gt;And I have one filed top of this to describe how many people are travelling ,based on this field I need name and age input text box dynamically .&lt;/p&gt;
&lt;p&gt;How to do this ? any useful help ? &lt;/p&gt;</t>
  </si>
  <si>
    <t>2015-10-31 10:33:26.900000+00:00</t>
  </si>
  <si>
    <t>2015-10-31 11:07:56.967000+00:00</t>
  </si>
  <si>
    <t>javascript|php|jquery|html</t>
  </si>
  <si>
    <t>How do I compile a C program to use with my ruby gem via the C program's command line interface?</t>
  </si>
  <si>
    <t>&lt;p&gt;I've seen lots of guides talking about using extconf.rb and c extensions in ruby gems. I don't think that'll fit my use case, as the C program I'm trying to bundle uses files to do it's work. &lt;/p&gt;
&lt;p&gt;Some people have suggested that I just list kdiff3 as a requirement in my gem, but I added some functionality to the code, and who knows when that'll get pushed to all the package control repos. &lt;/p&gt;
&lt;p&gt;In summary, here is what I want to do
 - compile the C code in the repo (makefile already exists, and compiles with &lt;code&gt;./configure qt4&lt;/code&gt;)
 - compile hopefully would happen on gem install&lt;/p&gt;
&lt;p&gt;Here is my gem: &lt;a href="https://github.com/NullVoxPopuli/kdiff3-rb" rel="nofollow"&gt;https://github.com/NullVoxPopuli/kdiff3-rb&lt;/a&gt;
the ext/kdiff3 directory is a git subtree from &lt;a href="https://github.com/NullVoxPopuli/kdiff3" rel="nofollow"&gt;https://github.com/NullVoxPopuli/kdiff3&lt;/a&gt;&lt;/p&gt;</t>
  </si>
  <si>
    <t>2014-12-10 20:05:27.530000+00:00</t>
  </si>
  <si>
    <t>2015-01-04 17:29:40.783000+00:00</t>
  </si>
  <si>
    <t>ruby-on-rails|c|ruby|gem|rubygems</t>
  </si>
  <si>
    <t>How can you autofill conditional formatting on Google Sheet with data anchored on 1 cell?</t>
  </si>
  <si>
    <t>&lt;p&gt;I have conditional formatting on cell B2 based on data in cell B100&lt;/p&gt;
&lt;blockquote&gt;
  &lt;p&gt;ex: Custom Formula is =B2&gt;B100&lt;/p&gt;
&lt;/blockquote&gt;
&lt;p&gt;I would like to autofill conditional formatting for all subsequent cells in column B based also on B100&lt;/p&gt;
&lt;blockquote&gt;
  &lt;p&gt;ex: Custom Formula is =B3&gt;B100&lt;/p&gt;
  &lt;p&gt;Custom Formula is =B4&gt;B100&lt;/p&gt;
  &lt;p&gt;Custom Formula is =B5&gt;B100&lt;/p&gt;
&lt;/blockquote&gt;
&lt;pre&gt;&lt;code&gt;ETC
&lt;/code&gt;&lt;/pre&gt;
&lt;p&gt;&lt;strong&gt;ALSO,&lt;/strong&gt; would like to autofill the same conditional formatting across other columns.&lt;/p&gt;
&lt;blockquote&gt;
  &lt;p&gt;ex: Custom Formula is =c3&gt;c100   Custom Formula is =d3&gt;d100&lt;/p&gt;
  &lt;p&gt;Custom Formula is =c4&gt;c100   Custom Formula is =d4&gt;d100&lt;/p&gt;
  &lt;p&gt;Custom Formula is =c5&gt;c100   Custom Formula is =d5&gt;d100&lt;/p&gt;
&lt;/blockquote&gt;
&lt;pre&gt;&lt;code&gt;   ETC
&lt;/code&gt;&lt;/pre&gt;
&lt;p&gt;I want to autofill this conditional formatting so I don't have to do each cell by hand; I have about 450 cells I want to apply this formatting to.&lt;/p&gt;
&lt;p&gt;Help!&lt;/p&gt;</t>
  </si>
  <si>
    <t>2016-12-29 20:15:27.997000+00:00</t>
  </si>
  <si>
    <t>2016-12-30 03:23:02.187000+00:00</t>
  </si>
  <si>
    <t>google-sheets|conditional-formatting</t>
  </si>
  <si>
    <t>How to I get correct distances with my relocs data in adehabitat?</t>
  </si>
  <si>
    <t>&lt;pre&gt;&lt;code&gt;wdd &amp;lt;- as.ltraj(xy = wloc[,c("long","lat")], date = da, id = wloc$ID, 
                   infolocs= wloc[,c(16,17,22) ])
&lt;/code&gt;&lt;/pre&gt;
&lt;p&gt;when I run &lt;/p&gt;
&lt;pre&gt;&lt;code&gt;plotltr(wdd) 
head(wdd[[1]])
&lt;/code&gt;&lt;/pre&gt;
&lt;p&gt;shows distance in deg decimal I think:&lt;/p&gt;
&lt;pre&gt;&lt;code&gt;      x        y        date                 dx         dy        dist         dt
 2602 78.19885 32.08029 2017-10-01 05:01:40  0.0001037  0.0000862 0.0001348485 17956
 2601 78.19896 32.08037 2017-10-01 10:00:56 -0.0000130 -0.0000483 0.0000500189 17983
&lt;/code&gt;&lt;/pre&gt;
&lt;p&gt;I need to get this in meters. Can anyone help me out? or should I use ECEF(X, Y) coordinates?&lt;/p&gt;</t>
  </si>
  <si>
    <t>2018-04-12 08:03:46.033000+00:00</t>
  </si>
  <si>
    <t>2018-04-12 11:09:05.287000+00:00</t>
  </si>
  <si>
    <t>r|coordinates</t>
  </si>
  <si>
    <t>javascript new date() returns invalid date in Unit test</t>
  </si>
  <si>
    <t>&lt;p&gt;date object returns invalid date in Unit test. 
Failing test in test explorer but passing in browser.&lt;/p&gt;
&lt;p&gt;&lt;div class="snippet" data-lang="js" data-hide="false" data-console="true" data-babel="false"&gt;_x000D_
&lt;div class="snippet-code"&gt;_x000D_
&lt;pre class="snippet-code-js lang-js prettyprint-override"&gt;&lt;code&gt;date = function () {_x000D_
    return function (value) {_x000D_
        if (value != undefined) {_x000D_
            var dateString = value.toString();_x000D_
            if (dateString.length &amp;gt; 0) {_x000D_
                var d = new Date(dateString);_x000D_
                return (d.getMonth() + 1).toString() + "/" + d.getDate().toString() + "/" + d.getFullYear().toString();_x000D_
            }_x000D_
        }_x000D_
            return "";_x000D_
        }_x000D_
    };&lt;/code&gt;&lt;/pre&gt;_x000D_
&lt;/div&gt;_x000D_
&lt;/div&gt;_x000D_
&lt;/p&gt;</t>
  </si>
  <si>
    <t>2018-03-30 15:14:44.867000+00:00</t>
  </si>
  <si>
    <t>javascript|unit-testing</t>
  </si>
  <si>
    <t>Swift How to change UIAlertController's Title Color</t>
  </si>
  <si>
    <t>&lt;p&gt;How do I change the UIAlertController's Title font using Swift?&lt;/p&gt;
&lt;p&gt;I'm not talking about the message color, I'm not talking about the buttons color.&lt;/p&gt;
&lt;p&gt;I'm talking about the Title.&lt;/p&gt;</t>
  </si>
  <si>
    <t>2015-07-27 20:24:17.977000+00:00</t>
  </si>
  <si>
    <t>2018-09-06 06:43:50.713000+00:00</t>
  </si>
  <si>
    <t>2016-05-19 15:13:18.493000+00:00</t>
  </si>
  <si>
    <t>ios|xcode|swift|user-interface|design</t>
  </si>
  <si>
    <t>DC.js, crossfilter - running reduce() on groupAll()</t>
  </si>
  <si>
    <t>&lt;p&gt;This feels like it should be easy :/&lt;/p&gt;
&lt;p&gt;The crossfilter API says I can run a reduce on groupAll:
&lt;a href="https://github.com/square/crossfilter/wiki/API-Reference#groupAll_reduce" rel="nofollow noreferrer"&gt;https://github.com/square/crossfilter/wiki/API-Reference#groupAll_reduce&lt;/a&gt;&lt;/p&gt;
&lt;p&gt;But I cannot get it to work. I've tried facts.groupAll() where var facts = crossfilter(data); And I've tried all.reduce() where var all = facts.groupAll(). I've tried with and without brackets and googled for examples. Does anyone know of a working example? I want a single output across all my rows.&lt;/p&gt;
&lt;p&gt;I realise my reduce function isn't complete and looks complicated. It works fine reducing a dimension, but gives undefined for groupAll on facts.&lt;/p&gt;
&lt;p&gt;Thanks&lt;/p&gt;
&lt;pre&gt;&lt;code&gt;  var accumGrp = facts.groupAll().reduce(
    function(p,v) {
      for (var i=0; i&amp;lt;supplierFields[0].length; i++) {
        if (!p.population[supplierFields[0][i]]) { p.population[supplierFields[0][i]] = []; }
        p.population[supplierFields[0][i]].push(v[supplierFields[0][i]+'_l']);
      }
      return p;
    },
    function(p,v) { return p; },
    function() {
      var obj = {};
      obj.population = {};
      obj.highlight = {};
      return obj;
    }
  );
  print_filter('accumGrp');
&lt;/code&gt;&lt;/pre&gt;</t>
  </si>
  <si>
    <t>2017-04-25 11:26:13.297000+00:00</t>
  </si>
  <si>
    <t>2017-04-26 07:34:58.243000+00:00</t>
  </si>
  <si>
    <t>javascript|dc.js|crossfilter</t>
  </si>
  <si>
    <t>How to redirect back to my app page from github</t>
  </si>
  <si>
    <t>&lt;p&gt;I am writing a view in django so that it take a user to github and get access of their repositories and all. &lt;/p&gt;
&lt;pre&gt;&lt;code&gt;import requests
def Authenticated_user(request):
  if request.method == 'GET':
    req = requests.get('https://github.com/login/oauth/authorize',
        params = {
            'client_id': 'something',
            'redirect_uri': 'localhost:8000/app/',
            'scope': 'user,public_repo,user:email.user:follow',
        }
    )
    content = req.content
  return HttpResponse(content)
&lt;/code&gt;&lt;/pre&gt;
&lt;p&gt;this is taking me to login page but the problem is when I logged in, it redirects me to &lt;code&gt;http://localhost:8000/session&lt;/code&gt; instead of &lt;code&gt;http://localhost:8000/app/&lt;/code&gt;.
I tried this also&lt;/p&gt;
&lt;pre&gt;&lt;code&gt;req = requests.get('https://github.com/login/oauth/authorize?client_id=something&amp;amp;redirect_uri=localhost:8000/app&amp;amp;scope=something,something
&lt;/code&gt;&lt;/pre&gt;
&lt;p&gt;but getting the same result. 
I am not getting what's the problem is. please help me. 
And also I want to know how to use that "code" for oauth2 which I will get after successfully logging in.&lt;/p&gt;</t>
  </si>
  <si>
    <t>2015-10-30 23:30:38.867000+00:00</t>
  </si>
  <si>
    <t>python|django|github-api</t>
  </si>
  <si>
    <t>Pandas rolling sum with unevenly spaced index</t>
  </si>
  <si>
    <t>&lt;p&gt;I have a dataframe containing weekly sales for different products (a, b, c). If there were zero sales in a given week (e.g. week 4), there is no record for that week:&lt;/p&gt;
&lt;pre&gt;&lt;code&gt;In[1]
df = pd.DataFrame({'product': list('aaaabbbbcccc'),
               'week': [1, 2, 3, 5, 1, 2, 3, 5, 1, 2, 3, 4],
               'sales': np.power(2, range(12))})
Out[1]
   product  sales  week
0        a      1     1
1        a      2     2
2        a      4     3
3        a      8     5
4        b     16     1
5        b     32     2
6        b     64     3
7        b    128     5
8        c    256     1
9        c    512     2
10       c   1024     3
11       c   2048     4
&lt;/code&gt;&lt;/pre&gt;
&lt;p&gt;I would like to create a new column containing the cumulative sales for the previous n weeks, grouped by product. E.g. for n=2 it should be like last_2_weeks:&lt;/p&gt;
&lt;pre&gt;&lt;code&gt;   product  sales  week  last_2_weeks
0        a      1     1             0
1        a      2     2             1
2        a      4     3             3
3        a      8     5             4
4        b     16     1             0
5        b     32     2            16
6        b     64     3            48
7        b    128     5            64
8        c    256     1             0
9        c    512     2           256
10       c   1024     3           768
11       c   2048     4          1536
&lt;/code&gt;&lt;/pre&gt;
&lt;p&gt;If there was a record for every week, I could just use &lt;code&gt;rolling_sum&lt;/code&gt; as described in this &lt;a href="https://stackoverflow.com/questions/33348563/conditional-sum-across-rows-in-pandas-groupby-statement"&gt;question&lt;/a&gt;.&lt;/p&gt;
&lt;p&gt;Is there a way to set 'week' as an index and only calculate the sum on that index? Or could I resample 'week' and set sales to zero for all missing rows?&lt;/p&gt;</t>
  </si>
  <si>
    <t>2015-10-28 11:46:39.847000+00:00</t>
  </si>
  <si>
    <t>2015-10-29 13:38:23.003000+00:00</t>
  </si>
  <si>
    <t>2017-05-23 12:23:08.370000+00:00</t>
  </si>
  <si>
    <t>Identify if email was sent on email client invoked with Blackberry Invoke API</t>
  </si>
  <si>
    <t>&lt;p&gt;I'm developing an application that allows users to email some information like conference call details. I'm using invoke API to open up a email client with the information pre-filled so as to give user freedom to add more content and choose his own recipients. The requirement is he join/not joins the conference call once he sends the invite.&lt;/p&gt;
&lt;p&gt;However, I would want to give him the option to join or not join only if he has sent an invite.&lt;/p&gt;
&lt;p&gt;&lt;strong&gt;Any way I can know that he has sent an email using the client.&lt;/strong&gt;&lt;/p&gt;
&lt;p&gt;I'm not sure I want to use Transport api as I'm not aware of the recipients. Also I'am not aware and sure if I want to search sent items(programatically?) as I won't be co-relate the right message(since user could have altered the subject and body content)&lt;/p&gt;
&lt;p&gt;Thanks,
Dakshina&lt;/p&gt;</t>
  </si>
  <si>
    <t>2011-08-25 13:09:43.663000+00:00</t>
  </si>
  <si>
    <t>2011-09-07 06:38:05.797000+00:00</t>
  </si>
  <si>
    <t>email|blackberry|invoke</t>
  </si>
  <si>
    <t>Laravel Mass assignment</t>
  </si>
  <si>
    <t>&lt;p&gt;i wanted to use migration with mass assignment. When I do this, I get the error message "MassAssignmentException". I then updated my class with this code:&lt;/p&gt;
&lt;pre&gt;&lt;code&gt;protected $fillable = array('title', 'body', 'published_at');
&lt;/code&gt;&lt;/pre&gt;
&lt;p&gt;When I do this then:&lt;/p&gt;
&lt;pre&gt;&lt;code&gt;App\Article::create(['title' =&amp;gt; 'New article', 'body' =&amp;gt; 'New body', 'published_at' =&amp;gt; Carbon\Carbon::now()]);
&lt;/code&gt;&lt;/pre&gt;
&lt;p&gt;I still get the same MassAssignmentException. Do I miss something out?&lt;/p&gt;</t>
  </si>
  <si>
    <t>2015-03-16 19:45:36.850000+00:00</t>
  </si>
  <si>
    <t>2015-03-16 20:00:32.857000+00:00</t>
  </si>
  <si>
    <t>No Continue as option when signing in with Facebook and Google</t>
  </si>
  <si>
    <t>&lt;p&gt;I'm trying to create a sign in with option for both Facebook and Google. Facebook only prompts the user to continue as if the user doesn't have the Facebook app installed. Google on the other hand only prompts the user to choose an account only the first time. Other consequent sign ins will just sign in automatically. How do I enable these options. I have also integrated the sign in providers with Firebase.
[![Something similar to what I want to achieve during every sign in with google][1]][1]
&lt;a href="https://i.stack.imgur.com/00UMj.png" rel="nofollow noreferrer"&gt;&lt;img src="https://i.stack.imgur.com/00UMj.png" alt="Something similar to what I want to achieve"&gt;&lt;/a&gt;&lt;/p&gt;
&lt;p&gt;I'm using react-native firebase, react native google sign in and react native fbsdk.&lt;/p&gt;
&lt;p&gt;Here's my code for google sign in&lt;/p&gt;
&lt;pre&gt;&lt;code&gt;googleLogin = async () =&amp;gt; {
try {
// Add any configuration settings here:
const data = await GoogleSignin.signIn();
// create a new firebase credential with the token
const credential = firebase.auth.GoogleAuthProvider.credential(data.idToken, data.accessToken)
// login with credential
const currentUser = await firebase.auth().signInAndRetrieveDataWithCredential(credential);
Actions.home()
console.warn(JSON.stringify(currentUser.user.toJSON()));
  } catch (e) {
console.warn("Error " + e);
  }
}
&lt;/code&gt;&lt;/pre&gt;
&lt;p&gt;Here is my facebook sign in code &lt;/p&gt;
&lt;pre&gt;&lt;code&gt;facebookLogin = () =&amp;gt; {
LoginManager.logInWithReadPermissions(['public_profile', 'email'])
.then((result) =&amp;gt; {
  if (result.isCancelled) {
    return Promise.reject(new Error('The user cancelled the request'));
  }
  // Retrieve the access token
  return AccessToken.getCurrentAccessToken();
})
.then((data) =&amp;gt; {
  // Create a new Firebase credential with the token
  const credential = firebase.auth.FacebookAuthProvider.credential(data.accessToken);
  // Login with the credential
  return firebase.auth().signInWithCredential(credential);
})
.then((user) =&amp;gt; {
  // If you need to do anything with the user, do it here
  // The user will be logged in automatically by the
  // `onAuthStateChanged` listener we set up in App.js earlier
})
.catch((error) =&amp;gt; {
  const { code, message } = error;
  // For details of error codes, see the docs
  // The message contains the default Firebase string
  // representation of the error
});
}
&lt;/code&gt;&lt;/pre&gt;</t>
  </si>
  <si>
    <t>2018-09-19 06:50:32.097000+00:00</t>
  </si>
  <si>
    <t>2018-09-19 10:04:04.743000+00:00</t>
  </si>
  <si>
    <t>facebook|firebase|react-native|react-native-android</t>
  </si>
  <si>
    <t>How to add a signed OCSP RESPONSE parameter to an ASN1 PKCS7</t>
  </si>
  <si>
    <t>&lt;p&gt;Engaged in the signing of the string. The usual signature passes. Now it was necessary to add signed parameters.&lt;/p&gt;
&lt;p&gt;There are no problems with adding rows:&lt;/p&gt;
&lt;pre&gt;&lt;code&gt;void add_signed_printable_string(PKCS7_SIGNER_INFO *si, char *oid, char *str)
{
    ASN1_PRINTABLESTRING *os;
    signed_string_nid = OBJ_create(oid, str, str);
    os=ASN1_PRINTABLESTRING_new();
    M_ASN1_OCTET_STRING_set(os,(unsigned char*)str,strlen(str));
    PKCS7_add_signed_attribute(si,signed_string_nid, V_ASN1_PRINTABLESTRING,(char *)os);
}
&lt;/code&gt;&lt;/pre&gt;
&lt;p&gt;With the addition of the content type, everything is also clear:&lt;/p&gt;
&lt;pre&gt;&lt;code&gt;PKCS7_add_attrib_content_type(si, OBJ_nid2obj(OID_SIGNED_CONTENT_TYPE));
&lt;/code&gt;&lt;/pre&gt;
&lt;p&gt;But now you need to add an object &lt;code&gt;X509_NAME&lt;/code&gt; and &lt;code&gt;OCSP&lt;/code&gt; response.&lt;/p&gt;
&lt;p&gt;How generally such objects are correctly added?&lt;/p&gt;
&lt;p&gt;I tried to add &lt;code&gt;X509_NAME&lt;/code&gt; by manually recording all the parameters, but it takes a very long time.&lt;/p&gt;
&lt;p&gt;You should get something like this (add the same as 1.3.6.1.4.1.6801.2.8 and 1.3.6.1.5.5.7.48.1.1):&lt;/p&gt;
&lt;pre&gt;&lt;code&gt;       [0] (7 elem)
        SEQUENCE (2 elem)
          OBJECT IDENTIFIER 1.2.840.113549.1.9.13 signingDescription (PKCS #9)
          SET (1 elem)
            PrintableString ESEDO
        SEQUENCE (2 elem)
          OBJECT IDENTIFIER 1.2.840.113549.1.9.3 contentType (PKCS #9)
          SET (1 elem)
            OBJECT IDENTIFIER 1.2.840.113549.1.7.1 data (PKCS #7)
        SEQUENCE (2 elem)
          OBJECT IDENTIFIER 1.2.840.113549.1.9.5 signingTime (PKCS #9)
          SET (1 elem)
            UTCTime 2018-11-13 12:08:20 UTC
        SEQUENCE (2 elem)
          OBJECT IDENTIFIER 1.2.840.113549.1.9.4 messageDigest (PKCS #9)
          SET (1 elem)
            OCTET STRING (32 byte) 166182C25D404360359A8961F9A861F4A11567C9BC0D01BF81EC647E1CA59331
        SEQUENCE (2 elem)
          OBJECT IDENTIFIER 1.2.840.113549.1.9.77
          SET (1 elem)
            UTF8String ������ ���������������� ������������.docx
        SEQUENCE (2 elem)
          OBJECT IDENTIFIER 1.3.6.1.4.1.6801.2.8
          SET (1 elem)
            SEQUENCE (10 elem)
              SET (1 elem)
              SET (1 elem)
                SEQUENCE (2 elem)
                  OBJECT IDENTIFIER 2.5.4.4 surname (X.520 DN component)
                  UTF8String ��������
              SET (1 elem)
                SEQUENCE (2 elem)
                  OBJECT IDENTIFIER 2.5.4.5 serialNumber (X.520 DN component)
                  PrintableString IIN123128350133
              SET (1 elem)
                SEQUENCE (2 elem)
                  OBJECT IDENTIFIER 2.5.4.6 countryName (X.520 DN component)
                  PrintableString KZ
              SET (1 elem)
                SEQUENCE (2 elem)
                  OBJECT IDENTIFIER 2.5.4.7 localityName (X.520 DN component)
                  UTF8String ������������
              SET (1 elem)
                SEQUENCE (2 elem)
                  OBJECT IDENTIFIER 2.5.4.8 stateOrProvinceName (X.520 DN component)
                  UTF8String ������������
              SET (1 elem)
                SEQUENCE (2 elem)
                  OBJECT IDENTIFIER 2.5.4.10 organizationName (X.520 DN component)
                  UTF8String ������������������������ �� ������������������������ �������������������������������� "777"
              SET (1 elem)
                SEQUENCE (2 elem)
                  OBJECT IDENTIFIER 2.5.4.11 organizationalUnitName (X.520 DN component)
                  UTF8String BIN123840007123
              SET (1 elem)
                SEQUENCE (2 elem)
                  OBJECT IDENTIFIER 2.5.4.42 givenName (X.520 DN component)
                  UTF8String ��������
              SET (1 elem)
                SEQUENCE (1 elem)
                  OBJECT IDENTIFIER 1.2.840.113549.1.9.1 emailAddress (PKCS #9. Deprecated, use an altName extension instead)
        SEQUENCE (2 elem)
          OBJECT IDENTIFIER 1.3.6.1.5.5.7.48.1.1 ocspBasic (OCSP)
          SET (1 elem)
            OCTET STRING (1 elem)
              SEQUENCE (2 elem)
                ENUMERATED
                [0] (1 elem)
                  SEQUENCE (2 elem)
                    OBJECT IDENTIFIER 1.3.6.1.5.5.7.48.1.1 ocspBasic (OCSP)
                    OCTET STRING (1 elem)
                      SEQUENCE (4 elem)
                        SEQUENCE (4 elem)
                          [1] (1 elem)
                            SEQUENCE (7 elem)
                              SET (1 elem)
                                SEQUENCE (2 elem)
                                  OBJECT IDENTIFIER 2.5.4.3 commonName (X.520 DN component)
                                  UTF8String OCSP RESPONDER
                              SET (1 elem)
                                SEQUENCE (2 elem)
                                  OBJECT IDENTIFIER 2.5.4.5 serialNumber (X.520 DN component)
                                  PrintableString IIN761231300313
                              SET (1 elem)
                                SEQUENCE (2 elem)
                                  OBJECT IDENTIFIER 2.5.4.6 countryName (X.520 DN component)
                                  PrintableString KZ
                              SET (1 elem)
                                SEQUENCE (2 elem)
                                  OBJECT IDENTIFIER 2.5.4.7 localityName (X.520 DN component)
                                  UTF8String ������������
                              SET (1 elem)
                                SEQUENCE (2 elem)
                                  OBJECT IDENTIFIER 2.5.4.8 stateOrProvinceName (X.520 DN component)
                                  UTF8String ������������
                              SET (1 elem)
                                SEQUENCE (2 elem)
                                  OBJECT IDENTIFIER 2.5.4.10 organizationName (X.520 DN component)
                                  UTF8String ���������������������� ���������������� "������������������������ ���������������������������� ��������������������"
                              SET (1 elem)
                                SEQUENCE (2 elem)
                                  OBJECT IDENTIFIER 2.5.4.11 organizationalUnitName (X.520 DN component)
                                  UTF8String BIN000740000728
                          GeneralizedTime 2018-11-13 12:08:12 UTC
                          SEQUENCE (1 elem)
                            SEQUENCE (3 elem)
                              SEQUENCE (4 elem)
                                SEQUENCE (2 elem)
                                  OBJECT IDENTIFIER 1.2.398.3.10.1.3.1
                                  NULL
                                OCTET STRING (32 byte) CB71EA9140B5F7D0A761D820E5FBE12C8FFB771B954165D8FC7387758D424F9A
                                OCTET STRING (32 byte) 640A1103E2579C4AFDBC3306E07AC6AA1473FA0E2E7DD005F3E6254195D828AA
                                INTEGER (159 bit) 616944972507369995033056199378545336054600461801
                              [0]
                              GeneralizedTime 2018-11-13 12:08:12 UTC
                          [1] (1 elem)
                            SEQUENCE (2 elem)
                              SEQUENCE (2 elem)
                                OBJECT IDENTIFIER 1.3.6.1.5.5.7.48.1.2 ocspNonce (OCSP)
                                OCTET STRING (1 elem)
                                  OCTET STRING ��}Z
                              SEQUENCE (2 elem)
                                OBJECT IDENTIFIER 1.3.6.1.5.5.7.48.1.9
                                OCTET STRING (1 elem)
                                  NULL
                        SEQUENCE (2 elem)
                          OBJECT IDENTIFIER 1.2.398.3.10.1.1.1.2
                          NULL
                        BIT STRING (512 bit) 1011010110100000001011110110010101000001111111110100110110001111100011���
                        [0] (1 elem)
                          SEQUENCE (1 elem)
                            SEQUENCE (3 elem)
                              SEQUENCE (8 elem)
                                [0] (1 elem)
                                  INTEGER 2
                                INTEGER (158 bit) 272744986983533272580483628423012745646484689418
                                SEQUENCE (2 elem)
                                  OBJECT IDENTIFIER 1.2.398.3.10.1.1.1.2
                                  NULL
                                SEQUENCE (2 elem)
                                  SET (1 elem)
                                    SEQUENCE (2 elem)
                                      OBJECT IDENTIFIER 2.5.4.6 countryName (X.520 DN component)
                                      PrintableString KZ
                                  SET (1 elem)
                                    SEQUENCE (2 elem)
                                      OBJECT IDENTIFIER 2.5.4.3 commonName (X.520 DN component)
                                      UTF8String ������������ ������������������������ �������������� (GOST)
                                SEQUENCE (2 elem)
                                  UTCTime 2018-08-11 18:00:55 UTC
                                  UTCTime 2019-08-11 18:00:55 UTC
                                SEQUENCE (7 elem)
                                  SET (1 elem)
                                    SEQUENCE (2 elem)
                                      OBJECT IDENTIFIER 2.5.4.3 commonName (X.520 DN component)
                                      UTF8String OCSP RESPONDER
                                  SET (1 elem)
                                    SEQUENCE (2 elem)
                                      OBJECT IDENTIFIER 2.5.4.5 serialNumber (X.520 DN component)
                                      PrintableString IIN761231300313
                                  SET (1 elem)
                                    SEQUENCE (2 elem)
                                      OBJECT IDENTIFIER 2.5.4.6 countryName (X.520 DN component)
                                      PrintableString KZ
                                  SET (1 elem)
                                    SEQUENCE (2 elem)
                                      OBJECT IDENTIFIER 2.5.4.7 localityName (X.520 DN component)
                                      UTF8String ������������
                                  SET (1 elem)
                                    SEQUENCE (2 elem)
                                      OBJECT IDENTIFIER 2.5.4.8 stateOrProvinceName (X.520 DN component)
                                      UTF8String ������������
                                  SET (1 elem)
                                    SEQUENCE (2 elem)
                                      OBJECT IDENTIFIER 2.5.4.10 organizationName (X.520 DN component)
                                      UTF8String ���������������������� ���������������� "������������������������ ���������������������������� ��������������������"
                                  SET (1 elem)
                                    SEQUENCE (2 elem)
                                      OBJECT IDENTIFIER 2.5.4.11 organizationalUnitName (X.520 DN component)
                                      UTF8String BIN000740000728
                                SEQUENCE (2 elem)
                                  SEQUENCE (2 elem)
                                    OBJECT IDENTIFIER 1.2.398.3.10.1.1.1.1
                                    SEQUENCE (2 elem)
                                      OBJECT IDENTIFIER 1.2.398.3.10.1.1.1.1.1
                                      OBJECT IDENTIFIER 1.2.398.3.10.1.3.1.1.0
                                  BIT STRING (1 elem)
                                    OCTET STRING (64 byte) D20F80BBB987C85D946C54C3AB994F7887BDA2FE5C9C392A30AB615B407765CD8D3D78���
                                [3] (1 elem)
                                  SEQUENCE (7 elem)
                                    SEQUENCE (2 elem)
                                      OBJECT IDENTIFIER 2.5.29.37 extKeyUsage (X.509 extension)
                                      OCTET STRING (1 elem)
                                        SEQUENCE (1 elem)
                                          OBJECT IDENTIFIER 1.3.6.1.5.5.7.3.9 ocspSigning (PKIX key purpose)
                                    SEQUENCE (2 elem)
                                      OBJECT IDENTIFIER 2.5.29.35 authorityKeyIdentifier (X.509 extension)
                                      OCTET STRING (1 elem)
                                        SEQUENCE (1 elem)
                                          [0] (4 byte) 5B6A73E9
                                    SEQUENCE (2 elem)
                                      OBJECT IDENTIFIER 2.5.29.14 subjectKeyIdentifier (X.509 extension)
                                      OCTET STRING (1 elem)
                                        OCTET STRING (20 byte) 042ECC160C088D0915A0F66BDD9F8205D9F56A0E
                                    SEQUENCE (2 elem)
                                      OBJECT IDENTIFIER 2.5.29.31 cRLDistributionPoints (X.509 extension)
                                      OCTET STRING (1 elem)
                                        SEQUENCE (1 elem)
                                          SEQUENCE (1 elem)
                                            [0] (1 elem)
                                              [0] (2 elem)
                                                [6] http://crl.pki.gov.kz/nca_gost.crl
                                                [6] http://crl1.pki.gov.kz/nca_gost.crl
                                    SEQUENCE (2 elem)
                                      OBJECT IDENTIFIER 2.5.29.46 freshestCRL (X.509 extension)
                                      OCTET STRING (1 elem)
                                        SEQUENCE (1 elem)
                                          SEQUENCE (1 elem)
                                            [0] (1 elem)
                                              [0] (2 elem)
                                                [6] http://crl.pki.gov.kz/nca_d_gost.crl
                                                [6] http://crl1.pki.gov.kz/nca_d_gost.crl
                                    SEQUENCE (2 elem)
                                      OBJECT IDENTIFIER 1.3.6.1.5.5.7.1.1 authorityInfoAccess (PKIX private extension)
                                      OCTET STRING (1 elem)
                                        SEQUENCE (2 elem)
                                          SEQUENCE (2 elem)
                                            OBJECT IDENTIFIER 1.3.6.1.5.5.7.48.2 caIssuers (PKIX subject/authority info access descriptor)
                                            [6] http://pki.gov.kz/cert/nca_gost.cer
                                          SEQUENCE (2 elem)
                                            OBJECT IDENTIFIER 1.3.6.1.5.5.7.48.1 ocsp (PKIX)
                                            [6] http://ocsp.pki.gov.kz
                                    SEQUENCE (2 elem)
                                      OBJECT IDENTIFIER 1.3.6.1.5.5.7.48.1.5 ocspNoCheck (OCSP)
                                      OCTET STRING (0 elem)
                              SEQUENCE (2 elem)
                                OBJECT IDENTIFIER 1.2.398.3.10.1.1.1.2
                                NULL
                              BIT STRING (512 bit) 1001000111110101000101110111000111010000111111101010101010010100110110���
&lt;/code&gt;&lt;/pre&gt;</t>
  </si>
  <si>
    <t>2018-11-15 02:42:50.063000+00:00</t>
  </si>
  <si>
    <t>2018-11-15 09:56:59.640000+00:00</t>
  </si>
  <si>
    <t>c++|objective-c|signed|ocsp</t>
  </si>
  <si>
    <t>Activity start with 5 seconds delay from service</t>
  </si>
  <si>
    <t>&lt;p&gt;If I launch activity from service have a 5 seconds delay to start. Delay is not black or write screen. Simply not start.&lt;/p&gt;
&lt;pre&gt;&lt;code&gt;Intent i = new Intent(ServiceClass.getServiceContext(), KioskActivity.class);
i.addFlags(Intent.FLAG_ACTIVITY_NEW_TASK);
ServiceClass.getServiceContext().startActivity(i);
&lt;/code&gt;&lt;/pre&gt;
&lt;p&gt;If I launch same activity from other activity, delay is 0,5 - 1 seconds. In this case I launch activity wich no Flag, from service I use FLAG_ACTIVITY_NEW_TASK.&lt;/p&gt;
&lt;p&gt;The process in OnCreate (computational cost) of launched activity is the same if is launched from service or from other activity.&lt;/p&gt;
&lt;p&gt;Why it takes much longer launch from the service?&lt;/p&gt;
&lt;p&gt;Extra info:&lt;/p&gt;
&lt;p&gt;&lt;strong&gt;If I launch activity from service when any other activity of app is opened activity open above in 0.5 seconds delay, if I launch activity from service when is NOT other activity opened delay is 5 seconds.&lt;/strong&gt;&lt;/p&gt;</t>
  </si>
  <si>
    <t>2016-04-05 16:14:55.767000+00:00</t>
  </si>
  <si>
    <t>2016-06-02 13:23:19.910000+00:00</t>
  </si>
  <si>
    <t>Cannot enter characters in the login page of TopCoder Arena</t>
  </si>
  <si>
    <t>&lt;p&gt;I am new to TopCoder and I am quite confused when I want to login the TopCoder Arena.&lt;/p&gt;
&lt;p&gt;I have already registered and select that I would like to compete on TopCoder, then when I open the jnlp file I downloaded from the website. It shows me the current login page. However, I cannot type in any characters in the username and password. Other buttons like auto detect work well, but the settings of proxy cannot be edited as well.&lt;/p&gt;
&lt;p&gt;Does anyone else meet this problem in the previous experience with TopCoder Arena? Is that a problem caused by java web start or Mac OSX? I have already updated the jre to the latest version, but it doesn't work as well.&lt;/p&gt;</t>
  </si>
  <si>
    <t>2015-03-04 20:54:53.413000+00:00</t>
  </si>
  <si>
    <t>2015-03-15 00:59:57.860000+00:00</t>
  </si>
  <si>
    <t>2015-03-05 02:16:58.397000+00:00</t>
  </si>
  <si>
    <t>java-web-start</t>
  </si>
  <si>
    <t>DirectX VSYNC inaccuracy</t>
  </si>
  <si>
    <t>&lt;p&gt;I'm trying to achieve steady fixed 60fps in my D3D app and to do that by doing vsync.
I've setup loop like this:&lt;/p&gt;
&lt;pre&gt;&lt;code&gt;while(isRunning)
            {
                ProcessMessages(window);
                renderer-&amp;gt;context-&amp;gt;ClearRenderTargetView(renderer-&amp;gt;renderTarget, color);
                renderer-&amp;gt;swapChain-&amp;gt;Present(1, 0);
                end = GetCurrentTick();
                double ms = GetElapsedMilliseconds(start, end);
                start = end;
            }
// Function definitions
inline LONGLONG GetCurrentTick()
{
    LARGE_INTEGER count;
    QueryPerformanceCounter(&amp;amp;count);
    return count.QuadPart;
}
inline double GetElapsedMilliseconds(LONGLONG start, LONGLONG end)
{
    return (1000.0 * (double)(end - start)) / (double)freq.QuadPart;
}
&lt;/code&gt;&lt;/pre&gt;
&lt;p&gt;I would expect to see "ms" variable to be always the same, but it's actually varying from around 16.1 ms to something over 17. Is there some wrong assumption I'm making or just plain coding error? Thanks for help in advance.&lt;/p&gt;</t>
  </si>
  <si>
    <t>2014-12-19 13:29:02.343000+00:00</t>
  </si>
  <si>
    <t>2014-12-19 16:53:33.470000+00:00</t>
  </si>
  <si>
    <t>directx|vsync</t>
  </si>
  <si>
    <t>ASP.NET MVC Roles and Security</t>
  </si>
  <si>
    <t>&lt;p&gt;Assume like this is my SampleController action method&lt;/p&gt;
&lt;pre&gt;&lt;code&gt;public ActionResult AdminView()
{
    return View()
}
&lt;/code&gt;&lt;/pre&gt;
&lt;p&gt;If want this controller method to be called if the logged in user belongs to admin role, otherwise this method call should be blocked and the user should get an some custom unauthorized access error page.&lt;/p&gt;
&lt;p&gt;In my asp .net mvc web application, when the user logs in, I am storing the user role in a session as a string. And whenever there is a need to validate the user role, I compare the value stored in the session against a constant say "ADMIN_ROLE". But I am writing that piece of code to check for the user role in almost every controller action method and then either return an appropriate view for the user or an unauthorized access page view if the user role is restricted for the controller action method.&lt;/p&gt;
&lt;p&gt;I googled and read that we can use something like this.&lt;/p&gt;
&lt;pre&gt;&lt;code&gt;[Authorize(Roles="admin")]
public ActionResult AdminView()
{
  return View()
}
&lt;/code&gt;&lt;/pre&gt;
&lt;p&gt;But I am not sure how the Authorize and the Roles keyword works. How when putting Roles = "Admin", is going to help in checking my user role string stored in the session, or how I can redirect a user to unauthorized page, in case the role does not match the role tagged for the action method.&lt;/p&gt;</t>
  </si>
  <si>
    <t>2013-04-04 04:25:05.880000+00:00</t>
  </si>
  <si>
    <t>2013-04-04 04:40:58.530000+00:00</t>
  </si>
  <si>
    <t>2013-04-04 04:27:45.433000+00:00</t>
  </si>
  <si>
    <t>c#|.net|asp.net-mvc|asp.net-roles</t>
  </si>
  <si>
    <t>Dynamic Buttons are not triggering in aspx.cs page</t>
  </si>
  <si>
    <t>&lt;p&gt;I have recently started making a mock webstore for an assignment and have unfortunately hit a road bump over a button. I have tried MULTIPLE ways to implement a button that would trigger a function via my server. However, I cannot get the button to trigger via the server side no matter how I implement a button. Below is my code for my aspx.cs page. Note the AddPanel() function is where I am trying to add each panel to my webpage with the corresponding css. If yall need the css as well I'm more than happy to provide it. Any help is appreciated. I also kept all the comment's of variations I have tried to get my button to work.&lt;/p&gt;
&lt;p&gt;Homepage.aspx.cs&lt;/p&gt;
&lt;pre&gt;&lt;code&gt;using System;
using System.Collections.Generic;
using System.Linq;
using System.Web;
using System.Web.UI;
using System.Web.UI.WebControls;
public partial class Homepage : System.Web.UI.Page
{
private List&amp;lt;Item&amp;gt; theItems;
protected void Page_Load(object sender, EventArgs e)
{
    if(theItems == null)
    {
        theItems = new List&amp;lt;Item&amp;gt;();
    }
    Item it = new Item("img/demo/1.jpg", "img/demo/thumb1.jpg", "Hard Drive 500GB", "Nothing but the highest quality of hard drives.", 600.50, "#1", 2);
    theItems.Add(it);
    it = new Item("img/demo/2.jpg", "img/demo/thumb2.jpg", "External Blu Ray", "You like blu ray? We can play Blu ray.", 200.00, "#2", 8);
    theItems.Add(it);
    it = new Item("img/demo/3.jpg", "img/demo/thumb3.jpg", "Fancy Phone", "Wanna call someone? You need a phone to do it!", 499.99, "#3", 2);
    theItems.Add(it);
    it = new Item("img/demo/4.jpg", "img/demo/thumb4.jpg", "Throwable Frisbee", "Who needs a laptop when you have a frisbee!", 2000.99, "#4", 2);
    theItems.Add(it);
    it = new Item("img/demo/5.jpg", "img/demo/thumb5.jpg", "Test Div", "This is a test div yo lets hope it works", 5.01, "#5", 5);
    theItems.Add(it);
    AddPanel();
}
//public void AddPanel(string imgSrc, string thmbSrc, string label, string description, string href, double price)
public void AddPanel()
{
    int count = 1;
    Button btn = new Button();
    foreach(Item item in theItems)
    {
        string btnID = "button" + count;
        btn.ID = btnID;
        btn.Text = "Add To Cart";
        btn.Click += new EventHandler(addToCart);
        string pane = @"&amp;lt;div&amp;gt;&amp;lt;img src=""" + item.ImgSrc + @""" alt=""""&amp;gt;&amp;lt;h5&amp;gt;" + item.Label + "&amp;lt;/h5&amp;gt;&amp;lt;p&amp;gt;" + item.Description + "&amp;lt;/p&amp;gt;";
        pane += @"&amp;lt;p style=""text-align: right; margin-right: 16px""&amp;gt;&amp;lt;a href = ""#"" class=""button""&amp;gt;Add to Cart&amp;lt;/a&amp;gt;&amp;lt;/p&amp;gt;&amp;lt;/div&amp;gt;";
        //pane += @"&amp;lt;p style=""text-align: right; margin-right: 16px""&amp;gt;""&amp;lt;/p&amp;gt;&amp;lt;/div&amp;gt;";
        //pane += @"&amp;lt;p style=""text-align: right; margin-right: 16px""&amp;gt;&amp;lt; asp:Button ID = """+btnID+@""" runat = ""server"" Text = ""Add To Cart"" /&amp;gt;&amp;lt;/p&amp;gt;&amp;lt;/div&amp;gt;";
        //pane += @"&amp;lt;p style=""text-align: right; margin-right: 16px""&amp;gt;&amp;lt;input type=""button"" id="""+ btnID + @""" runat=""server"" text=""Add To Cart"" onServerClick=""addToCart()""&amp;gt;&amp;lt;/button&amp;gt;&amp;lt;/p&amp;gt;&amp;lt;/div&amp;gt;";
            //pane += @"&amp;lt;p style=""text-align: right; margin-right: 16px""&amp;gt;&amp;lt;a id="""+btnID+ @""" href = """" class=""button"" runat=""server"" onServerClick=""addToCart""&amp;gt;Add to Cart&amp;lt;/a&amp;gt;&amp;lt;/p&amp;gt;&amp;lt;/div&amp;gt;";
            this.panes.InnerHtml += pane;
            string paneNav = @"&amp;lt;li&amp;gt;&amp;lt;a href=""" + item.Href + @"""&amp;gt;&amp;lt;img src=""" + item.ThmbNailSrc + @""" alt=""""&amp;gt; &amp;lt;strong&amp;gt;" + item.Label + "&amp;lt;/strong&amp;gt;" + "$" + item.Price + "&amp;lt;/a&amp;gt;&amp;lt;/li&amp;gt;";
            this.innerPaneNav.InnerHtml += paneNav;
            count++;
        }
    }
    public void addToCart(object sender, EventArgs e)
    {
        string s;
    s = "It worked!"; // this is where I have a breakpoint to see if the     code was triggered
    }
}
&lt;/code&gt;&lt;/pre&gt;</t>
  </si>
  <si>
    <t>2017-02-23 23:37:41.797000+00:00</t>
  </si>
  <si>
    <t>2017-02-23 23:49:23.733000+00:00</t>
  </si>
  <si>
    <t>How to handle large jQuery code in ASP.NET page</t>
  </si>
  <si>
    <t>&lt;p&gt;I have an ASP.NET web page with around 6000 lines of jQuery and JavaScript code. Not only does it drastically affect the performance of visual studio (it takes 30 seconds just to type a word) but it is now starting to affect the performance if my web page.&lt;/p&gt;
&lt;p&gt;My jquery mostly consists of click events and AJAX functions. I am referencing most of my buttons and input fields by their ID.&lt;/p&gt;
&lt;p&gt;I am just wondering what is the proper way to handle this amount of jquery code? I have tried to put it in an external .js file, but then i couldn't even get the code to run.&lt;/p&gt;
&lt;p&gt;Surely there must be some way to have a large amount of jQuery and JavaScript code in my page without having it affect visual studio and affect my web page so drastically, right? &lt;/p&gt;</t>
  </si>
  <si>
    <t>2014-10-31 00:53:07.037000+00:00</t>
  </si>
  <si>
    <t>2014-10-31 00:55:29.797000+00:00</t>
  </si>
  <si>
    <t>jquery|asp.net|visual-studio</t>
  </si>
  <si>
    <t>Three Sections To Resize With Browser</t>
  </si>
  <si>
    <t>&lt;p&gt;&lt;em&gt;EDIT:
I wanted to make this clearer before reading what I originally wrote below...
I am creating a website using three sections that float left of one another. I use links to scroll from one section to the other. When scrolling to that section, I want the background of that section to fit to the browser screen size. If the browser is THEN resized when still viewing that section of the page, I want the background to "snap" to the window and continue to fill the screen. 
At the moment, this only happens with the section that is all the way on the left.&lt;/em&gt; &lt;/p&gt;
&lt;p&gt;I'm not sure if this is possible, but I figured I'd see. I've been working off of the one-page strategy on this website tutorial: 
&lt;a href="http://jqueryheaven.com/2012/08/building-a-one-page-portfolio-with-jquery-slide/" rel="nofollow"&gt;http://jqueryheaven.com/2012/08/building-a-one-page-portfolio-with-jquery-slide/&lt;/a&gt;&lt;/p&gt;
&lt;p&gt;While this tutorial uses many different sections, I'm only making my website use 3 or 4. Either way, I'm trying to figure out how to get each section to fit the browser window regardless of how big or small you resize the window. So far, on the tutorial, and on the site that I've made, only the section furthest to the left fits with the window. The rest of the sections do not resize to fit. &lt;/p&gt;
&lt;p&gt;Here is the code that I have so far: &lt;/p&gt;
&lt;p&gt;HTML (I've omitted the contents that were inside the  containers:&lt;/p&gt;
&lt;pre&gt;&lt;code&gt;&amp;lt;div id="main"&amp;gt;
&amp;lt;section id="artwork" class="box"&amp;gt;
&amp;lt;/section&amp;gt;
&amp;lt;section id="home" class="box"&amp;gt;
&amp;lt;/section&amp;gt;
&amp;lt;section id="contact" class="box"&amp;gt;
&amp;lt;/section&amp;gt;
&amp;lt;/div&amp;gt;
&lt;/code&gt;&lt;/pre&gt;
&lt;p&gt;CSS (tried using 100% widths and heights for the sections, as well as background-size:cover, but nothing has worked):&lt;/p&gt;
&lt;pre&gt;&lt;code&gt;.box {
float:left;
}
#artwork {
background: #b4c620;
width:100%;
height:100%;
background-size:cover;
}
#home {
background: #58267a;
with:100%;
height:100%;
background-size:cover;
}
#contact{
background: #b4c620;
width:100%;
height:100%;
background-size:cover;
}
&lt;/code&gt;&lt;/pre&gt;
&lt;p&gt;Scripts (taken from the tutorial as well, which, as I mentioned, only adjusts the size on the first section box, (#artwork,) and not the rest. Although, if you link to that section AFTER resizing the browser, the section will fit.):&lt;/p&gt;
&lt;pre&gt;&lt;code&gt;&amp;lt;script type="text/javascript"&amp;gt;
function resizeBoxes() {
var browserWidth = $(window).width();
var browserHeight = $(window).height();
$('#main').css({
width: browserWidth*3,
});
$('.box').css({
width: browserWidth,
height: browserHeight,
});
}
resizeBoxes();
$(window).resize(function() {
resizeBoxes();
});
$('nav ul li a').click(function(){
return false;
});
&amp;lt;/script&amp;gt;
&amp;lt;script type="text/javascript"&amp;gt;
function goTo(horizontal,vertical) {
var browserWidth = $(window).width();
var browserHeight = $(window).height();
$('#main').animate({
    marginLeft: '-'+browserWidth*horizontal,
    marginTop: '-'+browserHeight*vertical,
}, 1000);
}
&amp;lt;/script&amp;gt;
&lt;/code&gt;&lt;/pre&gt;
&lt;p&gt;I hope you understand what I'm trying to accomplish. I'm new to this, so this so if my coding is a mess, I apologize. I'd really appreciate if you could help me find a solution! Thanks.&lt;/p&gt;</t>
  </si>
  <si>
    <t>2013-01-15 23:30:31.330000+00:00</t>
  </si>
  <si>
    <t>2014-01-12 03:13:15.043000+00:00</t>
  </si>
  <si>
    <t>jquery|browser|resize</t>
  </si>
  <si>
    <t>ionic 2 show file download progress in notification</t>
  </si>
  <si>
    <t>&lt;p&gt;&lt;a href="https://i.stack.imgur.com/JwQdN.png" rel="nofollow noreferrer"&gt;&lt;img src="https://i.stack.imgur.com/JwQdN.png" alt="enter image description here"&gt;&lt;/a&gt;&lt;/p&gt;
&lt;p&gt;i want to show the download notification as in the image. i'm am using ionic 2 Cordova file transfer&lt;/p&gt;</t>
  </si>
  <si>
    <t>2017-04-18 11:51:45.780000+00:00</t>
  </si>
  <si>
    <t>2018-09-10 02:26:41.410000+00:00</t>
  </si>
  <si>
    <t>2017-04-18 13:08:17.140000+00:00</t>
  </si>
  <si>
    <t>ionic2</t>
  </si>
  <si>
    <t>Error convert Datetime to nullable Datetime in Linq</t>
  </si>
  <si>
    <t>&lt;p&gt;I have a list with this structure :&lt;/p&gt;
&lt;pre&gt;&lt;code&gt;          public class Factor
    {
        public DateTime? date { set; get; }
        public string InnovoiceId { set; get; }
        public string explain { set; get; }
        public string factroyName { set; get; }
        public string tax { set; get; }
        public string transport { set; get; }
        public Int64? bedehkar { set; get; }
        public Int64? bestankar { set; get; }
        public Int64? mande { set; get; }
    }
        List&amp;lt;Factor&amp;gt; factors = new List&amp;lt;Factor&amp;gt;();
&lt;/code&gt;&lt;/pre&gt;
&lt;p&gt;When i try to execute this query :&lt;/p&gt;
&lt;pre&gt;&lt;code&gt;       foreach (Factor temp in factorSortList)
       {
           temp.date = paymentInfo.Where(i =&amp;gt; i.invoiceNo == temp.InnovoiceId).Select(i =&amp;gt; i.payDate);
       }
&lt;/code&gt;&lt;/pre&gt;
&lt;p&gt;Here &lt;strong&gt;factorSortList&lt;/strong&gt; is a list of factors that is sorted. and &lt;strong&gt;paymentInfo&lt;/strong&gt; is a list that i want to fetch some informations and put them into my current list &lt;strong&gt;factorSortList&lt;/strong&gt; .&lt;strong&gt;payDate&lt;/strong&gt; is a column that the datatype of that is &lt;strong&gt;DateTime&lt;/strong&gt; .&lt;/p&gt;
&lt;p&gt;I got this error :&lt;/p&gt;
&lt;pre&gt;&lt;code&gt; Error  22  Cannot implicitly convert type 'System.Linq.IQueryable&amp;lt;System.DateTime?&amp;gt;' to 'System.DateTime?'
&lt;/code&gt;&lt;/pre&gt;
&lt;p&gt;I&lt;/p&gt;</t>
  </si>
  <si>
    <t>2014-02-01 11:04:11.243000+00:00</t>
  </si>
  <si>
    <t>2014-02-01 11:13:26.197000+00:00</t>
  </si>
  <si>
    <t>c#|linq|datetime</t>
  </si>
  <si>
    <t>Creating a global function, accessible from all classes, with Python + Pylons</t>
  </si>
  <si>
    <t>&lt;p&gt;Using pylons 0.9.7, I'm trying to make a function that connects to a database on demand.   I'd like it to be accessible from all functions within all model classes.&lt;/p&gt;
&lt;p&gt;In &lt;code&gt;model/__init__.py&lt;/code&gt;, I have:&lt;/p&gt;
&lt;pre&gt;&lt;code&gt;#Establish an on-demand connection to the central database
def connectCentral():
    engine = engine_from_config(config, 'sqlalchemy.central.')
    central.engine = engine
    central.Session.configure(bind=engine)
&lt;/code&gt;&lt;/pre&gt;
&lt;p&gt;This function is accessible everywhere.  However, when I try to run it from within a class specified in &lt;code&gt;model/class.py&lt;/code&gt;, it returns:&lt;/p&gt;
&lt;pre&gt;&lt;code&gt;NameError: global name 'connectCentral' is not defined
&lt;/code&gt;&lt;/pre&gt;
&lt;p&gt;Do I have to do any kind of special import?  Is there a better way to do this?&lt;/p&gt;
&lt;p&gt;Thanks.&lt;/p&gt;</t>
  </si>
  <si>
    <t>2010-03-01 16:49:06.720000+00:00</t>
  </si>
  <si>
    <t>2010-03-01 17:09:33.493000+00:00</t>
  </si>
  <si>
    <t>2010-03-01 16:56:20.343000+00:00</t>
  </si>
  <si>
    <t>python|pylons</t>
  </si>
  <si>
    <t>why I can access private method in unit test class in my case</t>
  </si>
  <si>
    <t>&lt;p&gt;Say I have a private method &lt;code&gt;-(void) doSomething&lt;/code&gt; defined in m file of &lt;code&gt;School&lt;/code&gt; class (it is not declared in interface header):&lt;/p&gt;
&lt;pre&gt;&lt;code&gt;@implementation School
-(void) doSomething {
   ...
}
@end
&lt;/code&gt;&lt;/pre&gt;
&lt;p&gt;I have a unit test case for &lt;code&gt;School&lt;/code&gt; class:&lt;/p&gt;
&lt;pre&gt;&lt;code&gt;@interface SchoolTest : XCTestCase
@end
@implementation SchoolTest
 - (void)testExample {
   id mySchoolMock = [OCMockObject partialMockForObject:[School new]];
   // I know I can't access '-(void)doSomething' since it is a private method
 }
@end
&lt;/code&gt;&lt;/pre&gt;
&lt;p&gt;I know I normally can't access this private method. But if I re-declare the &lt;code&gt;-(void) doSomething&lt;/code&gt; in my test class as below:&lt;/p&gt;
&lt;pre&gt;&lt;code&gt;@interface SchoolTest : XCTestCase
// re-declare it in my test class
-(void) doSomething
@end
@implementation SchoolTest
 - (void)testExample {
   id mySchoolMock = [OCMockObject partialMockForObject:[School new]];
   // Now I can access '-(void)doSomething'!!! Why now I can access the private method in `mySchool` Instance in my test class ? 
  [mySchoolMock doSomething]; 
 }
@end
&lt;/code&gt;&lt;/pre&gt;
&lt;p&gt;Why in above way I can access &lt;strong&gt;private method&lt;/strong&gt; of &lt;code&gt;School&lt;/code&gt; class with &lt;code&gt;mySchool&lt;/code&gt; instance? What is the objective-c theory behind this?&lt;/p&gt;
&lt;p&gt;(I am doing this because I have read the answer from &lt;a href="https://stackoverflow.com/questions/11893502/how-do-you-mock-out-private-properties-with-ocmock-for-ios"&gt;this question&lt;/a&gt;, but I don't understand why we can do it? what is the theory behind?)&lt;/p&gt;</t>
  </si>
  <si>
    <t>2016-05-24 10:57:00.413000+00:00</t>
  </si>
  <si>
    <t>2016-05-24 11:20:53.193000+00:00</t>
  </si>
  <si>
    <t>2017-05-23 11:52:32.763000+00:00</t>
  </si>
  <si>
    <t>ios|objective-c|unit-testing</t>
  </si>
  <si>
    <t>Getting com.ibm.wsspi.sib.core.exception.SIConnectionDroppedException in WAS 8.5</t>
  </si>
  <si>
    <t>&lt;p&gt;Our application uses WAS SIB for JMS implementation and while posting to a queue on WAS 8.5, getting following exception
javax.jms.JMSException: CWSIA0067E: An exception was received during the call to the method JmsMsgProducerImpl.: com.ibm.wsspi.sib.core.exception.SIConnectionDroppedException: CWSIJ0047E: An operation was attempted on a connection that is already closed..
        at com.ibm.ws.sib.api.jms.impl.JmsMsgProducerImpl.(JmsMsgProducerImpl.java:456)
        at com.ibm.ws.sib.api.jms.impl.JmsQueueSenderImpl.(JmsQueueSenderImpl.java:60)
        at com.ibm.ws.sib.api.jms.impl.JmsQueueSessionImpl.instantiateProducer(JmsQueueSessionImpl.java:224)&lt;/p&gt;</t>
  </si>
  <si>
    <t>2014-02-07 22:28:57.767000+00:00</t>
  </si>
  <si>
    <t>2018-07-10 05:50:51.707000+00:00</t>
  </si>
  <si>
    <t>jms|websphere-8</t>
  </si>
  <si>
    <t>Expose hapi plugin methods via server.expose or server.method</t>
  </si>
  <si>
    <t>&lt;p&gt;We are using Hapi as our API framework and put everything related to our persistent storage backend (mongo via mongoose) in a plugin. Now I am wondering how to best expose all the CRUD methods for the different collections (users, notifications, purchases, etc.) to our other API plugins.&lt;/p&gt;
&lt;p&gt;I know about &lt;code&gt;server.expose&lt;/code&gt; and &lt;code&gt;server.method&lt;/code&gt; (Is that just &lt;code&gt;server.expose&lt;/code&gt; with caching?) and just can't decide which I should go for in this case. Can you make a recommendation?&lt;/p&gt;
&lt;p&gt;Much appreciated!&lt;/p&gt;</t>
  </si>
  <si>
    <t>2018-03-13 12:40:55.203000+00:00</t>
  </si>
  <si>
    <t>2018-03-13 18:37:12.577000+00:00</t>
  </si>
  <si>
    <t>javascript|node.js|api-design|hapijs</t>
  </si>
  <si>
    <t>How to start Apache on EC2</t>
  </si>
  <si>
    <t>&lt;p&gt;I'm an absolute newbie to EC2. My goal is to run a php-mysql-website on EC2.&lt;/p&gt;
&lt;p&gt;I've just setup a new instance based on &lt;a href="http://thecloudmarket.com/image/ami-6c576218--amazon-public-images-suse-linux-enterprise-server-11-sp1-32-bit" rel="noreferrer"&gt;this ami&lt;/a&gt;&lt;/p&gt;
&lt;p&gt;It seems that apache isn't running? How do I start apache? Is there a general tutorial on how to start EC2 as a web server?&lt;/p&gt;
&lt;p&gt;Thanks!&lt;/p&gt;</t>
  </si>
  <si>
    <t>2010-10-28 14:07:43.860000+00:00</t>
  </si>
  <si>
    <t>2013-04-22 10:54:54.687000+00:00</t>
  </si>
  <si>
    <t>php|apache|webserver|amazon-ec2</t>
  </si>
  <si>
    <t>Get Facebook event admin from API</t>
  </si>
  <si>
    <t>&lt;p&gt;Given the id of an event, is there a way to get the Facebook ids of the admins of that event through one of Facebook's many API's? The event is public. I can I know you can get the creator of the event but there may be admins other than the creator and I want to get those people as well.&lt;/p&gt;</t>
  </si>
  <si>
    <t>2010-08-28 21:33:55.283000+00:00</t>
  </si>
  <si>
    <t>2015-04-25 00:00:41.483000+00:00</t>
  </si>
  <si>
    <t>php|facebook|facebook-fql|facebook-graph-api</t>
  </si>
  <si>
    <t>Codeigniter have tried many ways removing index.ph from url then not works</t>
  </si>
  <si>
    <t>&lt;p&gt;here if i user&lt;/p&gt;
&lt;pre&gt;&lt;code&gt;http://myproject/index.php/control/one
&lt;/code&gt;&lt;/pre&gt;
&lt;p&gt;here it will work if i change to &lt;/p&gt;
&lt;pre&gt;&lt;code&gt;http://myproject/control/one
&lt;/code&gt;&lt;/pre&gt;
&lt;p&gt;here it give error of &lt;/p&gt;
&lt;pre&gt;&lt;code&gt;Not Found
The requested URL /myproject/da/topic_c was not found on this server.
Apache/2.2.3 (CentOS) Server at 10.0.2.139 Port 80
&lt;/code&gt;&lt;/pre&gt;
&lt;p&gt;&lt;strong&gt;i am using on local&lt;/strong&gt;&lt;/p&gt;
&lt;p&gt;no i have set my .httaccess file to&lt;/p&gt;
&lt;pre&gt;&lt;code&gt;&amp;lt;IfModule mod_rewrite.c&amp;gt;
RewriteEngine on
RewriteCond %{REQUEST_FILENAME} !-f
RewriteCond %{REQUEST_FILENAME} !-d
RewriteRule .* index.php/$0 [PT,L]
&amp;lt;/IfModule&amp;gt;
&lt;/code&gt;&lt;/pre&gt;
&lt;p&gt;the rest project fine...&lt;/p&gt;</t>
  </si>
  <si>
    <t>2014-02-11 05:45:51.310000+00:00</t>
  </si>
  <si>
    <t>2014-02-11 11:05:16.873000+00:00</t>
  </si>
  <si>
    <t>GWT filler rows in a CellTable</t>
  </si>
  <si>
    <t>&lt;p&gt;I currently have a &lt;code&gt;CellTable&lt;/code&gt; which I expanded with a filter/paging/sorting. 
I am working on adding more features too. &lt;/p&gt;
&lt;p&gt;One things that bugs me though, is when you set the limit for a page to be for example 10.
If an object doesn't have 10 rows and only has 5 and you switch between them then the table will jump up and down if positioned in the center. &lt;/p&gt;
&lt;p&gt;Is there an elegant way, that when the pageSize is set to 10, then if there are less than 10 rows in a table, empty rows will be added?&lt;/p&gt;
&lt;p&gt;The ways I have tried so far effect my filtering/sorting/paging, which I do not want.&lt;/p&gt;
&lt;p&gt;EDIT 1:&lt;/p&gt;
&lt;pre class="lang-java prettyprint-override"&gt;&lt;code&gt;final AsyncDataProvider&amp;lt;Row&amp;gt; provider = new AsyncDataProvider&amp;lt;Row&amp;gt;() {
      @Override
      protected void onRangeChanged(HasData&amp;lt;Row&amp;gt; display) {
        int start = display.getVisibleRange().getStart();
        int end = start + display.getVisibleRange().getLength();
        end = end &amp;gt;= rows.getFilterList().size() ? rows.getFilterList().size() : end;
        List&amp;lt;Row&amp;gt; sub = rows.getFilterList().subList(start, end);
        System.out.println("Checking if extra rows needed: " +
                                           table.getVisibleItems().size());
               for(int i = table.getVisibleItems().size(); i&amp;lt;10; i++){
                     System.out.println("ADDED EMPTY ROW");
                     sub.add(new Row());
               }
         updateRowData(start, sub);
     }
};
&lt;/code&gt;&lt;/pre&gt;</t>
  </si>
  <si>
    <t>2013-04-22 15:45:02.410000+00:00</t>
  </si>
  <si>
    <t>2013-07-12 16:15:38.063000+00:00</t>
  </si>
  <si>
    <t>2013-04-23 11:48:10.077000+00:00</t>
  </si>
  <si>
    <t>gwt|celltable</t>
  </si>
  <si>
    <t>Linq To SQL Select parent row and topmost Child Table row</t>
  </si>
  <si>
    <t>&lt;p&gt;There are examples around for this in SQL and I understand them, but I can't seem to wrap my head around it in Linq-SQL.&lt;/p&gt;
&lt;p&gt;There are two tables, 'Accounts' and 'AccountTransactions' related by the primary key in Accounts, which is, surprise, AccountID.&lt;/p&gt;
&lt;p&gt;I need to select each Account row and the 1 Most Recent (Top 1 when ordered Descending) child AccountTransaction.&lt;/p&gt;
&lt;p&gt;I've tried to hack at some examples I've found but no luck (just not getting it I guess)...&lt;/p&gt;
&lt;p&gt;Any help appreciated...&lt;/p&gt;</t>
  </si>
  <si>
    <t>2011-03-23 03:04:56.107000+00:00</t>
  </si>
  <si>
    <t>2012-08-27 13:56:58.333000+00:00</t>
  </si>
  <si>
    <t>linq-to-sql|parent-child|topmost</t>
  </si>
  <si>
    <t>Using Exchange GetAddressEntryFromID method with LDAP msExchMailboxGuid</t>
  </si>
  <si>
    <t>&lt;p&gt;Outlook COM has a method under Application.Session.GetAddressEntryFromID method to grab an address entry without having to iterate through the entire Global or All Users address book.&lt;/p&gt;
&lt;p&gt;The issue is it is expecting the ID that an entry has under the AddressLists object.&lt;/p&gt;
&lt;p&gt;In Active Directory, there is no equivalent that gives me the same GetAddressEntryFromId string.&lt;/p&gt;
&lt;p&gt;I was previously making a list of all users, minus rooms and resources, by going through the entire COM object, but that takes too long; 20mins.&lt;/p&gt;
&lt;p&gt;I figured if I use AD, which is faster, with filters to find the users, then I can grab the GUID and when looking for info on the user, not have to go through the entire COM object to grab it, but it will happen locally to the executable being run.&lt;/p&gt;
&lt;p&gt;The issue I am having, as an example, is that I have a user with the following ID;&lt;/p&gt;
&lt;blockquote&gt;
  &lt;p&gt;00000000DCA740C8C042101AB4B908002B2FE18201000000000000002F6F3D45766572657374205265696E737572616E63652F6F753D436F72702D48512F636E3D526563697069656E74732F636E3D6A6E6700&lt;/p&gt;
&lt;/blockquote&gt;
&lt;p&gt;In AD the msExchMailboxGuid has a value of&lt;/p&gt;
&lt;blockquote&gt;
  &lt;p&gt;{4A49BD1C-62AE-4674-B097-C06528BDBEAE}&lt;/p&gt;
&lt;/blockquote&gt;
&lt;p&gt;Not sure if these are the same, but I need to learn to better save it.&lt;/p&gt;
&lt;p&gt;What else can I use, what can I do with the current time?&lt;/p&gt;</t>
  </si>
  <si>
    <t>2017-10-12 03:48:29.263000+00:00</t>
  </si>
  <si>
    <t>2018-11-13 22:40:47.343000+00:00</t>
  </si>
  <si>
    <t>outlook|ldap|exchange-server</t>
  </si>
  <si>
    <t>Google Map Api V3 dont display after hosting change</t>
  </si>
  <si>
    <t>&lt;p&gt;I'm newbie to JavaScript and Google Maps API. I do some maps for my clients websites - my last map was a kind of store locator with customs markers - and I use the version 3 of Google API, Sensor set to false, and I don't use API KEY.&lt;/p&gt;
&lt;p&gt;I can't figure out why after change of hosting the map does not show at all. The script seems to load but just a blank box is displayed, in first hosting work like a charm but the second doesn't work, the first is Linux Apache and the second is Windows IIS, I don't think that the problems is due to the use of Windows because it is a page with static HTML and CSS with dynamic Google Map.&lt;/p&gt;
&lt;p&gt;This is the site Working on first hosting  &lt;a href="http://ofimatic.com.ni/blandonmoreno/" rel="nofollow"&gt;http://ofimatic.com.ni/blandonmoreno/&lt;/a&gt;&lt;/p&gt;
&lt;p&gt;This is the site with no map working &lt;a href="http://www.blandonmoreno.com/home.html" rel="nofollow"&gt;http://www.blandonmoreno.com/home.html&lt;/a&gt;&lt;/p&gt;
&lt;p&gt;Why does the same code not work on other hosting? The new hosting has multiple sites same IP, and all use Google Maps. Could that be the problem? I can't see a tag saying I pass the usage limit of Google Maps API. Do I need to use API key?&lt;/p&gt;</t>
  </si>
  <si>
    <t>2013-02-18 06:43:15.850000+00:00</t>
  </si>
  <si>
    <t>2013-03-31 04:53:09.603000+00:00</t>
  </si>
  <si>
    <t>2013-02-18 07:18:19.203000+00:00</t>
  </si>
  <si>
    <t>javascript|google-maps-api-3|hosting</t>
  </si>
  <si>
    <t>How to start an Application on a phone with google glass</t>
  </si>
  <si>
    <t>&lt;p&gt;How would I send an intent or start an activity on my cell phone that my google glasses are connected to, using google glass itself. I know how to create voice commands on google glasses, but I want to start an application on my phone using the voice command software on the glasses&lt;/p&gt;</t>
  </si>
  <si>
    <t>2014-05-15 05:39:15.473000+00:00</t>
  </si>
  <si>
    <t>google-glass</t>
  </si>
  <si>
    <t>Beautiful Soup: Get the Contents of Sub-Nodes</t>
  </si>
  <si>
    <t>&lt;p&gt;I have following python code:&lt;/p&gt;
&lt;pre&gt;&lt;code&gt;def scrapeSite(urlToCheck):
    html = urllib2.urlopen(urlToCheck).read()
    from BeautifulSoup import BeautifulSoup
    soup = BeautifulSoup(html)
    tdtags = soup.findAll('td', { "class" : "c" })
    for t in tdtags:
            print t.encode('latin1')
&lt;/code&gt;&lt;/pre&gt;
&lt;p&gt;This will return me following html code:&lt;/p&gt;
&lt;pre&gt;&lt;code&gt;&amp;lt;td class="c"&amp;gt;
&amp;lt;a href="more.asp"&amp;gt;FOO&amp;lt;/a&amp;gt;
&amp;lt;/td&amp;gt;
&amp;lt;td class="c"&amp;gt;
&amp;lt;a href="alotmore.asp"&amp;gt;BAR&amp;lt;/a&amp;gt;
&amp;lt;/td&amp;gt;
&lt;/code&gt;&lt;/pre&gt;
&lt;p&gt;I'd like to get the text between the a-Node (e.g. FOO or BAR), which would be t.contents.contents. Unfortunately it doesn't work that easy :)
Does anyone have an idea how to solve that?&lt;/p&gt;
&lt;p&gt;Thanks a lot, any help is appreciated!&lt;/p&gt;
&lt;p&gt;Cheers,
Joseph&lt;/p&gt;</t>
  </si>
  <si>
    <t>2010-10-21 13:04:41.187000+00:00</t>
  </si>
  <si>
    <t>2010-10-21 13:27:43.130000+00:00</t>
  </si>
  <si>
    <t>python|beautifulsoup</t>
  </si>
  <si>
    <t>Programmatically add A records to DNS zone file?</t>
  </si>
  <si>
    <t>&lt;p&gt;I am working for a company and we have a domain name hosted on GoDaddy. For the website/application we are creating, we need to be able to programmatically add "&lt;strong&gt;A records&lt;/strong&gt;" to the &lt;strong&gt;DNS zone file&lt;/strong&gt; to point specific subdomains to specific IP addresses/servers. This will be done via PHP or C#, we have two different servers for our application and it doesn't matter, we just need that functionality. I know GoDaddy doesn't give you this functionality nor an API, but I was wondering if anyone could recommend a cheap/affordable service that would let me do this? I don't think we need something like dynamic DNS (or maybe we will), but if anyone knows anything I would much appreciate. &lt;/p&gt;
&lt;p&gt;All in all, we are looking for a super cheap and easy way to add custom A records to a zone file programmatically. A free code base would be nice for this as well. The way our application works, we cannot use wildcards or make this too convoluted, it would be most beneficial to have control over the DNS zone file. Thank you!&lt;/p&gt;</t>
  </si>
  <si>
    <t>2015-01-23 11:36:46.240000+00:00</t>
  </si>
  <si>
    <t>2016-04-13 03:46:03.220000+00:00</t>
  </si>
  <si>
    <t>dynamic|dns|records|zone</t>
  </si>
  <si>
    <t>My solution to this programming challenge is wrong because it outputs the wrong answer for 10/11 test cases. What are those test cases?</t>
  </si>
  <si>
    <t>&lt;p&gt;I am doing this programming challenge which can be found at www.interviewstreet.com (its the first challenge worth 30 points). &lt;/p&gt;
&lt;p&gt;When I submitted the solution, I was returned a result which said that the answer was wrong because it only passed 1/11 test cases. However, I feel have tested various cases and do not understand what I am doing wrong. It would be helpful to know what those test cases could be so that I can test my program. &lt;/p&gt;
&lt;p&gt;Here is the question (in between the grey lines below):&lt;/p&gt;
&lt;hr&gt;
&lt;p&gt;Quadrant Queries (30 points)&lt;/p&gt;
&lt;p&gt;There are N points in the plane. The ith point has coordinates (xi, yi). Perform the following queries: &lt;/p&gt;
&lt;p&gt;1) Reflect all points between point i and j both including along the X axis. This query is represented as "X i j"&lt;br/&gt;
2) Reflect all points between point i and j both including along the Y axis. This query is represented as "Y i j"&lt;br/&gt;
3) Count how many points between point i and j both including lie in each of the 4 quadrants. This query is represented as "C i j"&lt;/p&gt;
&lt;p&gt;Input:&lt;br/&gt;
The first line contains N, the number of points. N lines follow.&lt;br/&gt;
The ith line contains xi and yi separated by a space.&lt;br/&gt;
The next line contains Q the number of queries. The next Q lines contain one query each, of one of the above forms.&lt;br/&gt;
All indices are 1 indexed.&lt;br/&gt;&lt;/p&gt;
&lt;p&gt;Output:&lt;br/&gt;
Output one line for each query of the type "C i j". The corresponding line contains 4 integers; the number of points having indices in the range [i..j] in the 1st,2nd,3rd and 4th quadrants respectively.&lt;/p&gt;
&lt;p&gt;Constraints:&lt;br/&gt;
1 &amp;lt;= N &amp;lt;= 100000&lt;br/&gt;
1 &amp;lt;= Q &amp;lt;= 100000&lt;br/&gt;
You may assume that no point lies on the X or the Y axis.&lt;br/&gt;
All (xi,yi) will fit in a 32-bit signed integer&lt;br/&gt;
In all queries, 1 &amp;lt;=i &amp;lt;=j &amp;lt;=N&lt;br/&gt;&lt;/p&gt;
&lt;p&gt;&lt;strong&gt;Sample Input:&lt;br&gt;
4&lt;br/&gt;
1 1&lt;br/&gt;
-1 1&lt;br/&gt;
-1 -1&lt;br/&gt;
1 -1&lt;br/&gt;
5&lt;br/&gt;
C 1 4&lt;br/&gt;
X 2 4&lt;br/&gt;
C 3 4&lt;br/&gt;
Y 1 2&lt;br/&gt;
C 1 3&lt;br/&gt;
Sample Output:&lt;br/&gt;
1 1 1 1&lt;br/&gt;
1 1 0 0&lt;br/&gt;
0 2 0 1&lt;br/&gt;&lt;/strong&gt;&lt;/p&gt;
&lt;p&gt;Explanation:&lt;br/&gt;
When a query says "X i j", it means that take all the points between indices i and j both including and reflect those points along the X axis. The i and j here have nothing to do with the co-ordinates of the points. They are the indices.  i refers to point i and j refers to point j&lt;/p&gt;
&lt;p&gt;'C 1 4' asks you to 'Consider the set of points having index in {1,2,3,4}. Amongst those points, how many of them lie in the 1st,2nd,3rd and 4th quads respectively?' 
The answer to this is clearly 1 1 1 1.&lt;/p&gt;
&lt;p&gt;Next we reflect the points between indices '2 4' along the X axis. So the new coordinates are :&lt;br/&gt;
1 1&lt;br/&gt;
-1 -1&lt;br/&gt;
-1 1&lt;br/&gt;
1 1&lt;br/&gt;&lt;/p&gt;
&lt;p&gt;Now 'C 3 4' is 'Consider the set of points having index in {3,4}. Amongst those points, how many of them lie in the 1st,2nd,3rd and 4th quads respectively?' Point 3 lies in quadrant 2 and point 4 lies in quadrant 1. 
So the answer is 1 1 0 0&lt;/p&gt;
&lt;hr&gt;
&lt;p&gt;I'm coding in PHP and the method for testing is with STDIN and STDOUT. &lt;/p&gt;
&lt;p&gt;Any ideas on difficult test cases to test my code with? I don't understand why I am failing 10 / 11 test cases. &lt;/p&gt;
&lt;p&gt;Also, here is my code if you're interested:&lt;/p&gt;
&lt;pre&gt;&lt;code&gt;// The global variable that will be changed
$points = array();
/******** Functions ********/
// This function returns the number of points in each quadrant. 
function C($beg, $end) {
    // $quad_count is a local array and not global as this gets reset for every C operation
    $quad_count = array("I" =&amp;gt; 0, "II" =&amp;gt; 0, "III" =&amp;gt; 0, "IV" =&amp;gt; 0);
    for($i=$beg; $i&amp;lt;$end+1; $i++) {
        $quad = checkquad($i);
        $quad_count[$quad]++;
    }
    return $quad_count["I"]." ".$quad_count["II"]." ".$quad_count["III"]." ".$quad_count["IV"];        
}
// Reflecting over the x-axis means taking the negative value of y for all given points
function X($beg, $end) {
    global $points;
    for($i=$beg; $i&amp;lt;$end+1; $i++) {
        $points[$i]["y"] = -1*($points[$i]["y"]);
    }
}
// Reflecting over the y-axis means taking the negative value of x for all given points    
function Y($beg, $end) {
    global $points;
    for($i=$beg; $i&amp;lt;$end+1; $i++) {
        $points[$i]["x"] = -1*($points[$i]["x"]);
    }
}
// Determines which quadrant a given point is in
function checkquad($i) {
    global $points;
    $x = $points[$i]["x"];
    $y = $points[$i]["y"];
    if ($x &amp;gt; 0) {
        if ($y &amp;gt; 0) {
            return "I";
        } else {
            return "IV";
        }
    } else {
        if ($y &amp;gt; 0) {
            return "II";
        } else {
            return "III";
        }
    }
}
// First, retrieve the number of points that will be provided. Make sure to check constraints.
$no_points = intval(fgets(STDIN));    
if ($no_points &amp;gt; 100000) {
    fwrite(STDOUT, "The number of points cannot be greater than 100,000!\n");
    exit;
}
// Remember the points are 1 indexed so begin key from 1. Store all provided points in array format. 
for($i=1; $i&amp;lt;$no_points+1; $i++) {
    global $points;
    list($x, $y) = explode(" ",fgets(STDIN)); // Get the string returned from the command line and convert to an array
    $points[$i]["x"] = intval($x);
    $points[$i]["y"] = intval($y);
}
// Retrieve the number of operations that will be provied. Make sure to check constraints. 
$no_operations = intval(fgets(STDIN));    
if($no_operations &amp;gt; 100000) {
    fwrite(STDOUT, "The number of operations cannot be greater than 100,000!\n");
    exit;
}
// Retrieve the operations, determine the type and send to the appropriate functions. Make sure i &amp;lt;= j.  
for($i=0; $i&amp;lt;$no_operations; $i++) {
    $operation = explode(" ",fgets(STDIN));
    $type = $operation[0];
    if($operation[1] &amp;gt; $operation[2]) {
        fwrite(STDOUT, "Point j must be further in the sequence than point i!\n");
        exit;
    }
    switch ($type) {
        case "C":
            $output[$i] = C($operation[1], $operation[2]);
            break;
        case "X":
            X($operation[1], $operation[2]);
            break;
        case "Y":
            Y($operation[1], $operation[2]);
            break;
        default:
            $output[$i] = "Sorry, but we do not recognize this operation. Please try again!";
    }
}
// Print the output as a string
foreach($output as $line) {
    fwrite(STDOUT, $line."\n");
}
&lt;/code&gt;&lt;/pre&gt;
&lt;p&gt;&lt;br/&gt;&lt;br/&gt;
&lt;strong&gt;UPDATE:
I finally found a test case for which my program fails. Now I am trying to determine why. This is a good lesson on testing with large numbers.&lt;/strong&gt; &lt;/p&gt;
&lt;p&gt;&lt;strong&gt;10&lt;br/&gt;
1 1&lt;br/&gt;
1 1&lt;br/&gt;
1 1&lt;br/&gt;
1 1&lt;br/&gt;
1 1&lt;br/&gt;
1 1&lt;br/&gt;
1 1&lt;br/&gt;
1 1&lt;br/&gt;
1 1&lt;br/&gt;
1 1&lt;br/&gt;
12&lt;br/&gt;
C 1 10&lt;br/&gt;
X 1 3&lt;br/&gt;
C 5 5&lt;br/&gt;
Y 2 10&lt;br/&gt;
C 10 10&lt;br/&gt;
C 1 10&lt;br/&gt;
X 1 3&lt;br/&gt;
C 5 5&lt;br/&gt;
Y 2 10&lt;br/&gt;
C 10 10&lt;br/&gt;
X 3 7&lt;br/&gt;
C 9 9&lt;br/&gt;
I am going to test this properly by initializing an error array and determining which operations are causing an issue.&lt;/strong&gt; &lt;br/&gt;&lt;/p&gt;</t>
  </si>
  <si>
    <t>2011-08-27 01:57:59.227000+00:00</t>
  </si>
  <si>
    <t>2012-09-16 20:57:14.760000+00:00</t>
  </si>
  <si>
    <t>2012-05-05 16:59:40.460000+00:00</t>
  </si>
  <si>
    <t>php|algorithm|testing</t>
  </si>
  <si>
    <t>Using php namespaces properly</t>
  </si>
  <si>
    <t>&lt;p&gt;I am trying to figure out how to use the namespace in php. I have been reading about how to use it and for some reason I can not get it to work. I have two files one which I have stored in &lt;code&gt;Applications/Database/Classes&lt;/code&gt; file name is &lt;code&gt;DatabaseConnection.php&lt;/code&gt; and the other in the root directory called &lt;code&gt;DB.php&lt;/code&gt;inside the &lt;code&gt;DatabaseConnection.php&lt;/code&gt; file I have the following code:&lt;/p&gt;
&lt;pre&gt;&lt;code&gt;&amp;lt;?php
    function hello()
    {
        echo "hello";
    }
?&amp;gt;
&lt;/code&gt;&lt;/pre&gt;
&lt;p&gt;This is the DB.php file contents: &lt;/p&gt;
&lt;pre&gt;&lt;code&gt;&amp;lt;?php
namespace Applications\Database\Classes;
ini_set('display_errors', true);
hello();
?&amp;gt;
&lt;/code&gt;&lt;/pre&gt;
&lt;p&gt;Maybe I am completely missing how to use it properly but if I set a namespace is that the same as using &lt;code&gt;include&lt;/code&gt; or &lt;code&gt;require&lt;/code&gt;? I might be completely misunderstanding how to use it. I am new to OOP and have never heard of namespaces until I started trying to learn OOP? Can someone point out what I did wrong.&lt;/p&gt;</t>
  </si>
  <si>
    <t>2013-09-21 19:29:04.997000+00:00</t>
  </si>
  <si>
    <t>2013-09-21 19:46:59.177000+00:00</t>
  </si>
  <si>
    <t>php|oop</t>
  </si>
  <si>
    <t>Creating a complex Elastic Search search index</t>
  </si>
  <si>
    <t>&lt;p&gt;I have the following database structure :&lt;/p&gt;
&lt;p&gt;categories(name)&lt;/p&gt;
&lt;p&gt;services(name, category_id, user_id)&lt;/p&gt;
&lt;p&gt;sub_services(name, service_id, user_id)&lt;/p&gt;
&lt;p&gt;class(price)&lt;/p&gt;
&lt;p&gt;timings(from, to, quantity, day, sub_service_id, class_id)&lt;/p&gt;
&lt;p&gt;constraints(type, sub_services_id, user_id)&lt;/p&gt;
&lt;p&gt;bookings(sub_service_id, booked_for_date, timings_id, user_id)&lt;/p&gt;
&lt;hr&gt;
&lt;p&gt;Now the relationship among the following tables is :&lt;/p&gt;
&lt;p&gt;&lt;strong&gt;Categories&lt;/strong&gt; 1:N &lt;strong&gt;Services&lt;/strong&gt;&lt;/p&gt;
&lt;p&gt;&lt;strong&gt;Services&lt;/strong&gt; 1:N &lt;strong&gt;Sub-Services&lt;/strong&gt;&lt;/p&gt;
&lt;p&gt;&lt;strong&gt;Sub-Services&lt;/strong&gt; 1:N &lt;strong&gt;Timings&lt;/strong&gt;&lt;/p&gt;
&lt;p&gt;&lt;strong&gt;Sub-Services&lt;/strong&gt; 1:N &lt;strong&gt;Constraints&lt;/strong&gt;&lt;/p&gt;
&lt;p&gt;&lt;strong&gt;Timings&lt;/strong&gt; 1:N &lt;strong&gt;Class&lt;/strong&gt; &lt;/p&gt;
&lt;hr&gt;
&lt;p&gt;I am using Rails 4 and I want to use Elastic Search for searching in this application. &lt;/p&gt;
&lt;p&gt;I am not able to figure out that how will I index my data into ES and how will I give the user to search sub-services and hide those sub-services if they don't have any quantity available.&lt;/p&gt;</t>
  </si>
  <si>
    <t>2014-08-28 11:23:02.010000+00:00</t>
  </si>
  <si>
    <t>ruby-on-rails|ruby-on-rails-4|elasticsearch|searchkick</t>
  </si>
  <si>
    <t>Calculating average of multiple sets of data (performance issue)</t>
  </si>
  <si>
    <t>&lt;p&gt;I have a needs to do calculation like average of selected data grouped by time rage collections.&lt;/p&gt;
&lt;p&gt;Example:
Table which is storing data has several main columns which are:
  | time_stamp | external_id | value |&lt;/p&gt;
&lt;p&gt;Now i want to calculate average for 20 (or more) groups of date ranges:
1) 2000-01-01 00-00-00 -&gt; 2000-01-04 00-00-00
2) 2000-01-04 00-00-00 -&gt; 2000-01-15 00-00-00
...&lt;/p&gt;
&lt;p&gt;The important thing is that there are no gaps and intersections between groups so it means that first date and last date are covering full time range.&lt;/p&gt;
&lt;p&gt;The other important thing is that in set of "date_from" to "date_to" there can be rows for outside of the collection (unneeded external_id's).&lt;/p&gt;
&lt;p&gt;I have tried 2 approaches:
1) Execute query for each "time range" step with average function in SQL query (but i don't like that - it's consuming too much time for all queries, plus executing multiple queries sounds like not good approach)&lt;/p&gt;
&lt;p&gt;2) I have selected all required rows (at one SQL request) and then i made loop over the results. The problem is that i have to check on each step to which "data group" current datetime belongs. This seams like a better approach (from SQL perspective) but right now i have not too good performance because of loop in the loop. I need to figure out how to avoid executing loop (checking to which group current timestamp belongs) in the main loop.&lt;/p&gt;
&lt;p&gt;Any suggestions would be much helpful. &lt;/p&gt;</t>
  </si>
  <si>
    <t>2018-07-13 22:04:50.113000+00:00</t>
  </si>
  <si>
    <t>2018-10-05 10:13:34.243000+00:00</t>
  </si>
  <si>
    <t>python|postgresql</t>
  </si>
  <si>
    <t>How to make an SKSprite node move side to side on its own when game starts?</t>
  </si>
  <si>
    <t>&lt;p&gt;I'm making a swift game with spritekit where I just added an image to the scene that's an SKSpriteNode. When the game starts, I want to make it move just on the x-axis from the left side of the screen to the right side, repeating forever. I'm struggling with what the code should be for this.&lt;/p&gt;
&lt;p&gt;The code for my image is:&lt;/p&gt;
&lt;pre&gt;&lt;code&gt;func addDrake1(){
    let Drake1 = SKSpriteNode(imageNamed: "Drake1")
    Drake1.position = CGPoint(x:self.frame.size.width/2, y:self.frame.size.height - 300)
    Drake1.zPosition = 2
    addChild(Drake1)
}
&lt;/code&gt;&lt;/pre&gt;</t>
  </si>
  <si>
    <t>2015-06-09 00:29:52.520000+00:00</t>
  </si>
  <si>
    <t>2015-06-09 01:04:55.140000+00:00</t>
  </si>
  <si>
    <t>swift|sprite-kit|skspritenode</t>
  </si>
  <si>
    <t>JAXP and StAX - DOM Node is represented as Document</t>
  </si>
  <si>
    <t>&lt;p&gt;I want to read a potentially big XML file. For memory efficiency and ease of processing i want use a mixture of StAX and DOM as described &lt;a href="https://stackoverflow.com/questions/9379868/reading-a-big-xml-file-using-stax-and-dom"&gt;here&lt;/a&gt;.&lt;/p&gt;
&lt;p&gt;My input looks as follows (it is &lt;a href="https://wiki.openstreetmap.org/wiki/OSM_XML" rel="nofollow"&gt;OSM&lt;/a&gt;)&lt;/p&gt;
&lt;pre&gt;&lt;code&gt;&amp;lt;?xml version="1.0" encoding="UTF-8"?&amp;gt;
&amp;lt;osm version="0.6" generator="CGImap 0.0.2"&amp;gt;
 &amp;lt;bounds minlat="54.0889580" minlon="12.2487570" maxlat="54.0913900" maxlon="12.2524800"/&amp;gt;
 &amp;lt;node id="298884269" lat="54.0901746" lon="12.2482632" user="SvenHRO" uid="46882" visible="true" version="1" changeset="676636" timestamp="2008-09-21T21:37:45Z"/&amp;gt;
 &amp;lt;node id="261728686" lat="54.0906309" lon="12.2441924" user="PikoWinter" uid="36744" visible="true" version="1" changeset="323878" timestamp="2008-05-03T13:39:23Z"/&amp;gt;
 &amp;lt;node id="1831881213" version="1" changeset="12370172" lat="54.0900666" lon="12.2539381" user="lafkor" uid="75625" visible="true" timestamp="2012-07-20T09:43:19Z"&amp;gt;
  &amp;lt;tag k="name" v="Neu Broderstorf"/&amp;gt;
  &amp;lt;tag k="traffic_sign" v="city_limit"/&amp;gt;
 &amp;lt;/node&amp;gt;
 ...
 &amp;lt;node id="298884272" lat="54.0901447" lon="12.2516513" user="SvenHRO" uid="46882" visible="true" version="1" changeset="676636" timestamp="2008-09-21T21:37:45Z"/&amp;gt;
 &amp;lt;way id="26659127" user="Masch" uid="55988" visible="true" version="5" changeset="4142606" timestamp="2010-03-16T11:47:08Z"&amp;gt;
  &amp;lt;nd ref="292403538"/&amp;gt;
  &amp;lt;nd ref="298884289"/&amp;gt;
  ...
  &amp;lt;nd ref="261728686"/&amp;gt;
  &amp;lt;tag k="highway" v="unclassified"/&amp;gt;
  &amp;lt;tag k="name" v="Pastower Stra��e"/&amp;gt;
 &amp;lt;/way&amp;gt;
&lt;/code&gt;&lt;/pre&gt;
&lt;p&gt;While processing i want to check for Node names like ���way��� or ���relation���(&lt;a href="https://github.com/imintel/osm-parser/blob/master/src/main/java/br/zuq/osm/parser/WayParser.java#L19" rel="nofollow"&gt;like here&lt;/a&gt;)&lt;/p&gt;
&lt;p&gt;My code looks as follows:&lt;/p&gt;
&lt;pre&gt;&lt;code&gt;    xsr.nextTag();
    while(xsr.nextTag() == XMLStreamConstants.START_ELEMENT) {
        DOMResult result = new DOMResult();
        t.transform(new StAXSource(xsr), result);
        Node domNode = result.getNode();
        System.out.println(domNode.getNodeName());
    }
&lt;/code&gt;&lt;/pre&gt;
&lt;p&gt;My problem is that the extracted nodes are represented as documents instead of nodes. Meaning my debug output shows:&lt;/p&gt;
&lt;p&gt;&amp;#35;document
&amp;#35;document
&amp;#35;document&lt;/p&gt;
&lt;p&gt;for every line.
The expected output would be "node", "way" or "relation". &lt;/p&gt;
&lt;p&gt;When i parse the file and then print out the Nodes as described &lt;a href="https://stackoverflow.com/questions/4412848/xml-node-to-string-in-java"&gt;here&lt;/a&gt; they are printed out correctly.&lt;/p&gt;
&lt;p&gt;I am a newbie to StAX and DOM so any hints would be very helpful.&lt;/p&gt;
&lt;p&gt;I am using Mac OS X 10.10.2 with Java 1.8.25.&lt;/p&gt;</t>
  </si>
  <si>
    <t>2015-06-29 19:38:58.827000+00:00</t>
  </si>
  <si>
    <t>2015-07-07 14:53:36.207000+00:00</t>
  </si>
  <si>
    <t>java|xml|dom|stax|jaxp</t>
  </si>
  <si>
    <t>How to make Windows DNS and WINS settings persist in an Azure VM?</t>
  </si>
  <si>
    <t>&lt;p&gt;I have a domain controller set up in an Azure VM, and a couple of other servers also set up as VMs. When I set up the server VMs, I configured DNS and WINS to point to the IP address of the DC and joined them to the domain. However, these settings don't survive a shutdown (where the VM is deallocated). When the VM is started back up, DNS and WINS are empty, and domain authentication does not work.&lt;/p&gt;
&lt;p&gt;I read that I should provision new VMs via PowerShell commandlets, specifically setting up domain joining. I tried that, and maybe I got something wrong, but it didn't work -- the newly provisioned VM was not joined to the domain, and did not have DNS/WINS set to point to the domain controller.&lt;/p&gt;
&lt;p&gt;In any event, my question is: is there any way to re-configure an existing VM to retain network settings through a shutdown or is my only option to figure out how to provision a brand new VM to be married to the domain controller, and then to start from scratch?&lt;/p&gt;
&lt;p&gt;Thanks!&lt;/p&gt;</t>
  </si>
  <si>
    <t>2013-09-16 21:25:07.147000+00:00</t>
  </si>
  <si>
    <t>2013-09-21 23:51:57.420000+00:00</t>
  </si>
  <si>
    <t>powershell|azure|dns|active-directory|virtual-machine</t>
  </si>
  <si>
    <t>Samsung Galaxy S4 rear camera slow in burst mode</t>
  </si>
  <si>
    <t>&lt;p&gt;I created a camera Activity, which provides a &lt;strong&gt;burst" mode&lt;/strong&gt;.
This means, the activity takes a new picture as soon as the last one has been taken.
The activity is based on the code example provided here: &lt;a href="https://github.com/rdasxy/android-burst-camera" rel="nofollow"&gt;https://github.com/rdasxy/android-burst-camera&lt;/a&gt; .
I measure the duration between the two methods &lt;strong&gt;camera.takePicture&lt;/strong&gt; and &lt;strong&gt;pictureCallback.onPictureTaken&lt;/strong&gt;.
The app uses the rear camera, does discard the picture data and not save it, thus I measure the camera performance. &lt;/p&gt;
&lt;p&gt;On the Samsung Galaxy &lt;strong&gt;S3&lt;/strong&gt; the rear camera is able to take about &lt;strong&gt;4 pictures per second&lt;/strong&gt;.
The new Samsung Galaxy &lt;strong&gt;S4&lt;/strong&gt; only takes &lt;strong&gt;1 (one!) picture about every 800[ms] to 1200[ms]&lt;/strong&gt;.
The performance does not change when I set even the smallest picture size.
This slow performance is strange, since &lt;strong&gt;the built in camera app is able to take a bunch of pictures within a second even using the highest resolution&lt;/strong&gt;.&lt;/p&gt;
&lt;ul&gt;
&lt;li&gt;Does anyone have experience with the &lt;strong&gt;Galaxy S4 rear camera&lt;/strong&gt; and know
about this performance drop?&lt;/li&gt;
&lt;li&gt;Are there any undocumented camera properties specific to the &lt;strong&gt;Galaxy S4&lt;/strong&gt;?&lt;/li&gt;
&lt;li&gt;Can anyone give hints to get a higher burst-rate on the &lt;strong&gt;Galaxy S4&lt;/strong&gt;?&lt;/li&gt;
&lt;/ul&gt;</t>
  </si>
  <si>
    <t>2013-05-19 16:35:25.323000+00:00</t>
  </si>
  <si>
    <t>2013-06-10 11:14:36.460000+00:00</t>
  </si>
  <si>
    <t>java|android|camera|android-camera</t>
  </si>
  <si>
    <t>How can I create a sub sub domain to the Azure cloudapp.net domain?</t>
  </si>
  <si>
    <t>&lt;p&gt;I have a sub domain assigned from Azure:&lt;/p&gt;
&lt;p&gt;&lt;strong&gt;sub.cloudapp.net&lt;/strong&gt;&lt;/p&gt;
&lt;p&gt;I want a sub sub domain:&lt;/p&gt;
&lt;p&gt;&lt;strong&gt;sub.sub.cloudapp.net&lt;/strong&gt;&lt;/p&gt;
&lt;p&gt;I have tried to create a DNS zone in Azure portal and added a CNAME:&lt;/p&gt;
&lt;p&gt;&lt;strong&gt;sub.sub.cloudapp.net -&gt; sub.cloudapp.net&lt;/strong&gt;&lt;/p&gt;
&lt;p&gt;When I check "$ host" using the azure dns server I get:&lt;/p&gt;
&lt;blockquote&gt;
  &lt;p&gt;Using domain server: Name: ns1-05.azure-dns.com Address: xx.xx.x.x#53
  Aliases:&lt;/p&gt;
  &lt;p&gt;sub.sub.cloudapp.net is an alias for
  sub.cloudapp.net.&lt;/p&gt;
&lt;/blockquote&gt;
&lt;p&gt;When I check regular "$ host" without using the dns server I get (after 1 hour DNS propagation time):&lt;/p&gt;
&lt;blockquote&gt;
  &lt;p&gt;Host sub.sub.cloudapp.net not found: 3(NXDOMAIN)&lt;/p&gt;
&lt;/blockquote&gt;
&lt;p&gt;I this the correct way to do it? Or should I wait more for the propagation?&lt;/p&gt;</t>
  </si>
  <si>
    <t>2016-12-13 13:03:29.963000+00:00</t>
  </si>
  <si>
    <t>2016-12-13 13:37:11.300000+00:00</t>
  </si>
  <si>
    <t>azure|dns|azure-web-sites</t>
  </si>
  <si>
    <t>Rails Cache Expire at Certain Time in Time Zone</t>
  </si>
  <si>
    <t>&lt;p&gt;I've been trying to get the index action of a controller to expire the cache every night at 7:01 PM CST on an Amazon EC2 instance on Elastic Beanstalk.  It doesn't appear to be working and I'm not quite sure why.  I don't really wanna use a cron job because that's somewhat buggy with whenever-eb and I'm still vetting that, so I'd like to expire the cache with an explicit time directive.&lt;/p&gt;
&lt;p&gt;Here is the code I am using.&lt;/p&gt;
&lt;pre&gt;&lt;code&gt; caches_action :index, :layout =&amp;gt; false, :unless =&amp;gt; proc { user_signed_in? },expires_in: Time.use_zone("Central Time (US &amp;amp; Canada)") { DateTime.now.in_time_zone(Time.zone).beginning_of_day + 19.hours + 1.minute }
&lt;/code&gt;&lt;/pre&gt;
&lt;p&gt;Any idea on where I am going wrong?&lt;/p&gt;
&lt;p&gt;To further that is there a better way to expire all caches at 7:01 PM CST in one method call?&lt;/p&gt;
&lt;p&gt;Thanks&lt;/p&gt;</t>
  </si>
  <si>
    <t>2015-07-06 19:03:49.490000+00:00</t>
  </si>
  <si>
    <t>2015-07-06 20:54:57.090000+00:00</t>
  </si>
  <si>
    <t>ruby-on-rails|caching</t>
  </si>
  <si>
    <t>Populate model with JSON data in Angular</t>
  </si>
  <si>
    <t>&lt;p&gt;I have a class with a model like this:&lt;/p&gt;
&lt;pre&gt;&lt;code&gt;model = new questions(
                      1,                       // Id
                      '',                      // Name
                      '',                      // LastName
                      'undefined',             // Gender
                      'undefined',             // Filling Status
                      ...
)
&lt;/code&gt;&lt;/pre&gt;
&lt;p&gt;The I have a service that makes a &lt;code&gt;GET&lt;/code&gt; request to an API, and the response is like this:&lt;/p&gt;
&lt;pre&gt;&lt;code&gt;{
"id": "5b6f",
"name": "John",
"lastName": "Doe",
"gender": "Male",
"fillingStatus": "Single",
 ...
}
&lt;/code&gt;&lt;/pre&gt;
&lt;p&gt;How can I populate the model with this response, should I iterate to the object?&lt;/p&gt;
&lt;p&gt;Thanks for your help!&lt;/p&gt;</t>
  </si>
  <si>
    <t>2018-08-11 22:42:55.420000+00:00</t>
  </si>
  <si>
    <t>2018-08-14 21:40:13.057000+00:00</t>
  </si>
  <si>
    <t>json|angular|object</t>
  </si>
  <si>
    <t>Sql server nvarchar size?</t>
  </si>
  <si>
    <t>&lt;p&gt;I have to store maximum of 5000 character in sql server. Which one I can use to achieve this?&lt;/p&gt;
&lt;p&gt;Should I use,&lt;/p&gt;
&lt;pre&gt;&lt;code&gt;nvarchar(5000);
or 
nvarchar(max);
&lt;/code&gt;&lt;/pre&gt;</t>
  </si>
  <si>
    <t>2016-08-05 07:29:31.327000+00:00</t>
  </si>
  <si>
    <t>2016-08-05 07:33:53.797000+00:00</t>
  </si>
  <si>
    <t>How to compile ES6 node and jsx code into ES5 vanilla JS</t>
  </si>
  <si>
    <t>&lt;p&gt;I have a project that works fine in dev using babel-node to run the server.&lt;/p&gt;
&lt;p&gt;However after trying for 2 days, I can't get it compiled to ES5.&lt;/p&gt;
&lt;p&gt;I tried running babel, but that didn't include the dependencies.
I tried creating a webpack config just for the server, but I'm currently stuck with the error:&lt;/p&gt;
&lt;pre&gt;&lt;code&gt;fs.js:634
return binding.open(pathModule._makeLong(path), stringToFlags(flags), mode);
             ^
Error: ENOENT: no such file or directory, open '/types/mime.types'
&lt;/code&gt;&lt;/pre&gt;
&lt;p&gt;The webpack configuration im using for the server is nearly identical to the one I use for compiling my client code [which works 100%]:&lt;/p&gt;
&lt;pre&gt;&lt;code&gt;var webpack = require('webpack');
var path = require('path');
var WebpackNotifierPlugin = require('webpack-notifier');
var BUILD_DIR = path.resolve(__dirname, 'static');
var APP_DIR = path.resolve(__dirname, 'src');
var DATA_DIR = path.resolve(__dirname, 'json');
module.exports = {
    target: "node",
  devtool: 'source-map',
  // This will be our app's entry point (webpack will look for it in the 'src' directory due to the modulesDirectory setting below). Feel free to change as desired.
  entry: [
    APP_DIR + '/server.js',
  ],
  // Output the bundled JS to dist/app.js
  output: {
    path: BUILD_DIR,
    filename: 'prod-server.js',
  },
    node: {
      fs: "empty",
        net: "empty"
    },
  module: {
    loaders: [
      { test: /\.jsx?$/, loaders: ['babel'], include: APP_DIR },
      { test: /\.json$/, loaders: ["json-loader"] }
    ]
  },
  plugins: [
    // Set up the notifier plugin - you can remove this (or set alwaysNotify false) if desired
    new WebpackNotifierPlugin({ alwaysNotify: true }),
  ]
};
&lt;/code&gt;&lt;/pre&gt;
&lt;p&gt;If babel-node well run things without a hitch, there must be an easier way to compile the server to ES5 that node can run.&lt;/p&gt;
&lt;p&gt;EDIT: The full stack trace of error:&lt;/p&gt;
&lt;pre&gt;&lt;code&gt;fs.js:634
  return binding.open(pathModule._makeLong(path), stringToFlags(flags), mode);
                 ^
Error: ENOENT: no such file or directory, open '/types/mime.types'
    at Error (native)
    at Object.fs.openSync (fs.js:634:18)
    at Object.fs.readFileSync (fs.js:502:33)
    at a.load (/Users/funk/Development/Projects/jayeh_2015/static/prod-server.js:210:505)
    at Object.&amp;lt;anonymous&amp;gt; (/Users/funk/Development/Projects/jayeh_2015/static/prod-server.js:210:934)
    at Object.&amp;lt;anonymous&amp;gt; (/Users/funk/Development/Projects/jayeh_2015/static/prod-server.js:210:1129)
    at t (/Users/funk/Development/Projects/jayeh_2015/static/prod-server.js:1:169)
    at Object.e.exports (/Users/funk/Development/Projects/jayeh_2015/static/prod-server.js:29:2855)
    at t (/Users/funk/Development/Projects/jayeh_2015/static/prod-server.js:1:169)
    at Object.n (/Users/funk/Development/Projects/jayeh_2015/static/prod-server.js:1:7248)
&lt;/code&gt;&lt;/pre&gt;</t>
  </si>
  <si>
    <t>2016-10-19 01:01:44.130000+00:00</t>
  </si>
  <si>
    <t>2016-10-19 02:53:00.877000+00:00</t>
  </si>
  <si>
    <t>2016-10-19 01:10:36.623000+00:00</t>
  </si>
  <si>
    <t>node.js|ecmascript-6|jsx|babel</t>
  </si>
  <si>
    <t>Disable click on some grid on easyui</t>
  </si>
  <si>
    <t>&lt;p&gt;i have this crud table made with easyui. All work perfectly, except this one thing : disable click in some grid.&lt;/p&gt;
&lt;p&gt;How to disable click on some grid ? My target is simple, so user can edit some grid on table.&lt;/p&gt;
&lt;p&gt;here is my view :&lt;/p&gt;
&lt;pre&gt;&lt;code&gt;&amp;lt;table id="dg_pindah" title="Tabel Pemindahan Dana" class="easyui-datagrid" data-options="iconCls:'icon-table-1',maximizable:true,collapsible:true" style="width:auto;height:420px"
            url="kas_pindah/getdata_p"
            toolbar="#toolbar_pindah" pagination="true" remoteSort="false" remoteFilter="true" sortName="" pageSize="25" pageList="[25,50,100,150,200,250,500]" rownumbers="true" fitColumns="false" singleSelect="true" showFooter="false" enableFilter="false"&amp;gt;
                &amp;lt;thead data-options="frozen:true"&amp;gt;
                    &amp;lt;tr&amp;gt;
                        &amp;lt;th field="status" width="110" halign="center" align="center" sortable="true" data-options="styler:cellStyler
                            "&amp;gt;Status Transfer&amp;lt;/th&amp;gt;
                    &amp;lt;/tr&amp;gt;
                &amp;lt;/thead&amp;gt;
                &amp;lt;thead&amp;gt;
                    &amp;lt;tr&amp;gt;
                        &amp;lt;th field="no_pindah" width="100" halign="center" align="center" sortable="true"&amp;gt;No.Referensi&amp;lt;/th&amp;gt;
                        &amp;lt;th field="dari_kas" width="70" halign="center" align="center" sortable="true"&amp;gt;Dari Kas&amp;lt;/th&amp;gt;
                        &amp;lt;th field="tujuan_kas" width="80" halign="center" align="center" sortable="true"&amp;gt;Tujuan Kas&amp;lt;/th&amp;gt;
                        &amp;lt;th field="tanggal" width="130" halign="center" align="center" sortable="true" formatter="tgl_indo"&amp;gt;Tanggal&amp;lt;/th&amp;gt;
                        &amp;lt;th field="uraian" width="300" halign="center" align="left" sortable="true"&amp;gt;Uraian&amp;lt;/th&amp;gt;
                        &amp;lt;th field="penerimaan" width="110" halign="center" align="right" sortable="true" formatter="rupiah"&amp;gt;Jumlah&amp;lt;/th&amp;gt;
                        &amp;lt;th field="nama_penerima" width="120" halign="center" sortable="true"&amp;gt;Penerima&amp;lt;/th&amp;gt;
                        &amp;lt;th field="pekerjaan" width="130" halign="center" sortable="true"&amp;gt;Pekerjaan&amp;lt;/th&amp;gt;
                        &amp;lt;th field="alamat" width="130" halign="center" sortable="true"&amp;gt;Alamat&amp;lt;/th&amp;gt;
                    &amp;lt;/tr&amp;gt;
                &amp;lt;/thead&amp;gt;
        &amp;lt;/table&amp;gt;
&lt;/code&gt;&lt;/pre&gt;</t>
  </si>
  <si>
    <t>2016-11-17 09:03:50.180000+00:00</t>
  </si>
  <si>
    <t>2016-11-17 09:09:58.513000+00:00</t>
  </si>
  <si>
    <t>Link to remote destroy is not updating div</t>
  </si>
  <si>
    <t>&lt;p&gt;I created a view that show all my invoices products and also created a link that remove an invoice product from a div and it will be updated so everytime that I remove everything will be in the same page.&lt;/p&gt;
&lt;p&gt;Here is the table&lt;/p&gt;
&lt;pre&gt;&lt;code&gt;invoices
  |id|  |name|
    1    ABC
    2    DEF
invoice_products
  |id|  |invoice_id|  |word|
    1      1           AAAA
    2      1           BBBB 
    3      2           CCCC   
    4      2           DDDD
&lt;/code&gt;&lt;/pre&gt;
&lt;p&gt;Here is the controller:&lt;/p&gt;
&lt;pre&gt;&lt;code&gt;def show
   @invoice= Invoice.find(params[:id])
end
def destroy_job
   @job = InvoiceProduct.find(params[:id])
   @invoice = @job.invoice
   @job.destroy()
   render :partial=&amp;gt;"finance_management/invoice/partials/new_subjects" }
end
&lt;/code&gt;&lt;/pre&gt;
&lt;p&gt;Here is the model&lt;/p&gt;
&lt;pre&gt;&lt;code&gt;class Invoice &amp;lt; ActiveRecord::Base
  has_many   :invoice_products
end
class InvoiceProduct &amp;lt; ActiveRecord::Base
  belongs_to :invoice
end
&lt;/code&gt;&lt;/pre&gt;
&lt;p&gt;Here is the view: "show.html.erb"&lt;/p&gt;
&lt;pre&gt;&lt;code&gt;&amp;lt;%= @invoice.id %&amp;gt;
&amp;lt;div id="table"%&amp;gt;
&amp;lt;% @invoice.invoice_products.each do |i| %&amp;gt;
   &amp;lt;%= i.name %&amp;gt;
   &amp;lt;%= i.word %&amp;gt;
   &amp;lt;%=link_to_remote(image_tag("image.png"), :update =&amp;gt; "table",:url =&amp;gt; { :controller=&amp;gt;'finance_management/invoice_product',:action =&amp;gt; 'destroy_job',:id=&amp;gt;i.id }  )%&amp;gt;
&amp;lt;% end %&amp;gt;
&amp;lt;/div&amp;gt;
&lt;/code&gt;&lt;/pre&gt;
&lt;p&gt;The log:&lt;/p&gt;
&lt;pre&gt;&lt;code&gt;ActionView::TemplateError (undefined method `invoice_products' for nil:NilClass)
&lt;/code&gt;&lt;/pre&gt;
&lt;p&gt;I created "delete_job.js.erb":&lt;/p&gt;
&lt;pre&gt;&lt;code&gt;$('table').html("&amp;lt;%= j(render partial: 'finance_management/invoice/partials/new_subjects') %&amp;gt;");
&lt;/code&gt;&lt;/pre&gt;
&lt;p&gt;But I got this error:&lt;/p&gt;
&lt;pre&gt;&lt;code&gt;NoMethodError (undefined method `invoice_products=' for nil:NilClass):
&lt;/code&gt;&lt;/pre&gt;
&lt;p&gt;The problem is that is not updating the div seems because getting nil error&lt;/p&gt;
&lt;p&gt;Somebody can help me please?&lt;/p&gt;</t>
  </si>
  <si>
    <t>2014-07-07 06:41:53.800000+00:00</t>
  </si>
  <si>
    <t>2014-07-08 19:57:09.890000+00:00</t>
  </si>
  <si>
    <t>2014-07-08 14:45:32.060000+00:00</t>
  </si>
  <si>
    <t>ruby-on-rails|ruby|ruby-on-rails-2</t>
  </si>
  <si>
    <t>Edit on Links Redirect to incorrect pages using python sphinx</t>
  </si>
  <si>
    <t>&lt;p&gt;The python project I am using uses sphinx_rtd python package for its read docs. But some of its links,when clicked on - &lt;a href="https://i.stack.imgur.com/8TXZa.jpg" rel="nofollow noreferrer"&gt;Edit on Github&lt;/a&gt; redirects to page &lt;a href="https://i.stack.imgur.com/AE9OF.jpg" rel="nofollow noreferrer"&gt;Broken Link error&lt;/a&gt;.&lt;/p&gt;
&lt;p&gt;Only layout.html and footer.html files are overrriden, But header part is not implemented. I researched through it and found breadcrumbs.html file in sphinx_rtd that I guess does this work. &lt;/p&gt;
&lt;p&gt;&lt;a href="https://github.com/rtfd/sphinx_rtd_theme/blob/master/sphinx_rtd_theme/breadcrumbs.html#L45" rel="nofollow noreferrer"&gt;https://github.com/rtfd/sphinx_rtd_theme/blob/master/sphinx_rtd_theme/breadcrumbs.html#L45&lt;/a&gt;&lt;/p&gt;
&lt;p&gt;Do I have to write breadcrumbs.rst file and write my code similar to the link shown above and build sphinx again ? or do I have to follow something different?&lt;/p&gt;</t>
  </si>
  <si>
    <t>2018-11-30 08:15:04.767000+00:00</t>
  </si>
  <si>
    <t>2018-11-30 09:38:06.223000+00:00</t>
  </si>
  <si>
    <t>python|python-3.x|python-sphinx|ckan</t>
  </si>
  <si>
    <t>Can I use Asp.Net Application User in SignalR messages?</t>
  </si>
  <si>
    <t>&lt;p&gt;Hello,  I'm starting with private messages between ASP.net users, using SignalR, everything Works fine if I'm using ConnectionId - s, In this way I can take recipient's ConnectionId and send private message to this person. Now about problem, I want store messages in database and load them on login, I'm using Standard membership of ASP.net mvc5 application, so after reconnect ConnectionId is changing. I was reading article &lt;a href="http://www.asp.net/signalr/overview/guide-to-the-api/mapping-users-to-connections" rel="nofollow"&gt;Mapping SignalR Users to Connections&lt;/a&gt;, I but cannot understand how to use IUserProvider Can you explain me how to make this taks. lot of thanks.
Here is my hub code:&lt;/p&gt;
&lt;pre&gt;&lt;code&gt;[HubName("chatHub")]
public class ChatHub : Hub
{
    static List&amp;lt;ApplicationUser&amp;gt; Users = new List&amp;lt;ApplicationUser&amp;gt;();
    private ApplicationDbContext db = new ApplicationDbContext();
    public void Send(string name, string message)
    {
        Clients.All.addMessage(name, message);
    }
    public void SendPM(string name, string privatemessage, string userid)
    {
       //This line not Works I've commented it but filling It's correct way
       //Clients.User(userid).addPM(name, privatemessage);   
       Clients.Client(userid).addPM(name, privatemessage);
    }
    public void Connect(string userName)
    {
        var id = Context.ConnectionId;
        var appuser = db.Users.FirstOrDefault(x =&amp;gt; x.UserName == userName);
        var dbUsers = db.Users.ToList();
        if (!Users.Any(x =&amp;gt; x.ConnectionId == id))
        {
            Users.Add(new ApplicationUser { ConnectionId = id, UserName = userName, Id = appuser.Id });
            Clients.Caller.onConnected(id, userName, Users);
            Clients.AllExcept(id).onNewUserConnected(id, userName);
        }
    }
    public override System.Threading.Tasks.Task OnDisconnected(bool stopCalled)
    {
        var item = Users.FirstOrDefault(x =&amp;gt; x.ConnectionId == Context.ConnectionId);
        if (item != null)
        {
            Users.Remove(item);
            var id = Context.ConnectionId;
            Clients.All.onUserDisconnected(id, item.UserName);
        }
        return base.OnDisconnected(stopCalled);
    }
}
&lt;/code&gt;&lt;/pre&gt;</t>
  </si>
  <si>
    <t>2016-07-03 13:15:35.113000+00:00</t>
  </si>
  <si>
    <t>2016-07-06 20:39:26.377000+00:00</t>
  </si>
  <si>
    <t>asp.net-mvc|signalr</t>
  </si>
  <si>
    <t>Why can't I install setuptools on my Centos 6 VPS?</t>
  </si>
  <si>
    <t>&lt;p&gt;I'm trying to install setuptools for Python2.7 on a Centos 6 VPS with Digital Ocean using &lt;a href="https://www.digitalocean.com/community/articles/how-to-set-up-python-2-7-6-and-3-3-3-on-centos-6-4" rel="nofollow"&gt;this tutorial&lt;/a&gt;. When I reach the step where you "Intall setuptools using the Python we've installed (2.7.6)", I get this error:&lt;/p&gt;
&lt;pre&gt;&lt;code&gt;[username@hotsname setuptools-1.4.2]$ python2.7 setup.py install
running install
error: can't create or remove files in install directory
The following error occurred while trying to add or remove files in the
installation directory:
    [Errno 13] Permission denied: '/usr/local/lib/python2.7/site-packages/test-easy-install-1111.write-test'
The installation directory you specified (via --install-dir, --prefix, or
the distutils default setting) was:
    /usr/local/lib/python2.7/site-packages/
Perhaps your account does not have write access to this directory?  If the
installation directory is a system-owned directory, you may need to sign in
as the administrator or "root" account.  If you do not have administrative
access to this machine, you may wish to choose a different installation
directory, preferably one that is listed in your PYTHONPATH environment
variable.
For information on other options, you may wish to consult the
documentation at:
  https://pythonhosted.org/setuptools/easy_install.html
Please make the appropriate changes for your system and try again.
&lt;/code&gt;&lt;/pre&gt;
&lt;p&gt;Now, I previously followed &lt;a href="https://www.digitalocean.com/community/articles/initial-server-setup-with-centos-6" rel="nofollow"&gt;instructions on the same digital ocean community site&lt;/a&gt; to give the user executing the above root privileges. When I try to use sudo to do this task, I get:&lt;/p&gt;
&lt;pre&gt;&lt;code&gt;[username@hostname setuptools-1.4.2]$ sudo python2.7 setup.py install
[sudo] password for username: 
sudo: python2.7: command not found
&lt;/code&gt;&lt;/pre&gt;
&lt;p&gt;So I'm a little confused. I feel like I'm probably missing something simple. Digital Ocena was unable to provide further support on this. I've worked with virtualenv for a long time and am familiar with what to do once I get it installed, I'm just stuck here as it's my first time setting up a Centos host. Can you tell what I'm missing?&lt;/p&gt;
&lt;p&gt;Thank you!&lt;/p&gt;</t>
  </si>
  <si>
    <t>2014-03-21 21:09:51.840000+00:00</t>
  </si>
  <si>
    <t>2015-04-02 15:37:49.973000+00:00</t>
  </si>
  <si>
    <t>2014-03-21 21:33:42.920000+00:00</t>
  </si>
  <si>
    <t>python|setuptools|centos6</t>
  </si>
  <si>
    <t>Why there is no BEGIN TRANSACTION statment in SQL Profiler</t>
  </si>
  <si>
    <t>&lt;p&gt;I have two POCO objects, Customer and CustomerAddress as follows. &lt;/p&gt;
&lt;pre&gt;&lt;code&gt;public partial class Customer
    {
        public Customer()
        {
            this.CustomerAddresses = new HashSet&amp;lt;CustomerAddress&amp;gt;();
            this.Orders = new HashSet&amp;lt;Order&amp;gt;();
        }
        public int ID { get; set; }
        public string LastName { get; set; }
        public string FirstName { get; set; }
        public string MiddleName { get; set; }
        public System.DateTime DateOfBirth { get; set; }
        public byte Gender { get; set; }
        public virtual ICollection&amp;lt;CustomerAddress&amp;gt; CustomerAddresses { get; set; }
        public virtual ICollection&amp;lt;Order&amp;gt; Orders { get; set; }
    }
public partial class CustomerAddress
    {
        public int ID { get; set; }
        public int CustomerID { get; set; }
        public byte AddressType { get; set; }
        public string Street { get; set; }
        public string City { get; set; }
        public string State { get; set; }
        public string Country { get; set; }
        public virtual Customer Customer { get; set; }
    }
&lt;/code&gt;&lt;/pre&gt;
&lt;p&gt;I am creating a new Customer object as follows.&lt;/p&gt;
&lt;pre&gt;&lt;code&gt;Customer cust = new Customer();
            cust.ID = 9;
            cust.LastName = "Ross";
            cust.FirstName = "Taylor";
            cust.DateOfBirth = DateTime.Now;
            cust.Gender = 0;
            CustomerAddress custAdd = new CustomerAddress();
            custAdd.ID = 9;
            custAdd.Customer = cust;
            custAdd.AddressType = 0;
            custAdd.Street = "1 Main Street";
            custAdd.City = "Princeton";
            custAdd.State = "CA";
            custAdd.Country = "USA";
            DbConnection MyContext = new DbConnection(); ;
            MyContext.Customers.Add(cust);
            MyContext.CustomerAddresses.Add(custAdd);
            MyContext.SaveChanges();
&lt;/code&gt;&lt;/pre&gt;
&lt;p&gt;I launch SQL Profiler.  When this data is been saved, there are two insert script run against database, one for Customer and other for CustomerAddress. But my confusion is that I don't see any BEGIN TRANSACTION and COMMIT statements in SQL Profiler. If for some reason insert script for CustomerAddress fail, I would like whole transaction to fail and I am not sure if I will get it without a BEGIN TRANSACTION. Is there something I am doing wrong here? &lt;/p&gt;</t>
  </si>
  <si>
    <t>2012-10-31 09:01:54.907000+00:00</t>
  </si>
  <si>
    <t>c#|sql-server|transactions|entity-framework-4.1|dbcontext</t>
  </si>
  <si>
    <t>servicemix change karaf password</t>
  </si>
  <si>
    <t>&lt;p&gt;I have a ServiceMix 5.3.2 instance running.
I have changed the karaf password changing the &lt;code&gt;etc/users.properties&lt;/code&gt; file as following:&lt;/p&gt;
&lt;pre&gt;&lt;code&gt;     karaf = karaf_2,_g_:admingroup
&lt;/code&gt;&lt;/pre&gt;
&lt;p&gt;The problem is that when I use the activemq webconsol I have this exception in the log&lt;/p&gt;
&lt;pre&gt;&lt;code&gt;    2016-06-21 12:07:43,296 | WARN  | .0.1:50986@61616 | TransportConnection              | ?                                   ? | 90 - org.apache.activemq.activemq-osgi - 5.10.2 | Failed to add Connection ID:xxxxx-43557-1466503663160-1:1
    java.lang.SecurityException: User name [karaf] or password is invalid.
        at org.apache.activemq.security.JaasAuthenticationBroker.addConnection(JaasAuthenticationBroker.java:80)[90:org.apache.activemq.activemq-osgi:5.10.2]
        at org.apache.activemq.broker.MutableBrokerFilter.addConnection(MutableBrokerFilter.java:102)[90:org.apache.activemq.activemq-osgi:5.10.2]
        at org.apache.activemq.broker.TransportConnection.processAddConnection(TransportConnection.java:809)[90:org.apache.activemq.activemq-osgi:5.10.2]
        at org.apache.activemq.broker.jmx.ManagedTransportConnection.processAddConnection(ManagedTransportConnection.java:79)[90:org.apache.activemq.activemq-osgi:5.10.2]
        at org.apache.activemq.command.ConnectionInfo.visit(ConnectionInfo.java:139)[90:org.apache.activemq.activemq-osgi:5.10.2]
        at org.apache.activemq.broker.TransportConnection.service(TransportConnection.java:334)[90:org.apache.activemq.activemq-osgi:5.10.2]
        at org.apache.activemq.broker.TransportConnection$1.onCommand(TransportConnection.java:188)[90:org.apache.activemq.activemq-osgi:5.10.2]
        at org.apache.activemq.transport.MutexTransport.onCommand(MutexTransport.java:50)[90:org.apache.activemq.activemq-osgi:5.10.2]
        at org.apache.activemq.transport.WireFormatNegotiator.onCommand(WireFormatNegotiator.java:113)[90:org.apache.activemq.activemq-osgi:5.10.2]
        at org.apache.activemq.transport.AbstractInactivityMonitor.onCommand(AbstractInactivityMonitor.java:270)[90:org.apache.activemq.activemq-osgi:5.10.2]
        at org.apache.activemq.transport.TransportSupport.doConsume(TransportSupport.java:83)[90:org.apache.activemq.activemq-osgi:5.10.2]
        at org.apache.activemq.transport.tcp.TcpTransport.doRun(TcpTransport.java:214)[90:org.apache.activemq.activemq-osgi:5.10.2]
        at org.apache.activemq.transport.tcp.TcpTransport.run(TcpTransport.java:196)[90:org.apache.activemq.activemq-osgi:5.10.2]
        at java.lang.Thread.run(Thread.java:745)[:1.7.0_80]
    Caused by: javax.security.auth.login.FailedLoginException: login failed
        at org.apache.karaf.jaas.modules.properties.PropertiesLoginModule.login(PropertiesLoginModule.java:127)
        at org.apache.karaf.jaas.boot.ProxyLoginModule.login(ProxyLoginModule.java:83)[karaf-jaas-boot.jar:]
        at sun.reflect.NativeMethodAccessorImpl.invoke0(Native Method)[:1.7.0_80]
        at sun.reflect.NativeMethodAccessorImpl.invoke(NativeMethodAccessorImpl.java:57)[:1.7.0_80]
        at sun.reflect.DelegatingMethodAccessorImpl.invoke(DelegatingMethodAccessorImpl.java:43)[:1.7.0_80]
        at java.lang.reflect.Method.invoke(Method.java:606)[:1.7.0_80]
        at javax.security.auth.login.LoginContext.invoke(LoginContext.java:762)[:1.7.0_80]
        at javax.security.auth.login.LoginContext.access$000(LoginContext.java:203)[:1.7.0_80]
        at javax.security.auth.login.LoginContext$4.run(LoginContext.java:690)[:1.7.0_80]
        at javax.security.auth.login.LoginContext$4.run(LoginContext.java:688)[:1.7.0_80]
        at java.security.AccessController.doPrivileged(Native Method)[:1.7.0_80]
        at javax.security.auth.login.LoginContext.invokePriv(LoginContext.java:687)[:1.7.0_80]
        at javax.security.auth.login.LoginContext.login(LoginContext.java:595)[:1.7.0_80]
        at org.apache.activemq.security.JaasAuthenticationBroker.addConnection(JaasAuthenticationBroker.java:73)[90:org.apache.activemq.activemq-osgi:5.10.2]
        ... 13 more
    2016-06-21 12:07:43,298 | WARN  | .0.1:50986@61616 | Service                          | ?                                   ? | 90 - org.apache.activemq.activemq-osgi - 5.10.2 | Security Error occurred: User name [karaf] or password is invalid.
    org.apache.jasper.JasperException: org.springframework.beans.factory.BeanCreationException: Error creating bean with name 'queueBrowser' defined in ServletContext resource [/WEB-INF/webconsole-query.xml]: Instantiation of bean failed; nested exception is org.springframework.beans.BeanInstantiationException: Could not instantiate bean class [org.apache.activemq.web.QueueBrowseQuery]: Constructor threw exception; nested exception is javax.jms.JMSSecurityException: User name [karaf] or password is invalid.
    2016-06-21 12:07:43,304 | WARN  | qtp2055058088-69 | ServletHandler                   | ?                                   ? | 64 - org.eclipse.jetty.aggregate.jetty-all-server - 8.1.15.v20140411 | 
&lt;/code&gt;&lt;/pre&gt;
&lt;p&gt;I think I have to change the default password for the webconsole but I do not understand how to do this.
I tried to change the file &lt;code&gt;etc/org.apache.activemq.webconsole.cfg&lt;/code&gt; but without success.
Thanks in advance&lt;/p&gt;</t>
  </si>
  <si>
    <t>2016-06-21 10:14:46.647000+00:00</t>
  </si>
  <si>
    <t>2018-09-28 21:18:53.757000+00:00</t>
  </si>
  <si>
    <t>java|authentication|activemq|apache-karaf|apache-servicemix</t>
  </si>
  <si>
    <t>jQuery vs document.querySelectorAll</t>
  </si>
  <si>
    <t>&lt;p&gt;I heard several times that jQuery's strongest asset is the way it queries and manipulates elements in the DOM: you can use CSS queries to create complex queries that would be very hard to do in regular javascript . 
However , as far as I know, you can achieve the same result with &lt;code&gt;document.querySelector&lt;/code&gt; or &lt;code&gt;document.querySelectorAll&lt;/code&gt;, which are supported in Internet Explorer 8 and above. &lt;/p&gt;
&lt;p&gt;So the question is this: why 'risk' jQuery's overhead if its strongest asset can be achieved with pure JavaScript? &lt;/p&gt;
&lt;p&gt;I know jQuery has more than just CSS selectors, for example cross browser AJAX, nice event attaching etc. But its querying part is a very big part of the strength of jQuery!&lt;/p&gt;
&lt;p&gt;Any thoughts?&lt;/p&gt;</t>
  </si>
  <si>
    <t>2012-07-16 11:41:33.707000+00:00</t>
  </si>
  <si>
    <t>2018-09-19 12:33:13.053000+00:00</t>
  </si>
  <si>
    <t>2018-05-01 10:53:32.870000+00:00</t>
  </si>
  <si>
    <t>javascript|jquery|html|css-selectors|jquery-selectors</t>
  </si>
  <si>
    <t>Resources in static library question</t>
  </si>
  <si>
    <t>&lt;p&gt;&lt;em&gt;This isn't a duplicate of &lt;a href="https://stackoverflow.com/questions/531502/vc-resources-in-a-static-library"&gt;VC++ resources in a static library&lt;/a&gt; because it didn't help :)&lt;/em&gt;&lt;/p&gt;
&lt;p&gt;I have a static library with &lt;strong&gt;&lt;em&gt;TWO&lt;/em&gt;&lt;/strong&gt; &lt;code&gt;.rc&lt;/code&gt; files in it's project. When I build my project using the &lt;code&gt;Debug&lt;/code&gt; configuration, I retrieve the following error (MSVS2008):&lt;/p&gt;
&lt;pre&gt;&lt;code&gt;fatal error LNK1241: resource file res_yyy.res already specified
&lt;/code&gt;&lt;/pre&gt;
&lt;p&gt;Note, that this happens only in &lt;code&gt;Debug&lt;/code&gt; and &lt;code&gt;Release&lt;/code&gt; library builds without any troubles. The command line for &lt;code&gt;Resources&lt;/code&gt; page in project configuration looks the same for every build:&lt;/p&gt;
&lt;pre&gt;&lt;code&gt;/fo"...(Path here)/Debug/project_name.res"
/fo"...(Path here)/Release/project_name.res"
&lt;/code&gt;&lt;/pre&gt;
&lt;p&gt;and I can't understand what's the trouble. &lt;em&gt;Any ideas?&lt;/em&gt;&lt;/p&gt;
&lt;h1&gt;UPDATE&lt;/h1&gt;
&lt;p&gt;I don't know why this happens, but when I turn "Use Link-Time Code Generation" option on the problem goes away. &lt;/p&gt;
&lt;p&gt;&lt;em&gt;Could somebody explain why does this happen?&lt;/em&gt; I feel like MS-compiler is doing something really strange here.&lt;/p&gt;
&lt;p&gt;Thanks.&lt;/p&gt;</t>
  </si>
  <si>
    <t>2010-06-09 13:21:51.643000+00:00</t>
  </si>
  <si>
    <t>2015-10-26 22:08:14.570000+00:00</t>
  </si>
  <si>
    <t>2017-05-23 12:06:59.150000+00:00</t>
  </si>
  <si>
    <t>c++|resources|build|debugging|static-libraries</t>
  </si>
  <si>
    <t>Rails 3: Uniqueness validation for nested fields_for - Part2</t>
  </si>
  <si>
    <t>&lt;p&gt;I am new to coding - and have not enough reputation to comment this answer:
&lt;a href="https://stackoverflow.com/questions/5482777/rails-3-uniqueness-validation-for-nested-fields-for/10641150#10641150"&gt;Rails 3: Uniqueness validation for nested fields_for&lt;/a&gt;&lt;/p&gt;
&lt;p&gt;So i am creating this question as "Part 2" :)&lt;/p&gt;
&lt;p&gt;hey guys pls help me - i am a web designer but curious to learn coding, held with this from my days.&lt;/p&gt;
&lt;pre&gt;&lt;code&gt;# app/validators/nested_attributes_uniqueness_validator.rb   
class NestedAttributesUniquenessValidator &amp;lt; ActiveModel::EachValidator
        record.errors[attribute] &amp;lt;&amp;lt; "Products names must be unique" unless value.map(&amp;amp;:name).uniq.size == value.size
      end
end
&lt;/code&gt;&lt;/pre&gt;
&lt;p&gt;above code with "ActiveModel::EachValidator" throw this error:&lt;/p&gt;
&lt;p&gt;"undefined method `map' for "Area 1":String"&lt;/p&gt;
&lt;hr&gt;
&lt;pre&gt;&lt;code&gt;# app/validators/nested_attributes_uniqueness_validator.rb   
class NestedAttributesUniquenessValidator &amp;lt; ActiveModel::Validator
    record.errors[attribute] &amp;lt;&amp;lt; "Products names must be unique" unless value.map(&amp;amp;:name).uniq.size == value.size
  end
end
&lt;/code&gt;&lt;/pre&gt;
&lt;p&gt;above code with "ActiveModel::Validator" throw this error:&lt;/p&gt;
&lt;p&gt;"Subclasses must implement a validate(record) method. "&lt;/p&gt;
&lt;hr&gt;
&lt;p&gt;this is model file:&lt;/p&gt;
&lt;pre&gt;&lt;code&gt;class Area &amp;lt; ActiveRecord::Base
  validates :name,
            :presence =&amp;gt; true,
            :uniqueness =&amp;gt; {:scope =&amp;gt; :city_id},
            :nested_attributes_uniqueness =&amp;gt; {:field =&amp;gt; :name}
  belongs_to :city
end
&lt;/code&gt;&lt;/pre&gt;
&lt;hr&gt;
&lt;p&gt;You can find complete code over here:
&lt;a href="https://github.com/syed-haroon/rose" rel="nofollow noreferrer"&gt;https://github.com/syed-haroon/rose&lt;/a&gt;&lt;/p&gt;</t>
  </si>
  <si>
    <t>2012-05-19 18:27:47.560000+00:00</t>
  </si>
  <si>
    <t>2014-07-26 05:46:36.110000+00:00</t>
  </si>
  <si>
    <t>2017-05-23 12:33:57.317000+00:00</t>
  </si>
  <si>
    <t>Change element's text in CakePHP</t>
  </si>
  <si>
    <t>&lt;p&gt;I have an element called &lt;code&gt;userbar&lt;/code&gt; on every page - it tells the user if he/she is logged in or not. I created this element and echoed it in default.ctp:&lt;/p&gt;
&lt;pre&gt;&lt;code&gt;&amp;lt;?php echo $this-&amp;gt;element('userbar', array('text' =&amp;gt; 'You are not logged in.')); ?&amp;gt;
&lt;/code&gt;&lt;/pre&gt;
&lt;p&gt;Now it shows on every page. However, I &lt;a href="http://book.cakephp.org/2.0/en/views.html#elements" rel="nofollow"&gt;can't find anywhere&lt;/a&gt; how to change this text. For e.g., I would like to access this element from some controller and change it. How?&lt;/p&gt;</t>
  </si>
  <si>
    <t>2013-01-13 09:07:21.250000+00:00</t>
  </si>
  <si>
    <t>2013-01-13 11:53:17.567000+00:00</t>
  </si>
  <si>
    <t>2013-01-13 09:45:49.340000+00:00</t>
  </si>
  <si>
    <t>php|cakephp</t>
  </si>
  <si>
    <t>Linphone change "replace + by 00" funcation</t>
  </si>
  <si>
    <t>&lt;p&gt;i all i am making a project using linphone in account there is option of "Replace + by 00".&lt;br&gt;
Example :- if number the number is saved in our phone&lt;br&gt;
+91-12345678 after using this option "replace + 00" what it does change this number to 0091-12345678.&lt;br&gt;
what i need is i want to change "replace + 00" to "replace + 900" mean&lt;br&gt;
the number should be 90091-12345678 i am not able to find where that string is where i can change 00 by 900. if anyone is using the linphone or any other user please help me with it.&lt;br&gt;
Thanks&lt;/p&gt;</t>
  </si>
  <si>
    <t>2017-10-28 06:06:11.317000+00:00</t>
  </si>
  <si>
    <t>2017-10-29 19:03:55.293000+00:00</t>
  </si>
  <si>
    <t>voip|linphone|sip-server|linphone-sdk</t>
  </si>
  <si>
    <t>How to fix web api controller unit testing exception - accept header invalid</t>
  </si>
  <si>
    <t>&lt;p&gt;I'm using the Request.CreateResponse method in asp.net web api (.net 4.5) to attempt to return a response after a PUT op.&lt;/p&gt;
&lt;pre&gt;&lt;code&gt;documentSession.SaveChanges();
// Http PUT response must return URI to created / updated resource  
// Line below throws exception                              
var response = Request.CreateResponse&amp;lt;T&amp;gt;(HttpStatusCode.Created, resource);
response.Headers.Location = new Uri(Request.RequestUri, pathToResource);
return response;
&lt;/code&gt;&lt;/pre&gt;
&lt;p&gt;My unit tests currently use this method to setup the request context:&lt;/p&gt;
&lt;pre&gt;&lt;code&gt;public static void SetupControllerContext(BaseApiController controller, HttpMethod method)
{                   
       controller.Request = new HttpRequestMessage(method, "http://localhost");
       //controller.Request.Headers.Add("Accept", "application/json");            
       var configuration = new System.Web.Http.HttpConfiguration(new System.Web.Http.HttpRouteCollection());            
       controller.Request.Properties["MS_HttpConfiguration"] = configuration;
}
&lt;/code&gt;&lt;/pre&gt;
&lt;p&gt;The exception (thrown on the Request.CreateResponse method above) is:
&lt;strong&gt;The format of value 'application/json; charset=utf-8' is invalid.&lt;/strong&gt;&lt;/p&gt;
&lt;p&gt;Stacktrace:&lt;/p&gt;
&lt;pre&gt;&lt;code&gt; at System.Net.Http.Headers.MediaTypeHeaderValue.CheckMediaTypeFormat(String mediaType, String parameterName)
   at System.Net.Http.Headers.MediaTypeHeaderValue..ctor(String mediaType)
   at System.Net.Http.ObjectContent.BuildHeaderValue(String mediaType)
   at System.Net.Http.ObjectContent`1..ctor(T value, MediaTypeFormatter formatter, String mediaType)
   at System.Net.Http.HttpRequestMessageExtensions.CreateResponse[T](HttpRequestMessage request, HttpStatusCode statusCode, T value, HttpConfiguration configuration)
   at System.Net.Http.HttpRequestMessageExtensions.CreateResponse[T](HttpRequestMessage request, HttpStatusCode statusCode, T value)
   at SoftModel.UI.Html.Controllers.BaseApiController.SaveChanges[T](T resource, String pathToResource) in c:\Users\Us\Documents\Visual Studio 2010\Projects\SoftModel\SoftModel.UI.Html\Controllers\BaseApiController.cs:line 113
   at SoftModel.UI.Html.Controllers.InstanceController.Put(Record record) in c:\Users\Us\Documents\Visual Studio 2010\Projects\SoftModel\SoftModel.UI.Html\Controllers\InstanceController.cs:line 62
   at SoftModel.Tests.InstanceApiControllerTests.Put_Valid_Record_Returns_Record_URI() in c:\Users\Us\Documents\Visual Studio 2010\Projects\SoftModel\SoftModel.Tests\InstanceControllerTests.cs:line 69
&lt;/code&gt;&lt;/pre&gt;
&lt;p&gt;I've checked the source of the MediaTypeHeaderValue and cannot work out what is wrong?&lt;/p&gt;</t>
  </si>
  <si>
    <t>2012-10-06 02:16:15.640000+00:00</t>
  </si>
  <si>
    <t>2017-10-05 16:59:35.900000+00:00</t>
  </si>
  <si>
    <t>2012-10-06 02:33:51.633000+00:00</t>
  </si>
  <si>
    <t>c#|asp.net|rest</t>
  </si>
  <si>
    <t>In R, looking for a more detailed str() showing full names or a tree</t>
  </si>
  <si>
    <t>&lt;p&gt;I want to change parts of a &lt;code&gt;ggplot2&lt;/code&gt; object made by a function and returned as a result, to remove the Y-axis label. No, the function does not allow that to be specified in the first place so I want to change it after the fact. &lt;/p&gt;
&lt;pre&gt;&lt;code&gt;str(theObject) ## shows the nested structure with parts shortened to ".." and I want to be able to type something like:
theObject$A$B$C$myLabel &amp;lt;- ""
&lt;/code&gt;&lt;/pre&gt;
&lt;p&gt;So how can I either make an &lt;code&gt;str&lt;/code&gt; -like listing with full paths like that or perhaps draw a tree structure showing the inner working of the object?&lt;/p&gt;
&lt;p&gt;Yes, I can figure things out using &lt;code&gt;names(theObject)&lt;/code&gt; and finding which branch leads to what I am looking for, then switching to that branch and repeating but it looks like there could be a better automated way to find a leaf node such as:&lt;/p&gt;
&lt;pre&gt;&lt;code&gt;leaf_str(obj=theObject, leaf="myLabel")
&lt;/code&gt;&lt;/pre&gt;
&lt;p&gt;might return zero or more lines like:&lt;/p&gt;
&lt;pre&gt;&lt;code&gt;theObject$A$B$C$myLabel
theObject$A$X$Y$Z$myLabel
&lt;/code&gt;&lt;/pre&gt;
&lt;p&gt;Or, the entire structure could be put out as a series of such lines.&lt;/p&gt;
&lt;p&gt;I have searched and found nothing quite like this. I can see lots of uses especially in teaching what an object is. Yes, S4 objects might also use @ as well as $.&lt;/p&gt;</t>
  </si>
  <si>
    <t>2016-12-01 05:12:49.427000+00:00</t>
  </si>
  <si>
    <t>2016-12-01 06:55:46.267000+00:00</t>
  </si>
  <si>
    <t>Close a specific Form and showing another Form on the Same Event in Visual Studio 2008</t>
  </si>
  <si>
    <t>&lt;p&gt;I have 2 Forms. &lt;/p&gt;
&lt;pre&gt;&lt;code&gt;Form1: Containing a Button
Form2: Contains a label
&lt;/code&gt;&lt;/pre&gt;
&lt;p&gt;I want on button click event the Form1 closes and immediately Form2 appears&lt;/p&gt;
&lt;p&gt;My code for Form1 is: &lt;/p&gt;
&lt;pre&gt;&lt;code&gt;private void button1_Click(object sender, EventArgs e)
{            
     Form2 obj = new Form2();
     obj.Show();
     this.Close();            
}
&lt;/code&gt;&lt;/pre&gt;
&lt;p&gt;Here the Problem is when i click the button, the Form2 appears for some miliseconds and get closed with Form1.
i Want to overcome the problem by just closing the Form1.&lt;/p&gt;
&lt;p&gt;Help...&lt;/p&gt;</t>
  </si>
  <si>
    <t>2014-06-10 14:20:58+00:00</t>
  </si>
  <si>
    <t>2014-06-10 14:52:26.610000+00:00</t>
  </si>
  <si>
    <t>2014-06-10 14:22:28.733000+00:00</t>
  </si>
  <si>
    <t>c#|winforms|visual-studio-2008</t>
  </si>
  <si>
    <t>Ho to store results of loop in .csv ? (Python)</t>
  </si>
  <si>
    <t>&lt;p&gt;I'm running tweepy and I don't know how to store tweets in a csv file&lt;/p&gt;
&lt;pre&gt;&lt;code&gt;for tweet in tweepy.Cursor(api.search,q=search+
    lang="en").items(num_tweets):
    data = tweet.text
    print (tweet.text)
import csv
c = csv.writer(open("file.csv", "w"))
c.writerow(data)
&lt;/code&gt;&lt;/pre&gt;
&lt;p&gt;csv.Error: iterable expected, not float&lt;/p&gt;
&lt;p&gt;I'l also tried float(data) but it's not working.&lt;/p&gt;
&lt;p&gt;My goal is to store these tweets in csv file to have the format required by cool.api&lt;/p&gt;
&lt;pre&gt;&lt;code&gt;# batch example
cool.api([
    "I love Stack Overflow!",
    "Barack Obama is better at Twitter than Donald Trump."
])
&lt;/code&gt;&lt;/pre&gt;</t>
  </si>
  <si>
    <t>2017-07-05 20:04:46.517000+00:00</t>
  </si>
  <si>
    <t>2017-07-06 20:12:54.213000+00:00</t>
  </si>
  <si>
    <t>2017-07-05 20:22:43.593000+00:00</t>
  </si>
  <si>
    <t>python|csv</t>
  </si>
  <si>
    <t>r stacked bar total value</t>
  </si>
  <si>
    <t>&lt;p&gt;I want to create a plot (EDA) about data that is collected from houses (devices in houses). But I'm stuck..&lt;/p&gt;
&lt;p&gt;The data is looking like this: &lt;/p&gt;
&lt;pre&gt;&lt;code&gt;df$device    df$date       df$time    df$value
boiler       2015-01-13    12:15      0.0009
boiler       2015-01-13    12:30      0.0007
boiler       2015-01-13    12:45      0.0005
boiler       2015-01-13    13:00      0.0010
TV           2015-01-13    12:15      0.0009
TV           2015-01-13    12:30      0.0007
TV           2015-01-13    12:45      0.0005
TV           2015-01-13    13:00      0.0010
boiler       2015-01-14    12:15      0.0009
boiler       2015-01-14    12:30      0.0007
boiler       2015-01-14    12:45      0.0005
boiler       2015-01-14    13:00      0.0010
TV           2015-01-14    12:15      0.0009
TV           2015-01-14    12:30      0.0007
TV           2015-01-14    12:45      0.0005
TV           2015-01-14    13:00      0.0010
&lt;/code&gt;&lt;/pre&gt;
&lt;p&gt;The data is measured over 8 months (Jan till September). I want to make a plot, with:
    Y- axis = measured value 
    X- axis = months 
    Plots = all the devices &lt;/p&gt;
&lt;p&gt;I tried, with: &lt;/p&gt;
&lt;pre&gt;&lt;code&gt;df$monthnumber &amp;lt;- month(df$Date)
test &amp;lt;- table(df$Device, df$monthnumber)
barplot(counts1,col=rainbow(7), xlim = c(1,15),
        legend = c(rownames(counts1)), bty = "L") 
&lt;/code&gt;&lt;/pre&gt;
&lt;p&gt;What lead to the next image: &lt;/p&gt;
&lt;p&gt;Result: &lt;img src="https://i.stack.imgur.com/0mFWw.jpg" alt="enter image description here"&gt;
But, that is wrong. Because it contains how often an device is measured. I do not know how I can add the TOTAL VALUE per month for each application (a summation). &lt;/p&gt;
&lt;p&gt;I tried:&lt;/p&gt;
&lt;pre&gt;&lt;code&gt;test$value &amp;lt;- aggregate (df$Measurevalue, by = list(genergy$Device), sum)
&lt;/code&gt;&lt;/pre&gt;
&lt;p&gt;But an error was given: &lt;/p&gt;
&lt;blockquote&gt;
  &lt;p&gt;Error in $&amp;lt;-.data.frame(&lt;em&gt;tmp&lt;/em&gt;, "value", value = list(Group.1 = c("Boiler",       :&lt;br&gt;
    replacement has 7 rows, data has 285896&lt;/p&gt;
&lt;/blockquote&gt;
&lt;p&gt;How can I tackle this problem? 
- A stacked bar, with the TOTAL VALUE of each device, with (&lt;code&gt;y= energy&lt;/code&gt;), (&lt;code&gt;X= months&lt;/code&gt;)&lt;/p&gt;</t>
  </si>
  <si>
    <t>2016-06-24 09:54:25.627000+00:00</t>
  </si>
  <si>
    <t>2016-06-27 08:08:23.357000+00:00</t>
  </si>
  <si>
    <t>2016-06-24 12:12:41.300000+00:00</t>
  </si>
  <si>
    <t>user5947793</t>
  </si>
  <si>
    <t>r|plot|stacked</t>
  </si>
  <si>
    <t>Angular 2 modify view html after processing</t>
  </si>
  <si>
    <t>&lt;p&gt;I have below angular 2 code&lt;/p&gt;
&lt;pre&gt;&lt;code&gt;import { Component } from '@angular/core';
@Component({
  selector: 'app-root',
  template: 'Waiting on port ',
})
export class AppComponent {
}
&lt;/code&gt;&lt;/pre&gt;
&lt;p&gt;As an example I would like to append text "3000" to the template output dynamically. How can this be achieved? &lt;/p&gt;
&lt;p&gt;So, final output must be "Waiting on port 3000"&lt;/p&gt;
&lt;p&gt;EDIT: I should have been a bit more specific. I was expecting answer something like a response object where I could modify the html before it is sent to "frontend" rendering. So, Angular 2 would process binding all the details in the template and then I get the modify the html.&lt;/p&gt;</t>
  </si>
  <si>
    <t>2017-02-11 16:48:51.630000+00:00</t>
  </si>
  <si>
    <t>2017-02-14 10:20:45.730000+00:00</t>
  </si>
  <si>
    <t>2017-02-11 17:28:57.543000+00:00</t>
  </si>
  <si>
    <t>javascript|angular|typescript</t>
  </si>
  <si>
    <t>call instruction don't works in asm block</t>
  </si>
  <si>
    <t>&lt;p&gt;I'm trying to use the call statement within a block in asm Builder, but it does not work:&lt;/p&gt;
&lt;pre&gt;&lt;code&gt;asm {
     (...)
    @arctan:
     call @tan
         cmp cx, is_radian
     jnz @esta_convertido
     call @to_degree
@esta_convertido:
     fld1
     fpatan
     fld CENTO_OITENTA
     fmul
     fldpi
     fdiv
     ret
(...)
&lt;/code&gt;&lt;/pre&gt;
&lt;p&gt;}&lt;/p&gt;
&lt;p&gt;Errors:
E2451 Undefined symbol '@to_degree'&lt;/p&gt;
&lt;p&gt;E2451 Undefined symbol 'void'&lt;/p&gt;
&lt;p&gt;E2329 Invalid combination of opcode and operands&lt;/p&gt;</t>
  </si>
  <si>
    <t>2013-10-19 21:26:47.537000+00:00</t>
  </si>
  <si>
    <t>2013-10-19 21:31:48.933000+00:00</t>
  </si>
  <si>
    <t>assembly|call|builder</t>
  </si>
  <si>
    <t>Need help Sorting numbers with arrayList</t>
  </si>
  <si>
    <t>&lt;p&gt;I'm continuously having problems with this computer Assignment. Essentially we have to edit the two add methods of ArrayList, so that it will allow us to store integers going from highest to lowest. &lt;/p&gt;
&lt;p&gt;Here is the code my professor provided to test our add methods:&lt;/p&gt;
&lt;pre&gt;&lt;code&gt;package Asg3;
import java.util.ArrayList;
import myUtil.SortedArrayList;
/**
 * Don't modify any of the following codes. 
 * 
 * 2/14/2016
 * 
 * @author Chung-Chih Li
 */
public class Asg3 {
    public static void testInteger() {
        SortedArrayList&amp;lt;Integer&amp;gt; sorted= new SortedArrayList&amp;lt;Integer&amp;gt;();
        for (int i=0;i&amp;lt;20;i++) {
            sorted.add((int)(Math.random()*1000));
        }
        int bad=0;
        for (int i=0;i&amp;lt;20;i++) {
            try {
                sorted.add((int)(Math.random()*1000)%sorted.size(),(int)(Math.random()*1000));
            } catch (IllegalArgumentException e) {
                System.out.print(".");
                bad++;
            }
        System.out.println("\nsize: "+sorted.size()+"  bad insertions: "+bad);
        System.out.println(sorted.toString());}}
    public static void main(String[] args) {
        testInteger();
    }
}
&lt;/code&gt;&lt;/pre&gt;
&lt;p&gt;Here are my two add methods:&lt;/p&gt;
&lt;pre&gt;&lt;code&gt;package myUtil;
public class SortedArrayList&amp;lt;T extends Comparable&amp;lt;T&amp;gt;&amp;gt;extends java.util.ArrayList&amp;lt;T&amp;gt;
{
    public SortedArrayList()
    {
        super();
    }
    public SortedArrayList(int capacity)
    {
        super();
    }
    @Override
    public boolean add(T item)
    {
        if(this.size()!=0)
        {
            int index=this.size()-1;
            //tests to see if item is greater than the last index and if so places it there
            if(item.compareTo(this.get(index))&amp;gt;=0)
            {
                super.add(item);
            }
            else
            {//tests to see at what index other than the last index, would be appropriate to place the item in.
                for(int i=1; i&amp;lt;this.size()-1;i++)
                {
                    if(item.compareTo(this.get(i-1))&amp;lt;=0 &amp;amp;&amp;amp; item.compareTo(this.get(i+1))&amp;gt;=0)
                        {super.add(i,item);
                        return true;}
                    else
                        continue;
                }//fix add method
            }
        }
        else
            {super.add(0, item);}
        return true;
    }
    @Override//fix add method
    public void add(int i, T item)
    {   
        if(i==0)
        {
            if(item.compareTo(this.get(i))==0&amp;amp;&amp;amp;item.compareTo(this.get(i+1))&amp;gt;0)
            {
                super.add(i,item);
            }
        }
        else
        {
            try{
            if(item.compareTo(this.get(i-1))&amp;lt;0 &amp;amp;&amp;amp; item.compareTo(this.get(i+1))&amp;gt;0)
            super.add(i, item); }
        catch(IndexOutOfBoundsException e){throw new IllegalArgumentException();}   
        }   
}}
&lt;/code&gt;&lt;/pre&gt;
&lt;p&gt;Now my program compiles but the amount of integers I have stored in the arraylist is way to few. The array list should be storing 20+ integers. I know that my boolean add method is the problem.&lt;/p&gt;
&lt;p&gt;Any help you guys could offer me is as always much appreciated.&lt;/p&gt;</t>
  </si>
  <si>
    <t>2016-02-29 21:27:27.897000+00:00</t>
  </si>
  <si>
    <t>2016-02-29 21:56:00.153000+00:00</t>
  </si>
  <si>
    <t>2016-02-29 21:38:08.150000+00:00</t>
  </si>
  <si>
    <t>java|arraylist</t>
  </si>
  <si>
    <t>Getting consecutive elements and remove them</t>
  </si>
  <si>
    <t>&lt;p&gt;I have an array of indices of triangles, basically a std::vector 
I have three numbers that I want to remove by value, but they must be consecutive. &lt;/p&gt;
&lt;p&gt;I tried to use the code below:&lt;/p&gt;
&lt;pre&gt;&lt;code&gt;updatedIndices.erase(std::remove(updatedIndices.begin(), updatedIndices.end(), u1), updatedIndices.end());
updatedIndices.erase(std::remove(updatedIndices.begin(), updatedIndices.end(), u2), updatedIndices.end());
updatedIndices.erase(std::remove(updatedIndices.begin(), updatedIndices.end(), u3), updatedIndices.end());
&lt;/code&gt;&lt;/pre&gt;
&lt;p&gt;where &lt;code&gt;u1&lt;/code&gt;, &lt;code&gt;u2&lt;/code&gt;, &lt;code&gt;u3&lt;/code&gt; are the three value numbers that needs to be removed. They must be consecutive in the array.
Is there a fast stl approach to do it?&lt;/p&gt;</t>
  </si>
  <si>
    <t>2018-01-20 20:36:58.443000+00:00</t>
  </si>
  <si>
    <t>2018-01-20 20:54:38.107000+00:00</t>
  </si>
  <si>
    <t>2018-01-20 20:45:03.900000+00:00</t>
  </si>
  <si>
    <t>JQuery mobile Map doesn't show</t>
  </si>
  <si>
    <t>&lt;p&gt;Something is wrong with my google map code.&lt;/p&gt;
&lt;p&gt;&lt;div class="snippet" data-lang="js" data-hide="false"&gt;_x000D_
&lt;div class="snippet-code"&gt;_x000D_
&lt;pre class="snippet-code-js lang-js prettyprint-override"&gt;&lt;code&gt;var mapCenter = new google.maps.LatLng(40.5968, 22.9683); //Google map Coordinates_x000D_
var map;_x000D_
_x000D_
map_initialize(); // initialize google map_x000D_
_x000D_
//############### Google Map Initialize ##############_x000D_
function map_initialize() {_x000D_
  var googleMapOptions = {_x000D_
    center: mapCenter, // map center_x000D_
    zoom: 15, //zoom level, 0 = earth view to higher value_x000D_
    maxZoom: 18,_x000D_
    minZoom: 12,_x000D_
    zoomControlOptions: {_x000D_
      style: google.maps.ZoomControlStyle.SMALL //zoom control size_x000D_
    },_x000D_
    scaleControl: true, // enable scale control_x000D_
    mapTypeId: google.maps.MapTypeId.ROADMAP // google map type_x000D_
  };_x000D_
_x000D_
  map = new google.maps.Map(document.getElementById("google_map"), googleMapOptions);_x000D_
}_x000D_
_x000D_
google.maps.event.addDomListener(window, 'load', initialize);&lt;/code&gt;&lt;/pre&gt;_x000D_
&lt;pre class="snippet-code-html lang-html prettyprint-override"&gt;&lt;code&gt;&amp;lt;script src="https://ajax.googleapis.com/ajax/libs/jquery/1.10.2/jquery.min.js"&amp;gt;&amp;lt;/script&amp;gt;_x000D_
&amp;lt;div id="google_map"&amp;gt;&amp;lt;/div&amp;gt;&lt;/code&gt;&lt;/pre&gt;_x000D_
&lt;/div&gt;_x000D_
&lt;/div&gt;_x000D_
&lt;/p&gt;</t>
  </si>
  <si>
    <t>2015-03-11 10:08:20.273000+00:00</t>
  </si>
  <si>
    <t>2015-03-11 11:28:51.183000+00:00</t>
  </si>
  <si>
    <t>google-maps|jquery-mobile</t>
  </si>
  <si>
    <t>invalid object type while creating the function</t>
  </si>
  <si>
    <t>&lt;p&gt;I'm pretty new to PL/SQL and can't understand what's wrong.&lt;/p&gt;
&lt;p&gt;I create new type&lt;/p&gt;
&lt;p&gt;&lt;code&gt;create or replace TYPE  "hmdtype" is object(entity_id number, tipe varchar2(200), oper_id number, message varchar2(200))&lt;/code&gt;&lt;/p&gt;
&lt;p&gt;Compile it, it's OK. &lt;/p&gt;
&lt;p&gt;Then I'm trying to create function which returns this type:&lt;/p&gt;
&lt;pre&gt;&lt;code&gt;    create or replace FUNCTION HDM RETURN HMDTYPE AS 
BEGIN
  RETURN NULL;
END HDM;
&lt;/code&gt;&lt;/pre&gt;
&lt;p&gt;Try to compile. The error is Error(1,21): PLS-00905: object U216_DM2_6350.HMDTYPE is invalid&lt;/p&gt;
&lt;p&gt;Thanks in advance&lt;/p&gt;</t>
  </si>
  <si>
    <t>2015-07-03 14:26:47.283000+00:00</t>
  </si>
  <si>
    <t>2015-07-06 09:18:28.237000+00:00</t>
  </si>
  <si>
    <t>plsql</t>
  </si>
  <si>
    <t>How do I send key strokes to a window without having to activate it using Windows API?</t>
  </si>
  <si>
    <t>&lt;p&gt;&amp;nbsp;&amp;nbsp;&amp;nbsp;&amp;nbsp;I have made an application already that sends commands to an activated window. I want to be able to use the computer while my process is running because as soon as I switch focus to another window the key strokes being sent via send keys will go to the window I just switched to.&lt;/p&gt; 
&lt;p&gt;&amp;nbsp;&amp;nbsp;&amp;nbsp;&amp;nbsp;Currently I use FindWindow, IsIconic, and ShowWindow from the Windows API. I have to check to see if the window is there with FindWindow and set my object to the specific window that is returned with that call, I then check if it's minimized with IsIconic and call ShowWindow if it is, and then finally I have to call Interaction.AppActivate to set focus to that window. All of this is done before I even send key strokes. Seems like there should be a way to just send key strokes without having to show the window and activate it. The big thing is while my application is running the key strokes I can't do anything on my computer.&lt;/p&gt;</t>
  </si>
  <si>
    <t>2009-08-03 05:56:52.087000+00:00</t>
  </si>
  <si>
    <t>2016-10-06 16:47:21.567000+00:00</t>
  </si>
  <si>
    <t>2009-08-05 00:21:23.527000+00:00</t>
  </si>
  <si>
    <t>winapi|sendmessage|sendkeys|keystroke</t>
  </si>
  <si>
    <t>How can I mimic Greasemonkey/Firefox's unsafeWindow functionality in Chrome?</t>
  </si>
  <si>
    <t>&lt;p&gt;I'm just fiddling around with user scripts in chrome right now, so please bear with my potential ignorance/idiocy.&lt;/p&gt;
&lt;p&gt;In the page I'm writing a script for, there is a &lt;code&gt;&amp;lt;script&amp;gt;&lt;/code&gt; element that declares a variable &lt;code&gt;x&lt;/code&gt;.
Does this mean that, in my user script, I can just access &lt;code&gt;x&lt;/code&gt; from the global namespace?&lt;/p&gt;
&lt;p&gt;For example, if the only line in my userscript is &lt;code&gt;alert(x);&lt;/code&gt;, should that work as expected (assuming &lt;code&gt;x&lt;/code&gt; is a String)? I understand chrome doesn't support unsafewindow, but for some reason I'm finding it impossible to figure out how to mimic the functionality. Is it even possible?&lt;/p&gt;</t>
  </si>
  <si>
    <t>2009-10-25 21:32:04.323000+00:00</t>
  </si>
  <si>
    <t>2013-12-12 08:55:40.020000+00:00</t>
  </si>
  <si>
    <t>2009-10-27 00:05:55.827000+00:00</t>
  </si>
  <si>
    <t>javascript|google-chrome|greasemonkey</t>
  </si>
  <si>
    <t>How to trigger click on ajaxSubmitButton</t>
  </si>
  <si>
    <t>&lt;p&gt;I have filter-from with ajaxSubmitButton. &lt;/p&gt;
&lt;pre&gt;&lt;code&gt;CHtml::ajaxSubmitButton('Show',Yii::app()-&amp;gt;createUrl('office/ajaxFilter'),array('update'=&amp;gt;'#office-install'),array('id'=&amp;gt;'filterSubmit'))
&lt;/code&gt;&lt;/pre&gt;
&lt;p&gt;And i want to submit it on pageLoad (to recive data using default filter values). How to trigger  click on ajaxSubmitButton?&lt;/p&gt;
&lt;p&gt;using&lt;/p&gt;
&lt;pre&gt;&lt;code&gt;  $(document).ready(function () {
    $('#filterSubmit').trigger('click');
}
&lt;/code&gt;&lt;/pre&gt;
&lt;p&gt;raise redirect.&lt;/p&gt;</t>
  </si>
  <si>
    <t>2012-05-11 13:30:43.313000+00:00</t>
  </si>
  <si>
    <t>2012-05-12 13:23:43.657000+00:00</t>
  </si>
  <si>
    <t>php|jquery|yii</t>
  </si>
  <si>
    <t>jquery - While loop for card game not working as intended</t>
  </si>
  <si>
    <t>&lt;p&gt;I'm making Blackjack just for fun/learning purposes. I've almost got it done, however I'm having an issue with the condition on which the player clicks "stand". It works except for the case where the player has a higher total than the dealer.&lt;/p&gt;
&lt;p&gt;Say player has 19, while dealer has 15. Then player clicks "stand". It currently will only give the dealer one card wether the outcome results in a bust or a 2 card. I want the dealer to keep getting cards until the total either beats the player, or it results in a bust.&lt;/p&gt;
&lt;p&gt;At line 211 of the javascript in this fiddle:&lt;/p&gt;
&lt;p&gt;&lt;a href="http://jsfiddle.net/stinkysGTI/5QZyZ/" rel="nofollow"&gt;http://jsfiddle.net/stinkysGTI/5QZyZ/&lt;/a&gt;&lt;/p&gt;
&lt;p&gt;I tried a &lt;code&gt;while&lt;/code&gt; loop, but was only able to get it to run once. I was hoping to just be able to compare the 2 values. So then I tried a &lt;code&gt;do/while&lt;/code&gt; loop and it went haywire. The dealer eventually busted, but not till it had a score of 80+ and then again once it had 60+!&lt;/p&gt;
&lt;p&gt;Since the totals will be dynamic depending on cards drawn, I can't use the classic &lt;code&gt;i = 0 ... i++&lt;/code&gt;. How can I go about this to get the correct outcome?&lt;/p&gt;</t>
  </si>
  <si>
    <t>2014-07-29 22:41:09.817000+00:00</t>
  </si>
  <si>
    <t>Parsing INI file with PHP when amperstand (&amp;) in value</t>
  </si>
  <si>
    <t>&lt;p&gt;I want to parse an ini file. It has alphanumeric values as well as some special characters like (&amp;amp;#-@) etc. But it is not parsing correctly. I have recieved error message {E_WARNING: [/home/php/init/config.php:29] syntax error, unexpected '&amp;amp;' in .conf.ini on line 7}.
This is my ini file:&lt;/p&gt;
&lt;pre&gt;&lt;code&gt;[Main]
DATABASE = test;
USER = root;
PASS = null;
HOST = localhost;
......
Def_Title = Welcome to Oggy &amp;amp; Chocroach.; //line 7
....
"Special &amp;amp; Featured" = "Alry Bee"; //line 17
&lt;/code&gt;&lt;/pre&gt;
&lt;p&gt;I want to keep [&amp;amp;] operator in my fille. Any help may appreciated. &lt;/p&gt;</t>
  </si>
  <si>
    <t>2014-12-27 18:01:59.943000+00:00</t>
  </si>
  <si>
    <t>2014-12-27 18:14:55.117000+00:00</t>
  </si>
  <si>
    <t>2014-12-27 18:11:45.510000+00:00</t>
  </si>
  <si>
    <t>php|ini</t>
  </si>
  <si>
    <t>How to write a short grammatically correct query that generates an error when run?</t>
  </si>
  <si>
    <t>&lt;p&gt;I would like to write a query which:&lt;/p&gt;
&lt;ul&gt;
&lt;li&gt;as short as possible&lt;/li&gt;
&lt;li&gt;grammatically correct to MySQL server&lt;/li&gt;
&lt;li&gt;makes server returning an error when executed&lt;/li&gt;
&lt;/ul&gt;
&lt;p&gt;My current solution is:&lt;/p&gt;
&lt;pre&gt;&lt;code&gt;CREATE TABLE FOO (i INT);
INSERT INTO FOO VALUES (1);
INSERT INTO FOO VALUES (2);
SELECT 1 FROM FOO WHERE 1 = (SELECT i FROM FOO);
&lt;/code&gt;&lt;/pre&gt;
&lt;p&gt;However I don't like it - it is too long.&lt;/p&gt;</t>
  </si>
  <si>
    <t>2013-04-12 04:40:54.857000+00:00</t>
  </si>
  <si>
    <t>2013-04-13 08:11:43.670000+00:00</t>
  </si>
  <si>
    <t>user972946</t>
  </si>
  <si>
    <t>Can I do this with LESS?</t>
  </si>
  <si>
    <t>&lt;p&gt;I just started on LESS because of it's flexibility, and I ran into a problem. I want to do something like this:&lt;/p&gt;
&lt;pre&gt;&lt;code&gt;.shadow-argument ( @type, @horizontal, @vertical, @blur, @color ) when ( @type = normal ) {
@argument = @horizontal @vertical @blur @color;
}
.shadow-argument ( @type, @horizontal, @vertical, @blur, @color ) when ( @type = inset ) {
@argument = @horizontal @vertical @blur @color inset;
}
&lt;/code&gt;&lt;/pre&gt;
&lt;p&gt;And then pass the function to an argument like this:&lt;/p&gt;
&lt;pre&gt;&lt;code&gt;@shadow-something: .shadow-argument(normal, 1px, 1px, 3px, #eeeeee);
&lt;/code&gt;&lt;/pre&gt;
&lt;p&gt;Is it possible ? If not what would be the way around it ?&lt;/p&gt;</t>
  </si>
  <si>
    <t>2012-02-28 06:17:14.870000+00:00</t>
  </si>
  <si>
    <t>2012-02-28 06:22:24.563000+00:00</t>
  </si>
  <si>
    <t>javascript|css|less</t>
  </si>
  <si>
    <t>Creating an list of arrays in java?</t>
  </si>
  <si>
    <t>&lt;p&gt;the program gets the frequency of 0's and 1's in every feature vector(Column) and store it into the array. but then when I access my list of arrays(observed e.g observed.get(0)[0] ) it returns all the 0's in my matrix.&lt;/p&gt;
&lt;pre&gt;&lt;code&gt;DoubleMatrix[] featurevec = new DoubleMatrix[tempfeatures.numCols()];
for (int i = 0; i&amp;lt; featurevec.length; i++) {
    featurevec[i] = tempfeatures.extractVector(false,i);
}
double[]f = new double[2];
ArrayList&amp;lt;double[]&amp;gt; observed = new ArrayList&amp;lt;&amp;gt;();
for (int j = 0; j&amp;lt; featurevec.length; j++) 
{
    for (int i = 0; i&amp;lt; featurevec[j].getNumElements(); i++) 
    {
        if (featurevec[j].get(i) == 1) 
            f[0]++;
        else
            f[1]++;
    }
    observed.add(f);
}
&lt;/code&gt;&lt;/pre&gt;</t>
  </si>
  <si>
    <t>2014-02-17 15:28:59.517000+00:00</t>
  </si>
  <si>
    <t>2014-02-21 14:12:43.597000+00:00</t>
  </si>
  <si>
    <t>2014-02-17 15:33:32.120000+00:00</t>
  </si>
  <si>
    <t>what is the correct inheritance/aggregation for this model</t>
  </si>
  <si>
    <t>&lt;p&gt;I am making a UML for a set of train cars, specifically:&lt;/p&gt;
&lt;p&gt;Locomotive (motorized car that contains an array of all of the connected cars)
BoxCar (carries boxes/animals/cargo)
RefrigeratorCar (carries food)&lt;/p&gt;
&lt;p&gt;I made an abstract class called RailCar that the Locomotive, BoxCar, and RefrigeratorCar all extend. So here is the problem, the Locomotive is related to the RailCar by inheritance and also possesses a has-a (aggregation) relationship with numerous RailCars. &lt;/p&gt;
&lt;p&gt;Is this a bad design? If it is, how would you correctly represent the locomotive in a UML since it has an inheritance and aggregation relationship with the same class?&lt;/p&gt;</t>
  </si>
  <si>
    <t>2014-12-08 04:47:36.933000+00:00</t>
  </si>
  <si>
    <t>2014-12-08 21:00:19.207000+00:00</t>
  </si>
  <si>
    <t>inheritance|associations|uml|aggregation</t>
  </si>
  <si>
    <t>Global variable value in Worksheet_Calculate() event handler is always incorrect</t>
  </si>
  <si>
    <t>&lt;p&gt;I have a problem with a global variable whose value is not always correct.&lt;/p&gt;
&lt;p&gt;I have declared it like this:&lt;/p&gt;
&lt;pre&gt;&lt;code&gt;Public NumRows As Long
&lt;/code&gt;&lt;/pre&gt;
&lt;p&gt;It is used to hold the number of used rows on Sheet 1. The variable is public because multiple macros use it.&lt;/p&gt;
&lt;p&gt;It is initialised here:&lt;/p&gt;
&lt;pre&gt;&lt;code&gt;Private Sub Workbook_Open()
  NumRows = Worksheets("TableSize").Range("A1").Value
  MsgBox "NumRows = " &amp;amp; NumRows
End Sub
&lt;/code&gt;&lt;/pre&gt;
&lt;p&gt;&lt;code&gt;MsgBox&lt;/code&gt; was inserted simply to verify that the code was working. Sheet &lt;code&gt;TableSize&lt;/code&gt; only has information in &lt;code&gt;A1&lt;/code&gt;. At this point, &lt;code&gt;NumRows = 32&lt;/code&gt; which is correct.&lt;/p&gt;
&lt;p&gt;This is the event handler in Sheet &lt;code&gt;TableSize&lt;/code&gt; that is causing problems:&lt;/p&gt;
&lt;pre&gt;&lt;code&gt;Private Sub Worksheet_Calculate()    
    Dim n As Long
    n = Worksheets("TableSize").Range("A1").Value 'A1 contains the formula "=ROW(INDEX(Sheet1,1,1))+ROWS(Sheet1)-1" used to count rows on Sheet 1
    MsgBox n &amp;amp; "NumRows=" &amp;amp; NumRows
    If n = NumRows Then Exit Sub
    If n &amp;gt; NumRows Then Call NewDatabaseEntry
    NumRows = n    
End Sub
&lt;/code&gt;&lt;/pre&gt;
&lt;p&gt;&lt;code&gt;MsgBox&lt;/code&gt; returns &lt;code&gt;32&lt;/code&gt; for &lt;code&gt;n&lt;/code&gt; like it should, but &lt;code&gt;0&lt;/code&gt; for &lt;code&gt;NumRows&lt;/code&gt;, even though &lt;code&gt;NumRows&lt;/code&gt; was correctly set in the &lt;code&gt;Workbook_Open()&lt;/code&gt; handler!&lt;/p&gt;
&lt;p&gt;The desire is for &lt;code&gt;n&lt;/code&gt; to always equal &lt;code&gt;NumRows&lt;/code&gt; unless I actually add a row, so that only then will &lt;code&gt;NewDataEntry&lt;/code&gt; (correctly) create a new data entry on another sheet.&lt;/p&gt;
&lt;p&gt;Am I missing something crucial?&lt;/p&gt;</t>
  </si>
  <si>
    <t>2018-03-25 13:29:39.197000+00:00</t>
  </si>
  <si>
    <t>2018-03-25 20:26:22.033000+00:00</t>
  </si>
  <si>
    <t>Data race and Race condition during lazy initializing a SIngleton</t>
  </si>
  <si>
    <t>&lt;p&gt;While reading &lt;em&gt;Java Concurrency in Practice&lt;/em&gt; book by Brian Goetz, I came across Data races and Race conditions.&lt;/p&gt;
&lt;p&gt;&lt;strong&gt;Data races&lt;/strong&gt;&lt;/p&gt;
&lt;blockquote&gt;
  &lt;p&gt;A program is said to have a data race, and therefore not be a
  "properly synchronized" program, when there is a variable that is read
  by more than one thread, written by at least one thread, and the write
  and the reads are not ordered by a happens-before relationship.&lt;/p&gt;
&lt;/blockquote&gt;
&lt;p&gt;&lt;strong&gt;Race condition&lt;/strong&gt;&lt;/p&gt;
&lt;blockquote&gt;
  &lt;p&gt;A race condition occurs when the correctness of a computation depends
  on the relative timing or interleaving of multiple threads by the
  runtime; in other words, when getting the correct answer relies on
  lucky timing. The most common type of race condition is
  check-then-act, where a potentially stale observation is used to make
  a decision on what to do next&lt;/p&gt;
&lt;/blockquote&gt;
&lt;p&gt;As I understand, Data race can be avoided by making sure that one or more of the above conditions hold false - ie, by making shared variables immutable or by making the access to them properly &lt;code&gt;synchronized&lt;/code&gt;. &lt;/p&gt;
&lt;p&gt;My question is about the example of a SingletonFactory that is usually given to illustrate &lt;strong&gt;race condition&lt;/strong&gt;.&lt;/p&gt;
&lt;p&gt;e.g.:&lt;/p&gt;
&lt;pre&gt;&lt;code&gt;public class SingletonFactory {
    private Singleton singleton = null;
    private SingletonFactory() {}
    public Singleton getInstance() {
        if(this.singleton == null) {
            this.singleton = new Singleton();
        }
        return this.singleton;
   }
}
&lt;/code&gt;&lt;/pre&gt;
&lt;p&gt;Can this code can also be considered to cause a &lt;strong&gt;Data race&lt;/strong&gt;? &lt;/p&gt;
&lt;p&gt;I understand that one way to make the above program &lt;em&gt;"completely thread safe"&lt;/em&gt; would be to have a &lt;a href="http://en.wikipedia.org/wiki/Double-checked_locking" rel="nofollow"&gt;double checked locking&lt;/a&gt; and also make the class variable &lt;code&gt;volatile&lt;/code&gt;. &lt;/p&gt;
&lt;p&gt;But in case I just declare the &lt;code&gt;Singleton&lt;/code&gt; variable &lt;code&gt;volatile&lt;/code&gt;, but fail to synchronize the code block that initializes the variable, then can it be considered as safe at-least w.r.t "Data race", but still unsafe w.r.t. race condition?  In general I am still in search of a good realistic example where there is no data race, but there is still a potential race condition!&lt;/p&gt;
&lt;p&gt;(a &lt;a href="http://blog.regehr.org/archives/490" rel="nofollow"&gt;blog&lt;/a&gt; that is usually referred to explain the difference between data race and race condition does not help me to understand this)&lt;/p&gt;</t>
  </si>
  <si>
    <t>2014-02-17 13:06:43.380000+00:00</t>
  </si>
  <si>
    <t>2016-05-10 08:27:58.620000+00:00</t>
  </si>
  <si>
    <t>java|multithreading</t>
  </si>
  <si>
    <t>Profiling Lucene in Nutch</t>
  </si>
  <si>
    <t>&lt;p&gt;I'm trying to profile Nutch using VisualVM.  Lucene is the part of the Nutch core responsible for generating url indexes and for searching these indexes due to some query.  I'm running Nutch through Apache Tomcat and I would like to determine how much time Nutch spends in various function calls (including Lucene calls) but when I try to profile using VisualVM I get a bunch of profiling data about Tomcat and not Nutch or Lucene.  What am I doing wrong here?&lt;/p&gt;</t>
  </si>
  <si>
    <t>2010-11-07 08:29:13.100000+00:00</t>
  </si>
  <si>
    <t>2010-12-02 06:36:59.360000+00:00</t>
  </si>
  <si>
    <t>search|lucene|profile|nutch</t>
  </si>
  <si>
    <t>included layout in coordinate layout button click not working</t>
  </si>
  <si>
    <t>&lt;p&gt;I have one coordinate layout with tabs. In that coordinate layout I included one layout as per my requirement. Everything is working fine, but that included layout has one Imageview and Textview. I gave click action for ImageView and visibility gone for textview programatically. Imageview click action is not working. I tried so many ways. Only for that imageview action not happening. And one tab has a linear layout and other tab has recyclerview. Linear layout tab scrolling not working properly. For recycler view coordinate layout property working fine.This is my layout file.
`&lt;/p&gt;
&lt;pre&gt;&lt;code&gt;&amp;lt;?xml version="1.0" encoding="utf-8"?&amp;gt;
&amp;lt;android.support.design.widget.CoordinatorLayout xmlns:android="http://schemas.android.com/apk/res/android"
    xmlns:app="http://schemas.android.com/apk/res-auto"
    android:layout_width="match_parent"
    android:layout_height="match_parent"
    android:fitsSystemWindows="true"&amp;gt;
    &amp;lt;android.support.design.widget.AppBarLayout
        android:layout_width="match_parent"
        android:layout_height="wrap_content"
        android:fitsSystemWindows="true"
        android:theme="@style/ThemeOverlay.AppCompat.Dark.ActionBar"&amp;gt;
        &amp;lt;android.support.design.widget.CollapsingToolbarLayout
            android:id="@+id/collapse_toolbar"
            android:layout_width="match_parent"
            android:layout_height="380dp"
            android:fitsSystemWindows="true"
            app:contentScrim="?attr/colorPrimary"
            app:layout_scrollFlags="scroll|exitUntilCollapsed"
            app:titleEnabled="false"&amp;gt;
            &amp;lt;LinearLayout
                android:layout_width="match_parent"
                android:layout_height="wrap_content"
                android:orientation="vertical"
                app:layout_collapseMode="parallax"&amp;gt;
                &amp;lt;LinearLayout
                    android:layout_width="wrap_content"
                    android:layout_height="?attr/actionBarSize"
                    android:background="@color/btn_bg"
                    android:orientation="vertical"
                    &amp;gt;
                    &amp;lt;android.support.v7.widget.Toolbar
                        android:id="@+id/toolbar_me"
                        android:layout_width="wrap_content"
                        android:layout_height="?attr/actionBarSize"
                        android:background="@color/btn_bg"
                        android:theme="@style/AppTheme.AppBarOverlay"
                        app:popupTheme="@style/AppTheme.PopupOverlay"&amp;gt;
                        &amp;lt;RelativeLayout
                            android:layout_width="match_parent"
                            android:layout_height="match_parent"
                            android:gravity="end"&amp;gt;
                            &amp;lt;ImageView
                                android:id="@+id/me_Back"
                                android:layout_width="@dimen/_20sdp"
                                android:layout_height="wrap_content"
                                android:layout_alignParentLeft="true"
                                android:layout_centerVertical="true"
                                android:src="@drawable/ic_backnew" /&amp;gt;
                            &amp;lt;TextView
                                android:id="@+id/txt_continue"
                                android:layout_width="wrap_content"
                                android:layout_height="wrap_content"
                                android:layout_alignParentEnd="true"
                                android:layout_alignParentRight="true"
                                android:layout_centerVertical="true"
                                android:layout_marginEnd="11dp"
                                android:layout_marginRight="11dp"
                                android:gravity="center"
                                android:text="Continue"
                                android:textSize="15sp"
                                android:visibility="invisible" /&amp;gt;
                        &amp;lt;/RelativeLayout&amp;gt;
                    &amp;lt;/android.support.v7.widget.Toolbar&amp;gt;
                &amp;lt;/LinearLayout&amp;gt;
                &amp;lt;RelativeLayout
                    android:id="@+id/rlPhoto"
                    android:layout_width="@dimen/_60sdp"
                    android:layout_height="@dimen/_60sdp"
                    android:layout_gravity="center_horizontal"
                    android:layout_marginTop="@dimen/_20sdp"&amp;gt;
                    &amp;lt;de.hdodenhof.circleimageview.CircleImageView
                        android:id="@+id/ivProfilePicture"
                        android:layout_width="@dimen/_60sdp"
                        android:layout_height="@dimen/_60sdp"
                        android:src="@drawable/download" /&amp;gt;
                    &amp;lt;ImageView
                        android:layout_width="@dimen/_16sdp"
                        android:layout_height="@dimen/_16sdp"
                        android:layout_alignParentBottom="true"
                        android:layout_alignParentRight="true"
                        android:layout_margin="@dimen/_2sdp"
                        android:src="@drawable/camera" /&amp;gt;
                    &amp;lt;RelativeLayout
                        android:id="@+id/rlProgress"
                        android:layout_width="match_parent"
                        android:layout_height="match_parent"
                        android:layout_weight="1"
                        android:visibility="gone"&amp;gt;
                        &amp;lt;ProgressBar
                            android:id="@+id/progressBar"
                            style="?android:attr/progressBarStyle"
                            android:layout_width="wrap_content"
                            android:layout_height="wrap_content"
                            android:layout_centerInParent="true" /&amp;gt;
                    &amp;lt;/RelativeLayout&amp;gt;
                &amp;lt;/RelativeLayout&amp;gt;
                &amp;lt;TextView
                    android:id="@+id/tvName"
                    android:layout_width="match_parent"
                    android:layout_height="wrap_content"
                    android:layout_marginBottom="@dimen/_3sdp"
                    android:layout_marginLeft="@dimen/_5sdp"
                    android:layout_marginRight="@dimen/_5sdp"
                    android:layout_marginTop="@dimen/_5sdp"
                    android:gravity="center"
                    android:text="Yamuna"
                    android:textColor="@color/dark_grey"
                    android:textSize="@dimen/_13sdp"
                    android:textStyle="bold" /&amp;gt;
                &amp;lt;TextView
                    android:id="@+id/tvFriendsCount"
                    android:layout_width="match_parent"
                    android:layout_height="wrap_content"
                    android:layout_marginLeft="@dimen/_5sdp"
                    android:layout_marginRight="@dimen/_5sdp"
                    android:gravity="center"
                    android:text="10 Friends"
                    android:textColor="@color/grey" /&amp;gt;
                &amp;lt;View
                    android:layout_width="match_parent"
                    android:layout_height="1dp"
                    android:layout_marginBottom="@dimen/_10sdp"
                    android:layout_marginLeft="@dimen/_20sdp"
                    android:layout_marginRight="@dimen/_20sdp"
                    android:layout_marginTop="@dimen/_20sdp"
                    android:background="@color/light_grey" /&amp;gt;
                &amp;lt;LinearLayout
                    android:layout_width="match_parent"
                    android:layout_height="wrap_content"
                    android:layout_marginLeft="@dimen/_19sdp"
                    android:layout_marginRight="@dimen/_19sdp"
                    android:orientation="horizontal"&amp;gt;
                    &amp;lt;LinearLayout
                        android:layout_width="match_parent"
                        android:layout_height="wrap_content"
                        android:layout_weight="1"
                        android:orientation="vertical"&amp;gt;
                        &amp;lt;TextView
                            android:id="@+id/tvEmail"
                            android:layout_width="match_parent"
                            android:layout_height="wrap_content"
                            android:text="yamuna@gmail.com"
                            android:textColor="#000000" /&amp;gt;
                        &amp;lt;TextView
                            android:id="@+id/tvMobile"
                            android:layout_width="match_parent"
                            android:layout_height="wrap_content"
                            android:paddingTop="@dimen/_2sdp"
                            android:text="9986086918"
                            android:textColor="#000000" /&amp;gt;
                        &amp;lt;TextView
                            android:id="@+id/tvLocation"
                            android:layout_width="match_parent"
                            android:layout_height="wrap_content"
                            android:text="Koramangala"
                            android:textColor="#000000" /&amp;gt;
                    &amp;lt;/LinearLayout&amp;gt;
                    &amp;lt;ImageView
                        android:id="@+id/ivEdit"
                        android:layout_width="@dimen/_30sdp"
                        android:layout_height="@dimen/_30sdp"
                        android:paddingLeft="@dimen/_7sdp"
                        android:paddingRight="@dimen/_7sdp"
                        android:src="@drawable/pencil"
                        android:visibility="visible" /&amp;gt;
                &amp;lt;/LinearLayout&amp;gt;
                &amp;lt;View
                    android:layout_width="match_parent"
                    android:layout_height="1dp"
                    android:layout_marginTop="@dimen/_10sdp"
                    android:background="@color/light_grey" /&amp;gt;
            &amp;lt;/LinearLayout&amp;gt;
            &amp;lt;!-- &amp;lt;ImageView
                 android:id="@+id/header"
                 android:layout_width="match_parent"
                 android:layout_height="match_parent"
                 android:src="@drawable/test"
                 android:fitsSystemWindows="true"
                 android:scaleType="centerCrop"
                 app:layout_collapseMode="parallax" /&amp;gt;--&amp;gt;
            &amp;lt;android.support.v7.widget.Toolbar
                android:id="@+id/toolbar"
                android:layout_width="match_parent"
                android:layout_height="60dp"
                android:gravity="top"
                android:minHeight="?attr/actionBarSize"
                app:layout_collapseMode="pin"
                app:popupTheme="@style/ThemeOverlay.AppCompat.Light"
                app:titleMarginTop="15dp" /&amp;gt;
            &amp;lt;android.support.design.widget.TabLayout
                android:id="@+id/tabs"
                android:layout_width="match_parent"
                android:layout_height="?attr/actionBarSize"
                android:layout_gravity="bottom"
                app:tabIndicatorColor="@color/btn_bg"
                app:tabSelectedTextColor="@color/colorAccent"
                app:tabTextColor="#000000" /&amp;gt;
        &amp;lt;/android.support.design.widget.CollapsingToolbarLayout&amp;gt;
        &amp;lt;!--&amp;lt;View xmlns:android="http://schemas.android.com/apk/res/android"
            android:id="@+id/shadow_prelollipop"
            android:layout_width="match_parent"
            android:layout_height="5dp"
            android:background="@drawable/background_shadow" /&amp;gt;
--&amp;gt;
    &amp;lt;/android.support.design.widget.AppBarLayout&amp;gt;
    &amp;lt;android.support.v4.view.ViewPager
        android:id="@+id/pager"
        android:layout_width="match_parent"
        android:layout_height="match_parent"
        app:layout_behavior="@string/appbar_scrolling_view_behavior" /&amp;gt;
    &amp;lt;LinearLayout
        android:layout_width="match_parent"
        android:layout_height="wrap_content"
        android:layout_gravity="end|bottom"&amp;gt;
        &amp;lt;include
            android:id="@+id/tool_head"
            layout="@layout/footer" /&amp;gt;
    &amp;lt;/LinearLayout&amp;gt;
&amp;lt;/android.support.design.widget.CoordinatorLayout&amp;gt;`
&lt;/code&gt;&lt;/pre&gt;
&lt;p&gt;Please forgive me for my basic question, help me out of this. Thanks In advance.&lt;/p&gt;</t>
  </si>
  <si>
    <t>2017-08-26 05:18:51.373000+00:00</t>
  </si>
  <si>
    <t>2017-08-28 05:05:47.973000+00:00</t>
  </si>
  <si>
    <t>android|android-coordinatorlayout</t>
  </si>
  <si>
    <t>VBScript inside HTA</t>
  </si>
  <si>
    <t>&lt;p&gt;I'm new to HTA and I want to use VBScript.&lt;/p&gt;
&lt;p&gt;I have some HTML and I wanted to generate the computer name inside a table (as an example)&lt;/p&gt;
&lt;p&gt;The big problem I'm running into is how do I retrieve the value from my function and place it inside the HTML?&lt;/p&gt;
&lt;pre&gt;&lt;code&gt;&amp;lt;body style="font:12 pt arial; color:white; filter:progid:DXImageTransform.Microsoft.Gradient(GradientType=0, StartColorStr='#0080FF', EndColorStr='#00FFFF')" onresize="RestoreWindowSize()"&amp;gt;
&amp;lt;div align="Center"&amp;gt;
&amp;lt;span id="Update"&amp;gt;&amp;amp;nbsp;&amp;lt;/span&amp;gt;
&amp;lt;table border="0"&amp;gt;
&amp;lt;tr&amp;gt;
    &amp;lt;td&amp;gt;Computer name&amp;lt;/td&amp;gt;
    &amp;lt;td&amp;gt;&amp;lt;div&amp;gt;Data I would like to generate&amp;lt;/div&amp;gt;&amp;lt;/td&amp;gt;
    &amp;lt;td&amp;gt;&amp;lt;/td&amp;gt;
    &amp;lt;td&amp;gt;&amp;lt;/td&amp;gt;
    &amp;lt;td&amp;gt;&amp;lt;/td&amp;gt;
    &amp;lt;td&amp;gt;&amp;lt;/td&amp;gt;
&amp;lt;/tr&amp;gt;
&amp;lt;/table&amp;gt;
&amp;lt;/div&amp;gt;
&amp;lt;/body&amp;gt;
&amp;lt;/html&amp;gt;
&lt;/code&gt;&lt;/pre&gt;
&lt;p&gt;I understand my HTML is a little sloppy and i'm going to clean it up.
How can I get data from a function called ComputerName to appear within my  tags&lt;/p&gt;</t>
  </si>
  <si>
    <t>2011-11-09 17:45:50.570000+00:00</t>
  </si>
  <si>
    <t>2012-01-31 04:52:01.130000+00:00</t>
  </si>
  <si>
    <t>html|scripting|vbscript|hta</t>
  </si>
  <si>
    <t>Issues in Implementing a Drop Down with Knockout</t>
  </si>
  <si>
    <t>&lt;p&gt;I am trying to replace a text box in the existing website with a dropdown menu with few options in it. Everything is working fine expect the value is not being stored/registered when the person hits register. But with the text box it works fine. Please see the code below that i have made for the drop down:&lt;/p&gt;
&lt;pre&gt;&lt;code&gt;&amp;lt;/label&amp;gt;
&amp;lt;label class="label-4 lcol1" for="d_name-suffix"&amp;gt;&amp;lt;small&amp;gt;(optional)&amp;lt;/small&amp;gt;
&amp;lt;select id="d_name-suffix" style="width:auto; height:auto" data-bind="options: $root.nameSuffix, value: nameSuffix, optionsText: 'options1'" /&amp;gt;
&amp;lt;/label&amp;gt;
&lt;/code&gt;&lt;/pre&gt;
&lt;p&gt;JS:&lt;/p&gt;
&lt;pre&gt;&lt;code&gt;self.nameSuffix = ko.observable([
{ options1: "Mr" },
{ options1: "Mrs" },
{ options1: "Miss" }
]).extend({ pattern: NineElevenRegistries.inputValidation.name });
&lt;/code&gt;&lt;/pre&gt;
&lt;p&gt;And here is the code that was implemented for the textbox:&lt;/p&gt;
&lt;pre&gt;&lt;code&gt;self.nameSuffix = ko.observable().extend({
maxLength: NineElevenRegistries.inputValidation.nameSuffixMaxLength,
pattern: NineElevenRegistries.inputValidation.name
});
&lt;/code&gt;&lt;/pre&gt;</t>
  </si>
  <si>
    <t>2014-07-10 16:15:24.263000+00:00</t>
  </si>
  <si>
    <t>2014-07-12 15:48:37.407000+00:00</t>
  </si>
  <si>
    <t>2014-07-10 16:27:23.133000+00:00</t>
  </si>
  <si>
    <t>javascript|jquery|knockout.js</t>
  </si>
  <si>
    <t>Can I declare a CSS of a parent?</t>
  </si>
  <si>
    <t>&lt;blockquote&gt;
  &lt;p&gt;&lt;strong&gt;Possible Duplicate:&lt;/strong&gt;&lt;br&gt;
  &lt;a href="https://stackoverflow.com/questions/1014861/is-there-a-css-parent-selector"&gt;Is there a CSS parent selector?&lt;/a&gt;  &lt;/p&gt;
&lt;/blockquote&gt;
&lt;p&gt;I have this code :&lt;/p&gt;
&lt;pre&gt;&lt;code&gt;&amp;lt;div class="main_parent"&amp;gt;
    &amp;lt;a href="www.google.it"&amp;gt;
        &amp;lt;img src="/path/image.jpg" alt="image" /&amp;gt;
    &amp;lt;/a&amp;gt;
&amp;lt;/div&amp;gt;
&lt;/code&gt;&lt;/pre&gt;
&lt;p&gt;and I'd like to set the attribute &lt;code&gt;text-decoration:none;&lt;/code&gt; to the link that contains an image.&lt;/p&gt;
&lt;p&gt;So, somethings like :&lt;/p&gt;
&lt;pre&gt;&lt;code&gt;.main_parent img &amp;lt; a
{
    text-decoration:none;
}
&lt;/code&gt;&lt;/pre&gt;
&lt;p&gt;but of course it doesnt works. How can I do it with CSS 2?&lt;/p&gt;</t>
  </si>
  <si>
    <t>2011-10-07 15:32:02.177000+00:00</t>
  </si>
  <si>
    <t>2011-10-07 15:35:59.710000+00:00</t>
  </si>
  <si>
    <t>2017-05-23 12:27:32.540000+00:00</t>
  </si>
  <si>
    <t>Beating binary search using CPU cache line</t>
  </si>
  <si>
    <t>&lt;p&gt;For educational purposes, I am trying to beat &lt;code&gt;binary search&lt;/code&gt; using CPU cache line.&lt;/p&gt;
&lt;p&gt;&lt;a href="https://github.com/nmmmnu/beating_binsearch/blob/master/improved.h" rel="nofollow"&gt;https://github.com/nmmmnu/beating_binsearch/blob/master/improved.h&lt;/a&gt;&lt;/p&gt;
&lt;p&gt;If you uncomment &lt;code&gt;#define EXIT_ONLY&lt;/code&gt;, the search works like normal &lt;code&gt;binary search&lt;/code&gt;, except if there are few elements, the search became &lt;code&gt;linear search&lt;/code&gt;.&lt;/p&gt;
&lt;p&gt;As expected this performs &lt;strong&gt;faster&lt;/strong&gt; than &lt;code&gt;binary search&lt;/code&gt;.&lt;/p&gt;
&lt;p&gt;However I want to improve future, so if you comment &lt;code&gt;#define EXIT_ONLY&lt;/code&gt;, then "small" &lt;code&gt;linear search&lt;/code&gt; is made instead of accessing just the "middle" element.&lt;/p&gt;
&lt;p&gt;In theory the values for linear search must be in CPU cache line and access must be "free of charge".&lt;/p&gt;
&lt;p&gt;However in practice this search is way too slow than the normal &lt;code&gt;binary search&lt;/code&gt;.&lt;/p&gt;
&lt;p&gt;If I hardcode &lt;code&gt;CACHE_COUNT_2&lt;/code&gt; to be equal to 1, then speed is comparable, but still slower.&lt;/p&gt;
&lt;p&gt;Note I never tried to unroll the for cycle in &lt;code&gt;_linear()&lt;/code&gt;.&lt;/p&gt;
&lt;p&gt;What could be explanation of the slower execution?&lt;/p&gt;
&lt;p&gt;Repo with all files is here:&lt;br&gt;
&lt;a href="https://github.com/nmmmnu/beating_binsearch" rel="nofollow"&gt;https://github.com/nmmmnu/beating_binsearch&lt;/a&gt;&lt;/p&gt;</t>
  </si>
  <si>
    <t>2015-09-01 09:39:27.250000+00:00</t>
  </si>
  <si>
    <t>2015-09-01 20:39:07.527000+00:00</t>
  </si>
  <si>
    <t>c++|performance|c++11|binary-search|cpu-cache</t>
  </si>
  <si>
    <t>How to construct S3 URL for copying to Redshift?</t>
  </si>
  <si>
    <t>&lt;p&gt;I am trying to import a CSV file into a Redshift cluster. I have successfully completed &lt;a href="http://docs.aws.amazon.com/redshift/latest/gsg/rs-gsg-create-sample-db.html" rel="nofollow"&gt;the example in the Redshift documentation&lt;/a&gt;. Now I am trying to COPY from my own CSV file.&lt;/p&gt;
&lt;p&gt;This is my command:&lt;/p&gt;
&lt;pre&gt;&lt;code&gt;copy frontend_chemical from 's3://awssampledb/mybucket/myfile.CSV'
credentials 'aws_access_key_id=xxxxx;aws_secret_access_key=xxxxx'
delimiter ',';
&lt;/code&gt;&lt;/pre&gt;
&lt;p&gt;This is the error I see:&lt;/p&gt;
&lt;pre&gt;&lt;code&gt;An error occurred when executing the SQL command:
copy frontend_chemical from 's3://awssampledb/mybucket/myfile.CSV'
credentials 'aws_access_key_id=XXXX...'
[Amazon](500310) Invalid operation: The specified S3 prefix 'mybucket/myfile.CSV' does not exist
Details: 
 -----------------------------------------------
  error:  The specified S3 prefix 'mybucket/myfile.CSV' does not exist
  code:      8001
  context:   
  query:     3573
  location:  s3_utility.cpp:539
  process:   padbmaster [pid=2432]
  -----------------------------------------------;
Execution time: 0.7s
1 statement failed.
&lt;/code&gt;&lt;/pre&gt;
&lt;p&gt;I think I'm constructing the S3 URL wrong, but how should I do it?&lt;/p&gt;
&lt;p&gt;My Redshift cluster is in the US East (N Virginia) region. &lt;/p&gt;</t>
  </si>
  <si>
    <t>2015-09-28 14:47:55.653000+00:00</t>
  </si>
  <si>
    <t>2015-09-30 09:39:53.267000+00:00</t>
  </si>
  <si>
    <t>amazon-s3|amazon-redshift</t>
  </si>
  <si>
    <t>C# WindowsForms UserControl's Controls Designer Support</t>
  </si>
  <si>
    <t>&lt;p&gt;What I am looking for is the same type of designer support for controls inside a usercontrol. ie - resizing a textbox, moving a label, that are inside a usercontrol &lt;strong&gt;after placeing the usercontrol on to a form&lt;/strong&gt;.&lt;/p&gt;
&lt;p&gt;What I've been able to do...&lt;/p&gt;
&lt;ol&gt;
&lt;li&gt;create a usercontrol&lt;/li&gt;
&lt;li&gt;use the designer to add controls to the it&lt;/li&gt;
&lt;li&gt;create a new window forms app&lt;/li&gt;
&lt;li&gt;add the usercontrol to the toolbox&lt;/li&gt;
&lt;li&gt;drag and drop the control on the a form&lt;/li&gt;
&lt;/ol&gt;
&lt;p&gt;where I am stuck...&lt;/p&gt;
&lt;ol&gt;
&lt;li&gt;edit the usercontrols controls. IE - being able to resize a textbox that is inside the usercontrol using the designer.&lt;/li&gt;
&lt;/ol&gt;
&lt;p&gt;I found a similar question on stack that was never answered. So if I am being too vague you can follow this link &lt;a href="https://stackoverflow.com/questions/10359772/example-make-constituent-controls-in-a-usercontrol-editable"&gt;https://stackoverflow.com/questions/10359772/example-make-constituent-controls-in-a-usercontrol-editable&lt;/a&gt;. &lt;/p&gt;
&lt;p&gt;Thank you.&lt;/p&gt;</t>
  </si>
  <si>
    <t>2013-01-15 03:19:03.293000+00:00</t>
  </si>
  <si>
    <t>2013-02-05 00:42:49.013000+00:00</t>
  </si>
  <si>
    <t>2017-05-23 12:02:10.230000+00:00</t>
  </si>
  <si>
    <t>c#|winforms|user-controls|windows-forms-designer|editing</t>
  </si>
  <si>
    <t>C++ list deallocation causes free(): invalid next size (fast): error</t>
  </si>
  <si>
    <t>&lt;p&gt;I searched other questions about this issue and found a load of them but I do not feel like they fit my peculiar case.
I need to retrieve a list of smartcard readers from PCSClite on Debian 9 GNU/Linux, using g++ (Debian 6.3.0-18) 6.3.0.
Such list is in the form of a &lt;strong&gt;char*&lt;/strong&gt; array returned by a PCSC API method.
Each reader name is separated from the neighboring ones by a &lt;strong&gt;\000&lt;/strong&gt; null character. Once the char array has been correctly formed (I checked with gdb), I use the following code snippet to build the list of names:&lt;/p&gt;
&lt;pre&gt;&lt;code&gt;LONG iterationTotal = 0;    // total number of processed characters
std::list&amp;lt;char*&amp;gt; ReaderList; // the final list of names
while (iterationTotal &amp;lt; dwReaders) {  // dwReaders is returned by PCSC
                                      // it is the total length of the
                                      // char* array 
    LONG i = 0;
    while (mszReaders[i] != NULL) { //mszReaders is the char* array
        i++;
        iterationTotal++;  
    }
    iterationTotal++;   // counts the NULL characters that separe names
    char * tempReader = new char(i + 1);    // allocate just enough 
                                            //memory for the current name
    strcpy(tempReader, mszReaders); // copy name contents
    std::cout &amp;lt;&amp;lt; tempReader &amp;lt;&amp;lt; std::endl; // this prints CORRECTLY the 
                                          // names of the readers
    mszReaders += i;    // "erases" the previous name
    mszReaders += 1;    // takes into account the NULL char
    ReaderList.push_back(tempReader);  // add element to list
    //DELETE!
    //delete[] tempReader;   // I cannot uncomment this! Don't know why
    i = 0;
}
for (std::list&amp;lt;char*&amp;gt;::iterator it = ReaderList.begin(); it != ReaderList.end(); it++) {
    std::cout &amp;lt;&amp;lt; *it &amp;lt;&amp;lt; std::endl;     // shows the elements present in
                                       // the list
}
&lt;/code&gt;&lt;/pre&gt;
&lt;p&gt;The output at execution is:&lt;/p&gt;
&lt;pre&gt;&lt;code&gt;bjorn@debianHDD:~/Documents/Arjo/products/omnilector_C#_original/trials$ ./listReaders
Established context.
Successfully obtained reader list
Identiv Identiv uTrust 4701 F Dual Interface Reader [uTrust 4701 F CL Reader] (55041546201112) 00 00
Identiv Identiv uTrust 4701 F Dual Interface Reader [uTrust 4701 F Contact Reader] (55041546201112) 01 00
Identiv Identiv uTrust 4!
Identiv Identiv uTrust 4!
208
*** Error in `./listReaders': free(): invalid next size (fast): 0x0000561a18e3d370 ***
======= Backtrace: =========
/lib/x86_64-linux-gnu/libc.so.6(+0x70bcb)[0x7ffbe2f55bcb]
/lib/x86_64-linux-gnu/libc.so.6(+0x76f96)[0x7ffbe2f5bf96]
/lib/x86_64-linux-gnu/libc.so.6(+0x777de)[0x7ffbe2f5c7de]
./listReaders(+0x1904)[0x561a172f0904]
./listReaders(+0x17bc)[0x561a172f07bc]
./listReaders(+0x1632)[0x561a172f0632]
./listReaders(+0x14b3)[0x561a172f04b3]
./listReaders(+0x12f8)[0x561a172f02f8]
./listReaders(+0x12a4)[0x561a172f02a4]
./listReaders(+0x10dc)[0x561a172f00dc]
/lib/x86_64-linux-gnu/libc.so.6(__libc_start_main+0xf1)[0x7ffbe2f052b1]
./listReaders(+0xd3a)[0x561a172efd3a]
======= Memory map: ========
561a172ef000-561a172f2000 r-xp 00000000 08:12 7350775                    /home/bjorn/Documents/Arjo/products/omnilector_C#_original/trials/listReaders
561a174f1000-561a174f2000 r--p 00002000 08:12 7350775                    /home/bjorn/Documents/Arjo/products/omnilector_C#_original/trials/listReaders
561a174f2000-561a174f3000 rw-p 00003000 08:12 7350775                    /home/bjorn/Documents/Arjo/products/omnilector_C#_original/trials/listReaders
561a18e2b000-561a18e5d000 rw-p 00000000 00:00 0                          [heap]
7ffbdc000000-7ffbdc021000 rw-p 00000000 00:00 0 
7ffbdc021000-7ffbe0000000 ---p 00000000 00:00 0 
7ffbe28bc000-7ffbe28d4000 r-xp 00000000 08:12 10488851                   /lib/x86_64-linux-gnu/libpthread-2.24.so
7ffbe28d4000-7ffbe2ad3000 ---p 00018000 08:12 10488851                   /lib/x86_64-linux-gnu/libpthread-2.24.so
7ffbe2ad3000-7ffbe2ad4000 r--p 00017000 08:12 10488851                   /lib/x86_64-linux-gnu/libpthread-2.24.so
7ffbe2ad4000-7ffbe2ad5000 rw-p 00018000 08:12 10488851                   /lib/x86_64-linux-gnu/libpthread-2.24.so
7ffbe2ad5000-7ffbe2ad9000 rw-p 00000000 00:00 0 
7ffbe2ad9000-7ffbe2ae0000 r-xp 00000000 08:12 10488867                   /lib/x86_64-linux-gnu/librt-2.24.so
7ffbe2ae0000-7ffbe2cdf000 ---p 00007000 08:12 10488867                   /lib/x86_64-linux-gnu/librt-2.24.so
7ffbe2cdf000-7ffbe2ce0000 r--p 00006000 08:12 10488867                   /lib/x86_64-linux-gnu/librt-2.24.so
7ffbe2ce0000-7ffbe2ce1000 rw-p 00007000 08:12 10488867                   /lib/x86_64-linux-gnu/librt-2.24.so
7ffbe2ce1000-7ffbe2ce4000 r-xp 00000000 08:12 10486046                   /lib/x86_64-linux-gnu/libdl-2.24.so
7ffbe2ce4000-7ffbe2ee3000 ---p 00003000 08:12 10486046                   /lib/x86_64-linux-gnu/libdl-2.24.so
7ffbe2ee3000-7ffbe2ee4000 r--p 00002000 08:12 10486046                   /lib/x86_64-linux-gnu/libdl-2.24.so
7ffbe2ee4000-7ffbe2ee5000 rw-p 00003000 08:12 10486046                   /lib/x86_64-linux-gnu/libdl-2.24.so
7ffbe2ee5000-7ffbe307a000 r-xp 00000000 08:12 10486022                   /lib/x86_64-linux-gnu/libc-2.24.so
7ffbe307a000-7ffbe327a000 ---p 00195000 08:12 10486022                   /lib/x86_64-linux-gnu/libc-2.24.so
7ffbe327a000-7ffbe327e000 r--p 00195000 08:12 10486022                   /lib/x86_64-linux-gnu/libc-2.24.so
7ffbe327e000-7ffbe3280000 rw-p 00199000 08:12 10486022                   /lib/x86_64-linux-gnu/libc-2.24.so
7ffbe3280000-7ffbe3284000 rw-p 00000000 00:00 0 
7ffbe3284000-7ffbe329a000 r-xp 00000000 08:12 10485968                   /lib/x86_64-linux-gnu/libgcc_s.so.1
7ffbe329a000-7ffbe3499000 ---p 00016000 08:12 10485968                   /lib/x86_64-linux-gnu/libgcc_s.so.1
7ffbe3499000-7ffbe349a000 r--p 00015000 08:12 10485968                   /lib/x86_64-linux-gnu/libgcc_s.so.1
7ffbe349a000-7ffbe349b000 rw-p 00016000 08:12 10485968                   /lib/x86_64-linux-gnu/libgcc_s.so.1
7ffbe349b000-7ffbe359e000 r-xp 00000000 08:12 10486050                   /lib/x86_64-linux-gnu/libm-2.24.so
7ffbe359e000-7ffbe379d000 ---p 00103000 08:12 10486050                   /lib/x86_64-linux-gnu/libm-2.24.so
7ffbe379d000-7ffbe379e000 r--p 00102000 08:12 10486050                   /lib/x86_64-linux-gnu/libm-2.24.so
7ffbe379e000-7ffbe379f000 rw-p 00103000 08:12 10486050                   /lib/x86_64-linux-gnu/libm-2.24.so
7ffbe379f000-7ffbe3911000 r-xp 00000000 08:12 12584202                   /usr/lib/x86_64-linux-gnu/libstdc++.so.6.0.22
7ffbe3911000-7ffbe3b11000 ---p 00172000 08:12 12584202                   /usr/lib/x86_64-linux-gnu/libstdc++.so.6.0.22
7ffbe3b11000-7ffbe3b1b000 r--p 00172000 08:12 12584202                   /usr/lib/x86_64-linux-gnu/libstdc++.so.6.0.22
7ffbe3b1b000-7ffbe3b1d000 rw-p 0017c000 08:12 12584202                   /usr/lib/x86_64-linux-gnu/libstdc++.so.6.0.22
7ffbe3b1d000-7ffbe3b21000 rw-p 00000000 00:00 0 
7ffbe3b21000-7ffbe3b2b000 r-xp 00000000 08:12 12593178                   /usr/lib/x86_64-linux-gnu/libpcsclite.so.1.0.0
7ffbe3b2b000-7ffbe3d2a000 ---p 0000a000 08:12 12593178                   /usr/lib/x86_64-linux-gnu/libpcsclite.so.1.0.0
7ffbe3d2a000-7ffbe3d2b000 r--p 00009000 08:12 12593178                   /usr/lib/x86_64-linux-gnu/libpcsclite.so.1.0.0
7ffbe3d2b000-7ffbe3d2c000 rw-p 0000a000 08:12 12593178                   /usr/lib/x86_64-linux-gnu/libpcsclite.so.1.0.0
7ffbe3d2c000-7ffbe3d4f000 r-xp 00000000 08:12 10485946                   /lib/x86_64-linux-gnu/ld-2.24.so
7ffbe3f16000-7ffbe3f1c000 rw-p 00000000 00:00 0 
7ffbe3f4b000-7ffbe3f4f000 rw-p 00000000 00:00 0 
7ffbe3f4f000-7ffbe3f50000 r--p 00023000 08:12 10485946                   /lib/x86_64-linux-gnu/ld-2.24.so
7ffbe3f50000-7ffbe3f51000 rw-p 00024000 08:12 10485946                   /lib/x86_64-linux-gnu/ld-2.24.so
7ffbe3f51000-7ffbe3f52000 rw-p 00000000 00:00 0 
7ffd8cc53000-7ffd8cc74000 rw-p 00000000 00:00 0                          [stack]
7ffd8cc81000-7ffd8cc83000 r--p 00000000 00:00 0                          [vvar]
7ffd8cc83000-7ffd8cc85000 r-xp 00000000 00:00 0                          [vdso]
ffffffffff600000-ffffffffff601000 r-xp 00000000 00:00 0                  [vsyscall]
Aborted
&lt;/code&gt;&lt;/pre&gt;
&lt;p&gt;As you can see, the problem arises when returning, so this is something happening when releasing the memory occupied by the list. Supporting this idea: if I uncomment the DELETE line in the while loop (I really should delete that variable to avoid the memory leak) the program stops with this &lt;em&gt;free(): invalid next size (fast):&lt;/em&gt; error.
Moreover, I can't see why the list only appears to contain a small part of the names, the push_back method should add the whole content of &lt;strong&gt;tempReader&lt;/strong&gt; to the list.
I tried to run the program through Valgrind but I honestly can't see the problem (I can post its output if it can help)
What is the cause of the error? How can I solve this situation?&lt;/p&gt;</t>
  </si>
  <si>
    <t>2017-11-24 14:10:42.643000+00:00</t>
  </si>
  <si>
    <t>2017-11-24 14:55:39.047000+00:00</t>
  </si>
  <si>
    <t>c++|list|memory-management|push-back</t>
  </si>
  <si>
    <t>Swift cannot assign subtitle in MKAnnotation</t>
  </si>
  <si>
    <t>&lt;p&gt;I'm attempting to programmatically update the subtitle within &lt;code&gt;MKAnnotation&lt;/code&gt;. The following lines of code produce a &lt;code&gt;cannot assign subtitle in annotation&lt;/code&gt; error:&lt;/p&gt;
&lt;pre&gt;&lt;code&gt;let annotation: MKAnnotation = mapView.annotations[0] as! MKAnnotation
annotation.subtitle = nil
&lt;/code&gt;&lt;/pre&gt;
&lt;p&gt;Could anyone help lead me in a direction where I can update the subtitle after the MKAnnotation is shown within the map?&lt;/p&gt;</t>
  </si>
  <si>
    <t>2015-05-06 20:27:39.080000+00:00</t>
  </si>
  <si>
    <t>2015-05-06 20:32:18.497000+00:00</t>
  </si>
  <si>
    <t>ios|swift|mkmapview|mkannotation</t>
  </si>
  <si>
    <t>angularjs show div if clicked inside a input field and hide if clicked outside</t>
  </si>
  <si>
    <t>&lt;p&gt;I want to show my div if user clicks inside the input field, and if clicked outside only, then it should hide it. If clicked inside the field again, it shouldn't hide.
Here is my attempt:
&lt;strong&gt;&lt;a href="http://jsfiddle.net/asmKj/1348/" rel="nofollow noreferrer"&gt;JSFIDDLE LINK&lt;/a&gt;&lt;/strong&gt;&lt;/p&gt;
&lt;pre&gt;&lt;code&gt;&amp;lt;div ng-app="app"&amp;gt;
&amp;lt;div ng-controller="HelpCtrl"&amp;gt;
    &amp;lt;input type="text" id="myText" name="myText" ng-click="showHelp = ! showHelp"&amp;gt;
    &amp;lt;div  class="details" ng-class="{ 'hidden': ! showHelp }"&amp;gt;
    &amp;lt;p&amp;gt;
    The help text here!
    &amp;lt;/p&amp;gt;
    &amp;lt;/div&amp;gt;
&amp;lt;/div&amp;gt;
&amp;lt;/div&amp;gt;
&lt;/code&gt;&lt;/pre&gt;
&lt;p&gt;the problem is that when the page is opened, I see the help text, and it suddenly disappears and when I click inside the field, it shows again, but it disappears only when clicked inside the field again. Now I want it to hide only if clicked outside the field. 
Please help me with this.&lt;/p&gt;</t>
  </si>
  <si>
    <t>2017-08-11 11:51:32.540000+00:00</t>
  </si>
  <si>
    <t>2017-08-11 12:24:11.063000+00:00</t>
  </si>
  <si>
    <t>javascript|jquery|html|css|angularjs</t>
  </si>
  <si>
    <t>how do i change id of a element every time it is clicked with jquery</t>
  </si>
  <si>
    <t>&lt;p&gt;how do i change id of a element every time it is clicked with jquery?  I have this code which works fine on the first click, but then when clicked again, it still calls the old id.&lt;/p&gt;
&lt;pre&gt;&lt;code&gt;$("#like&amp;lt;? echo $msgID;?&amp;gt;").click(function(){                                             
        $.post("like.php?status_id=&amp;lt;? echo $msgID;?&amp;gt;", $(this).serialize());
        setTimeout(function() {
        $("#likeDiv&amp;lt;? echo $msgID;?&amp;gt;").load('like-count.php?status_id=&amp;lt;? echo $msgID;?&amp;gt;');
        $("#like&amp;lt;? echo $msgID;?&amp;gt;").attr("id","unlike&amp;lt;? echo $msgID;?&amp;gt;").text("Unlike");
        },500);
        });
$("#unlike&amp;lt;? echo $msgID;?&amp;gt;").click(function(){                                     
        $.post("unlike.php?status_id=&amp;lt;? echo $msgID;?&amp;gt;", $(this).serialize());
        setTimeout(function() {
        $("#likeDiv&amp;lt;? echo $msgID;?&amp;gt;").load('like-count.php?status_id=&amp;lt;? echo $msgID;?&amp;gt;');
        $("#unlike&amp;lt;? echo $msgID;?&amp;gt;").attr("id","like&amp;lt;? echo $msgID;?&amp;gt;").text("Like");
        },500);
        });
&lt;/code&gt;&lt;/pre&gt;</t>
  </si>
  <si>
    <t>2013-08-10 02:58:58.790000+00:00</t>
  </si>
  <si>
    <t>2013-08-10 03:53:19.707000+00:00</t>
  </si>
  <si>
    <t>ATI Stream OpenCL: Problem while opening opencl kernel file in Visual Studio 2010</t>
  </si>
  <si>
    <t>&lt;pre&gt;&lt;code&gt;FILE *fp;
long filelen; long readlen;
char* src;
fp = fopen("OpenCLSource.cl","r");
fseek(fp,0L,SEEK_END);
filelen = ftell(fp);
rewind(fp);
src = (char *) malloc(sizeof(char)*(filelen+1));    
readlen = fread(src,1,filelen,fp);
src[filelen+1] = '\0';
fclose(fp);
&lt;/code&gt;&lt;/pre&gt;
&lt;p&gt;I typed in this code, and I got an error that it's fopen is deprecated, I solved the problem by getting help from a forum i.e, I added _CRT_SECURE_NO_WARNINGS to the preprocessor definitions. &lt;/p&gt;
&lt;p&gt;But, I STILL can't load the kernel file. There are "no" errors or warnings. Value of fp is ZERO
Is there any alternate method to do this??&lt;/p&gt;
&lt;p&gt;Thanks in advance&lt;/p&gt;</t>
  </si>
  <si>
    <t>2011-06-23 17:28:53.850000+00:00</t>
  </si>
  <si>
    <t>2011-06-24 14:40:49.847000+00:00</t>
  </si>
  <si>
    <t>c|visual-studio-2010|file-io</t>
  </si>
  <si>
    <t>Log4j2: unable to set MDC keys using Servlet Context Listener</t>
  </si>
  <si>
    <t>&lt;p&gt;I'm trying to set the hostname as a MDC variable using a Servlet Context Listener. The MDC variable gets available only in the listener itself, but it disappears if i try to log from other servlets.&lt;/p&gt;
&lt;p&gt;Here my listener code:&lt;/p&gt;
&lt;pre&gt;&lt;code&gt;public class MdcServletListener implements ServletContextListener {
    /** logger. */
    private static Logger logger = LoggerFactory
            .getLogger(MdcServletListener.class);
    /*
     * (non-Javadoc)
     * 
     * @see javax.servlet.ServletContextListener#contextDestroyed(javax.servlet.
     * ServletContextEvent)
     */
    @Override
    public void contextDestroyed(ServletContextEvent sContext) {
    }
    /*
     * (non-Javadoc)
     * 
     * @see
     * javax.servlet.ServletContextListener#contextInitialized(javax.servlet
     * .ServletContextEvent)
     */
    @Override
    public void contextInitialized(ServletContextEvent sContext) {
        try {
            ThreadContext.put("LISTENER", "TEST");
            logger.info("Inizializzazione variabili mdc completata");
        } catch (Exception e) {
            logger.error("Inizializzazione variabili mdc fallita", e);
        }
    }
}
&lt;/code&gt;&lt;/pre&gt;
&lt;p&gt;Here my web.xml:&lt;/p&gt;
&lt;pre&gt;&lt;code&gt;&amp;lt;listener&amp;gt;
        &amp;lt;listener-class&amp;gt;org.apache.logging.log4j.web.Log4jServletContextListener&amp;lt;/listener-class&amp;gt;
    &amp;lt;/listener&amp;gt;
    &amp;lt;listener&amp;gt;
        &amp;lt;listener-class&amp;gt;MdcServletListener&amp;lt;/listener-class&amp;gt;
    &amp;lt;/listener&amp;gt;
    &amp;lt;filter&amp;gt;
        &amp;lt;filter-name&amp;gt;log4jServletFilter&amp;lt;/filter-name&amp;gt;
        &amp;lt;filter-class&amp;gt;org.apache.logging.log4j.web.Log4jServletFilter&amp;lt;/filter-class&amp;gt;
    &amp;lt;/filter&amp;gt;
    &amp;lt;filter-mapping&amp;gt;
        &amp;lt;filter-name&amp;gt;log4jServletFilter&amp;lt;/filter-name&amp;gt;
        &amp;lt;url-pattern&amp;gt;/*&amp;lt;/url-pattern&amp;gt;
        &amp;lt;dispatcher&amp;gt;REQUEST&amp;lt;/dispatcher&amp;gt;
        &amp;lt;dispatcher&amp;gt;FORWARD&amp;lt;/dispatcher&amp;gt;
        &amp;lt;dispatcher&amp;gt;INCLUDE&amp;lt;/dispatcher&amp;gt;
        &amp;lt;dispatcher&amp;gt;ERROR&amp;lt;/dispatcher&amp;gt;
    &amp;lt;/filter-mapping&amp;gt;
&lt;/code&gt;&lt;/pre&gt;
&lt;p&gt;Any suggestion?
Thanks.&lt;/p&gt;</t>
  </si>
  <si>
    <t>2014-09-08 10:15:11.040000+00:00</t>
  </si>
  <si>
    <t>2014-09-08 14:53:45.727000+00:00</t>
  </si>
  <si>
    <t>web-applications|log4j2|mdc</t>
  </si>
  <si>
    <t>Print the contents of a text file using javascript/jquery</t>
  </si>
  <si>
    <t>&lt;p&gt;I have a text file in my system. I want print the contents of that text file using javascript/jquery. How can I do that. I have referred the &lt;a href="https://stackoverflow.com/questions/2255291/print-the-contents-of-a-div"&gt;Link&lt;/a&gt;. But it is simply printing from div. I need to use &lt;code&gt;window.print()&lt;/code&gt; method. But how can I print the text file using javascript? Please guide me.&lt;/p&gt;</t>
  </si>
  <si>
    <t>2016-03-29 04:12:08.220000+00:00</t>
  </si>
  <si>
    <t>2016-03-29 04:41:13.037000+00:00</t>
  </si>
  <si>
    <t>2017-05-23 12:16:10.730000+00:00</t>
  </si>
  <si>
    <t>javascript|jquery|text|printing</t>
  </si>
  <si>
    <t>MsiEnumProductsEx Not Working</t>
  </si>
  <si>
    <t>&lt;p&gt;I have the following application, to check installed programs in a system:&lt;/p&gt;
&lt;pre&gt;&lt;code&gt;#include &amp;lt;iostream&amp;gt;
#include &amp;lt;Msi.h&amp;gt;
#include &amp;lt;Windows.h&amp;gt;
using namespace std;
void main()
{
    UINT ret;
    DWORD dwIndex = 0;
    DWORD dwContext = MSIINSTALLCONTEXT_ALL;
    char szInstalledProductCode[39] = {0};
    char szSid[128] = {0};
    const char* szUserSid = "s-1-1-0";
    DWORD cchSid;
    MSIINSTALLCONTEXT dwInstalledContext;
    do
    {
        memset(szInstalledProductCode, 0, sizeof(szInstalledProductCode));
        cchSid = sizeof(szSid)/sizeof(szSid[0]);
        ret = MsiEnumProductsEx(
            NULL,           // all the products in the context
            szUserSid,  // i.e.Everyone, all users in the system
            dwContext,
            dwIndex,
            szInstalledProductCode,
            &amp;amp;dwInstalledContext,
            szSid,
            &amp;amp;cchSid
        );
        if(ret == ERROR_SUCCESS)
        {
            char* name = MsiGetProductInfoEx (
                szInstalledProductCode,
                cchSid == 0 ? NULL : szSid,
                dwInstalledContext,
                INSTALLPROPERTY_INSTALLEDPRODUCTNAME
            );
            char* version = MsiGetProductInfoEx (
                szInstalledProductCode,
                cchSid == 0 ? NULL : szSid,
                dwInstalledContext,
                INSTALLPROPERTY_VERSIONSTRING
            );
            cout &amp;lt;&amp;lt; name &amp;lt;&amp;lt; endl;
            cout &amp;lt;&amp;lt; "  - " &amp;lt;&amp;lt; version &amp;lt;&amp;lt; endl;
            dwIndex++;
        }
    } while(ret == ERROR_SUCCESS);
}
&lt;/code&gt;&lt;/pre&gt;
&lt;p&gt;I am using Microsoft Visual C++ Express 2010. The application is MBCS. In studio, these four things are in red (error):&lt;/p&gt;
&lt;ul&gt;
&lt;li&gt;&lt;code&gt;MSIINSTALLCONTEXT_ALL&lt;/code&gt;&lt;/li&gt;
&lt;li&gt;&lt;code&gt;MSIINSTALLCONTEXT&lt;/code&gt;&lt;/li&gt;
&lt;li&gt;&lt;code&gt;MsiEnumProductsEx&lt;/code&gt;&lt;/li&gt;
&lt;li&gt;&lt;code&gt;MsiGetProductInfoEx&lt;/code&gt;&lt;/li&gt;
&lt;/ul&gt;
&lt;p&gt;I linked the Msi.lib (Project properties -&gt; Linker -&gt;  Input -&gt; Additional Dependencies). I am just trying to figure out how &lt;code&gt;MsiEnumProductsEx&lt;/code&gt; function works.  I know there are other questions around, but I just can't understand why it isn't working because I think that I have everything for the functions to be available, at least. Thanks!&lt;/p&gt;</t>
  </si>
  <si>
    <t>2011-05-20 20:18:10.473000+00:00</t>
  </si>
  <si>
    <t>2011-05-21 01:31:41.123000+00:00</t>
  </si>
  <si>
    <t>c++|winapi|visual-c++|windows-installer|installed-applications</t>
  </si>
  <si>
    <t>number in worksheet name as "any number"</t>
  </si>
  <si>
    <t>&lt;p&gt;I have this code:&lt;/p&gt;
&lt;pre&gt;&lt;code&gt;Set wb2 = ActiveWorkbook
wb2.Worksheets("-Incumbents").Range("B2:C2", Range("B2:C2").End(xlDown)).RemoveDuplicates Columns:=Array(1, 2), Header _
:=xlYes
wb2.Worksheets("-Incumbents").Range("B2:C2", Range("B2:C2").End(xlDown)).Select
Selection.Copy
&lt;/code&gt;&lt;/pre&gt;
&lt;p&gt;I would like it to work on any worksheet which name contains word "-Incumbents".
The problem is that worksheets are named "1-Incumbents","2-Incumbents","3-Incumbents" and so on...
So I guess I need some kind of variable to put in the code instead of actual number, but I can't figure out how to do that.
Please help.&lt;/p&gt;</t>
  </si>
  <si>
    <t>2016-09-06 13:23:25.073000+00:00</t>
  </si>
  <si>
    <t>2016-09-06 13:40:19.257000+00:00</t>
  </si>
  <si>
    <t>Allowing user to type html tags and save them to file to display on website</t>
  </si>
  <si>
    <t>&lt;p&gt;I am writing blogging software from scratch (mostly as a learning experience). My method of allowing the blog owner to make a new post is for them to type the post into a form (textarea), including formatting tags such as &lt;code&gt;&amp;lt;br /&amp;gt;&lt;/code&gt;, and then use PHP to create a file and write it with the contents of the text area. This file is then loaded into the main blog page via an iframe.&lt;/p&gt;
&lt;p&gt;My question is: how can I make this reasonably secure? As at the moment the owner could type anything (so could potentially add javascript or something). The owner interface is behind a login screen, and the textarea content never gets saved to a database, just a file, so my MySQL is safe enough. Just worried that blog owners (or anyone who got past the login screen) could create dangerous files.&lt;/p&gt;
&lt;p&gt;Any suggestions??&lt;/p&gt;</t>
  </si>
  <si>
    <t>2013-11-26 11:38:11.480000+00:00</t>
  </si>
  <si>
    <t>2013-11-26 11:42:19.900000+00:00</t>
  </si>
  <si>
    <t>javascript|php|html5|file|security</t>
  </si>
  <si>
    <t>SonarQube server does not start because of a Background initialization failure</t>
  </si>
  <si>
    <t>&lt;p&gt;I have just installed SonarQube server on my Windows 8 computer according to "Get Started in Two Minutes" instructions. I have the latest Java (jre1.8.0_131) on my machine. I got an error at startup in web.log. How can i fix that? &lt;/p&gt;
&lt;blockquote&gt;
  &lt;p&gt;2017.07.17 05:24:33 ERROR web[][o.s.s.p.Platform] Background initialization failed. Stopping SonarQube&lt;/p&gt;
  &lt;p&gt;java.lang.IllegalArgumentException: Custom Analyzer [��ndex_words_analyzer] failed to find filter under name [word_filter]&lt;/p&gt;
  &lt;p&gt;at org.elasticsearch.index.analysis.CustomAnalyzerProvider.build(CustomAnalyzerProvider.java:76)&lt;/p&gt;
&lt;/blockquote&gt;</t>
  </si>
  <si>
    <t>2017-07-17 02:57:37.097000+00:00</t>
  </si>
  <si>
    <t>2017-10-26 01:04:50.293000+00:00</t>
  </si>
  <si>
    <t>java|sonarqube</t>
  </si>
  <si>
    <t>regex does not match only upper case letters, despite being instructed to do so</t>
  </si>
  <si>
    <t>&lt;p&gt;I'm making a script to crawl through a web page and find all upper case names, equalling a number (ex. &lt;code&gt;DUP_NB_FUNC=8&lt;/code&gt;). The part where my regular expression has to match &lt;em&gt;only&lt;/em&gt; upper case letters however, does not seem to be working properly.&lt;/p&gt;
&lt;pre&gt;&lt;code&gt;value = re.findall(r"[A-Z0-9_]*(?==\d).{2,}", input)
&lt;/code&gt;&lt;/pre&gt;
&lt;pre&gt;&lt;code&gt;|tc_apb_conf_00.v:-:DUP_NB_FUNC=2
|:-:DUP_NB_FUNC=2
|:-:DUP_NB_FUNC=4
|:-:DUP_NB_FUNC=5
|tc_apb_conf_01.v:-:DUP_NB_FUNC=8
&lt;/code&gt;&lt;/pre&gt;
&lt;p&gt;Desired output should look something like the above. However, I am getting:&lt;/p&gt;
&lt;pre&gt;&lt;code&gt;|tc_apb_conf_00.v:-:=1" name="viewport"/&amp;gt;
|:-:DUP_NB_FUNC=2
|:-:DUP_NB_FUNC=4
|:-:DUP_NB_FUNC=5
|tc_apb_conf_01.v:-:DUP_NB_FUNC=8
&lt;/code&gt;&lt;/pre&gt;
&lt;p&gt;Based on the input I can see its finding a match starting at &lt;code&gt;=1&lt;/code&gt;. I don't however understand why as I've put only &lt;code&gt;A-Z&lt;/code&gt; in the regex range. I'd really appreciate a bit of assistance and clearing up.&lt;/p&gt;</t>
  </si>
  <si>
    <t>2015-08-28 15:57:49.680000+00:00</t>
  </si>
  <si>
    <t>2015-08-28 18:16:20.673000+00:00</t>
  </si>
  <si>
    <t>2015-08-28 16:00:26.147000+00:00</t>
  </si>
  <si>
    <t>3D mapping of Velodyne scans</t>
  </si>
  <si>
    <t>&lt;p&gt;I am trying to map the environment with pointclouds obtained from a Velodyne VLP-16 mounted on a moving car. I am trying to use ICP algorithm from the pcl, but the results are awful.&lt;/p&gt;
&lt;p&gt;I think that too many points are different in one scan from the next one, but still look very similar, so instead of thinking the car is
moving ICP thinks is still.&lt;/p&gt;
&lt;p&gt;I am not very sure what could I try to obtain a good registration of the environment.&lt;/p&gt;</t>
  </si>
  <si>
    <t>2016-06-30 08:14:33.843000+00:00</t>
  </si>
  <si>
    <t>2016-07-21 08:33:27.067000+00:00</t>
  </si>
  <si>
    <t>2016-07-20 09:27:33.370000+00:00</t>
  </si>
  <si>
    <t>3d|mapping|registration|point-cloud-library|3d-reconstruction</t>
  </si>
  <si>
    <t>difference between initializing an object with these two ways in c#</t>
  </si>
  <si>
    <t>&lt;p&gt;generally i instant &lt;code&gt;initialize&lt;/code&gt; an &lt;code&gt;object&lt;/code&gt; when adding it to a &lt;code&gt;list&lt;/code&gt;
with this way ---&gt;&lt;/p&gt;
&lt;pre&gt;&lt;code&gt;list.add(
   new foo() {                       //     &amp;lt;--- foo()
      field1 = value1,
      field2 = value2 
   }
);
&lt;/code&gt;&lt;/pre&gt;
&lt;p&gt;but once i just tried ---&gt;&lt;/p&gt;
&lt;pre&gt;&lt;code&gt;list.add(
   new foo {                     //     &amp;lt;--- foo
      field1 = value1,
      field2 = value2 
   }
);
&lt;/code&gt;&lt;/pre&gt;
&lt;p&gt;&amp;amp; it worked !!!&lt;/p&gt;
&lt;p&gt;in the 2nd way i am just &lt;code&gt;creating&lt;/code&gt; an &lt;code&gt;object&lt;/code&gt; without using &lt;code&gt;()&lt;/code&gt; at tail of it.
so does anyone have any idea about the difference between these various ways to initializing an object ?&lt;/p&gt;</t>
  </si>
  <si>
    <t>2013-06-14 09:43:59.257000+00:00</t>
  </si>
  <si>
    <t>2013-06-14 13:09:59.560000+00:00</t>
  </si>
  <si>
    <t>c#|class|object</t>
  </si>
  <si>
    <t>How to mark a block to be spellchecked in a different language or not at all in vim?</t>
  </si>
  <si>
    <t>&lt;p&gt;I am editing a document in Vim. Some parts are in English, some in Dutch. Lets say, I have the following&lt;/p&gt;
&lt;blockquote&gt;
  &lt;p&gt;A common form of lorem ipsum reads:&lt;/p&gt;
  &lt;p&gt;Lorem ipsum dolor sit amet, consectetur adipiscing elit, sed do eiusmod tempor incididunt ut labore et dolore magna aliqua. Ut enim ad
  minim veniam, quis nostrud exercitation ullamco laboris nisi ut
  aliquip ex ea commodo consequat. Duis aute irure dolor in
  reprehenderit in voluptate velit esse cillum dolore eu fugiat nulla
  pariatur. Excepteur sint occaecat cupidatat non proident, sunt in
  culpa qui officia deserunt mollit anim id est laborum.&lt;/p&gt;
  &lt;p&gt;"Lorem ipsum" text is derived from sections 1.10.33 of Cicero's De finibus bonorum et malorum.&lt;/p&gt;
&lt;/blockquote&gt;
&lt;p&gt;Now, when spellchecking I'd like to mark the second paragraph (or any block, really) to be spellchecked in a different language. Or, alternatively, to not be spellchecked at all. Is that possible?&lt;/p&gt;
&lt;p&gt;The document in question is markdown.&lt;/p&gt;</t>
  </si>
  <si>
    <t>2016-11-27 19:59:19.263000+00:00</t>
  </si>
  <si>
    <t>2016-11-28 05:32:47.597000+00:00</t>
  </si>
  <si>
    <t>vim|spell-checking</t>
  </si>
  <si>
    <t>Penalize error on one category svm sklearn?</t>
  </si>
  <si>
    <t>&lt;p&gt;I've got ~100 data elements for one class, and ~6000 for another class. When I create a svm using the data, it just returns the majority category label for every new element I try to predict on. Is there a way to penalize misclassification of the minority category with the sklearn svm, so that I can actually use all my data elements and not have to sample 100 elements from the majority category to use in testing?&lt;/p&gt;</t>
  </si>
  <si>
    <t>2014-08-17 23:43:42.747000+00:00</t>
  </si>
  <si>
    <t>2014-08-27 17:33:04.233000+00:00</t>
  </si>
  <si>
    <t>python|numpy|machine-learning|scikit-learn|svm</t>
  </si>
  <si>
    <t>Issue using tinymce editor</t>
  </si>
  <si>
    <t>&lt;p&gt;I'm using tinymce as my website's text editor.&lt;/p&gt;
&lt;p&gt;Whenever I try to add content using it, it works perfectly, but if theres a
&lt;code&gt;'&lt;/code&gt; inside the text ( for example : "Can't" ) I get the following error :&lt;/p&gt;
&lt;pre&gt;&lt;code&gt;Error: You have an error in your SQL syntax; check the manual that corresponds to your MySQL server version for the right syntax to use near '...
&lt;/code&gt;&lt;/pre&gt;</t>
  </si>
  <si>
    <t>2013-01-25 21:03:17.880000+00:00</t>
  </si>
  <si>
    <t>2013-01-25 21:28:03.300000+00:00</t>
  </si>
  <si>
    <t>php|tinymce</t>
  </si>
  <si>
    <t>Swapping values around in a list and recording original index</t>
  </si>
  <si>
    <t>&lt;p&gt;Preface: This is a homework assignment and I am not looking for a complete answer, just a little nudge in the right direction.  I am writing a simple encryption program, that will take the name of an file as input, open it and rewrite it with the lines randomly shifted around.  I have done this, but I need to somehow keep track of the line numbers that were shifted around.  I know I need to write a new list and append the indexes+1 when they changed, but I can't quite figure out where to put it.  &lt;/p&gt;
&lt;pre&gt;&lt;code&gt;from random import *
seed(123)
text_file = input("Enter a name of a text file to mix: ")
f = open(text_file, 'r')
encrypted = open('encrypted.txt', 'w')
index = open('index.txt', 'w')
lines = []
for line in f:
    line = line.strip('\n')
    lines.append(line) 
ll=len(lines)
new_dict = {}
for line in lines:
    new_dict[lines.index(line)+1] = line
for i in range (0,ll*3):
    random_one = randint(0,ll-1)
    random_two = randint(0,ll-1)
    temp1 = lines[random_one]
    temp2 = lines[random_two]
    lines[random_one] = temp2
    lines[random_two] = temp1
for line in lines:
    encrypted.write(line + "\n")
encrypted.close()
&lt;/code&gt;&lt;/pre&gt;
&lt;p&gt;As you can see I have also made a dictionary that would contain the contents of the .txt file as 1:lineone 2:linetwo.  But I am not sure if it would be easier to use this, or just use a list to keep track of it.  &lt;/p&gt;
&lt;p&gt;Edit: I have changed my code to include:&lt;/p&gt;
&lt;pre&gt;&lt;code&gt;new_dict[random_one] = temp2
new_dict[random_two] = temp1
&lt;/code&gt;&lt;/pre&gt;
&lt;p&gt;new_dict now prints the correct order of the shifted list, but at the wrong indexes.  For example, 1:line7 2:line11, but I want the indexes to match the line number so I can just print off the keys into an index file to use for decrypting. ex: 7:line7 11:line11 Any tips?&lt;/p&gt;</t>
  </si>
  <si>
    <t>2017-07-24 18:34:22.420000+00:00</t>
  </si>
  <si>
    <t>2017-07-24 19:15:59.793000+00:00</t>
  </si>
  <si>
    <t>2017-07-24 19:12:19.160000+00:00</t>
  </si>
  <si>
    <t>ReferenceError: Can't find variable: Zone</t>
  </si>
  <si>
    <t>&lt;p&gt;I am trying to write unit test cases for angular 4 using angular testTBed. As soon as I add this line testbed.configureTestingModule, I get this error &lt;code&gt;phantomjs 2.1.1 (windows 8.0.0) error "ReferenceError: Can't find variable: Zone&lt;/code&gt;". I have no idea what's missing. I can see that  "zone.js": "^0.8.4" is added to my package.json in dependencies and devDependencies section. I am block at this basic step. I would really appreciate any help.&lt;/p&gt;
&lt;pre&gt;&lt;code&gt; beforeEach(async(() =&amp;gt; {
        TestBed.configureTestingModule({
        })
        }));
&lt;/code&gt;&lt;/pre&gt;</t>
  </si>
  <si>
    <t>2018-05-18 22:07:03.023000+00:00</t>
  </si>
  <si>
    <t>C Error when creating an empty stack</t>
  </si>
  <si>
    <t>&lt;p&gt;I'm trying to create an empty stack but somehow there is an error with the malloc I couldn't figure out even with debbuger.&lt;/p&gt;
&lt;p&gt;The message my debbuger shows is:&lt;/p&gt;
&lt;pre&gt;&lt;code&gt;sysmalloc: Assertion (old_top == initial_top (av) &amp;amp;&amp;amp; old_size == 0) || ((unsigned long) (old_size) &amp;gt;= MINSIZE &amp;amp;&amp;amp; prev_inuse (old_top) &amp;amp;&amp;amp; ((unsigned long) old_end &amp;amp; (pagesize - 1)) == 0) failed.
Aborted
&lt;/code&gt;&lt;/pre&gt;
&lt;p&gt;How should I fix it?&lt;/p&gt;
&lt;pre&gt;&lt;code&gt;#include &amp;lt;stdio.h&amp;gt;
#include &amp;lt;stdlib.h&amp;gt;
#include &amp;lt;math.h&amp;gt;
#include &amp;lt;string.h&amp;gt;
typedef struct
{
    int x;
    int y;
    int r;
    int g;
    int b;
}Pixel;
typedef int TypeKey;
typedef struct {
    TypeKey Key;
    Pixel P;
} TypeItem;
typedef struct Cell_str *Pointer;
typedef struct Cell_str {
    TypeItem Item;
    Pointer Next;
} Cell;
typedef struct {
    Pointer Top, Bottom;
    int Size;
} TypeStack;
void FEmpty(TypeStack *Stack)
{
    Stack-&amp;gt;Top = (Pointer)malloc(sizeof(Cell*));
    Stack-&amp;gt;Bottom = Stack-&amp;gt;Top;
    Stack-&amp;gt;Top-&amp;gt;Next = NULL;
    Stack-&amp;gt;Size = 0;
}
int Empty(const TypeStack *Stack){
    return (Stack-&amp;gt;Top == Stack-&amp;gt;Bottom);
}
int size(TypeStack Stack)
{
    return (Stack.Size) ;
}
int main(int argc, char *argv[])
{
    Pixel P[500][500];; 
    TypeStack *Stack;
    FEmpty(Stack);
    return 0;
}
&lt;/code&gt;&lt;/pre&gt;</t>
  </si>
  <si>
    <t>2018-04-30 02:20:40.517000+00:00</t>
  </si>
  <si>
    <t>2018-04-30 11:32:25.637000+00:00</t>
  </si>
  <si>
    <t>2018-04-30 11:21:37.960000+00:00</t>
  </si>
  <si>
    <t>c|stack|malloc</t>
  </si>
  <si>
    <t>Use example.com/param instead of example.com/def_controller/index/param</t>
  </si>
  <si>
    <t>&lt;p&gt;I need to acess my default contrillers index function without need to write a controllers name and index in the URL, but only pass the parameter value right after the domain name. Like in jsfiddle when after domain name you pass the identifier of fiddle.&lt;/p&gt;
&lt;p&gt;How can i achive that in codeigniter site?&lt;/p&gt;
&lt;p&gt;I guess it should be made in htaccess file.&lt;/p&gt;
&lt;p&gt;Could somebody help me with that?&lt;/p&gt;</t>
  </si>
  <si>
    <t>2016-01-15 23:16:11.853000+00:00</t>
  </si>
  <si>
    <t>2016-01-16 06:58:35.337000+00:00</t>
  </si>
  <si>
    <t>php|.htaccess|codeigniter</t>
  </si>
  <si>
    <t>Configuring cluster aware routers with maximum total number of instances</t>
  </si>
  <si>
    <t>&lt;p&gt;We want to spawn up to N instances of routees in Akka cluster, and our original thought was to use cluster-aware pool routers. The downside of this approach is that then the router needs to be spawned as a cluster singleton, and if we don't make it a singleton then we will end up with M routers (where M is a number of nodes), each managing its own pool of N instances, and we want the total number of instances in the whole system to be N, not M*N. &lt;/p&gt;
&lt;p&gt;What looked like a straightforward task, doesn't seem to be possible in Akka cluster, but I want to confirm it. So, given the maximum total number of instances, is it possible to configure its router not to be a singleton, so routers will be created on different nodes and they will share the same pool of routees?&lt;/p&gt;</t>
  </si>
  <si>
    <t>2018-06-04 14:21:17.260000+00:00</t>
  </si>
  <si>
    <t>2018-06-04 14:39:18.397000+00:00</t>
  </si>
  <si>
    <t>akka|akka.net|akka-cluster</t>
  </si>
  <si>
    <t>Passing form values through URL to another page using JS</t>
  </si>
  <si>
    <t>&lt;p&gt;I am currently stuck in this form. What I am trying to do is enter the name and email from the form and redirect the values on another page but the values should be shown in the address bar on the next page and the point is this should be done only within JavaScript.&lt;/p&gt;
&lt;p&gt;&lt;strong&gt;Here is the form look:&lt;/strong&gt; 
&lt;a href="https://i.stack.imgur.com/1Soit.png" rel="nofollow noreferrer"&gt;&lt;img src="https://i.stack.imgur.com/1Soit.png" alt="enter image description here"&gt;&lt;/a&gt;&lt;/p&gt;
&lt;p&gt;values would be shown like this:
&lt;a href="https://i.stack.imgur.com/i2ATB.png" rel="nofollow noreferrer"&gt;&lt;img src="https://i.stack.imgur.com/i2ATB.png" alt="enter image description here"&gt;&lt;/a&gt;
 where &lt;strong&gt;xxxxx&lt;/strong&gt; is &lt;strong&gt;name&lt;/strong&gt; or &lt;strong&gt;email&lt;/strong&gt;.&lt;/p&gt;
&lt;p&gt;&lt;strong&gt;code for the form:&lt;/strong&gt;&lt;/p&gt;
&lt;pre&gt;&lt;code&gt;&amp;lt;form method="post" class="af-form-wrapper" accept-charset="UTF-8" action="https://www.aweber.com/scripts/addlead.pl"  target="_blank"&amp;gt;
&amp;lt;input type="hidden" name="redirect" value="https://wanderistlife.typeform.com/to/gNucJF" id="redirect_984cda7485160f2afcf0ac36e7276fca" /&amp;gt;
&amp;lt;input type="hidden" name="meta_redirect_onlist" value="https://wanderistlife.typeform.com/to/gNucJF"/&amp;gt;
&amp;lt;input type="hidden" name="meta_adtracking" value="My_Web_Form_2" /&amp;gt;
&amp;lt;input type="hidden" name="meta_required" value="name (awf_first),name (awf_last),email" /&amp;gt;
&amp;lt;label class="previewLabel" for="awf_field-96665553-first"&amp;gt;First Name:&amp;lt;/label&amp;gt;
&amp;lt;input id="awf_field-96665553-first" type="text" class="text" name="name (awf_first)" value=""  onfocus=" if (this.value == '') { this.value = ''; }" onblur="if (this.value == '') { this.value='';} " tabindex="500" /&amp;gt;
&amp;lt;label class="previewLabel" for="awf_field-96665553-last"&amp;gt;Last Name:&amp;lt;/label&amp;gt;
&amp;lt;input id="awf_field-96665553-last" class="text" type="text" name="name (awf_last)" value=""  onfocus=" if (this.value == '') { this.value = ''; }" onblur="if (this.value == '') { this.value='';} " tabindex="501" /&amp;gt;
&amp;lt;label class="previewLabel" for="awf_field-96665554"&amp;gt;Email: &amp;lt;/label&amp;gt;
&amp;lt;input class="text" id="awf_field-96665554" type="text" name="email" value="" tabindex="502" onfocus=" if (this.value == '') { this.value = ''; }" onblur="if (this.value == '') { this.value='';} " /&amp;gt;
&amp;lt;input name="submit" onclick="HandleSubmit()" class="submit" type="submit" value="Submit" tabindex="503" /&amp;gt;
&amp;lt;div class="af-element privacyPolicy" style="text-align: center"&amp;gt;&amp;lt;p&amp;gt;We respect your &amp;lt;a title="Privacy Policy" href="https://www.aweber.com/permission.htm" target="_blank" rel="nofollow"&amp;gt;email privacy&amp;lt;/a&amp;gt;&amp;lt;/p&amp;gt;
 &amp;lt;/form&amp;gt;
&lt;/code&gt;&lt;/pre&gt;
&lt;p&gt;&lt;strong&gt;here is what I have done:&lt;/strong&gt;&lt;/p&gt;
&lt;pre&gt;&lt;code&gt;   function HandleSubmit() {
    var baseUrl = "https://wanderistlife.typeform.com/to/gNucJF?";
    baseUrl += "name=" + document.getElementById("awf_field-96665553-first").value +"&amp;amp;email="+  document.getElementById("awf_field-96665554").value;
    window.location.href = baseUrl; 
     }
&lt;/code&gt;&lt;/pre&gt;
&lt;p&gt;Now, when I enter the values in Name and email fields and hit the submit button I will redirect to the next page.
&lt;strong&gt;Address bar of next page:&lt;/strong&gt;
&lt;a href="https://i.stack.imgur.com/WQH4n.png" rel="nofollow noreferrer"&gt;&lt;img src="https://i.stack.imgur.com/WQH4n.png" alt="enter image description here"&gt;&lt;/a&gt;&lt;/p&gt;
&lt;p&gt;nothing happened!&lt;/p&gt;
&lt;p&gt;What I want is if I enter name=navjot in form then URL bar will contain &lt;a href="https://wanderistlife.typeform.com/to/gNucJF?name=navjot" rel="nofollow noreferrer"&gt;https://wanderistlife.typeform.com/to/gNucJF?name=navjot&lt;/a&gt; I know it's a simple but I don���t know how to do in javascript any help is appreciated any help or example would help me.&lt;/p&gt;</t>
  </si>
  <si>
    <t>2018-04-13 08:08:18.533000+00:00</t>
  </si>
  <si>
    <t>2018-04-13 08:28:16.410000+00:00</t>
  </si>
  <si>
    <t>user9401159</t>
  </si>
  <si>
    <t>How to deploy a custom Gem using capistrano?</t>
  </si>
  <si>
    <t>&lt;p&gt;I'm new to RoR. My gem does some background processing and loads a thin server so it can be checked from time to time. I need to put this on my web server using Capistrano.&lt;/p&gt;
&lt;p&gt;Do people normally deploy gems to their servers or should the app be written in some other way?&lt;/p&gt;
&lt;p&gt;Also is Capistrano the correct way to deploy gems?&lt;/p&gt;</t>
  </si>
  <si>
    <t>2012-11-22 01:01:14.857000+00:00</t>
  </si>
  <si>
    <t>2012-12-02 22:39:33.160000+00:00</t>
  </si>
  <si>
    <t>ruby-on-rails|ruby|ruby-on-rails-3|rubygems|capistrano</t>
  </si>
  <si>
    <t>How to avoid String hardcoding when comparing Java generics?</t>
  </si>
  <si>
    <t>&lt;p&gt;Is there any better way in which I can compare &lt;code&gt;Type&lt;/code&gt; to java generic other that hardcoding a &lt;code&gt;String&lt;/code&gt;?&lt;/p&gt;
&lt;p&gt;In this method I would like to swap the hardcoded string for a reference to the class:&lt;/p&gt;
&lt;pre&gt;&lt;code&gt;    @Override
    public Object fromBody(TypedInput body, Type type) throws ConversionException {
        if (!type.toString().equals("com.package.app.LstMdl&amp;lt;com.package.app.AdMdl&amp;gt;")) { //I would like not to use this String
            //do sth
        }
        return super.fromBody(body, type);
    }
&lt;/code&gt;&lt;/pre&gt;
&lt;p&gt;I tried to swap it for this:&lt;/p&gt;
&lt;pre&gt;&lt;code&gt;        @Override
        public Object fromBody(TypedInput body, Type type) throws ConversionException {
            if (!(type.equals(LstMdl.class) &amp;amp;&amp;amp; ((LstMdl)type).data.getClass().equals(AdMdl.class))) {
                //do sth
            }
            return super.fromBody(body, type);
        }
&lt;/code&gt;&lt;/pre&gt;
&lt;p&gt;but it doesn't work. First solution works fine, but is there any way to do this more elegant?&lt;/p&gt;</t>
  </si>
  <si>
    <t>2015-05-28 11:50:00.490000+00:00</t>
  </si>
  <si>
    <t>2015-05-28 12:32:00.060000+00:00</t>
  </si>
  <si>
    <t>java|android|generics|comparison</t>
  </si>
  <si>
    <t>Cleaning old snapshots from hosted snapshots repository in nexus 3.4</t>
  </si>
  <si>
    <t>&lt;p&gt;I am trying to get rid of a huge amount of old snapshots in our nexus repository. First try was to setup a &lt;code&gt;Remove snapshots from Maven repository&lt;/code&gt; task in nexus to keep one snapshot and purge things older than 30 days. But from the logs: &lt;/p&gt;
&lt;pre&gt;&lt;code&gt;RemoveSnapshotsTask - Executing removal of snapshots on repository: RepositoryImpl$$EnhancerByGuice$$afd74251{type=hosted, format=maven2, name='snapshots'}
RemoveSnapshotsFacetImpl - Removing snapshots on repository snapshots with configuration: org.sonatype.nexus.repository.maven.tasks.RemoveSnapshotsConfig(1, 30, true, 14)
RemoveSnapshotsFacetImpl - Processing 5541 GAVs found with more than minimum 1 snapshot versions
RemoveSnapshotsFacetImpl - Finished processing snapshots with more than 1 versions created before 2017-06-20T06:43:02.135Z
RemoveSnapshotsFacetImpl - Deleted 0 components from 0 distinct GAVs
RemoveSnapshotsFacetImpl - Processing 0 GAVs found that have already been released and for which the grace period has elapsed
RemoveSnapshotsFacetImpl - Finished processing snapshots with associated releases
RemoveSnapshotsFacetImpl - Updating metadata on repository: snapshots
&lt;/code&gt;&lt;/pre&gt;
&lt;p&gt;That did not remove a single snapshot at all. But there are many snapshots 17.5.106-20161103.155102-1 to 17.5.251-20170718.203928-1 and most of them older than 30 days. &lt;/p&gt;
&lt;p&gt;How to get rid of those?&lt;/p&gt;
&lt;p&gt;Of course I could delete the repository and recreate it from time to time - but automated cleanups would be much nicer. &lt;/p&gt;</t>
  </si>
  <si>
    <t>2017-07-21 10:09:44.103000+00:00</t>
  </si>
  <si>
    <t>2017-08-16 08:49:36.160000+00:00</t>
  </si>
  <si>
    <t>java|nexus</t>
  </si>
  <si>
    <t>How to call a method after IBAction code block on Xcode</t>
  </si>
  <si>
    <t>&lt;p&gt;I have created an iPhone board game. It has the ability to choose if user wants to play multi player or single player. &lt;/p&gt;
&lt;p&gt;I've used the &lt;code&gt;UIButton&lt;/code&gt; for the pieces in the board. &lt;/p&gt;
&lt;p&gt;I have got one thing that I want to fix: In Single Player mode, I have implemented AI's turn into &lt;code&gt;UIButton&lt;/code&gt;'s &lt;code&gt;IBAction&lt;/code&gt;. But, in this case, there's no time there between player1's move and player2's move. &lt;strong&gt;Both gets executed at the same time.&lt;/strong&gt; &lt;/p&gt;
&lt;p&gt;&lt;strong&gt;I'd like to do this:&lt;/strong&gt; Make human's move immediate, and then the computer thinks for his move. I don't want both moves come together and after that computer thinks to the move.&lt;/p&gt;
&lt;p&gt;I know that the problem is that because the game reads the entire code block in IBAction and then he shows the result, but i don't know how to fix this.&lt;/p&gt;
&lt;p&gt;Any suggestion?&lt;/p&gt;
&lt;p&gt;If you need it, I can show the code, but I think (and I hope, too) that, you'll understand what i mean.&lt;/p&gt;
&lt;p&gt;Because of the comments who requested it, here's the code..&lt;/p&gt;
&lt;p&gt;-(void)buttonClickedSinglePlayer:(id)sender{&lt;/p&gt;
&lt;pre&gt;&lt;code&gt;[self memorizzastatopartitapassato];
[self volumebottoni];
turno = [self whosTurn];
UIButton *bottoneCampoGioco = sender;
UIButton *bottoneIntelligente;
//Checks if it's Human's turn
if (turno == 0) {
    int valoreBottone = [bottoneCampoGioco.currentTitle intValue];
    if(valoreBottone&amp;lt; 10){
        //if controls are ok, it changes value of human's chosen button
        if((bottoneCampoGioco.currentTitleColor != [UIColor greenColor])){
            [UIView transitionWithView:bottoneCampoGioco duration:0.3 options:UIViewAnimationOptionTransitionFlipFromLeft animations:nil completion:nil];
            [bottoneCampoGioco setTitleColor:[UIColor redColor] forState: UIControlStateNormal];
            [bottoneCampoGioco setTitleColor:[UIColor redColor] forState: UIControlStateHighlighted];
            bottoneCampoGioco.titleLabel.shadowColor = [UIColor blackColor];
            [bottoneCampoGioco.titleLabel setShadowOffset:CGSizeMake(1.0f, 1.0f)];                [bottoneCampoGioco setBackgroundImage: [UIImage imageNamed:@"bottonerosso.png"] forState:UIControlStateNormal];
            [self incrementaTitoloOnClick :bottoneCampoGioco];
        }
        //else alert and loop to first line of the code, until he chooses a valid move
        else {
            [self posizionenonconsentita];
            turno = [self whosTurn];
            goto end;
        }
    }
    else{
        int x =[self mossedisponibilirosse];
        if (x== 1) {
            [self analizzavincitore];
        }
            [self numeroMax];
        turno = [self whosTurn];
        goto end;
    }
    turno = 1;
    [self analizzaBottoni:bottoneCampoGioco];
    [self aggiornapunteggi];
    [self memorizzastatopresente];
&lt;/code&gt;&lt;/pre&gt;
&lt;h1&gt;pragma mark Single Player's Action&lt;/h1&gt;
&lt;pre&gt;&lt;code&gt;    //Azione del giocatore singolo
    //changes turn token's value to allow to AI to play
    turno = [self whosTurn];
    turno = 0;
    ai = [[ArtificialIntelligence alloc]init];
    //send to AI's class the human's pressed button
    [ai setbottonepremuto:bottoneCampoGioco];
    [ai setDimensioneInput:dimensioneInput];
    //send the situation of the board
    [ai setSituazione:arraycampogioco];
    [ai setpunteggiogiocatori:volumerossi giocatoree2:volumeverdi];
    //get back the chosen button from ai's class
    bottoneIntelligente=[ai bottone];
    [mossaEffettuata setText:[self stringaCoordinateDaBottone:bottoneIntelligente]];
    int valoreBottone2 = [bottoneIntelligente.currentTitle intValue];
    //then changes the value of the button chosen from ai's class
    if(valoreBottone2&amp;lt; 10){
        [UIView transitionWithView:bottoneIntelligente duration:0.3 options:UIViewAnimationOptionTransitionFlipFromTop animations:nil completion:nil];
        [bottoneIntelligente setTitleColor:[UIColor greenColor] forState: UIControlStateNormal];
        [bottoneIntelligente setTitleColor:[UIColor greenColor] forState: UIControlStateHighlighted];
        bottoneIntelligente.titleLabel.shadowColor = [UIColor blackColor];
        [bottoneIntelligente.titleLabel setShadowOffset:CGSizeMake(1.0f, 1.0f)];
        [bottoneIntelligente setBackgroundImage: [UIImage imageNamed:@"bottoneverde.png"] forState:UIControlStateNormal];
        [self incrementaTitoloOnClick :bottoneIntelligente];
        [self analizzaBottoni:bottoneIntelligente];
        [self aggiornapunteggi];
    }
end:
    turno = [self whosTurn];
}
turno = [self whosTurn];
numeromosse ++;
&lt;/code&gt;&lt;/pre&gt;
&lt;p&gt;}&lt;/p&gt;</t>
  </si>
  <si>
    <t>2013-04-09 09:40:56.473000+00:00</t>
  </si>
  <si>
    <t>2013-04-09 10:49:21.803000+00:00</t>
  </si>
  <si>
    <t>2013-04-09 10:33:40.187000+00:00</t>
  </si>
  <si>
    <t>iphone|xcode|ibaction</t>
  </si>
  <si>
    <t>How to Import a XLS file data(Test Cases written in Excel file) into Robot Framework</t>
  </si>
  <si>
    <t>&lt;p&gt;I am trying to import excel file data into Robot Framework.This excel file contain several test cases and several steps for each cases.
I didn't find any useful document regarding this issue.Anybody can help me...&lt;/p&gt;</t>
  </si>
  <si>
    <t>2018-01-29 11:35:48.683000+00:00</t>
  </si>
  <si>
    <t>robotframework</t>
  </si>
  <si>
    <t>Solution upgrade from VS2008 to VS2010 using boost library. Error LNK2001</t>
  </si>
  <si>
    <t>&lt;p&gt;I'm currently attempting to build a solution developed in VS2008 in VS2010. For the design purpose the projects must be built using the v90 toolset and have a target framework of v3.5. After the conversion wizard was done with the imported projects I've gone through and changed each of their target frameworks/toolsets to these values. The projects use the following boost libraries: thread,system,regex and date_time. I have built these libraries from the boost_1_47 version to the v90 toolset using the following command in the VS2010 command prompt: &lt;em&gt;b2 toolset=msvc-9.0 ���build-type=complete ���with-'libraryname'.&lt;/em&gt; &lt;/p&gt;
&lt;p&gt;The links to the boost root folder is referenced in the C++ additional include directories and the boost lib folder the libraries were built into is referenced in the linker additional library directories. I am building for a 32 bit platform.&lt;/p&gt;
&lt;p&gt;When attempting a build of the solution I am getting the following errors:&lt;/p&gt;
&lt;pre&gt;&lt;code&gt;Error   17  error LNK2001: unresolved external symbol "__declspec(dllimport) public: __thiscall boost::thread::operator struct boost::detail::thread_move_t&amp;lt;class boost::thread&amp;gt;(void)" (__imp_??Bthread@boost@@QAE?AU?$thread_move_t@Vthread@boost@@@detail@1@XZ)
Error   18  error LNK2001: unresolved external symbol "__declspec(dllimport) public: class boost::thread &amp;amp; __thiscall boost::thread::operator=(struct boost::detail::thread_move_t&amp;lt;class boost::thread&amp;gt;)" (__imp_??4thread@boost@@QAEAAV01@U?$thread_move_t@Vthread@boost@@@detail@1@@Z)
Error   19  error LNK1120: 2 unresolved externals
&lt;/code&gt;&lt;/pre&gt;
&lt;p&gt;I believe the cause of the error can be seen in the following part of the boost auto_link.hpp file:&lt;/p&gt;
&lt;pre&gt;&lt;code&gt;#elif defined(BOOST_MSVC) &amp;amp;&amp;amp; (BOOST_MSVC == 1500)
   // vc90:
#  define BOOST_LIB_TOOLSET "vc90"
#elif defined(BOOST_MSVC) &amp;amp;&amp;amp; (BOOST_MSVC &amp;gt;= 1600)
// vc10:
#  define BOOST_LIB_TOOLSET "vc100"
&lt;/code&gt;&lt;/pre&gt;
&lt;p&gt;This shows the auto linker is still attempting to link to a v100 library despite the boost library and the project files being set to a v90 toolset.  I don't know where/how the BOOST_MSVC value is defined but hopefully this is what's causing my linker errors.&lt;/p&gt;
&lt;p&gt;My project build.h file contains the following statement:&lt;/p&gt;
&lt;p&gt;&lt;code&gt;#define BOOST_ALL_DYN_LINK&lt;/code&gt;&lt;/p&gt;</t>
  </si>
  <si>
    <t>2014-06-13 08:42:03.277000+00:00</t>
  </si>
  <si>
    <t>2016-05-29 04:21:58.833000+00:00</t>
  </si>
  <si>
    <t>2014-06-13 08:48:27.883000+00:00</t>
  </si>
  <si>
    <t>visual-studio-2010|visual-studio-2008|boost|lnk2001|autolink</t>
  </si>
  <si>
    <t>SIGTERM and SIGKILL</t>
  </si>
  <si>
    <t>&lt;p&gt;I was going through following stackoverflow post &lt;/p&gt;
&lt;p&gt;&lt;a href="https://stackoverflow.com/questions/690415/in-what-order-should-i-send-signals-to-gracefully-shutdown-processes"&gt;In what order should I send signals to gracefully shutdown processes?&lt;/a&gt;&lt;/p&gt;
&lt;p&gt;and came across following statement. Please help me understand the part I have marked in bold. [found in the answer with 3 votes] &lt;/p&gt;
&lt;p&gt;"The reason that daemons sometimes use SIGHUP to restart or reload config is that &lt;strong&gt;daemons detach from any controlling terminals and therefore would never receive SIGTERM&lt;/strong&gt;, so that signal was considered as "freed up" for general use. &lt;/p&gt;</t>
  </si>
  <si>
    <t>2013-07-05 13:22:40.433000+00:00</t>
  </si>
  <si>
    <t>2013-07-05 13:51:41.640000+00:00</t>
  </si>
  <si>
    <t>2017-05-23 12:21:03.737000+00:00</t>
  </si>
  <si>
    <t>unix|sigkill|sigterm</t>
  </si>
  <si>
    <t>Running jQuery function when div "is" and "is not" in view</t>
  </si>
  <si>
    <t>&lt;p&gt;I have 4 divs set to a height of 100% so that each div takes up the view of the whole screen.&lt;/p&gt;
&lt;p&gt;When I scroll down to a div with say ID #port and most of it is in view I want it to run a jQuery function and when it is not in view anymore i want it to run another function.&lt;/p&gt;
&lt;p&gt;I can get it to work when you scroll down to the div. when the div is almost to the top it runs my functions but once that same "portfolio" div is no longer in view i need it to run another function.&lt;/p&gt;
&lt;p&gt;here is what I have tried:&lt;/p&gt;
&lt;pre&gt;&lt;code&gt;$(document).ready(function() {
  var port = $('#port').offset().top - 10;
  $(window).scroll(function(){
    var top = $('body').scrollTop();
    if( top &amp;gt; port ){
      function1();
      function2();
    }else{
      function3();
     }
   });
 });
&lt;/code&gt;&lt;/pre&gt;
&lt;p&gt;Again I can get it to run the function1 and function2 once the div is almost to the top but I need it the run a third function when the same div is no longer in view.&lt;/p&gt;
&lt;p&gt;ALSO - If there is a better way to go about this please let me know. I am familiar with jQuery but still consider myself a noob compared to others.&lt;/p&gt;</t>
  </si>
  <si>
    <t>2014-06-24 20:43:26.420000+00:00</t>
  </si>
  <si>
    <t>javascript|jquery|css</t>
  </si>
  <si>
    <t>Print text with clickable link in console or terminal in Perl</t>
  </si>
  <si>
    <t>&lt;p&gt;We have a program written in Perl that display output in a console or terminal. I have to add a new output that should contain clickable links. I am new to Perl so need some help on this.&lt;/p&gt;
&lt;p&gt;The output should look like this:&lt;/p&gt;
&lt;p&gt;Please refer to the &lt;a href="http://example.org" rel="nofollow noreferrer"&gt;FAQ&lt;/a&gt; for help. For further assistance raise a ticket to our &lt;a href="http://example.org" rel="nofollow noreferrer"&gt;help Desk&lt;/a&gt; &lt;/p&gt;</t>
  </si>
  <si>
    <t>2018-04-25 15:16:46.160000+00:00</t>
  </si>
  <si>
    <t>2018-04-25 15:23:22+00:00</t>
  </si>
  <si>
    <t>Datastage - run user defined sql query file using odbc connector</t>
  </si>
  <si>
    <t>&lt;p&gt;Using DataStage, I have to read a sequential file, which contains one sql statement, run that sql statement and output the results in a sequential file.&lt;/p&gt;
&lt;p&gt;This is what I've tried : 
Using an Oracle connector, I simply set the option to "Read Selected statement from File", I entered the location of the file that contains the SQL stmt, then I set the "Runtime column propagation" and finally created an output sequential file. This worked great, the output file with the select stmt data results was created properly.&lt;/p&gt;
&lt;p&gt;But now, the specs have changed and it is no longer an oracle connector I need but an ODBC connector which does not have the convenient "Read Selected statement from File" option.&lt;/p&gt;
&lt;p&gt;I was thinking of doing the following  : &lt;/p&gt;
&lt;ul&gt;
&lt;li&gt;Use a sequential file stage to read the file content&lt;/li&gt;
&lt;li&gt;Move the file content to a variable&lt;/li&gt;
&lt;li&gt;Pass the variable to an ODBC connector &lt;/li&gt;
&lt;li&gt;ODBC connector would read the variable and run it&lt;/li&gt;
&lt;li&gt;Pass the data to a sequential file.&lt;/li&gt;
&lt;/ul&gt;
&lt;p&gt;The parts I'm having trouble with is part 1 to 4. I'm pretty much a beginner with datastage, if anyone can provide me with guidance it would be greatly appreciated.&lt;/p&gt;</t>
  </si>
  <si>
    <t>2015-03-11 20:49:37.607000+00:00</t>
  </si>
  <si>
    <t>2015-03-17 15:07:32.243000+00:00</t>
  </si>
  <si>
    <t>sql-server|etl|datastage</t>
  </si>
  <si>
    <t>Null pointer access: The variable data can only be null at this location</t>
  </si>
  <si>
    <t>&lt;p&gt;Okay, that's what I've got:&lt;/p&gt;
&lt;pre&gt;&lt;code&gt;        String[] data = null;
    String[] data2 = null;
    String[] datas = res.split("(s1)");
    int i1 = 0;
    int i2 = 0;
    for(String datasx : datas)
    {
        i1++;
        String[] datas2 = datasx.split("(s2)");
        for(String datas2x : datas2)
        {
            String[] odcinek = datas2x.split("(s3)");
            data[i2] = odcinek[1] + "////" + odcinek[2] + "////" + odcinek[6];
            i2++;
        }
    }
&lt;/code&gt;&lt;/pre&gt;
&lt;p&gt;And it's not working. Application crashes on this line:&lt;/p&gt;
&lt;pre&gt;&lt;code&gt;data[i2] = odcinek[1] + "////" + odcinek[2] + "////" + odcinek[6];
&lt;/code&gt;&lt;/pre&gt;
&lt;p&gt;Actually, Eclipse gives me the following warning on it:&lt;/p&gt;
&lt;blockquote&gt;
  &lt;p&gt;Null pointer access: The variable data can only be null at this location&lt;/p&gt;
&lt;/blockquote&gt;
&lt;p&gt;but I have no idea what's wrong. Can anybody help? Thanks.&lt;/p&gt;</t>
  </si>
  <si>
    <t>2012-04-22 13:48:03.780000+00:00</t>
  </si>
  <si>
    <t>2012-04-22 13:57:41.523000+00:00</t>
  </si>
  <si>
    <t>java|android|eclipse</t>
  </si>
  <si>
    <t>Url to get latest build # of CC.NET project?</t>
  </si>
  <si>
    <t>&lt;p&gt;I have CruiseControl.NET version 1.4.4.83, and I am wondering if there it provides a url where the only control is the lastest build # of a project, so that I can access that data using curl or something?&lt;/p&gt;
&lt;p&gt;Something like &lt;a href="http://buildserver/ccnet/server/VMSDEV2/project/MyProject/LatestBuild.aspx" rel="nofollow noreferrer"&gt;http://buildserver/ccnet/server/VMSDEV2/project/MyProject/LatestBuild.aspx&lt;/a&gt;&lt;/p&gt;
&lt;p&gt;All that it would have is:&lt;/p&gt;
&lt;p&gt;0.0.0.31&lt;/p&gt;
&lt;p&gt;&lt;strong&gt;Update:&lt;/strong&gt;&lt;/p&gt;
&lt;p&gt;Fixed the IPlugin issue with an attribute for the class:&lt;/p&gt;
&lt;pre&gt;&lt;code&gt;[Exortech.NetReflector.ReflectorType("latestBuildNumberProjectPlugin")]
public class LatestBuildNumberProjectPlugin : ICruiseAction, IPlugin
{
    public static readonly string ACTION_NAME;
    private readonly IFarmService farmService;
    private readonly ILinkFactory linkFactory;
    static LatestBuildNumberProjectPlugin()
    {
        ACTION_NAME = "LatestBuildNumber";
    }
    public LatestBuildNumberProjectPlugin(IFarmService farmService, ILinkFactory linkFactory)
    {
        this.farmService = farmService;
        this.linkFactory = linkFactory;
    }
    public IResponse Execute(ICruiseRequest cruiseRequest)
    {
        IProjectSpecifier projectSpecifier = cruiseRequest.ProjectSpecifier;
        IBuildSpecifier[] mostRecentBuildSpecifiers = this.farmService.GetMostRecentBuildSpecifiers(projectSpecifier, 1);
        if (mostRecentBuildSpecifiers.Length == 1)
        {
            var build = mostRecentBuildSpecifiers[0].BuildName;
            var response = new HtmlFragmentResponse(build);
            return response;
        }
        return new HtmlFragmentResponse("There are no complete builds for this project");
    }
    public INamedAction[] NamedActions
    {
        get
        {
            return new INamedAction[] { new ImmutableNamedAction(ACTION_NAME, this) };
        }
    }
    public string LinkDescription
    {
        get { return "Latest Build Number"; }
    }
}
&lt;/code&gt;&lt;/pre&gt;
&lt;p&gt;And I've named my assembly:&lt;/p&gt;
&lt;pre&gt;&lt;code&gt; ccnet.latestBuildNumberProjectPlugin.plugin.dll
&lt;/code&gt;&lt;/pre&gt;
&lt;p&gt;And in the dashboard.config file, I've added the plugin ref:&lt;/p&gt;
&lt;pre&gt;&lt;code&gt;    &amp;lt;projectPlugins&amp;gt;
        ...
        &amp;lt;latestBuildReportProjectPlugin /&amp;gt;
        ...
    &amp;lt;/projectPlugins&amp;gt;
&lt;/code&gt;&lt;/pre&gt;
&lt;p&gt;But apparently, &lt;code&gt;var build = mostRecentBuildSpecifiers[0].BuildName;&lt;/code&gt; is not what I am looking for.&lt;/p&gt;</t>
  </si>
  <si>
    <t>2010-07-06 23:48:26.097000+00:00</t>
  </si>
  <si>
    <t>2010-07-07 21:48:03.840000+00:00</t>
  </si>
  <si>
    <t>cruisecontrol.net</t>
  </si>
  <si>
    <t>uninitialized constant MiniMagick</t>
  </si>
  <si>
    <t>&lt;p&gt;I am getting the problem of &lt;code&gt;MiniMagick&lt;/code&gt; &lt;/p&gt;
&lt;p&gt;here is the description what i wants to need.&lt;/p&gt;
&lt;p&gt;I am using the following gem for creating the QR code.&lt;/p&gt;
&lt;pre&gt;&lt;code&gt;  gem 'rqrcode-rails3'
&lt;/code&gt;&lt;/pre&gt;
&lt;p&gt;As that gem response me data of QR code in SVG format and i wants to create a PNG format image with following way............. &lt;/p&gt;
&lt;pre&gt;&lt;code&gt;image = MiniMagick::Image.read(svg) { |i| i.format "svg" }
&lt;/code&gt;&lt;/pre&gt;
&lt;p&gt;but it gives me error-&lt;/p&gt;
&lt;pre&gt;&lt;code&gt;uninitialized constant MenusController::MiniMagick
&lt;/code&gt;&lt;/pre&gt;
&lt;p&gt;I have following ruby and rails version.&lt;/p&gt;
&lt;pre&gt;&lt;code&gt;ruby 1.9.2
rails 3.2.13
&lt;/code&gt;&lt;/pre&gt;
&lt;p&gt;please help me.&lt;/p&gt;</t>
  </si>
  <si>
    <t>2014-01-07 09:51:26.887000+00:00</t>
  </si>
  <si>
    <t>2014-01-07 09:56:34.627000+00:00</t>
  </si>
  <si>
    <t>ruby-on-rails|ruby|ruby-on-rails-3|ruby-on-rails-3.2|ruby-on-rails-3.1</t>
  </si>
  <si>
    <t>How do you define custom `Error` types in Rust?</t>
  </si>
  <si>
    <t>&lt;p&gt;I'm writing a function that could return several one of several different errors.&lt;/p&gt;
&lt;pre&gt;&lt;code&gt;fn foo(...) -&amp;gt; Result&amp;lt;..., MyError&amp;gt; {}
&lt;/code&gt;&lt;/pre&gt;
&lt;p&gt;I'll probably need to define my own error type to represent such errors. I'm presuming it would be an &lt;code&gt;enum&lt;/code&gt; of possible errors, with some of the &lt;code&gt;enum&lt;/code&gt; variants having diagnostic data attached to them:&lt;/p&gt;
&lt;pre&gt;&lt;code&gt;enum MyError {
    GizmoError,
    WidgetNotFoundError(widget_name: String)
}
&lt;/code&gt;&lt;/pre&gt;
&lt;p&gt;Is that the most idiomatic way to go about it? And how do I implement the &lt;code&gt;Error&lt;/code&gt; trait?&lt;/p&gt;</t>
  </si>
  <si>
    <t>2017-03-03 16:49:35.100000+00:00</t>
  </si>
  <si>
    <t>2018-11-03 14:44:37.973000+00:00</t>
  </si>
  <si>
    <t>2017-03-03 16:53:12.313000+00:00</t>
  </si>
  <si>
    <t>error-handling|rust</t>
  </si>
  <si>
    <t>How does malloc work in a multithreaded environment?</t>
  </si>
  <si>
    <t>&lt;p&gt;Does the typical &lt;code&gt;malloc&lt;/code&gt; (for x86-64 platform and Linux OS) naively lock a mutex at the beginning and release it when done, or does it lock a mutex in a more clever way at a finer level, so that lock contention is reduced? If it indeed does it the second way, how does it do it?&lt;/p&gt;</t>
  </si>
  <si>
    <t>2012-05-22 16:50:08.190000+00:00</t>
  </si>
  <si>
    <t>2012-05-23 15:14:38.537000+00:00</t>
  </si>
  <si>
    <t>c|linux|gcc|malloc|x86-64</t>
  </si>
  <si>
    <t>Why am I getting error SQLSTATE[HY093]: Invalid parameter number: ? How can I fix it?</t>
  </si>
  <si>
    <t>&lt;p&gt;Based on this question  &lt;a href="https://stackoverflow.com/questions/9858073/how-to-insert-array-into-mysql-using-pdo-and-bindparam"&gt;How to insert array into mysql using PDO and bindParam?&lt;/a&gt;&lt;/p&gt;
&lt;p&gt;I'm trying to insert values of an array into mysql via PDO.
I'm having a hard time of it, because I keep getting the following error.
SQLSTATE[HY093]: Invalid parameter number: number of bound variables does not match number of tokens
for this line &lt;code&gt;$stmt-&amp;gt;execute();&lt;/code&gt;&lt;/p&gt;
&lt;p&gt;I'm guessing the problem has something to do with this line &lt;/p&gt;
&lt;p&gt;&lt;code&gt;$stmt-&amp;gt;bindParam(':val$count', $val,PDO::PARAM_STR);&lt;/code&gt; Specifically 'val$count', but I'm not sure exactly what is going wrong.&lt;/p&gt;
&lt;p&gt;&lt;strong&gt;QUESTION:&lt;/strong&gt; What am I doing wrong? How can I fix this?&lt;/p&gt;
&lt;p&gt;Anyway here is the code I'm using along with the sample array.&lt;/p&gt;
&lt;pre&gt;&lt;code&gt;$lastInsertValue=87;
$qid[0][0]=1;
$qid[0][1]=1;
$qid[1][0]=2;
$qid[1][1]="null";
$qid[2][0]=3;
$qid[2][1]=0;
$array_count = count($qid);
if (isset($lastInsertValue)) 
{ 
    try 
    {
            $dbh = new PDO("mysql:host=$hostname;dbname=$dbname", $username, $password);
            $stqid=array();
            $a=0;       
                for ($i=0; $i&amp;lt;$array_count; $i++)
                {       
                    $stqid[$a]=$lastInsertValue;
                    $a++;
                    $stqid[$a]=$qid[$i][0];
                    $a++;
                    $stqid[$a]=$qid[$i][1];
                    $a++;
                }
            $sql = "INSERT INTO qresults (instance, qid, result) VALUES ( :val0, :val1, :val2)";
            $count = 0;
            $stmt = $dbh-&amp;gt;prepare($sql);    
                foreach ($stqid as $val)
                {
                    $stmt-&amp;gt;bindParam(':val$count', $val,PDO::PARAM_STR);
                    $count++;           
                }
            $stmt-&amp;gt;execute();
            $dbh = null;
    }
    catch(PDOException $e)
    {
        echo $e-&amp;gt;getMessage();
    }
}   
&lt;/code&gt;&lt;/pre&gt;</t>
  </si>
  <si>
    <t>2012-03-29 05:46:15.153000+00:00</t>
  </si>
  <si>
    <t>2013-06-21 22:27:36.543000+00:00</t>
  </si>
  <si>
    <t>2017-05-23 11:48:50.500000+00:00</t>
  </si>
  <si>
    <t>mysql|arrays|pdo</t>
  </si>
  <si>
    <t>Clone disk with error (NTFS orphan files &amp; folder) before recovery</t>
  </si>
  <si>
    <t>&lt;p&gt;Recently I have issue with my test PC (Windows server 2016 hyper-v eval), somehow lot of folders went missing, on 2xssd and 1xhdd. Did chkdsk on all three and recovered some folders labelled as orphan during the check. Since it is a lab PC, I redo the setup.&lt;/p&gt;
&lt;p&gt;I'm wondering, if this happen to had stored important data which backup copy is too old (like 1day old), is there way to clone the disk with the orphan files, folders, soft errors to another disk and then try difference tools to restore the data on the cloned disk? Keeping the original as it is. Will tool like Acronis or Clonezilla have option or by default clone the soft error over?  Or we need sector to sector copy option like in Clonezilla to achieve this. This is a stupid idea to begin with or there is better DIY method?&lt;/p&gt;</t>
  </si>
  <si>
    <t>2018-10-29 09:24:27.630000+00:00</t>
  </si>
  <si>
    <t>backup|file-recovery|clonezilla</t>
  </si>
  <si>
    <t>Assignment a function to an element in javascript</t>
  </si>
  <si>
    <t>&lt;p&gt;I'm new to javascript, and I want to assign the function &lt;code&gt;fSubmit&lt;/code&gt; to my button.  Am I doing it correctly?&lt;/p&gt;
&lt;p&gt;My code is below:&lt;/p&gt;
&lt;pre&gt;&lt;code&gt;//Button
var btn1= document.createElement("BUTTON");      
var t1 = document.createTextNode(questions[0].A);   
btn1.appendChild(t1);
document.body.appendChild(btn1);
btn1.id='optionA';
btn1.onclick='fSubmit()';  
//End of Button
//My Function
var score=0;
function fSubmit(){
var correctanswer=btn1
if(correctanswer.checked==true){
score++;
alert("Answer is correct"+"Your Score is now"+ score++)}
else{
alert("Answer is wrong"+"Your Score is now"+score)}
}
&lt;/code&gt;&lt;/pre&gt;</t>
  </si>
  <si>
    <t>2015-01-25 14:19:27.997000+00:00</t>
  </si>
  <si>
    <t>2017-05-16 04:02:35.097000+00:00</t>
  </si>
  <si>
    <t>How to avoid mistakes index out of range?</t>
  </si>
  <si>
    <t>&lt;p&gt;I try to &lt;strong&gt;select multiple items&lt;/strong&gt; in &lt;strong&gt;collectionCell&lt;/strong&gt;, but if i tap &lt;strong&gt;many times&lt;/strong&gt; for &lt;strong&gt;deselect cell&lt;/strong&gt; i get an &lt;strong&gt;error&lt;/strong&gt; &lt;code&gt;Thread 1: Fatal error: Index out of range&lt;/code&gt;&lt;/p&gt;
&lt;p&gt;On this line &lt;code&gt;selectedTimeIntervalArray.remove(at: indexPath.item)&lt;/code&gt; on &lt;code&gt;indexPath.item == 1&lt;/code&gt;.&lt;/p&gt;
&lt;p&gt;How to avoid this &lt;strong&gt;error&lt;/strong&gt;?&lt;/p&gt;
&lt;pre&gt;&lt;code&gt;func collectionView(_ collectionView: UICollectionView, didSelectItemAt indexPath: IndexPath) {
    let selectedCell = collectionView.cellForItem(at: indexPath)
    if indexPath.item == 0 {
        selectedBackgroundColor(cell: selectedCell!)
        selectedTime = timeIntervalArray[indexPath.item]
        selectedTimeLabel.text = "���������� - \(selectedTime)"
        selectedTimeIntervalArray.append(selectedTime)
    } else if indexPath.item == 1 {
        selectedBackgroundColor(cell: selectedCell!)
        selectedTime2 = timeIntervalArray[indexPath.item]
        selectedTimeIntervalArray.append(selectedTime2)
    }
}
func collectionView(_ collectionView: UICollectionView, didDeselectItemAt indexPath: IndexPath) {
    let deselectedCell = collectionView.cellForItem(at: indexPath)
    if indexPath.item == 0 {
        deselectedBackgroundColor(cell: deselectedCell!)
        selectedTime = ""
        selectedTimeIntervalArray.remove(at: indexPath.item)
    } else if indexPath.item == 1 {
        deselectedBackgroundColor(cell: deselectedCell!)
        selectedTime2 = ""
        selectedTimeIntervalArray.remove(at: indexPath.item)
    }
}
&lt;/code&gt;&lt;/pre&gt;</t>
  </si>
  <si>
    <t>2018-01-09 14:20:12.863000+00:00</t>
  </si>
  <si>
    <t>2018-01-09 14:42:56.827000+00:00</t>
  </si>
  <si>
    <t>ios|swift|xcode|collections|deselect</t>
  </si>
  <si>
    <t>How to wrap Div's around each other</t>
  </si>
  <si>
    <t>&lt;p&gt;I am using flexbox.  I have 10 div's that I want to all wrap around each other as much as possible without leaving any space in between.&lt;/p&gt;
&lt;p&gt;What I want to do is have "4" start at the right side of "1" instead of going down into another row.  How would I go about doing this?  Any jquery plugins to make this easier?  I'd like to know the basics behind doing this though without having to rely on plugins.&lt;/p&gt;
&lt;p&gt;&lt;a href="https://jsfiddle.net/414yhvxd/" rel="nofollow"&gt;https://jsfiddle.net/414yhvxd/&lt;/a&gt; &lt;/p&gt;
&lt;p&gt;&lt;div class="snippet" data-lang="js" data-hide="false"&gt;_x000D_
&lt;div class="snippet-code"&gt;_x000D_
&lt;pre class="snippet-code-css lang-css prettyprint-override"&gt;&lt;code&gt;.container{_x000D_
    display:flex;_x000D_
    flex-wrap:wrap;_x000D_
    flex-direction:row;_x000D_
    height:900px;_x000D_
    background:gray;_x000D_
    max-height:900px; _x000D_
}_x000D_
_x000D_
.box{_x000D_
    color:white;_x000D_
    font-size:30px;_x000D_
    text-align:center;_x000D_
    background:black;_x000D_
    width:200px;_x000D_
    height:200px;_x000D_
    margin:2px;_x000D_
}_x000D_
.type1{_x000D_
    height:300px;_x000D_
}_x000D_
.type2{_x000D_
    width:500px;_x000D_
}_x000D_
.type3{_x000D_
    height:40px;_x000D_
    width:50px;_x000D_
  }_x000D_
.type4{_x000D_
    height:600px;_x000D_
}&lt;/code&gt;&lt;/pre&gt;_x000D_
&lt;pre class="snippet-code-html lang-html prettyprint-override"&gt;&lt;code&gt;&amp;lt;div class="container"&amp;gt;_x000D_
  &amp;lt;div class="box type1"&amp;gt;1&amp;lt;/div&amp;gt;_x000D_
  &amp;lt;div class="box type2"&amp;gt;2&amp;lt;/div&amp;gt;_x000D_
  &amp;lt;div class="box"&amp;gt;3&amp;lt;/div&amp;gt;_x000D_
  &amp;lt;div class="box type3"&amp;gt;4&amp;lt;/div&amp;gt;_x000D_
  &amp;lt;div class="box"&amp;gt;5&amp;lt;/div&amp;gt;_x000D_
  &amp;lt;div class="box type4"&amp;gt;6&amp;lt;/div&amp;gt;_x000D_
  &amp;lt;div class="box"&amp;gt;7&amp;lt;/div&amp;gt;_x000D_
  &amp;lt;div class="box"&amp;gt;8&amp;lt;/div&amp;gt;_x000D_
  &amp;lt;div class="box"&amp;gt;9&amp;lt;/div&amp;gt;_x000D_
  &amp;lt;div class="box"&amp;gt;10&amp;lt;/div&amp;gt;_x000D_
&amp;lt;/div&amp;gt;&lt;/code&gt;&lt;/pre&gt;_x000D_
&lt;/div&gt;_x000D_
&lt;/div&gt;_x000D_
&lt;/p&gt;</t>
  </si>
  <si>
    <t>2015-12-16 19:16:21.710000+00:00</t>
  </si>
  <si>
    <t>2015-12-16 19:40:16.943000+00:00</t>
  </si>
  <si>
    <t>2015-12-16 19:27:59.360000+00:00</t>
  </si>
  <si>
    <t>Problems of GET and POST methods in Python</t>
  </si>
  <si>
    <t>&lt;p&gt;File name &lt;strong&gt;mypage.py&lt;/strong&gt;&lt;/p&gt;
&lt;p&gt;Python code&lt;/p&gt;
&lt;pre&gt;&lt;code&gt;form = cgi.FieldStorage()
name = form.getfirst('name', 'empty')
id   = form.getfirst('id', 'empty')
print """\
    Content-Type: text/html\n
    &amp;lt;html&amp;gt;
    &amp;lt;body&amp;gt;
        &amp;lt;p&amp;gt;Name: "%s"&amp;lt;/p&amp;gt;
        &amp;lt;p&amp;gt;ID: "%s"&amp;lt;/p&amp;gt;
    &amp;lt;/body&amp;gt;
    &amp;lt;/html&amp;gt;
    """ % (name, id)
&lt;/code&gt;&lt;/pre&gt;
&lt;p&gt;HTML inside the same file&lt;/p&gt;
&lt;pre&gt;&lt;code&gt;&amp;lt;form name="frm" method="post" action="mypage.py?id=33"&amp;gt;
&amp;lt;input type="text" name="name" value="MyName" /&amp;gt;
&amp;lt;input type="Submit" id="btn" value="Send" /&amp;gt;
&lt;/code&gt;&lt;/pre&gt;
&lt;p&gt;After submitting the form (pressing Send button), I can see this URL with following output&lt;/p&gt;
&lt;pre&gt;&lt;code&gt;  localhost:8000/cgi-bin/mypage.py?id=33
  Name: "empty" 
  ID: "33"
&lt;/code&gt;&lt;/pre&gt;
&lt;p&gt;if I change the form method POST to GET &lt;/p&gt;
&lt;pre&gt;&lt;code&gt;&amp;lt;form name="frm" method="get" action="mypage.py?id=33"&amp;gt;
&lt;/code&gt;&lt;/pre&gt;
&lt;p&gt;then I can see this URL with following output   &lt;/p&gt;
&lt;pre&gt;&lt;code&gt;localhost:8000/cgi-bin/mypage.py?name=MyName 
Name: "MyName"
ID: "empty"
&lt;/code&gt;&lt;/pre&gt;
&lt;p&gt;I don't understand why I am not receiving text field value with POST method ? And why I am unable to receive id value in query string with GET method ?&lt;/p&gt;
&lt;p&gt;Its simple python page without any framework. BTW I am using "python-bugzilla 0.8.0" downloaded from &lt;a href="https://pypi.python.org/pypi/python-bugzilla" rel="nofollow"&gt;here&lt;/a&gt; but i think my given code is just a simple page and has nothing to do with this package. &lt;/p&gt;
&lt;p&gt;Any help would be appreciated. &lt;/p&gt;
&lt;p&gt;Thanks in advance, &lt;/p&gt;</t>
  </si>
  <si>
    <t>2013-08-29 16:29:02.147000+00:00</t>
  </si>
  <si>
    <t>2013-09-11 15:14:48.380000+00:00</t>
  </si>
  <si>
    <t>python|html</t>
  </si>
  <si>
    <t>Hibernate list operation question</t>
  </si>
  <si>
    <t>&lt;p&gt;I'm working on a utility to update a list of entities in a database as a group. The database contains a list of entities. The result of the update is a new list. The API accepts this new list.&lt;/p&gt;
&lt;p&gt;The update may end up modifying some of the entities in the list, creating new ones and deleting some. So at the entity level, I may have to do any of an insert, delete or update operation. But it's always true that the final list in the database will be the same as the list passed down to the API.&lt;/p&gt;
&lt;p&gt;Is there in Hibernate a way to treat this operation at the list level, that is, tell Hibernate to persist this list of entities, and let it take care of which need to be created, updated or deleted?&lt;/p&gt;
&lt;p&gt;There is no entity/table representing this list, btw. Just the entities themselves in a table.&lt;/p&gt;</t>
  </si>
  <si>
    <t>2010-01-06 22:19:33.193000+00:00</t>
  </si>
  <si>
    <t>2010-07-29 18:40:38.963000+00:00</t>
  </si>
  <si>
    <t>2010-05-01 00:24:31.090000+00:00</t>
  </si>
  <si>
    <t>java|hibernate|list|orm</t>
  </si>
  <si>
    <t>Optimal way to sort a list by reversing sublists</t>
  </si>
  <si>
    <t>&lt;p&gt;Now I recently saw this question (can't exactly remember where) about how few operations were needed to sort a list of numbers by exclusively reversing sublists.  &lt;/p&gt;
&lt;p&gt;Here is an example:&lt;br&gt;
&lt;strong&gt;Unsorted Input&lt;/strong&gt;: &lt;code&gt;3, 1, 2, 5, 4&lt;/code&gt;&lt;/p&gt;
&lt;p&gt;One of the possible answers is:&lt;br&gt;
1. Reverse index 0 through 3, giving &lt;code&gt;5, 2, 1, 3, 4&lt;/code&gt;&lt;br&gt;
2. Reverse index 0 through 4, giving &lt;code&gt;4, 3, 1, 2, 5&lt;/code&gt;&lt;br&gt;
3. Reverse index 0 through 3, giving &lt;code&gt;2, 1, 3, 4, 5&lt;/code&gt;&lt;br&gt;
4. Reverse index 0 through 1, giving &lt;code&gt;1, 2, 3, 4, 5&lt;/code&gt;  &lt;/p&gt;
&lt;p&gt;However, after trying my hand at this problem it proved quite difficult for someone not experienced in algorithms to actually create a piece of code that finds the best solution. The answer noted above was simply done by brute-forcing all possible combinations, but this becomes unbearably slow when lists are longer than 10 numbers (10 takes &amp;lt;2s, 14 took more than 10 minutes). Refitting any existing sorting algorithms doesn't work either because they were built to only swap single elements at a time (and swapping 2 numbers by reversing sublists will take 1-2 operations which is not optimal at all). I have also tried sorting networks because the max size is already determined before running the program, but I didn't have much luck with them either (they also rely on swapping, which is inefficient when you have the ability to swap multiple at a time). I also tried to make a function that would "optimize" a list of operations, as an attempt to make existing sorting algorithms viable, but those answers were also far longer than the optimal ones (think of 16 vs 6).&lt;/p&gt;
&lt;p&gt;So, after spending quite some time on this, I simply cannot find a better way to find the shortest solution short of brute-forcing it. As I am a student, I do not have much experience in the art of sorting, algorithms and other math "magic", but I was wondering if anyone here might have a try. The best answer of course is simply giving a hint, because I wouldn't mind trying to solve it with some hints of the smarter minds floating around StackOverflow.&lt;/p&gt;
&lt;p&gt;Lets say that all numbers are unique and in the range 0 - 100 (both exclusive). The length of the array is something like &lt;code&gt;3 &amp;lt; N &amp;lt; 15&lt;/code&gt;, because I seem to recall that the original question does not use big arrays either.&lt;/p&gt;</t>
  </si>
  <si>
    <t>2016-01-07 20:18:23.377000+00:00</t>
  </si>
  <si>
    <t>2016-01-07 23:27:07.853000+00:00</t>
  </si>
  <si>
    <t>2016-01-07 21:21:02.063000+00:00</t>
  </si>
  <si>
    <t>arrays|algorithm|sorting|reverse</t>
  </si>
  <si>
    <t>Racket test-suite print test-case failure messages</t>
  </si>
  <si>
    <t>&lt;p&gt;I have the following example of test code:&lt;/p&gt;
&lt;pre&gt;&lt;code&gt;;; UNIT TESTS
(define (check-equal?-with-output a b failure-msg)
  (display "checking for equality:") (newline)
  (display a) (newline)
  (display b) (newline)
  (check-equal? a b failure-msg))
(define (run-test-newlines a-test-suite)
  (for-each
    (�� (elem)
      (display elem) (newline))
    (run-test a-test-suite)))
(define exercise-test
  (test-suite
    "exercise test"
    #:before (�� () (display "before") (newline))
    #:after (�� () (display "after") (newline))
    (test-case
      "test case for reverse using fold right"
      (check-equal?-with-output
        (reverse-fold-right (list 1 2 3))
        (list 3 2 1)
        "the procedure reverse-fold-right does not work correctly"))
    (test-case
      "test case for reverse using fold left"
      (check-equal?-with-output
        (reverse-fold-left (list 1 2 3))
        (list 3 2 1)
        "the procedure reverse-fold-left does not work correctly"))
  ))
(run-test-newlines exercise-test)
&lt;/code&gt;&lt;/pre&gt;
&lt;p&gt;However, when the test-suite is run, it only prints, whether something is a success or a failure, but not the failure messages like shown in the &lt;a href="https://docs.racket-lang.org/rackunit/api.html" rel="nofollow"&gt;documentation&lt;/a&gt; for &lt;code&gt;check-eq?&lt;/code&gt;. How can I make it print that message in case of failure as well?&lt;/p&gt;</t>
  </si>
  <si>
    <t>2016-10-12 21:03:41.983000+00:00</t>
  </si>
  <si>
    <t>2018-03-22 20:12:12.927000+00:00</t>
  </si>
  <si>
    <t>unit-testing|racket|testcase|test-suite</t>
  </si>
  <si>
    <t>Only update part of page</t>
  </si>
  <si>
    <t>&lt;p&gt;I have recently created a website that allows users to upload images and then let that user and other users of the website rate the images from 1-10. Everything is working correctly. When the user rates an image this is saved and then another random box is generated and presented to the user. This works by adding the new box id (randomly generated) to the query string. This allows for the user to navigate back to the images that they have just seen.&lt;/p&gt;
&lt;p&gt;My problem comes with updating the page. Currently my code processes the rating and saves it within the database then redirects the user to the same page where I have some code to find a random image id from the database and then using that id redirects them again to the same page with the id in the querystring. This works fine however i would like to make it so that only the image and the images information (image name rating etc..) are updated and the rest of the HTML (Header, Navigation, Side bars, Footer, etc...) is not.&lt;/p&gt;
&lt;p&gt;From my understanding you can upload part of a website using JQuery/Javascrip/AJAX? However this would not allow the user to redirect back to the previously viewed image?&lt;/p&gt;
&lt;p&gt;If you would like any more information please ask.&lt;/p&gt;
&lt;p&gt;&lt;strong&gt;EDIT&lt;/strong&gt;&lt;/p&gt;
&lt;p&gt;I have took some of the information on board and have altered my code to use hash values my code is below:&lt;/p&gt;
&lt;p&gt;&lt;strong&gt;HTML&lt;/strong&gt;&lt;/p&gt;
&lt;pre&gt;&lt;code&gt;&amp;lt;img id="design" alt="" width="300" height="300"  /&amp;gt;
&amp;lt;input type="button" id="GetImage" value="Get Image" /&amp;gt;
&lt;/code&gt;&lt;/pre&gt;
&lt;p&gt;&lt;strong&gt;JQUERY&lt;/strong&gt;&lt;/p&gt;
&lt;pre&gt;&lt;code&gt;$(document).ready(function(){
    $("#GetImage").click(function() {
        $.ajax({ //Make the Ajax Request
                 type: "POST",
                 url: "testimagelook.php", //file name
                 success: function(server_response){
                    var id = server_response;
                    document.location.hash = id;
                    $('#design').attr('src','img/boxes/'+id+'.png');
                 }
        });
    });
});
&lt;/code&gt;&lt;/pre&gt;
&lt;p&gt;The php file testimagelook.php connects to the database and brings back a random id of one of my images. This code works fine for showing the image and saving the id of the image in the hash of the URL allowing me to preserve the users history of images. However I am unsure on how I would retrieve the previous hash value and reload the image with the correct id when the user clicks the back button. Any ideas?&lt;/p&gt;</t>
  </si>
  <si>
    <t>2013-02-12 12:03:36.563000+00:00</t>
  </si>
  <si>
    <t>2013-02-12 15:38:14+00:00</t>
  </si>
  <si>
    <t>php|javascript|jquery|ajax|updating</t>
  </si>
  <si>
    <t>"Module '" + loader.path + "' is not a loader webpack error</t>
  </si>
  <si>
    <t>&lt;p&gt;webpack version - 2.3.2&lt;/p&gt;
&lt;p&gt;node version -4.6.1&lt;/p&gt;
&lt;p&gt;Ii am getting this strange error &lt;/p&gt;
&lt;pre&gt;&lt;code&gt;    /home/ubuntu/workspace/node_modules/webpack/node_modules/loader-runner/lib/loadLoader.js:35
                        throw new Error("Module '" + loader.path + "' is not a loader (must have normal or pitch function)");
                        ^
Error: Module '/home/ubuntu/workspace/node_modules/file/lib/file.js' is not a loader (must have normal or pitch function)
    at loadLoader (/home/ubuntu/workspace/node_modules/webpack/node_modules/loader-runner/lib/loadLoader.js:35:10)
    at iteratePitchingLoaders (/home/ubuntu/workspace/node_modules/webpack/node_modules/loader-runner/lib/LoaderRunner.js:169:2)
    at runLoaders (/home/ubuntu/workspace/node_modules/webpack/node_modules/loader-runner/lib/LoaderRunner.js:362:2)
    at NormalModule.doBuild (/home/ubuntu/workspace/node_modules/webpack/lib/NormalModule.js:179:3)
    at NormalModule.build (/home/ubuntu/workspace/node_modules/webpack/lib/NormalModule.js:268:15)
    at Compilation.buildModule (/home/ubuntu/workspace/node_modules/webpack/lib/Compilation.js:142:10)
&lt;/code&gt;&lt;/pre&gt;
&lt;p&gt;I checked the github questions and answers. Looks like I need to add -loaders in all the used loaders. But, I am already using -loaders. Check out my webpack config&lt;/p&gt;
&lt;pre&gt;&lt;code&gt;    var webpack = require("webpack");
var path = require("path");
var ExtractTextPlugin = require('extract-text-webpack-plugin');
module.exports = {
  entry: {app: './src/app.js' },
  output: {filename: 'public/build/bundle.js',
        sourceMapFilename: 'public/build/bundle.map' },
  module: {
    loaders: [
      { test: /\.(js|jsx)$/, loader: 'babel-loader',options: {
        presets: ['stage-0','react','es2015'],
        plugins: ["transform-decorators-legacy","transform-class-properties"]
    } },
      { test: /\.css$/, loaders: [ 'style-loader', 'css-loader' ] },
      { test: /\.(eot|svg|ttf|woff|woff2)$/, loader: 'file?name=public/fonts/[name].[ext]'  },
   {
  test: /\.(jpe?g|png|gif|svg)$/i,
  use: [
    {
      loader: 'file-loader',
      options: {
        name: '[sha512:hash:hex].[ext]'
      }
    },
    {
      loader: 'image-webpack-loader',
      options: {
        bypassOnDebug: true,
        mozjpeg: {
          progressive: true
        },
        gifsicle: {
          interlaced: true
        },
        optipng: {
          optimizationLevel: 7
        }
      }
    }
  ]
}
    ]
  }
}
&lt;/code&gt;&lt;/pre&gt;
&lt;p&gt;There is no other thread on stackoverflow which solves this issue. Thats why I have to open a new thread.&lt;/p&gt;</t>
  </si>
  <si>
    <t>2017-04-01 13:27:24.070000+00:00</t>
  </si>
  <si>
    <t>2017-06-21 13:00:25.507000+00:00</t>
  </si>
  <si>
    <t>webpack</t>
  </si>
  <si>
    <t>Code tracing and logical errors</t>
  </si>
  <si>
    <t>&lt;pre&gt;&lt;code&gt;class MyHashTable:
    def __init__(self, capacity):
        self.capacity = capacity
        self.slots = [None] * self.capacity
    def __str__(self):
        return str(self.slots )
    def __len__(self):
        count = 0
        for i in self.slots:
            if i != None:
                count += 1
        return count
    def hash_function(self, key):
        slot = key % len(self.slots)
        if key in self.slots:
            return slot
        elif (not key in self.slots) and len(self.slots) == self.capacity:
            return slot
        else:
            for i in self.slots:
                count = 0 
                if i == None:
                    return count
                count += 1
    def insert(self, key):
        print(len(self.slots)) #Why does this show an output of 2? 
        if key in self.slots:
            return -2
        elif (not key in self.slots) and (len(self.slots) != self.capacity): #Now this cant execute
            num = hash_function(key)
            self.slots[num] = key
            return num
        elif (not key in self.slots) and len(self.slots) == self.capacity:
            return -1
&lt;/code&gt;&lt;/pre&gt;
&lt;p&gt;Im wondering why the commented part above in the &lt;code&gt;insert(self, key)&lt;/code&gt; the print statement gives (2) instead of (0). The elif statement underneath wont execute since its giving a result of (2) instead of (0)&lt;/p&gt;
&lt;p&gt;A function call of &lt;/p&gt;
&lt;pre&gt;&lt;code&gt;x = MyHashTable(2)
print(len(x)) 
&lt;/code&gt;&lt;/pre&gt;
&lt;p&gt;Should give: 0&lt;/p&gt;</t>
  </si>
  <si>
    <t>2015-10-05 09:41:10.500000+00:00</t>
  </si>
  <si>
    <t>2015-10-05 09:53:28.700000+00:00</t>
  </si>
  <si>
    <t>2015-10-05 09:42:58.773000+00:00</t>
  </si>
  <si>
    <t>user5361938</t>
  </si>
  <si>
    <t>Using different enable.auto.commit value for different KafkaConsumer with same group id</t>
  </si>
  <si>
    <t>&lt;p&gt;What happens if there are two applications app1 and app2, each has its own consumer groups but with same consumer group id G1. app1 consumer group has enable.auto.commit set to &lt;em&gt;TRUE&lt;/em&gt; and app2 has enable.auto.commit set to &lt;em&gt;FALSE&lt;/em&gt;. And app2 will never commit any offset, because its for some admin tasks that should not affect app1. &lt;/p&gt;
&lt;p&gt;With above setup can app2 consumer do its tasks, without affecting app1? app2 tasks are performed at regular interval, like logging some messages, calculating count of messages unread messages by fetching all messages from the current committed offset (the offset committed by app1) to the end? &lt;/p&gt;
&lt;p&gt;Update: app1 consumer is initialized with &lt;em&gt;subscribe()&lt;/em&gt; method, but the app2 consumer is initialized with &lt;em&gt;assign()&lt;/em&gt; so that app1 consumers are not rebalanced when app2 consumers are joining the consumer group G1 or detaching from G1.&lt;/p&gt;</t>
  </si>
  <si>
    <t>2017-11-29 01:31:45.893000+00:00</t>
  </si>
  <si>
    <t>2017-11-29 02:19:13.320000+00:00</t>
  </si>
  <si>
    <t>apache-kafka|kafka-consumer-api</t>
  </si>
  <si>
    <t>Hadoop 2.4 installation for mac: file configuration</t>
  </si>
  <si>
    <t>&lt;p&gt;I am new to Hadoop. I am trying to set up Hadoop 2.4 on MacBook Pro using Homebrew. I have been following instructions in this web site (&lt;a href="http://shayanmasood.com/blog/how-to-setup-hadoop-on-mac-os-x-10-9-mavericks/" rel="nofollow"&gt;http://shayanmasood.com/blog/how-to-setup-hadoop-on-mac-os-x-10-9-mavericks/&lt;/a&gt;). I have installed Hadoop on my machine. Now I am trying to configure Hadoop.&lt;/p&gt;
&lt;p&gt;One needs to configure the following files according to the website.&lt;/p&gt;
&lt;ul&gt;
&lt;li&gt;mapred-site.xml&lt;/li&gt;
&lt;li&gt;hdfs-site.xml&lt;/li&gt;
&lt;li&gt;core-site.xml&lt;/li&gt;
&lt;li&gt;hadoop-env.sh&lt;/li&gt;
&lt;/ul&gt;
&lt;p&gt;But, it seems that this information is a bit old. In Terminal, I see the following.&lt;/p&gt;
&lt;pre&gt;&lt;code&gt;In Hadoop's config file:
  /usr/local/Cellar/hadoop/2.4.0/libexec/etc/hadoop/hadoop-env.sh,
  /usr/local/Cellar/hadoop/2.4.0/libexec/etc/hadoop/mapred-env.sh and
  /usr/local/Cellar/hadoop/2.4.0/libexec/etc/hadoop/yarn-env.sh
$JAVA_HOME has been set to be the output of:
  /usr/libexec/java_home
&lt;/code&gt;&lt;/pre&gt;
&lt;p&gt;It seems that I have three files to configure here. Am I right on the track? There is information for hadoop-env.sh and mapped-env.sh for configuration. But, I have not seen one for yarn-env.sh. What do I have to do with this file?&lt;/p&gt;
&lt;p&gt;The other question is how I access to these files for modification? I receive the following message in terminal right now.&lt;/p&gt;
&lt;pre&gt;&lt;code&gt;-bash: /usr/local/Cellar/hadoop/2.4.0/libexec/etc/hadoop/hadoop-env.sh: Permission denied
&lt;/code&gt;&lt;/pre&gt;
&lt;p&gt;If you have any suggestions, please let me know. Thank you very much for taking your time.&lt;/p&gt;</t>
  </si>
  <si>
    <t>2014-04-29 09:12:51.040000+00:00</t>
  </si>
  <si>
    <t>2014-06-26 12:17:07.980000+00:00</t>
  </si>
  <si>
    <t>2014-04-29 13:02:43.927000+00:00</t>
  </si>
  <si>
    <t>hadoop</t>
  </si>
  <si>
    <t>docker tmpfs seems to have no effect on postgresql</t>
  </si>
  <si>
    <t>&lt;p&gt;I have a Postgres database inside a docker container against which I run django tests. I want to improve the speed of the tests. The easiest way to do this (it seems to me) is to move postgres data into tmpfs volume.&lt;/p&gt;
&lt;p&gt;Here's what I did:&lt;/p&gt;
&lt;pre&gt;&lt;code&gt;docker run --name my_tfmps_test -d -p 5432:5432 \
-e POSTGRES_USER=postgres \
-e POSTGRES_PASSWORD=postgres \
-e POSTGRES_DB=my_database \
-e PGDATA=/var/lib/postgresql/data \
--tmpfs /var/lib/postgresql/data \
library/postgres
&lt;/code&gt;&lt;/pre&gt;
&lt;p&gt;Because I specified &lt;code&gt;--tmpfs&lt;/code&gt; I expect the tests run significantly faster. Unfortunately this is not the case. The speed of the tests remains exactly on the same level (give or take 5%).  &lt;/p&gt;
&lt;p&gt;My questions is: why did the speed of the tests did not change? And what can I do about it ?&lt;/p&gt;
&lt;p&gt;Extra info:&lt;/p&gt;
&lt;ul&gt;
&lt;li&gt;MacOS 10.13.6&lt;/li&gt;
&lt;li&gt;reference &lt;a href="https://docs.docker.com/storage/tmpfs/" rel="nofollow noreferrer"&gt;https://docs.docker.com/storage/tmpfs/&lt;/a&gt;&lt;/li&gt;
&lt;/ul&gt;</t>
  </si>
  <si>
    <t>2018-09-11 14:09:47.727000+00:00</t>
  </si>
  <si>
    <t>2018-09-11 14:12:50.973000+00:00</t>
  </si>
  <si>
    <t>django|postgresql|docker|tmpfs</t>
  </si>
  <si>
    <t>Why do I get missing symbols for an explicit template specialization in a static library?</t>
  </si>
  <si>
    <t>&lt;p&gt;If I compile the following code:&lt;/p&gt;
&lt;pre&gt;&lt;code&gt;//
// g++ static.cpp -o static.o
// ar rcs libstatic.a static.o
//
#include &amp;lt;iostream&amp;gt;
template &amp;lt; typename T &amp;gt;
struct TemplatedClass
{
  void Test( T value )
  {
    std::cout &amp;lt;&amp;lt; "Foobar was: " &amp;lt;&amp;lt; value &amp;lt;&amp;lt; std::endl;
  }
};
template struct TemplatedClass &amp;lt; long &amp;gt;;
&lt;/code&gt;&lt;/pre&gt;
&lt;p&gt;I get a static library and if I run nm on the library I get the following results:&lt;/p&gt;
&lt;pre&gt;&lt;code&gt;testcase% nm libstatic.a | c++filt | grep TemplatedClass
0000000000000207 s global constructors keyed to _ZN14TemplatedClassIlE4TestEl
0000000000000300 s global constructors keyed to _ZN14TemplatedClassIlE4TestEl.eh
0000000000000118 T TemplatedClass&amp;lt;long&amp;gt;::Test(long)
00000000000002a0 S __ZN14TemplatedClassIlE4TestEl.eh
&lt;/code&gt;&lt;/pre&gt;
&lt;p&gt;If however I compile the following code, which is the same except that I have added an explicit specialization of the templated class...&lt;/p&gt;
&lt;pre&gt;&lt;code&gt;//
// g++ static.cpp -o static.o
// ar rcs libstatic.a static.o
//
#include &amp;lt;iostream&amp;gt;
template &amp;lt; typename T &amp;gt;
struct TemplatedClass
{
  void Test( T value )
  {
    std::cout &amp;lt;&amp;lt; "Foobar was: " &amp;lt;&amp;lt; value &amp;lt;&amp;lt; std::endl;
  }
};
template &amp;lt;&amp;gt;
struct TemplatedClass &amp;lt; long &amp;gt;
{
  void Test( long value )
  {
     std::cout &amp;lt;&amp;lt; "Value was: " &amp;lt;&amp;lt; value &amp;lt;&amp;lt; std::endl;
  }
}; 
template struct TemplatedClass &amp;lt; long &amp;gt;;
&lt;/code&gt;&lt;/pre&gt;
&lt;p&gt;... and rerun the same command:&lt;/p&gt;
&lt;pre&gt;&lt;code&gt;testcase% nm libstatic.a | c++filt| grep TemplatedClass
testcase% 
&lt;/code&gt;&lt;/pre&gt;
&lt;p&gt;I get no matching symbols.  For some reason the compiler does not instantiate the template even though I explicitly asked it to.&lt;/p&gt;
&lt;p&gt;Can someone explain to me what is going on here?&lt;/p&gt;</t>
  </si>
  <si>
    <t>2010-10-21 15:59:58.230000+00:00</t>
  </si>
  <si>
    <t>2010-10-21 20:53:58.760000+00:00</t>
  </si>
  <si>
    <t>c++|templates|g++|explicit-specialization</t>
  </si>
  <si>
    <t>C: What does this macro mean?</t>
  </si>
  <si>
    <t>&lt;p&gt;How do you read the second line of this macro? What does (type *)0 mean in this context?&lt;/p&gt;
&lt;pre&gt;&lt;code&gt;#define container_of(ptr, type, member) ({ \
const typeof( ((type *)0)-&amp;gt;member ) *__mptr = (ptr); \
(type *)( (char *)__mptr - offsetof(type,member) );})
&lt;/code&gt;&lt;/pre&gt;</t>
  </si>
  <si>
    <t>2011-11-21 04:30:09.813000+00:00</t>
  </si>
  <si>
    <t>2011-11-21 07:55:48.433000+00:00</t>
  </si>
  <si>
    <t>c|gcc|macros</t>
  </si>
  <si>
    <t>Drools - Retrieve Output object</t>
  </si>
  <si>
    <t>&lt;p&gt;I am new to Kie Workbench and Execution Server. I am using Java Rest calls to run rules in kie workbench. Please find the code below:&lt;/p&gt;
&lt;pre&gt;&lt;code&gt;private String kieServerUrl;
private String kieServerContainerId;
private String KieServerUsername;
private String kieServerPassword;
private RuleServicesClient ruleClient;
private static final String INPUT_OUT_IDENTIFIER = "Input";
private static final String SESSION_OBJECTS = "SessionObjects";
private static final String RUN_ALL_RULES = "RunAllRules";
public void init() {
    final KieServicesConfiguration config = KieServicesFactory.newRestConfiguration(kieServerUrl, KieServerUsername, kieServerPassword);
    config.setMarshallingFormat(MarshallingFormat.XSTREAM);     
    KieServicesClient kieServicesClient = KieServicesFactory.newKieServicesClient(config);
    ruleClient = kieServicesClient.getServicesClient(RuleServicesClient.class); 
}
@Override
public Output process(final Input input) {
    Output output = null;
    logger.debug("Running rules ..");
    BatchExecutionCommandImpl executionCommand = new BatchExecutionCommandImpl();
    executionCommand.getCommands().add(new InsertObjectCommand(input, INPUT_OUT_IDENTIFIER));
    executionCommand.getCommands().add(new FireAllRulesCommand(RUN_ALL_RULES));
    executionCommand.getCommands().add(new GetObjectsCommand(null, SESSION_OBJECTS));
    logger.debug("Sending commands to the server");
    ServiceResponse&amp;lt;ExecutionResults&amp;gt; response = ruleClient.executeCommandsWithResults(kieServerContainerId, executionCommand);
    if(response.getType().equals(ServiceResponse.ResponseType.SUCCESS)){
        logger.debug("Commands executed with success! Response: ");
        final ExecutionResultImpl result = (ExecutionResultImpl) response.getResult();  
        ArrayList&amp;lt;Object&amp;gt; values = (ArrayList&amp;lt;Object&amp;gt;)result.getValue(SESSION_OBJECTS);
    }else{
        logger.error("Error executing rules. Message: {}", response.getMsg());
    }
    logger.debug("...finished running rules.");
    return output;
}
&lt;/code&gt;&lt;/pre&gt;
&lt;p&gt;The rules are correctly executed and the Output Object are instancied during the rules. One problem is when I again call this method to execute rules for the second time, I receive two Output object and for each subsequent calls I get one additional object. It seems that the objects in the session are stored and not getting cleared for each call. How can I achieve that for every call I will get only one Output object in return?&lt;/p&gt;</t>
  </si>
  <si>
    <t>2017-05-08 09:24:09.007000+00:00</t>
  </si>
  <si>
    <t>2017-05-18 12:48:51.857000+00:00</t>
  </si>
  <si>
    <t>java|drools|kie</t>
  </si>
  <si>
    <t>Flatten or bake an instance in python</t>
  </si>
  <si>
    <t>&lt;p&gt;Sorry, I'm not sure how to properly called this given situation:&lt;/p&gt;
&lt;pre&gt;&lt;code&gt;O = [[255, 0], [0, 255]]
clone = [O[0],O[1],O[0],O[1]]
print ("clone="+str(clone))
clone[0].insert(0, 99)
print ("clone="+str(clone))
&lt;/code&gt;&lt;/pre&gt;
&lt;p&gt;Because variable clone have 2 instance of variable O, and its been repeated twice, later on when I change one instance of this the other part will also be changed, is there a way to make the cloned version be "baked down" and not as an instance? would like to explore ways to do this during on first first step when its cloned on line 2 of the example, or after the clone at the end, because my code is dealing with thousands of these types of clones, the speed will matter, Thanks a lot for any help in advanced!&lt;/p&gt;</t>
  </si>
  <si>
    <t>2014-07-29 05:41:41.337000+00:00</t>
  </si>
  <si>
    <t>2014-07-29 05:44:59.423000+00:00</t>
  </si>
  <si>
    <t>python|list|variables|instance</t>
  </si>
  <si>
    <t>core data save records using to-many relationship?</t>
  </si>
  <si>
    <t>&lt;p&gt;In my app i've &lt;code&gt;to-many&lt;/code&gt; relationship between entity &lt;code&gt;Survey&lt;/code&gt; and &lt;code&gt;SurveyAction&lt;/code&gt;.I'm using &lt;code&gt;Survey&lt;/code&gt; in multiple view controllers(step 1, step 2, etc) on each step i've multiple &lt;code&gt;SurveyAction&lt;/code&gt; for a &lt;code&gt;survey&lt;/code&gt;.But when i retrieve records i got SurveyAction that i inserted last only. i.e. if i insert two action on step 1 and 3 records at step 2, i got only three records that i inserted in step 2.
Here is my Data model-  &lt;/p&gt;
&lt;pre&gt;&lt;code&gt; Survey.h
    #import &amp;lt;Foundation/Foundation.h&amp;gt;
    #import &amp;lt;CoreData/CoreData.h&amp;gt;
    @class SurveyAction;
    @interface Survey : NSManagedObject
    @property (nonatomic, retain) NSSet *actions;
    //some other properies of survey object
    @end
    @interface Survey (CoreDataGeneratedAccessors)
    - (void)addActionsObject:(SurveyAction *)value;
    - (void)removeActionsObject:(SurveyAction *)value;
    - (void)addActions:(NSSet *)values;
    - (void)removeActions:(NSSet *)values;
    @end 
&lt;/code&gt;&lt;/pre&gt;
&lt;p&gt;and&lt;/p&gt;
&lt;pre&gt;&lt;code&gt;SurveyAction.h
#import &amp;lt;Foundation/Foundation.h&amp;gt;
#import &amp;lt;CoreData/CoreData.h&amp;gt;
@class Survey;
@interface SurveyAction : NSManagedObject
@property (nonatomic, retain) NSString * action;
@property (nonatomic, retain) NSString * deadline;
@property (nonatomic, retain) NSString * responsible;
@property (nonatomic, retain) NSString * surveyId;
@property (nonatomic, retain) NSString * step;
@property (nonatomic, retain) Survey *survey;
@end
&lt;/code&gt;&lt;/pre&gt;
&lt;p&gt;What i'm doing wrong here? Any help or suggestion would be appreciated.&lt;/p&gt;
&lt;p&gt;&lt;strong&gt;Edit:-&lt;/strong&gt; I can have multiple records(survey), i got list of survey and i pass the selected survey to next VC when i select a row.&lt;/p&gt;
&lt;pre&gt;&lt;code&gt;-(void)tableView:(UITableView *)tableView didSelectRowAtIndexPath:(NSIndexPath *)indexPath
{
    Survey* survey = [listData objectAtIndex:indexPath.row];
    ParticularsViewController* vc = [[UIStoryboard storyboardWithName:@"Main" bundle:nil] instantiateViewControllerWithIdentifier:@"particularsView"];
    vc.survey = survey;
    [self.navigationController pushViewController:vc animated:YES];
}
&lt;/code&gt;&lt;/pre&gt;
&lt;p&gt;and in next VC to ensure i get right survey i'm using predicate and save my data-&lt;/p&gt;
&lt;pre&gt;&lt;code&gt;-(void)rightbuttonPressed
{
 Survey* survey;
    NSFetchRequest * fetchRequest = [[NSFetchRequest alloc] init];
    [fetchRequest setEntity:[NSEntityDescription entityForName:@"Survey"
                                        inManagedObjectContext:self.managedObjectContext]];
    [fetchRequest setFetchLimit:1];
    // check whether the entity exists or not
    [fetchRequest setPredicate:[NSPredicate predicateWithFormat: @"(SELF = %@)", self.survey]];
    // if get a entity, that means exists, so fetch it.
    if ([self.managedObjectContext countForFetchRequest:fetchRequest error:&amp;amp;error])
        survey = [[self.managedObjectContext executeFetchRequest:fetchRequest error:&amp;amp;error] lastObject];
    // if not exists, just insert a new entity
    else survey = [NSEntityDescription insertNewObjectForEntityForName:@"Survey"
                                                inManagedObjectContext:self.managedObjectContext];
    //surveyAction
    if (actionsArray.count &amp;gt; 0) {
        NSMutableSet* actionsSet = [[NSMutableSet alloc] init];
        for (Action* obj in actionsArray) {
            SurveyAction *actionDescription = [NSEntityDescription insertNewObjectForEntityForName:@"SurveyAction"
                                                                            inManagedObjectContext:self.managedObjectContext];
            [actionDescription setValue:@"1" forKey:@"step"];
            [actionDescription setValue:obj.action forKey:@"action"];
            [actionDescription setValue:obj.person forKey:@"responsible"];
            [actionDescription setValue:obj.deadline forKey:@"deadline"];
            [actionsSet addObject:actionDescription];
        }
        [survey setValue:actionsSet forKey:@"actions"];
       // survey.actions = actionsSet;
    }
    if (! [self.managedObjectContext save:&amp;amp;error])
        NSLog(@"Couldn't save data to %@", NSStringFromClass([self class]));
}
&lt;/code&gt;&lt;/pre&gt;
&lt;p&gt;And this is how i fetching records&lt;/p&gt;
&lt;pre&gt;&lt;code&gt;-(void)populateView
{
 int counter = 0;
    for (SurveyAction *sAction in self.survey.actions) {
        if ([sAction.step isEqualToString:@"1"]) {
            Action* action = [[Action alloc] initWithObject:sAction];
            [self addrowView:action withframeorigin:198+(counter*40)];
            counter++;
        }
    }
} 
&lt;/code&gt;&lt;/pre&gt;
&lt;p&gt;But as i said i got only those &lt;code&gt;SurveyAction&lt;/code&gt; records which i added last. &lt;/p&gt;</t>
  </si>
  <si>
    <t>2014-10-31 09:44:55.177000+00:00</t>
  </si>
  <si>
    <t>2014-10-31 11:34:36.800000+00:00</t>
  </si>
  <si>
    <t>2014-10-31 11:33:01.393000+00:00</t>
  </si>
  <si>
    <t>Creating a pdf file in android programmatically and writing in it</t>
  </si>
  <si>
    <t>&lt;p&gt;I'm trying to create a pdf file inside my app, save it on the external storage the open it. Saving a file isn't an issue for me, nor is opening one, my issue is with creating one and writing in it. So after some research online I found the following way of doing it: &lt;/p&gt;
&lt;pre&gt;&lt;code&gt;        File file = new File(directoryName, fileName);
        // Creating output stream to write in the newly created file
        FileOutputStream fOut = null;
        try {
            fOut = new FileOutputStream(file);
        } catch (FileNotFoundException e) {
            e.printStackTrace();
        }
        // Creating a new document
        Document document = new Document(PageSize.A4, 50, 50, 50, 50);
        try {
            PdfWriter.getInstance(document, fOut);
            // Open the document for writing
            document.open();
            // Write in the document
            document.add(new Paragraph("Hello world"));
            document.close();
        } catch(DocumentException de) {
            System.err.println(de.getMessage());
        }
&lt;/code&gt;&lt;/pre&gt;
&lt;p&gt;Upon running my app and executing the code above, I get the following error: &lt;/p&gt;
&lt;pre&gt;&lt;code&gt;java.lang.NoClassDefFoundError: Failed resolution of: Ljava/awt/Color;
&lt;/code&gt;&lt;/pre&gt;
&lt;p&gt;Would someone know what's the issue with my code, or of another way that is sure to work for creating and writing a pdf file ?&lt;/p&gt;
&lt;p&gt;Thanks ! &lt;/p&gt;</t>
  </si>
  <si>
    <t>2015-12-15 17:53:55.427000+00:00</t>
  </si>
  <si>
    <t>2017-09-10 15:56:25.850000+00:00</t>
  </si>
  <si>
    <t>2016-05-28 12:39:56.447000+00:00</t>
  </si>
  <si>
    <t>android|file|pdf|itext|android-pdf-api</t>
  </si>
  <si>
    <t>Can we get latitude longitude without using location api or google api</t>
  </si>
  <si>
    <t>&lt;p&gt;I want to get latitude and longitude without using android &lt;code&gt;Location Service&lt;/code&gt; and &lt;code&gt;Google Api&lt;/code&gt;.
So Is there any way to get latitude and longitude from connected &lt;code&gt;wifi&lt;/code&gt; router ?&lt;/p&gt;</t>
  </si>
  <si>
    <t>2016-06-14 04:58:49.800000+00:00</t>
  </si>
  <si>
    <t>2016-06-14 05:32:49.367000+00:00</t>
  </si>
  <si>
    <t>android|location|wifi|latitude-longitude</t>
  </si>
  <si>
    <t>Using Comparable for multiple dynamic fields of VO in java</t>
  </si>
  <si>
    <t>&lt;p&gt;I have a class&lt;/p&gt;
&lt;pre&gt;&lt;code&gt;public class StudentVO {
   int age;
   String name;  
}
&lt;/code&gt;&lt;/pre&gt;
&lt;p&gt;I used the same class in two different areas. At one place i need to sort based on the age. In another place I need to sort based on the name and in 
   another place i may need sorting based on both age and name. How can I do this?
   If one field I can override &lt;code&gt;compareTo()&lt;/code&gt;.&lt;/p&gt;
&lt;p&gt;Is it possible to do this?&lt;/p&gt;</t>
  </si>
  <si>
    <t>2013-04-25 04:52:13.837000+00:00</t>
  </si>
  <si>
    <t>2017-08-08 17:30:59.390000+00:00</t>
  </si>
  <si>
    <t>2016-04-21 09:45:08.813000+00:00</t>
  </si>
  <si>
    <t>java|comparator|comparable</t>
  </si>
  <si>
    <t>How to nest IF block with OR statement in Google Spreadsheet</t>
  </si>
  <si>
    <t>&lt;p&gt;I'm looking for some help with this little code that I'm using in Google spreadsheet:&lt;/p&gt;
&lt;pre&gt;&lt;code&gt; =ArrayFormula(IF(OR(F2:F="Cancelled",G2:G="Cancelled"),"Cancelled",IF(F2:F="Finished",20,)+IF(G2:G="Finished",20,)))
&lt;/code&gt;&lt;/pre&gt;
&lt;p&gt;For some reason it works if I use this code without calling multiple rows:     &lt;/p&gt;
&lt;pre&gt;&lt;code&gt;=ArrayFormula(IF(OR(F2="Cancelled",G2="Cancelled"),"Cancelled",IF(F2="Finished",20,)+IF(G2="Finished",20,)))
&lt;/code&gt;&lt;/pre&gt;
&lt;p&gt;Does anyone have an idea which is the correct way to use it? &lt;/p&gt;
&lt;p&gt;Thanks in advance. &lt;/p&gt;</t>
  </si>
  <si>
    <t>2017-10-05 17:14:01.090000+00:00</t>
  </si>
  <si>
    <t>2017-10-06 03:11:13.020000+00:00</t>
  </si>
  <si>
    <t>google-sheets|spreadsheet</t>
  </si>
  <si>
    <t>How to select elements to apply a transformation(rotation, etc) to?</t>
  </si>
  <si>
    <t>&lt;p&gt;I am trying to rotate or transform all elements inside a div but I currently have this function. It rotates all elements on the page. How can I select a div or a class to rotate instead?&lt;code&gt;Array.from(document.all).forEach(o =&amp;gt; o.style.transform = "rotate(" + Math.floor(Math.random() * 27 - 12) + "deg)")&lt;/code&gt;&lt;/p&gt;</t>
  </si>
  <si>
    <t>2017-05-31 09:23:29.617000+00:00</t>
  </si>
  <si>
    <t>2017-05-31 09:33:52.170000+00:00</t>
  </si>
  <si>
    <t>javascript|html|css|rotation</t>
  </si>
  <si>
    <t>Roslyn CodeFix can't find previously created AdditionalDocument</t>
  </si>
  <si>
    <t>&lt;p&gt;I am writing a C# Roslyn Analyzer &amp;amp; CodeFix which will create a new &lt;code&gt;.txt&lt;/code&gt; file, based on some variables, if it doesn't exist and it will append a new line if it does.
The Analyzer and the creation of the file work perfectly using the following code in &lt;code&gt;RegisterCodeFix&lt;/code&gt; Action:&lt;/p&gt;
&lt;pre&gt;&lt;code&gt;var proj = document.Project.AddAdditionalDocument("file.txt",
            "text content");
return proj.Solution;
&lt;/code&gt;&lt;/pre&gt;
&lt;p&gt;Although, when I am trying to search the project's collection &lt;code&gt;AdditionalDocuments&lt;/code&gt; it is empty, even if the file is created previously (and the project is saved, if that matters).&lt;/p&gt;
&lt;pre&gt;&lt;code&gt;var doc = document.Project.AdditionalDocuments.FirstOrDefault(x =&amp;gt;
 x.Name == "file.txt"); //doc is null
&lt;/code&gt;&lt;/pre&gt;
&lt;p&gt;I tried adding the new file as a plain &lt;code&gt;Document&lt;/code&gt; instead of an &lt;code&gt;AdditionalDocument&lt;/code&gt; but the &lt;code&gt;file.txt&lt;/code&gt; is created as a source code file &lt;code&gt;file.cs&lt;/code&gt; and not as a &lt;code&gt;.txt&lt;/code&gt; one, but, for a reason, I can find it as &lt;code&gt;file.cs&lt;/code&gt; in the &lt;code&gt;Project.Documents&lt;/code&gt; collection.&lt;/p&gt;
&lt;p&gt;Any thoughts of how can I create a non-source code file in a &lt;code&gt;CodeFixProvider&lt;/code&gt; and use it?&lt;/p&gt;</t>
  </si>
  <si>
    <t>2016-11-19 13:41:15.083000+00:00</t>
  </si>
  <si>
    <t>2016-11-23 22:19:39.890000+00:00</t>
  </si>
  <si>
    <t>c#|file|code-analysis|roslyn</t>
  </si>
  <si>
    <t>Count days in date range?</t>
  </si>
  <si>
    <t>&lt;p&gt;I have a query like this:&lt;/p&gt;
&lt;pre&gt;&lt;code&gt;SELECT COUNT(*) AS amount
FROM daily_individual_tracking
WHERE sales = 'YES'
AND daily_individual_tracking_date BETWEEN '2010-01-01' AND '2010-03-31'
&lt;/code&gt;&lt;/pre&gt;
&lt;p&gt;I am selected from a date range. Is there a way to also get the total days in the date range?&lt;/p&gt;</t>
  </si>
  <si>
    <t>2010-04-08 17:34:17.620000+00:00</t>
  </si>
  <si>
    <t>2017-04-12 11:07:13.797000+00:00</t>
  </si>
  <si>
    <t>2014-09-14 05:25:19.783000+00:00</t>
  </si>
  <si>
    <t>sql|mysql|date-range</t>
  </si>
  <si>
    <t>Migrate bootstrap-datepicker to jQuery UI datepicker</t>
  </si>
  <si>
    <t>&lt;p&gt;In bootstrap-datepicker &lt;a href="http://www.eyecon.ro/bootstrap-datepicker/" rel="nofollow"&gt;http://www.eyecon.ro/bootstrap-datepicker/&lt;/a&gt; this work:&lt;/p&gt;
&lt;pre&gt;&lt;code&gt;$('#form_field').datepicker().on('changeDate', calc_func);
&lt;/code&gt;&lt;/pre&gt;
&lt;p&gt;but in jQuery UI not working. How to fix/change it?
&lt;code&gt;changeDate&lt;/code&gt; is event in bootstrap-datepicker&lt;/p&gt;</t>
  </si>
  <si>
    <t>2013-02-27 12:04:54.687000+00:00</t>
  </si>
  <si>
    <t>2013-02-27 12:23:11.320000+00:00</t>
  </si>
  <si>
    <t>2013-02-27 12:10:14.287000+00:00</t>
  </si>
  <si>
    <t>javascript|jquery|twitter-bootstrap|jquery-ui-datepicker</t>
  </si>
  <si>
    <t>Mask sensitive data in Mule4 before logging</t>
  </si>
  <si>
    <t>&lt;p&gt;I have already gone through the below link to mask/hide/encrypt sensitive data before logging but unable to do so using Mule4. Can someone please share if implemented or suggestions?&lt;/p&gt;
&lt;p&gt;&lt;a href="http://bushorn.com/encrypting-a-json-element/" rel="nofollow noreferrer"&gt;http://bushorn.com/encrypting-a-json-element/&lt;/a&gt;&lt;/p&gt;</t>
  </si>
  <si>
    <t>2018-10-27 20:20:11.350000+00:00</t>
  </si>
  <si>
    <t>2018-10-28 00:29:51.680000+00:00</t>
  </si>
  <si>
    <t>mule-esb</t>
  </si>
  <si>
    <t>Why is my Karaf OSGI bundle marked UNSATISFIED, when all references are satisfied?</t>
  </si>
  <si>
    <t>&lt;p&gt;Karaf is showing my bundle as being UNSATISFIED despite all the references being satisfied.&lt;/p&gt;
&lt;p&gt;I am using the following three components - relevant console output from scr:list:&lt;/p&gt;
&lt;pre&gt;&lt;code&gt;[20  ] [UNSATISFIED     ] com.barchart.news.modules.mysql.MySQLIndex
[16  ] [ACTIVE          ] com.barchart.news.server.pipeline.StoryPipeline
[14  ] [ACTIVE          ] com.barchart.news.server.common.SharedExecutorProvider
&lt;/code&gt;&lt;/pre&gt;
&lt;p&gt;Components 16 and 14 provide the following services (output from service:list):&lt;/p&gt;
&lt;pre&gt;&lt;code&gt;service:list com.barchart.news.server.pipeline.PipelineService
[com.barchart.news.server.common.ModuleStatus, com.barchart.news.server.pipeline.PipelineService]
-------------------------------------------------------------------------------------------------
 component.name = com.barchart.news.server.pipeline.StoryPipeline
 component.id = 16
 service.id = 348
Provided by : 
 barchart-news-server (102)
service:list com.barchart.news.server.common.SharedExecutorService 
[com.barchart.news.server.common.ModuleStatus, com.barchart.news.server.common.SharedExecutorService]
-----------------------------------------------------------------------------------------------------
 component.name = com.barchart.news.server.common.SharedExecutorProvider
 component.id = 14
 service.id = 346
Provided by : 
 barchart-news-server (102)
Used by: 
 barchart-news-server (102)
&lt;/code&gt;&lt;/pre&gt;
&lt;p&gt;Within the barchart-news-server bundle that these both are part of, references are satisfied and bound as expected (output from scr:details):&lt;/p&gt;
&lt;pre&gt;&lt;code&gt;scr:details com.barchart.news.server.pipeline.StoryPipeline
Component Details
  Name                : com.barchart.news.server.pipeline.StoryPipeline
  State               : ACTIVE
References
  Reference           : com.barchart.news.server.common.SharedExecutorService/*
    State             : satisfied
    Multiple          : single
    Optional          : mandatory
    Policy            : static
    Service Reference : Bound Service ID 346 (com.barchart.news.server.common.SharedExecutorProvider)
&lt;/code&gt;&lt;/pre&gt;
&lt;p&gt;However, in the component from the second bundle (#20) that depends on these services, although Karaf marks the references as "satisfied", it does not bind them and activate the component:&lt;/p&gt;
&lt;p&gt;scr:details for com.barchart.news.modules.mysql.MySQLIndex:&lt;/p&gt;
&lt;pre&gt;&lt;code&gt;Component Details
  Name                : com.barchart.news.modules.mysql.MySQLIndex
  State               : UNSATISFIED
References
  Reference           : com.barchart.news.server.common.SharedExecutorService/*
    State             : satisfied
    Multiple          : single
    Optional          : mandatory
    Policy            : static
    Service Reference : No Services bound
  Reference           : com.barchart.news.server.pipeline.PipelineService/*
    State             : satisfied
    Multiple          : single
    Optional          : mandatory
    Policy            : static
    Service Reference : No Services bound
&lt;/code&gt;&lt;/pre&gt;
&lt;p&gt;What is preventing the MySQLIndex bundle from being activated?&lt;/p&gt;</t>
  </si>
  <si>
    <t>2012-09-05 17:40:15.803000+00:00</t>
  </si>
  <si>
    <t>2012-09-06 06:46:17.747000+00:00</t>
  </si>
  <si>
    <t>java|osgi|apache-felix|apache-karaf</t>
  </si>
  <si>
    <t>my computer is carrying out java programs which i have created to fast</t>
  </si>
  <si>
    <t>&lt;p&gt;i have recently started programing in java, and i have made a few games, and in all of the objects travels to fast. in the pong game i made off a video, the ball travelled faster than for the person in the video, and when i used his values the paddles moved to far when i moved them, when i managed to slow it down a usable speed, it was much to slow formy friend when tested it out.
my computer is 64bit user vista, I haven't changed any settings to my knowledge, and i am using eclipse indigo, this problem doesn't occur when i am playing other java games, but it dose still happen after i have exported the games i have made and i am not running them as a debug version.&lt;/p&gt;
&lt;p&gt;any help would be really good, because it is becoming very annoying.&lt;/p&gt;
&lt;p&gt;thanks.&lt;/p&gt;</t>
  </si>
  <si>
    <t>2011-09-14 16:13:11.283000+00:00</t>
  </si>
  <si>
    <t>2011-09-14 16:36:57.503000+00:00</t>
  </si>
  <si>
    <t>object</t>
  </si>
  <si>
    <t>Angular fire 2 issue with Login in fb and google</t>
  </si>
  <si>
    <t>&lt;p&gt;I'm making in angular 5 the login with FB and with Google with angularFireModule.&lt;/p&gt;
&lt;p&gt;So after I install the repository "firebase" and "angularfire2" I load this like:&lt;/p&gt;
&lt;pre&gt;&lt;code&gt;import { AngularFireModule } from 'angularfire2';
&lt;/code&gt;&lt;/pre&gt;
&lt;p&gt;in my app modules, but brings so many errors.&lt;/p&gt;
&lt;p&gt;I've tried removing all the node_modules folder and install everything again but brings the same error.
Is this a issue related with this version? Do you know a version of angular fire that actually works with the other dependencies in my project?&lt;/p&gt;
&lt;p&gt;Errors:&lt;/p&gt;
&lt;pre&gt;&lt;code&gt;ERROR in node_modules/angularfire2/firebase.app.module.d.ts(2,10): error TS2305:
 Module '"C:/Users/IDS Comercial/testMat/my-app/node_modules/firebase/app/index"
' has no exported member 'app'.
node_modules/angularfire2/firebase.app.module.d.ts(2,15): error TS2305: Module '
"C:/Users/IDS Comercial/testMat/my-app/node_modules/firebase/app/index"' has no
exported member 'auth'.
node_modules/angularfire2/firebase.app.module.d.ts(2,21): error TS2305: Module '
"C:/Users/IDS Comercial/testMat/my-app/node_modules/firebase/app/index"' has no
exported member 'database'.
node_modules/angularfire2/firebase.app.module.d.ts(2,31): error TS2305: Module '
"C:/Users/IDS Comercial/testMat/my-app/node_modules/firebase/app/index"' has no
exported member 'firestore'.
node_modules/angularfire2/firebase.app.module.d.ts(2,42): error TS2305: Module '
"C:/Users/IDS Comercial/testMat/my-app/node_modules/firebase/app/index"' has no
exported member 'functions'.
node_modules/angularfire2/firebase.app.module.d.ts(2,53): error TS2305: Module '
"C:/Users/IDS Comercial/testMat/my-app/node_modules/firebase/app/index"' has no
exported member 'messaging'.
node_modules/angularfire2/firebase.app.module.d.ts(2,64): error TS2305: Module '
"C:/Users/IDS Comercial/testMat/my-app/node_modules/firebase/app/index"' has no
exported member 'storage'.
&lt;/code&gt;&lt;/pre&gt;
&lt;p&gt;My package json is this one:&lt;/p&gt;
&lt;pre&gt;&lt;code&gt;{
  "name": "my-app",
  "version": "0.0.0",
  "license": "MIT",
  "scripts": {
    "ng": "ng",
    "start": "ng serve",
    "build": "ng build --prod",
    "test": "ng test",
    "lint": "ng lint",
    "e2e": "ng e2e"
  },
  "private": true,
  "dependencies": {
    "@angular/animations": "^5.2.0",
    "@angular/cdk": "^5.2.4",
    "@angular/common": "^5.2.0",
    "@angular/compiler": "^5.2.0",
    "@angular/core": "^5.2.0",
    "@angular/forms": "^5.2.0",
    "@angular/http": "^5.2.0",
    "@angular/material": "^5.2.4",
    "@angular/platform-browser": "^5.2.0",
    "@angular/platform-browser-dynamic": "^5.2.0",
    "@angular/router": "^5.2.0",
    "angular-in-memory-web-api": "^0.5.4",
    "core-js": "^2.4.1",
    "angularfire2": "^5.0.0-rc.10",
    "firebase": "^5.0.4",
    "materialize-css": "^0.100.2",
    "rxjs": "^5.5.6",
    "zone.js": "^0.8.19"
  },
  "devDependencies": {
    "@angular/cli": "~1.7.3",
    "@angular/compiler-cli": "^5.2.0",
    "@angular/language-service": "^5.2.0",
    "@types/jasmine": "~2.8.3",
    "@types/jasminewd2": "~2.0.2",
    "@types/node": "~6.0.60",
    "codelyzer": "^4.0.1",
    "jasmine-core": "~2.8.0",
    "jasmine-spec-reporter": "~4.2.1",
    "karma": "~2.0.0",
    "karma-chrome-launcher": "~2.2.0",
    "karma-coverage-istanbul-reporter": "^1.2.1",
    "karma-jasmine": "~1.1.0",
    "karma-jasmine-html-reporter": "^0.2.2",
    "protractor": "~5.1.2",
    "ts-node": "~4.1.0",
    "tslint": "~5.9.1",
    "typescript": "~2.5.3"
  }
}
&lt;/code&gt;&lt;/pre&gt;</t>
  </si>
  <si>
    <t>2018-06-11 16:47:51.447000+00:00</t>
  </si>
  <si>
    <t>angular|facebook|login</t>
  </si>
  <si>
    <t>Check if cookie is still valid</t>
  </si>
  <si>
    <t>&lt;p&gt;In our intranet, each user can log in and cookies are created when the user is sucessfully connected&lt;/p&gt;
&lt;pre&gt;&lt;code&gt;setcookie('id_user', $res['id_user'], time()+600, '/');
setcookie('email', $res['mail'], time()+600, '/');
setcookie('firstname', $res['firstname'], time()+600, '/');
setcookie('lastname', $res['name'], time()+600, '/');
&lt;/code&gt;&lt;/pre&gt;
&lt;p&gt;They will expire after 10 min.&lt;/p&gt;
&lt;p&gt;I have many pages where js function are using the &lt;code&gt;$_COOKIE&lt;/code&gt; variables.
I do not want to check if &lt;code&gt;$_COOKIE&lt;/code&gt; is null or not for every function.&lt;/p&gt;
&lt;p&gt;Is there a way to trigger a js function to check if the cookie is still available ?&lt;/p&gt;
&lt;p&gt;I tried this&lt;/p&gt;
&lt;pre&gt;&lt;code&gt;var user = '&amp;lt;?php echo $_COOKIE['id_user']; ?&amp;gt;';
function check()
{
    if(user === null)
    {
        console.log('logged');
    }
    else
    {
        console.log('disconnected');
    }
}
check();
setInterval(check, 1000);
&lt;/code&gt;&lt;/pre&gt;
&lt;p&gt;But it did not worked. When I'm connected before accessing to this page. The console is always showing 'connected' even when I disconnect from another page. I think the cookie is still present in the page and did not expire.&lt;/p&gt;
&lt;p&gt;And if I am not connected before accessing the page, an js error tell me&lt;/p&gt;
&lt;pre&gt;&lt;code&gt;SyntaxError: unterminated string literal
var user = '&amp;lt;br /&amp;gt;
&lt;/code&gt;&lt;/pre&gt;</t>
  </si>
  <si>
    <t>2016-01-13 13:25:20.383000+00:00</t>
  </si>
  <si>
    <t>2016-01-13 13:44:38.797000+00:00</t>
  </si>
  <si>
    <t>javascript|php|jquery|cookies</t>
  </si>
  <si>
    <t>Cant make JDialogBox of jfoenix library using scene builder</t>
  </si>
  <si>
    <t>&lt;p&gt;Can somebody explain how to use Dialogue box from above library  through  XML. Without coding the dialog box using java, Can't I just design it from scene builder by dragging and dropping component.&lt;/p&gt;
&lt;p&gt;I have already tried  it but when I run the program dialog box is not visible.&lt;/p&gt;
&lt;p&gt;Would be really helpful if someone can share a working example or even a link
without using this method.&lt;/p&gt;
&lt;p&gt;&lt;a href="https://stackoverflow.com/questions/38830883/how-to-create-a-dialog-using-jfxdialog-of-jfoenix-in-javafx"&gt;How to create a dialog using JFXDialog of JFoenix in JavaFX&lt;/a&gt;&lt;/p&gt;</t>
  </si>
  <si>
    <t>2018-06-25 09:01:42.573000+00:00</t>
  </si>
  <si>
    <t>2018-06-25 17:41:11.230000+00:00</t>
  </si>
  <si>
    <t>javafx|fxml|scenebuilder|jfoenix</t>
  </si>
  <si>
    <t>Detect text changed on textbox whilst ignoring databindings</t>
  </si>
  <si>
    <t>&lt;p&gt;I have some textboxes bound to a bindingsource and bindingnavigator.&lt;/p&gt;
&lt;p&gt;I want to detect when the values have changed and prompt the users to confrim if they want to update.&lt;/p&gt;
&lt;p&gt;When the form is first initalised and when then binding navigator moves to the next record the text_changed event fires on textbox where I have a boolean to determine if things have changed.&lt;/p&gt;
&lt;p&gt;Is there a way to set my boolean only when valid data changes have occured or a better way to detect if things have changed&lt;/p&gt;</t>
  </si>
  <si>
    <t>2011-02-28 15:04:41.027000+00:00</t>
  </si>
  <si>
    <t>2011-02-28 15:10:28.647000+00:00</t>
  </si>
  <si>
    <t>.net|vb.net|winforms|data-binding|.net-2.0</t>
  </si>
  <si>
    <t>SWT TabFolder vertical orientation</t>
  </si>
  <si>
    <t>&lt;p&gt;Currently SWT's TabFolder supports only the TOP and BOTTOM styles, ie. it will only draw the tabs horizontally along the top or bottom of the control. This is unlike Swing's JTabbedPane, which gives the option of also orienting the tabs vertically, along the side of the control. &lt;/p&gt;
&lt;p&gt;Can anyone suggest any workarounds to achieve a vertical orientation in SWT? Any suggestions of custom or 3rd-party components (or other alternative) would be appreciated.&lt;/p&gt;</t>
  </si>
  <si>
    <t>2012-04-02 21:58:08.547000+00:00</t>
  </si>
  <si>
    <t>2012-04-03 02:11:37.713000+00:00</t>
  </si>
  <si>
    <t>eclipse|swt</t>
  </si>
  <si>
    <t>how to implement a web site like youtube?</t>
  </si>
  <si>
    <t>&lt;p&gt;I'm doing a language web site for my university language center, where students login and see videos to learn English. i have to do it like this,&lt;/p&gt;
&lt;p&gt;person is logging in to the system, search using a search area and find the details,lessons and videos relevant to that videos. this functionality exactly matches the youtube scenario. &lt;/p&gt;
&lt;p&gt;for implementing twitter like functionality we can use status-net, is there a similer library, statusnet like famous implementation for youtube or a some kind of platform or a framework like codeigniter that we can use to implement youtube like site very easily??
please suggest some options?? a open source one or a commercial one ??? &lt;/p&gt;
&lt;p&gt;and what is the best video format to use in a such web site?? flv?? mp4?? or mov???&lt;/p&gt;
&lt;p&gt;regards,
Rangana&lt;/p&gt;</t>
  </si>
  <si>
    <t>2010-12-24 14:48:28.017000+00:00</t>
  </si>
  <si>
    <t>2010-12-24 15:05:36.333000+00:00</t>
  </si>
  <si>
    <t>components|youtube|libraries</t>
  </si>
  <si>
    <t>How to log ruby mechanize post request?</t>
  </si>
  <si>
    <t>&lt;p&gt;I have a code&lt;/p&gt;
&lt;pre&gt;&lt;code&gt;@agent = Mechanize.new do |a| 
  a.log = Logger.new(File.open("logs/parser.log", "w")),
  a.ssl_version, 
  a.verify_mode = 'SSLv3', 
  OpenSSL::SSL::VERIFY_NONE, 
  a.user_agent_alias = 'Windows Mozilla'
end
def authorization
  ajax_headers = { 'X-Requested-With' =&amp;gt; 'XMLHttpRequest', 'Content-Type' =&amp;gt; 'application/x-www-form-urlencoded; charset=UTF-8',
   'Accept' =&amp;gt; 'application/json, text/javascript, */*; q=0.01', 'Accept-Encoding' =&amp;gt; 'gzip, deflate',
   'Referer' =&amp;gt; 'http://mysite.ru/' }
  params = {'login' =&amp;gt; 'name', 'domain' =&amp;gt; 'mail.ru', 'password' =&amp;gt; 'pass'}
  response = @agent.post( 'http://mydomain', params, ajax_headers)
end
&lt;/code&gt;&lt;/pre&gt;
&lt;p&gt;This code case an error&lt;/p&gt;
&lt;pre&gt;&lt;code&gt;C:/Ruby193/lib/ruby/gems/1.9.1/gems/mechanize-2.6.0/lib/mechanize.rb:1264:in `post_form': undefined method `debug' for
&amp;lt;Array:0x2d20610&amp;gt; (NoMethodError)
&lt;/code&gt;&lt;/pre&gt;
&lt;p&gt;Without a.log = Logger.new(File.open("logs/parser.log", "w")), everything is working fine, so it cases an error. 
How to log my post request correct in this case?&lt;/p&gt;</t>
  </si>
  <si>
    <t>2013-04-30 23:01:40.453000+00:00</t>
  </si>
  <si>
    <t>ruby|logging</t>
  </si>
  <si>
    <t>Not using index even if it exists</t>
  </si>
  <si>
    <t>&lt;p&gt;I have next simple query: &lt;code&gt;SELECT * FROM table LEFT JOIN table2 ON table2.id=table.id WHERE table.id=1&lt;/code&gt; having an index in table.id and table2.id&lt;/p&gt;
&lt;p&gt;When I check how it works with &lt;code&gt;EXPLAIN&lt;/code&gt; it shows that it's not using the index, and going through ALL the rows. I check the same with another another exact table with the same structure, and in this case index is being used.&lt;/p&gt;
&lt;p&gt;Even more strange, if I have another more complex query like 
&lt;code&gt;SELECT * FROM table LEFT JOIN table2 ON table2.id=table.id LEFT JOIN table3 ON table3.id=table.id WHERE table.id=1&lt;/code&gt; the index works perfect in both tables, even in the problematic &lt;code&gt;table2&lt;/code&gt; &lt;/p&gt;
&lt;p&gt;I'm completely sure that is my mistake, but I really don't know why sometimes index is being used, and sometimes not... Anyone expert in MySQL who can help me? Thank you very much!&lt;/p&gt;</t>
  </si>
  <si>
    <t>2013-12-23 21:12:10.330000+00:00</t>
  </si>
  <si>
    <t>mysql|sql|join|indexing</t>
  </si>
  <si>
    <t>My web service doesn't insert properly</t>
  </si>
  <si>
    <t>&lt;p&gt;I have a web service for inserting data in my data base from a mobile application. This is the URL to insert:&lt;/p&gt;
&lt;pre&gt;&lt;code&gt;http://localhost/services/client.php?nom=axl&amp;amp;prenom=roses&amp;amp;Sexe=0&amp;amp;date_de_naissance=1980-02-14&amp;amp;lieu_de_naissance=sousse
&lt;/code&gt;&lt;/pre&gt;
&lt;p&gt;This is my web service: &lt;/p&gt;
&lt;pre&gt;&lt;code&gt;&amp;lt;?php
header('Content-Type: text/json; charset=UTF-8');
include('settings.php');
mysql_connect($host,$user,$password);
mysql_select_db($base);
mysql_query('SET CHARACTER SET utf8');
$nom = $_GET['nom'];
$prenom = $_GET['prenom'];
 $sexe = $_GET['sexe'];
$date_de_naissance = $_GET['date_de_naissance'];
 $lieu_de_naissance = $_GET['lieu_de_naissance'];
$adresse = $_GET['adresse'];
 $latitude = $_GET['latitude'];
 $longitude = $_GET['longitude'];
$telephone = $_GET['telephone'];
 $email = $_GET['email'];
$situation_familiale = $_GET['situation_familiale'];
 $profession = $_GET['profession'];
 $numero_securite_sociale = $_GET['numero_securite_sociale'];
$taille = $_GET['taille'];
 $poids = $_GET['poids'];
$situation_familiale = $_GET['situation_familiale'];
 $groupe_sanguin = $_GET['groupe_sanguin'];
$allergies = $_GET['allergies'];
 $antecedents_chirurgicaux = $_GET['antecedents_chirurgicaux'];
$antecedents_medicaux = $_GET['antecedents_medicaux'];
$antecedents_familiaux = $_GET['antecedents_familiaux'];
$req = "insert into patient values('".$nom."', '".$prenom."', '".$sexe."','".$date_de_naissance."','".$lieu_de_naissance."','".$adresse."',
 '".$latitude."','".$longitude."','".$telephone."','".$email."','".$situation_familiale."','".$profession."','".$numero_securite_sociale."',
 '".$taille."','".$poids."','".$situation_familiale."','".$groupe_sanguin."', '".$allergies."',
 '".$antecedents_chirurgicaux."','".$antecedents_medicaux."','".$antecedents_familiaux."' ) ";
$sql=mysql_query($req);
?&amp;gt;
&lt;/code&gt;&lt;/pre&gt;
&lt;p&gt;But my web service doesn't insert properly; it insert &lt;code&gt;prenom&lt;/code&gt; into &lt;code&gt;nom&lt;/code&gt; and &lt;code&gt;sexe&lt;/code&gt; into &lt;code&gt;prenom&lt;/code&gt; and &lt;code&gt;date_de_naissance&lt;/code&gt; into &lt;code&gt;sexe&lt;/code&gt;, and so on.&lt;/p&gt;</t>
  </si>
  <si>
    <t>2014-04-05 20:10:52.980000+00:00</t>
  </si>
  <si>
    <t>2014-04-05 20:44:45.480000+00:00</t>
  </si>
  <si>
    <t>php|mysql|web-services</t>
  </si>
  <si>
    <t>Fill panorama item dynamically in wp7</t>
  </si>
  <si>
    <t>&lt;p&gt;I dynamically want to add panorama items in my application. No. of item(3 to 7) is depend on the json response I am getting. Presently for testing I created 4 items in xaml and it works for me but its not dynamic. Here is my xaml.&lt;/p&gt;
&lt;pre&gt;&lt;code&gt;&amp;lt;Grid x:Name="LayoutRoot"&amp;gt;
    &amp;lt;controls:Panorama Title="my panorama" Loaded="Panorama_Loaded" Name="title1" ItemsSource="{Binding}"&amp;gt;
        &amp;lt;controls:Panorama.Background&amp;gt;
            &amp;lt;ImageBrush ImageSource="/Images/Panaroma_BG.png"/&amp;gt;
        &amp;lt;/controls:Panorama.Background&amp;gt;
        &amp;lt;!--Panorama item one--&amp;gt;
        &amp;lt;controls:PanoramaItem Header="item1" Name="dashboard1" HeaderTemplate="{StaticResource DashBoardName}"&amp;gt;
            &amp;lt;Grid&amp;gt;
                &amp;lt;ListBox Height="512" HorizontalAlignment="Left" Margin="6,8,0,0" Name="listBox1" VerticalAlignment="Top" Width="403" Tap="listBox1_Tap"&amp;gt;
                    &amp;lt;ListBox.ItemTemplate&amp;gt;
                        &amp;lt;DataTemplate&amp;gt;
                            &amp;lt;Grid&amp;gt;
                                &amp;lt;Rectangle Height="100" Width="400" HorizontalAlignment="Left" Name="rectangle1" Stroke="Black" StrokeThickness="1" VerticalAlignment="Top"/&amp;gt;
                                &amp;lt;StackPanel Orientation="Horizontal"&amp;gt;
                                    &amp;lt;Image Width="100" Height="100" Source="{Binding Image}" Stretch="Fill" HorizontalAlignment="Left" VerticalAlignment="Top" /&amp;gt;
                                    &amp;lt;StackPanel Orientation="Horizontal"
                                        Height="132"&amp;gt;
                                        &amp;lt;StackPanel Width="300" HorizontalAlignment="Left"&amp;gt;
                                            &amp;lt;Grid&amp;gt;
                                                &amp;lt;TextBlock Text="{Binding CurrentValue}" HorizontalAlignment="Left" FontSize="25" /&amp;gt;
                                                &amp;lt;Image Width="20" Height="20" Source="{Binding SubImage}" Stretch="Fill" HorizontalAlignment="Right" VerticalAlignment="Bottom"/&amp;gt;
                                                &amp;lt;TextBlock Text="{Binding PreviousValue}" HorizontalAlignment="Right" VerticalAlignment="Top" FontSize="15" /&amp;gt;
                                            &amp;lt;/Grid&amp;gt;
                                            &amp;lt;StackPanel Width="290" HorizontalAlignment="Right" VerticalAlignment="Stretch" Orientation="Vertical"&amp;gt;
                                                &amp;lt;TextBlock Text="{Binding ItemName}" FontSize="20" TextWrapping="Wrap" Width="290" HorizontalAlignment="Left" VerticalAlignment="Bottom"/&amp;gt;
                                            &amp;lt;/StackPanel&amp;gt;
                                        &amp;lt;/StackPanel&amp;gt;
                                    &amp;lt;/StackPanel&amp;gt;
                                &amp;lt;/StackPanel&amp;gt;
                            &amp;lt;/Grid&amp;gt;
                        &amp;lt;/DataTemplate&amp;gt;
                    &amp;lt;/ListBox.ItemTemplate&amp;gt;
                &amp;lt;/ListBox&amp;gt;
            &amp;lt;/Grid&amp;gt;
        &amp;lt;/controls:PanoramaItem&amp;gt;
     &amp;lt;!--Panorama item two--&amp;gt;
     &amp;lt;!--Panorama item three--&amp;gt;
     &amp;lt;!--.................--&amp;gt;
    &amp;lt;/controls:Panorama&amp;gt;
&amp;lt;/Grid&amp;gt;
&lt;/code&gt;&lt;/pre&gt;
&lt;p&gt;I don't want to write xaml for Panorama item two, Panorama item three and so on I think there must be some way to do it at runtime. Please help me out.&lt;br&gt;
There must be some template like thing which I can use. and then fill the inner items like &lt;code&gt;CurrentValue&lt;/code&gt; , &lt;code&gt;ItemName&lt;/code&gt; etc. through code&lt;/p&gt;</t>
  </si>
  <si>
    <t>2013-05-06 07:12:15.730000+00:00</t>
  </si>
  <si>
    <t>2013-10-07 23:41:38.763000+00:00</t>
  </si>
  <si>
    <t>2013-05-07 11:53:10.357000+00:00</t>
  </si>
  <si>
    <t>c#|.net|silverlight|windows-phone-7|xaml</t>
  </si>
  <si>
    <t>How do I show an image in ImageView when a typed text into TextField matches with the image name?</t>
  </si>
  <si>
    <t>&lt;p&gt;I've some images into the project folder. Each image has a name. For example: a, aa, aba etc. I want to show the related image into ImageView when it matches an image name typed into the TextField.&lt;/p&gt;
&lt;p&gt;For example if I type 'a' into the TextField it will open the image named 'a'. If I type "ab", it won't open any image as there is no image into the image folder named "ab". An image will be only shown when it's name get matched with the text typed into the TextField.&lt;/p&gt;
&lt;p&gt;I've written some code as follows-&lt;/p&gt;
&lt;p&gt;&lt;strong&gt;Application_Controler.java&lt;/strong&gt;&lt;/p&gt;
&lt;pre&gt;&lt;code&gt;public class Application_Controler implements Initializable{
    @FXML
    private TextField txt;
    @FXML
    private ImageView img;
    @Override
    public void initialize(URL url, ResourceBundle rb) {
        String text=txt.getText();              
        File file = new File("src/images/"+text);
        Image image = new Image(file.toURI().toString());
        img.setImage(image);
    }
}
&lt;/code&gt;&lt;/pre&gt;
&lt;p&gt;Here is the .fxml file:&lt;/p&gt;
&lt;pre&gt;&lt;code&gt;&amp;lt;?xml version="1.0" encoding="UTF-8"?&amp;gt;
&amp;lt;?import javafx.scene.image.*?&amp;gt;
&amp;lt;?import javafx.scene.control.*?&amp;gt;
&amp;lt;?import java.lang.*?&amp;gt;
&amp;lt;?import javafx.scene.layout.*?&amp;gt;
&amp;lt;?import javafx.scene.layout.AnchorPane?&amp;gt;
&amp;lt;AnchorPane xmlns="http://javafx.com/javafx/8.0.40" xmlns:fx="http://javafx.com/fxml/1" fx:controller="imran.jfx.application.Application_Controler"&amp;gt;
   &amp;lt;children&amp;gt;
      &amp;lt;AnchorPane layoutX="-17.0" layoutY="-14.0" prefHeight="461.0" prefWidth="454.0"&amp;gt;
         &amp;lt;children&amp;gt;
            &amp;lt;TextField fx:id="txt" layoutX="122.0" layoutY="87.0" prefHeight="55.0" prefWidth="229.0" /&amp;gt;
            &amp;lt;ImageView fx:id="img" fitHeight="281.0" fitWidth="426.0" layoutX="24.0" layoutY="175.0" pickOnBounds="true" preserveRatio="true" /&amp;gt;
         &amp;lt;/children&amp;gt;
      &amp;lt;/AnchorPane&amp;gt;
   &amp;lt;/children&amp;gt;
&amp;lt;/AnchorPane&amp;gt;
&lt;/code&gt;&lt;/pre&gt;
&lt;p&gt;One thing to mention that it won't need to press any extra "Enter" key to show the image after writing to the TextField.&lt;/p&gt;</t>
  </si>
  <si>
    <t>2015-09-22 16:19:51.113000+00:00</t>
  </si>
  <si>
    <t>2015-09-22 17:13:48.997000+00:00</t>
  </si>
  <si>
    <t>java|javafx|javafx-8|fxml</t>
  </si>
  <si>
    <t>Cordova/iOS - All notification dialogs are behind app</t>
  </si>
  <si>
    <t>&lt;p&gt;With iOS 10/11, everything is behind my app. From simple notification dialogs to the contacts list when I try to open the contacts. Also, I amnot prompt to allow permissions for contacts until I trigger the plugin. Is there a way to prompt the user at initial app launch for permissions to Contacts as well as Push Notifications? (Using OneSignal)&lt;/p&gt;
&lt;p&gt;Any help is greatly appreciated.&lt;/p&gt;
&lt;p&gt;All plugins and cordova versions are the latest.&lt;/p&gt;</t>
  </si>
  <si>
    <t>2017-11-14 07:16:02.863000+00:00</t>
  </si>
  <si>
    <t>ios|cordova|cordova-plugins|cordova-ios</t>
  </si>
  <si>
    <t>jquery UI datepicker doesn't show</t>
  </si>
  <si>
    <t>&lt;p&gt;I have this program and i want to add a jquery datepicker on it, but for some reason (maybe its how i put in order the library), it won't show. I created a sample .html file that would only display a datepicker and it shows the datepicker. Here's the code of my .html file (that shows the datepicker):&lt;/p&gt;
&lt;pre&gt;&lt;code&gt;  &amp;lt;link rel="stylesheet" type="text/css" media="screen, projection" href="css/dynamicMenuTabStyle.css"/&amp;gt;
  &amp;lt;link rel="stylesheet" type="text/css" href="css/ui.jqgrid.custom.css" /&amp;gt; 
  &amp;lt;link rel="stylesheet" type="text/css" href="css/redmond/jquery-ui-1.8.7.custom.css"/&amp;gt;  
  &amp;lt;script type="text/javascript" src="js/json2.js"&amp;gt;&amp;lt;/script&amp;gt;
  &amp;lt;script type="text/javascript" src="js/jquery-1.4.4.min.js"&amp;gt;&amp;lt;/script&amp;gt;
  &amp;lt;script type="text/javascript" src="js/jquery-ui-1.8.7.custom.min.js"&amp;gt;&amp;lt;/script&amp;gt;
  &amp;lt;script type="text/javascript" src="datepicker.js"&amp;gt;&amp;lt;/script&amp;gt;
&lt;/code&gt;&lt;/pre&gt;
&lt;p&gt;datepicker.js code:&lt;/p&gt;
&lt;pre&gt;&lt;code&gt;    $(function() {
        $( "#date" ).datepicker();
    });
&lt;/code&gt;&lt;/pre&gt;
&lt;p&gt;And this is my other .html which i wanted to insert my datepicker, (but unfortunately, it won't show):&lt;/p&gt;
&lt;pre&gt;&lt;code&gt;  &amp;lt;link rel="stylesheet" type="text/css" media="screen, projection" href="css/dynamicMenuTabStyle.css"/&amp;gt;
  &amp;lt;link rel="stylesheet" type="text/css" href="css/ui.jqgrid.custom.css" /&amp;gt; 
  &amp;lt;link rel="stylesheet" type="text/css" href="css/redmond/jquery-ui-1.8.7.custom.css"/&amp;gt;
  &amp;lt;script type="text/javascript" src="js/json2.js"&amp;gt;&amp;lt;/script&amp;gt;
  &amp;lt;script type="text/javascript" src="js/jquery-1.4.4.min.js"&amp;gt;&amp;lt;/script&amp;gt;
  &amp;lt;script type="text/javascript" src="js/jquery-ui-1.8.7.custom.min.js"&amp;gt;&amp;lt;/script&amp;gt;
  &amp;lt;script type="text/javascript" src="js/jquery-1.3.1.min.js"&amp;gt;&amp;lt;/script&amp;gt;     
        &amp;lt;!--this is for my jqgrid--&amp;gt;
  &amp;lt;script type="text/javascript" src="js/i18n/grid.locale-en.js"&amp;gt;&amp;lt;/script&amp;gt;
  &amp;lt;script type="text/javascript" src="js/jquery.jqGrid.min.js"&amp;gt;&amp;lt;/script&amp;gt;
  &amp;lt;script type="text/javascript" src="js/jquery.jqGrid.fluid.js"&amp;gt;&amp;lt;/script&amp;gt;
        &amp;lt;!--this is for my other .js files--&amp;gt;
  &amp;lt;script type="text/javascript" src="js/jquery.cookie.js"&amp;gt;&amp;lt;/script&amp;gt;
  &amp;lt;script type="text/javascript" src="globalFunc.js"&amp;gt;&amp;lt;/script&amp;gt;  
  &amp;lt;script type="text/javascript" src="tallySheet.js"&amp;gt;&amp;lt;/script&amp;gt;      
  &amp;lt;script type="text/javascript" src="mainindex.js"&amp;gt;&amp;lt;/script&amp;gt;
  &amp;lt;script type="text/javascript" src="prime-settings.js"&amp;gt;&amp;lt;/script&amp;gt;
        &amp;lt;!--this is for my closable tabs--&amp;gt;
  &amp;lt;script type="text/javascript" src="js/jquery-ui-1.7.2.min.js"&amp;gt;&amp;lt;/script&amp;gt;
  &amp;lt;script type="text/javascript" src="js/jquery-ui-1.7.2.js"&amp;gt;&amp;lt;/script&amp;gt;  
  &amp;lt;script type="text/javascript" src="js/ui.tabs.closable.min.js"&amp;gt;&amp;lt;/script&amp;gt;
&lt;/code&gt;&lt;/pre&gt;
&lt;p&gt;Please, anybody here know where should i insert the code to display the datepicker? Please help. &lt;/p&gt;
&lt;p&gt;&lt;b&gt;Edit:&lt;/b&gt;&lt;/p&gt;
&lt;p&gt;here's my input date inside the body tag (this code is in the two .html file):&lt;/p&gt;
&lt;pre&gt;&lt;code&gt; date: &amp;lt;input type = "text" id = "date" value= "[select date]" color = "gray"&amp;gt;
&lt;/code&gt;&lt;/pre&gt;</t>
  </si>
  <si>
    <t>2011-06-17 02:07:45.660000+00:00</t>
  </si>
  <si>
    <t>2013-07-15 10:20:04.123000+00:00</t>
  </si>
  <si>
    <t>2011-06-17 02:51:45.830000+00:00</t>
  </si>
  <si>
    <t>html|jquery-ui|jquery-ui-datepicker</t>
  </si>
  <si>
    <t>How to access observedAttributes on Web Components</t>
  </si>
  <si>
    <t>&lt;p&gt;So in Web Components you can use the &lt;a href="https://developer.mozilla.org/en-US/docs/Web/Web_Components/Using_custom_elements#Using_the_lifecycle_callbacks" rel="nofollow noreferrer"&gt;attributeChangedCallback&lt;/a&gt; once ou have specified attributes to observe using &lt;code&gt;static get observedAttributes() { return ['myAttribute']; }&lt;/code&gt;.&lt;/p&gt;
&lt;p&gt;How can I list/access the observed attributes from within my sub class?&lt;/p&gt;
&lt;pre&gt;&lt;code&gt;class Foo extends HTMLElement {
    connectedCallback() {
        console.log(this.observedAttributes); // &amp;lt;= undefined
    }
}
class Bar extends Foo {
    static get observedAttributes() {
        return ['bar'];
    }
}
&lt;/code&gt;&lt;/pre&gt;
&lt;p&gt;Is this somehow possible? Is there a getter for the observed attributes?
I think the difficulty here lies in getting the &lt;code&gt;observed attributes&lt;/code&gt; of the parent class. Because if it was on the same class, you could just &lt;code&gt;Foo.observedAttributes&lt;/code&gt; as @javimovi mentioned.&lt;/p&gt;
&lt;p&gt;I added a jsbin to play with: &lt;a href="https://jsbin.com/sonekedavo/edit?js,console" rel="nofollow noreferrer"&gt;https://jsbin.com/sonekedavo/edit?js,console&lt;/a&gt;&lt;/p&gt;
&lt;p&gt;Thank you!&lt;/p&gt;</t>
  </si>
  <si>
    <t>2018-11-21 08:55:47.830000+00:00</t>
  </si>
  <si>
    <t>2018-11-21 11:44:20.390000+00:00</t>
  </si>
  <si>
    <t>2018-11-21 10:22:47.727000+00:00</t>
  </si>
  <si>
    <t>javascript|html|ecmascript-6|web-component|es6-class</t>
  </si>
  <si>
    <t>ODBC call to CHARINDEX returning "Invalid Column Name"</t>
  </si>
  <si>
    <t>&lt;p&gt;Using Access 2010 to run a pass-through query against SQL Server.  Query is as follows:&lt;/p&gt;
&lt;pre&gt;&lt;code&gt;select da.o_acttime,ds.o_statename,dd.o_filename,dd.o_projectno from dms_audt da
inner join
dms_doc dd
on
da.o_objguid=dd.o_docguid
left join
dms_stat ds
on
ds.o_stateno=da.o_numparam2
where
da.o_action=1012
and
charindex(".xls",dd.o_filename)&amp;gt;0
order by o_projectno
&lt;/code&gt;&lt;/pre&gt;
&lt;p&gt;The error message I get in response is:&lt;/p&gt;
&lt;pre&gt;&lt;code&gt;ODBC--call failed.
[Microsoft][ODBC SQL Server Driver][SQL Server]Invalid column name '.xls'. (#207)
&lt;/code&gt;&lt;/pre&gt;
&lt;p&gt;Am I calling &lt;code&gt;charindex()&lt;/code&gt; incorrectly?&lt;/p&gt;</t>
  </si>
  <si>
    <t>2013-10-29 22:52:12.890000+00:00</t>
  </si>
  <si>
    <t>2013-10-29 23:01:24.723000+00:00</t>
  </si>
  <si>
    <t>sql-server|ms-access-2010</t>
  </si>
  <si>
    <t>WPF Invoke and MethodInvoker</t>
  </si>
  <si>
    <t>&lt;p&gt;I have an error in my application where the program crashes because of multiple threads of one object. Because I am new in C# and already learning it. I am not much familar with the Invokes etc.&lt;/p&gt;
&lt;p&gt;Here is the Code which is the reason for my crash:&lt;/p&gt;
&lt;pre&gt;&lt;code&gt;private void AppendText(string text)
{
    this.Invoke(new MethodInvoker(delegate
    {
        this.richTextBox.AppendText(text + Environment.NewLine);
    }));
}
UpdateProcess.OutputDataReceived += (s, e) =&amp;gt; richTextBox.AppendText(e.Data);
&lt;/code&gt;&lt;/pre&gt;
&lt;p&gt;But WPF doesn't know of this (I never worked with Invoke in WPF before so I don't know how to write it in WPF maybe u can link me to a website?)&lt;/p&gt;</t>
  </si>
  <si>
    <t>2017-07-22 10:52:40.190000+00:00</t>
  </si>
  <si>
    <t>2017-12-04 12:11:13.223000+00:00</t>
  </si>
  <si>
    <t>c#|wpf</t>
  </si>
  <si>
    <t>JQuery draggable and scrolling in a div with fixed height</t>
  </si>
  <si>
    <t>&lt;p&gt;I have been struggling to find the answers to what should be a simple task. I want to stack images on top of each other (all the same width) inside a div with a fixed height. Simple. But as well as being able to use the container div's scrollbar to scan up &amp;amp; down the images, I would also like the JQuery draggable widget to allow the user to grab and slide the image stack up and down as well.&lt;/p&gt;
&lt;p&gt;The issues I am having are:&lt;/p&gt;
&lt;ol&gt;
&lt;li&gt;Dragging and scrolling do not seem to be linked so the image wrapper div position doesn't match the scrollbars of the container div.&lt;/li&gt;
&lt;li&gt;I would like to stop the last image being scrolled above the bottom of the wrapper, likewise, stop the top image being dragged below the top. Containment doesn't work here as the content is larger than the container.&lt;/li&gt;
&lt;/ol&gt;
&lt;p&gt;I have tossed a quick fiddle together here: &lt;a href="http://jsfiddle.net/QhWbm/" rel="nofollow"&gt;http://jsfiddle.net/QhWbm/&lt;/a&gt;&lt;/p&gt;
&lt;pre&gt;&lt;code&gt;// HTML
&amp;lt;div id="wrapper"&amp;gt;
    &amp;lt;div id="scroller"&amp;gt;
        &amp;lt;img src="http://placekitten.com/200/100" width="200" height="100" /&amp;gt;
        &amp;lt;img src="http://placekitten.com/200/200" width="200" height="200" /&amp;gt;
        &amp;lt;img src="http://placekitten.com/200/150" width="200" height="150" /&amp;gt;
        &amp;lt;img src="http://placekitten.com/200/250" width="200" height="250" /&amp;gt;
    &amp;lt;/div&amp;gt;
&amp;lt;/div&amp;gt;
// JS
$(document).ready(function(){
    $("#scroller").draggable({
        axis:"y"        
    });
});
// CSS
#wrapper {
    width: 220px;
    height: 200px;
    overflow: auto;
    border: 1px solid #ff0000;
}
&lt;/code&gt;&lt;/pre&gt;
&lt;p&gt;A quick play will show the disconnect between dragging and scrollbar, and the ability to drag off the top/bottom.&lt;/p&gt;
&lt;p&gt;Any advice would be fantastic, many thanks&lt;/p&gt;</t>
  </si>
  <si>
    <t>2013-08-22 03:06:48.290000+00:00</t>
  </si>
  <si>
    <t>2015-12-14 07:20:52.013000+00:00</t>
  </si>
  <si>
    <t>jquery|jquery-ui|draggable</t>
  </si>
  <si>
    <t>Null field in select dropdown</t>
  </si>
  <si>
    <t>&lt;p&gt;How do I get rid of the Null choice in a select dropdown? For example, I have the following model --&lt;/p&gt;
&lt;pre&gt;&lt;code&gt;class Network(models.Model):
    type = models.CharField(max_length=10, choices = [('closed','closed'),('open','open')])
&lt;/code&gt;&lt;/pre&gt;
&lt;p&gt;When I use the form in the template, I get three choices in the dropdown:&lt;/p&gt;
&lt;pre&gt;&lt;code&gt;-------
Closed
Open
&lt;/code&gt;&lt;/pre&gt;
&lt;p&gt;How do I get rid of this Null choice? So the select dropdown will only have the &lt;code&gt;Closed&lt;/code&gt; and &lt;code&gt;Open&lt;/code&gt; options?&lt;/p&gt;</t>
  </si>
  <si>
    <t>2011-05-28 19:50:34.593000+00:00</t>
  </si>
  <si>
    <t>2017-03-13 17:56:05.010000+00:00</t>
  </si>
  <si>
    <t>django|django-models</t>
  </si>
  <si>
    <t>line height auto adjust in fpdf multicell ()</t>
  </si>
  <si>
    <t>&lt;p&gt;I am using fpdf to create pdf from data in MySql table dynamically. And I am printing it using MultiCell() function. My Problem is I want it to auto adjust the line height of the text. I have read the documentation at the site but it only tells about auto adjust width. But I could not find any solution for line height auto adjust. Is there any way to do so. What may be the alternate ways? Please help. Here is the piece of the code. :-&lt;/p&gt;
&lt;pre&gt;&lt;code&gt;&amp;lt;?php session_start();
include 'conn.php';
$table=$_SESSION["name"];
$testid=$_SESSION["id"];
$stuid=$_SESSION["stuid"];
$ans=$_SESSION["score1"];
//pdf creation
require('../fpdf/fpdf.php');
class PDF extends FPDF
{
function Header()
{
global $title;
$this-&amp;gt;Image('../fpdf/logo.JPG',10,10,200);
// Arial bold 15
$this-&amp;gt;SetFont('Arial','B',15);
// Calculate width of title and position
$w = $this-&amp;gt;GetStringWidth($title)+6;
$this-&amp;gt;SetX((210-$w)/2);
// Colors of frame, background and text
// Thickness of frame (1 mm)
$this-&amp;gt;SetLineWidth(1);
// Title
// Line break
$this-&amp;gt;Ln(20);
}
function Footer()
{
// Position at 1.5 cm from bottom
$this-&amp;gt;SetY(-15);
// Arial italic 8
$this-&amp;gt;SetFont('Arial','I',8);
// Text color in gray
$this-&amp;gt;SetTextColor(128);
// Page number
$this-&amp;gt;Cell(0,10,'Page '.$this-&amp;gt;PageNo(),0,0,'C');
}
function ChapterTitle($num, $label)
{
// Arial 12
$this-&amp;gt;SetFont('Arial','',12);
// Background color
$this-&amp;gt;SetFillColor(200,220,255);
// Title
$this-&amp;gt;Cell(0,6,"Chapter $num : $label",0,1,'L',true);
// Line break
$this-&amp;gt;Ln(4);
}
function ChapterBody($file)
{
// Read text file
$txt = file_get_contents($file);
// Times 12
$this-&amp;gt;SetFont('Times','',12);
// Output justified text
$this-&amp;gt;MultiCell(0,5,$txt);
// Line break
$this-&amp;gt;Ln();
// Mention in italics
$this-&amp;gt;SetFont('','I');
$this-&amp;gt;Cell(0,5,'(end of excerpt)');
}
function PrintChapter($num, $title, $file)
{
$this-&amp;gt;AddPage();
$this-&amp;gt;ChapterTitle($num,$title);
$this-&amp;gt;ChapterBody($file);
}
}
$pdf = new PDF();
$pdf-&amp;gt;SetAuthor('OSP Classes');
$pdf-&amp;gt;AddPage();
$x=1;
$i=0;
$sql1=mysql_query("select * from $table") or die (mysql_error());
while($result1=mysql_fetch_row($sql1))
{
$pdf-&amp;gt;SetFont('Arial','B',14);
$pdf-&amp;gt;MultiCell(0,10,'Ques No.'.$x .'.'. $result1[1]);
$pdf-&amp;gt;Ln(10);
$pdf-&amp;gt;SetFont('Arial','',14);
$pdf -&amp;gt;MultiCell(0,0,'Ans 1.'. $result1[2]);
$pdf-&amp;gt;Ln(10);
$pdf-&amp;gt;SetFont('Arial','',14);
$pdf -&amp;gt;MultiCell(0,0,'Ans 2.'. $result1[3]);
$pdf-&amp;gt;Ln(10);
$pdf-&amp;gt;SetFont('Arial','',14);
$pdf -&amp;gt;MultiCell(0,0,'Ans 3.'. $result1[4]);
$pdf-&amp;gt;Ln(10);
$pdf-&amp;gt;SetFont('Arial','',14);
$pdf -&amp;gt;MultiCell(0,0,'Ans 4.'. $result1[5]);
$pdf-&amp;gt;Ln(10);
$pdf-&amp;gt;MultiCell(0,0,'Right Ans . '. $result1[6].'           '.'Your Ans . '. $ans[$i]);
$pdf-&amp;gt;Ln(20);
$x++;
$i++;
}
$pdf-&amp;gt;Output();
?&amp;gt;
&lt;/code&gt;&lt;/pre&gt;</t>
  </si>
  <si>
    <t>2016-06-13 07:05:06.497000+00:00</t>
  </si>
  <si>
    <t>2018-04-02 04:56:54.877000+00:00</t>
  </si>
  <si>
    <t>php|mysql|fpdf</t>
  </si>
  <si>
    <t>Environment settings needed for learning " *Computer Systems:A Programmer's Perspective*"</t>
  </si>
  <si>
    <t>&lt;p&gt;I am reading the book &lt;em&gt;Computer Systems: A Programmer's Perspective&lt;/em&gt;, and I am trying to execute the code it provides on my Macbook Pro with Intel Core i7.&lt;/p&gt;
&lt;p&gt;But some code just does not run exactly as the book suggests.&lt;/p&gt;
&lt;p&gt;This C example is supposed to demonstrate that the same float will differ when stored in memory from when it's stored in the register.&lt;/p&gt;
&lt;pre&gt;&lt;code&gt;#include&amp;lt;stdio.h&amp;gt;
double recip( int denom )
{
  return 1.0/(double) denom;
}
void do_nothing(){} /* to  clear the register */
void fcomp( int denom)
{
  double r1, r2;
  int t1, t2;
  r1 = recip(denom); /* stored in memory */
  r2 = recip(denom); /* stored in register */
  t1 = r1 == r2;     /* Compares register to memory */
  do_nothing();      /* Forces register save to memory */
  t2 = r1 == r2;     /* Compares memory to memory */
  printf("test1 t1: r1 %f %c= r2 %f\n", r1, t1 ? '=' : '!', r2);
  printf("test1 t1: r2 %f %c= r2 %f\n", r1, t2 ? '=' : '!', r2);
}
main(){
  int demon = 10;
  fcomp(demon);
}
&lt;/code&gt;&lt;/pre&gt;
&lt;p&gt;Compared with the gcc with "O2" option, the result, suggested by the book, should be:&lt;/p&gt;
&lt;pre&gt;&lt;code&gt;test1 t1: r1 0.100000 != r2 0.100000
test2 t1: r1 0.100000 == r2 0.100000
&lt;/code&gt;&lt;/pre&gt;
&lt;p&gt;However, I got two "=="s and wonder why. Any suggestion on the environment settings for the book? Thanks a lot.&lt;/p&gt;</t>
  </si>
  <si>
    <t>2013-10-11 01:34:10.423000+00:00</t>
  </si>
  <si>
    <t>2013-10-12 11:51:51.950000+00:00</t>
  </si>
  <si>
    <t>2013-10-11 02:07:52.553000+00:00</t>
  </si>
  <si>
    <t>c|compiler-optimization|computer-architecture</t>
  </si>
  <si>
    <t>Python-Sybase on Windows 7 Python 2.7 32bit</t>
  </si>
  <si>
    <t>&lt;p&gt;I'm trying to build python-sybase on windows with very limited success.&lt;/p&gt;
&lt;p&gt;I have followed the instructions on the &lt;a href="http://python-sybase.sourceforge.net/install.html" rel="nofollow"&gt;sybase module homepage&lt;/a&gt; but still experience errors.  I have tried the following approaches:&lt;/p&gt;
&lt;ol&gt;
&lt;li&gt;Download and unzip python-sybase (python-sybase-0.40pre2)&lt;/li&gt;
&lt;/ol&gt;
&lt;p&gt;&lt;strong&gt;Visual Studio (2013)&lt;/strong&gt;&lt;/p&gt;
&lt;ol&gt;
&lt;li&gt;Open Visual Studio Command Prompt Shell&lt;/li&gt;
&lt;li&gt;Override path in VS90COMNTOOLS to prevent Visual Studio version errors (SET VS90COMNTOOLS=%VS120COMNTOOLS%���)&lt;/li&gt;
&lt;li&gt;Run python setup.py install.&lt;/li&gt;
&lt;/ol&gt;
&lt;p&gt;Both methods appear to work and generate identical results.  The only warning I see is the 'Normalizing' warning from setuptools.py: &lt;/p&gt;
&lt;pre&gt;&lt;code&gt;C:\Users\XXXX\AppData\Local\Continuum\Anaconda\lib\site-packages\setuptools-15.2-py2.7.egg\setuptools\dist.py:282: UserWarning: Normalizing '0.40pre2' to '0.40rc2'
&lt;/code&gt;&lt;/pre&gt;
&lt;p&gt;The error message I see when trying to run:&lt;/p&gt;
&lt;pre&gt;&lt;code&gt;import Sybase
&lt;/code&gt;&lt;/pre&gt;
&lt;p&gt;is:&lt;/p&gt;
&lt;pre&gt;&lt;code&gt;import Sybase
Traceback (most recent call last):
File "&amp;lt;ipython-input-1-3cf190f37cd0&amp;gt;", line 1, in &amp;lt;module&amp;gt;
    import Sybase
File "build\bdist.win32\egg\Sybase.py", line 317, in &amp;lt;module&amp;gt;
InternalError
&lt;/code&gt;&lt;/pre&gt;
&lt;p&gt;The section in Sybase.py (line 317) where the code fails is:&lt;/p&gt;
&lt;pre&gt;&lt;code&gt;# Setup global library context
status, _ctx = cs_ctx_alloc()
if status != CS_SUCCEED:
    raise InternalError('cs_ctx_alloc failed')
&lt;/code&gt;&lt;/pre&gt;
&lt;p&gt;Any help/suggestions would be greatly appreciated!&lt;/p&gt;</t>
  </si>
  <si>
    <t>2015-05-14 11:08:26.220000+00:00</t>
  </si>
  <si>
    <t>2015-06-26 23:18:38.927000+00:00</t>
  </si>
  <si>
    <t>python|python-2.7|sybase</t>
  </si>
  <si>
    <t>Handling IRP_MJ_SHUTDOWN</t>
  </si>
  <si>
    <t>&lt;p&gt;I am working on an upper volume filter driver using diskperf as base.
I am handling &lt;code&gt;IRP_MJ_SHUTDOWN&lt;/code&gt; IRP, so while shutting down the system I want to save a buffer of size ranging from 30Mb to 500Mb.
So can I write this buffer to a file and when the system reboots again our driver should read the buffer from that file, so is this possible?
If yes, then can anyone guide me which functions to use for it?&lt;/p&gt;
&lt;p&gt;Awaiting a positive response.&lt;/p&gt;
&lt;p&gt;Thanks in advance.&lt;/p&gt;</t>
  </si>
  <si>
    <t>2014-03-08 12:03:32.820000+00:00</t>
  </si>
  <si>
    <t>2014-03-29 22:02:56.927000+00:00</t>
  </si>
  <si>
    <t>c|windows|kernel|driver|filter-driver</t>
  </si>
  <si>
    <t>Mandelbrot Fractal not working</t>
  </si>
  <si>
    <t>&lt;p&gt;I tried making this Mandelbrot fractal generator, but when I run this, I get an output like a circle.
Not sure exactly why this happens. I think something may be wrong with my coloring, but even if so the shape is also incorrect.&lt;/p&gt;
&lt;pre&gt;&lt;code&gt;public static Bitmap Generate(
        int width,
        int height,
        double realMin,
        double realMax,
        double imaginaryMin,
        double imaginaryMax,
        int maxIterations,
        int bound)
    {
        var bitmap = new FastBitmap(width, height);
        var planeWidth = Math.Abs(realMin) + Math.Abs(realMax); // Total width of the plane.
        var planeHeight = Math.Abs(imaginaryMin) + Math.Abs(imaginaryMax); // Total height of the plane.
        var realStep = planeWidth / width; // Amount to step by on the real axis per pixel.
        var imaginaryStep = planeHeight / height; // Amount to step by on the imaginary axis per pixel.
        var realScaling = width / planeWidth;
        var imaginaryScaling = height / planeHeight;
        var boundSquared = bound ^ 2;
        for (var real = realMin; real &amp;lt;= realMax; real += realStep) // Loop through the real axis.
        {
            for (var imaginary = imaginaryMin; imaginary &amp;lt;= imaginaryMax; imaginary += imaginaryStep) // Loop through the imaginary axis.
            {
                var z = Complex.Zero;
                var c = new Complex(real, imaginary);
                var iterations = 0;
                for (; iterations &amp;lt; maxIterations; iterations++)
                {
                    z = z * z + c;
                    if (z.Real * z.Real + z.Imaginary * z.Imaginary &amp;gt; boundSquared)
                    {
                        break;
                    }
                }
                if (iterations == maxIterations)
                {
                    bitmap.SetPixel(
                        (int)((real + Math.Abs(realMin)) * realScaling),
                        (int)((imaginary + Math.Abs(imaginaryMin)) * imaginaryScaling),
                        Color.Black);
                }
                else
                {
                    var nsmooth = iterations + 1 - Math.Log(Math.Log(Complex.Abs(z))) / Math.Log(2);
                    var color = MathHelper.HsvToRgb(0.95f + 10 * nsmooth, 0.6, 1.0);
                    bitmap.SetPixel(
                        (int)((real + Math.Abs(realMin)) * realScaling),
                        (int)((imaginary + Math.Abs(imaginaryMin)) * imaginaryScaling),
                        color);
                }
            }
        }
        return bitmap.Bitmap;
    }
&lt;/code&gt;&lt;/pre&gt;</t>
  </si>
  <si>
    <t>2014-03-20 00:26:12.070000+00:00</t>
  </si>
  <si>
    <t>2014-03-20 00:30:11.433000+00:00</t>
  </si>
  <si>
    <t>c#|.net|fractals</t>
  </si>
  <si>
    <t>Using sed command to add new text in a line</t>
  </si>
  <si>
    <t>&lt;p&gt;I have:&lt;/p&gt;
&lt;pre&gt;&lt;code&gt;Format "%x %x %x %x \"%x\" %&amp;gt;x %x \"%{xxx}i\" \"%{xxx}i\""
&lt;/code&gt;&lt;/pre&gt;
&lt;p&gt;How can I use sed command to make it:&lt;/p&gt;
&lt;pre&gt;&lt;code&gt;Format "&lt;b&gt;%{X-Y-Z}i&lt;/b&gt; - %x %x %x %x \"%x\" %&gt;x %x \"%{xxx}i\" \"%{xxx}i\""&lt;/code&gt;&lt;/pre&gt;
&lt;p&gt;Basically, I have to add &lt;code&gt;%{X-Y-Z}i&lt;/code&gt;.&lt;/p&gt;</t>
  </si>
  <si>
    <t>2017-05-09 05:03:21.590000+00:00</t>
  </si>
  <si>
    <t>2017-05-16 09:04:21.060000+00:00</t>
  </si>
  <si>
    <t>2017-05-09 05:25:11.790000+00:00</t>
  </si>
  <si>
    <t>unix|sed</t>
  </si>
  <si>
    <t>Custom Object in Resource File</t>
  </si>
  <si>
    <t>&lt;p&gt;Based on &lt;a href="http://www.codeproject.com/Articles/10235/Type-converters-your-friendly-helpers" rel="nofollow"&gt;a TypeConverter article for making custom resource objects&lt;/a&gt;, the following code is working correctly:&lt;/p&gt;
&lt;pre&gt;&lt;code&gt;string file = @".\SomeResources.resx";
using (ResXResourceWriter resx = new ResXResourceWriter(file))
{
    resx.AddResource("test", "me");
    resx.AddResource("when", DateTime.Now);
    resx.AddResource("custom", new LogPair { Key = "check", Value = "clear" });
}
using (ResXResourceSet resxSet = new ResXResourceSet(file))
{
    var check = (LogPair)resxSet.GetObject("custom", true);
}
&lt;/code&gt;&lt;/pre&gt;
&lt;p&gt;Most notably, I am successfully retrieving the custom &lt;code&gt;LogPair&lt;/code&gt; object instance.&lt;/p&gt;
&lt;p&gt;I then use resgen to compile the resx into a resource file, and then execute this code:&lt;/p&gt;
&lt;pre&gt;&lt;code&gt;var stuff = ResourceManager.CreateFileBasedResourceManager("SomeResources", ".", null);
string res = stuff.GetString("test");
var info = (LogPair)stuff.GetObject("custom");
var now = (DateTime)stuff.GetObject("when");
&lt;/code&gt;&lt;/pre&gt;
&lt;p&gt;The string &lt;code&gt;res&lt;/code&gt; is fetched correctly, giving the value of "me".  The &lt;code&gt;DateTime&lt;/code&gt; is also fetched correctly.  However, the &lt;code&gt;info&lt;/code&gt; variable is set to null.  So then I use Visual Studio to peek at the resource file that resgen generated.  It shows that my custom object was converted to a null type (hex value of zero).&lt;/p&gt;
&lt;p&gt;So the issue appears to be in resgen itself.  I also learned that the issue is related to my custom TypeConverter.  My custom TypeConverter is used to (de-)serialize my &lt;code&gt;LogPair&lt;/code&gt; as JSON.  Notice the resx file below:&lt;/p&gt;
&lt;pre&gt;&lt;code&gt;  &amp;lt;data name="test" xml:space="preserve"&amp;gt;
    &amp;lt;value&amp;gt;me&amp;lt;/value&amp;gt;
  &amp;lt;/data&amp;gt;
  &amp;lt;assembly alias="mscorlib" name="mscorlib, Version=4.0.0.0, Culture=neutral, PublicKeyToken=b77a5c561934e089" /&amp;gt;
  &amp;lt;data name="when" type="System.DateTime, mscorlib"&amp;gt;
    &amp;lt;value&amp;gt;07/30/2014 13:23:59&amp;lt;/value&amp;gt;
  &amp;lt;/data&amp;gt;
  &amp;lt;assembly alias="Serve.Shared.Apis.Injection.Test" name="Serve.Shared.Apis.Injection.Test, Version=1.0.0.0, Culture=neutral, PublicKeyToken=null" /&amp;gt;
  &amp;lt;data name="custom" type="Injection.Test.LogPair, Serve.Shared.Apis.Injection.Test"&amp;gt;
    &amp;lt;value&amp;gt;{"Key":"check","Value":"clear"}&amp;lt;/value&amp;gt;
  &amp;lt;/data&amp;gt;
&lt;/code&gt;&lt;/pre&gt;
&lt;p&gt;Again, I can read the above resx succuessfully.  There is only a problem when I use resgen to compile it to a resource file.  I used this command:&lt;/p&gt;
&lt;pre&gt;&lt;code&gt;Resgen /r:Serve.MyAssemblyName.dll SomeResources.resx
&lt;/code&gt;&lt;/pre&gt;
&lt;p&gt;No errors are reported by resgen.&lt;/p&gt;
&lt;p&gt;If I abandon my custom TypeConverter, and allow resgen to use standard binary serialization (and a CDATA seciton, etc., etc.) then everything works fine.&lt;/p&gt;
&lt;p&gt;In short, resgen does not like my custom TypeConverter - even though resource files are designed to work with custom TypeConverters.&lt;/p&gt;
&lt;p&gt;How do I fix this?&lt;/p&gt;</t>
  </si>
  <si>
    <t>2014-07-30 15:00:42.247000+00:00</t>
  </si>
  <si>
    <t>2014-08-09 18:33:59.363000+00:00</t>
  </si>
  <si>
    <t>c#|asp.net|asp.net-mvc|wpf|winforms</t>
  </si>
  <si>
    <t>Sharepoint Wiki hierarchical view of pages</t>
  </si>
  <si>
    <t>&lt;p&gt;As you can see in the official MS powerpoint slides here: &lt;a href="http://www.microsoft.com/germany/msdn/launch2008/library.aspx?id=SP_T16_DI_1800" rel="nofollow noreferrer"&gt;http://www.microsoft.com/germany/msdn/launch2008/library.aspx?id=SP_T16_DI_1800&lt;/a&gt; it is possible to program a hierarchical view of sharepoint wiki pages.&lt;/p&gt;
&lt;p&gt;i searched the web and i only found blogs full of the known weaknesses of SP wiki like: no comments, no pictures, no mark up language, no full text search etc.&lt;/p&gt;
&lt;p&gt;but this is a thing which should be possible somehow, i hope.  &lt;/p&gt;</t>
  </si>
  <si>
    <t>2009-08-25 14:45:24.330000+00:00</t>
  </si>
  <si>
    <t>2015-05-13 20:42:23.570000+00:00</t>
  </si>
  <si>
    <t>sharepoint|wiki|sharepoint-wiki</t>
  </si>
  <si>
    <t>Google app engine- python dev_appserver_main.py</t>
  </si>
  <si>
    <t>&lt;p&gt;I tried to run  a GAE project  and when I was using command : dev_appserver.py, I got this error message(complete one)
:&lt;/p&gt;
&lt;pre&gt;&lt;code&gt;WARNING  2011-07-26 04:25:29,342 urlfetch_stub.py:108] No ssl package found. url
fetch will not be able to validate SSL certificates.
INFO     2011-07-26 04:25:29,515 appengine_rpc.py:159] Server: appengine.google.
com
INFO     2011-07-26 04:25:29,530 appcfg.py:456] Checking for updates to the SDK.
INFO     2011-07-26 04:25:33,875 appcfg.py:473] The SDK is up to date.
WARNING  2011-07-26 04:25:33,890 datastore_file_stub.py:511] Could not read data
store data from d:\360data\������������\���������~1\dev_appserver.datastore
INFO     2011-07-26 04:25:33,890 rdbms_sqlite.py:58] Connecting to SQLite databa
se '' with file 'd:\\360data\\\xd6\xd8\xd2\xaa\xca\xfd\xbe\xdd\\\xd3\xc3\xbb\xa7
\xc1\xd9~1\\dev_appserver.rdbms'
ERROR    2011-07-26 04:25:33,890 dev_appserver_main.py:638] &amp;lt;class 'sqlite3.Oper
ationalError'&amp;gt;: unable to open database file
&lt;/code&gt;&lt;/pre&gt;
&lt;p&gt;I searched for the solution, and I got sample answers like "including Unicode and can't get my user name or use the launcher with admin flag or delete the 'dev_appserver.rdbms' file" , but I'm not clear with that(what exactly to do), how to solve this problem, I can't get the file 'dev_appserver.rdbms', because the path "'d:\360data\\xd6\xd8\xd2\xaa\xca\xfd\xbe\xdd\\xd3\xc3\xbb\xa7\xc1\xd9~1\" does not exist after "d:\360data\", this prob taunts me and I can't go on , hope I can get a clear guidance from you :&gt;&lt;/p&gt;</t>
  </si>
  <si>
    <t>2011-07-26 05:08:13.837000+00:00</t>
  </si>
  <si>
    <t>google-app-engine</t>
  </si>
  <si>
    <t>How do I run a function inside an action in Sprite Kit?</t>
  </si>
  <si>
    <t>&lt;p&gt;I have the following code for a game I am making. In one of the parts, I have &lt;/p&gt;
&lt;pre&gt;&lt;code&gt;let spawn = SKAction.run {
    self.createCars()
}
&lt;/code&gt;&lt;/pre&gt;
&lt;p&gt;but for some reason I keep getting an error saying "Value of type '(NSObject -&gt; () -&gt; GameScene' has no member 'createCars' even though createCars is a function defined lower in my code. Why is this happening and what can I do to fix this?&lt;/p&gt;
&lt;pre&gt;&lt;code&gt;import SpriteKit
import GameplayKit
class GameScene: SKScene, SKPhysicsContactDelegate {
    var lanecounter:CGFloat = 0
    var score:Int = 0
    var player:SKSpriteNode?
    let scoreLabel = SKLabelNode()
    let highScoreLabel = SKLabelNode()
    var direction:Int?
    let noCategory:UInt32 = 0
    let carCategory:UInt32 = 0b1
    let playerCategory:UInt32 = 0b1 &amp;lt;&amp;lt; 1
    let pointCategory:UInt32 = 0b1 &amp;lt;&amp;lt; 2
    var died:Bool?
    var restartBTN = SKSpriteNode()
    let moveLeft:SKAction = SKAction.moveBy(x: -100, y: 0, duration: 0.065)
    let moveRight:SKAction = SKAction.moveBy(x: 100, y: 0, duration: 0.065)
    let moveDown:SKAction = SKAction.moveTo(y: -800, duration: 1.1)
    let spawn = SKAction.run {
        self.createCars()
    }
    let delay = SKAction.wait(forDuration: 4)
    func createCars(){
        let middlePoints = SKSpriteNode()
        var openLane:CGFloat = 0
        middlePoints.size = CGSize(width: 100, height: 10)
        middlePoints.physicsBody = SKPhysicsBody(rectangleOf: middlePoints.size)
        //middlePoints.color = SKColor.purple
        middlePoints.physicsBody?.categoryBitMask = pointCategory
        middlePoints.physicsBody?.collisionBitMask = playerCategory
        middlePoints.physicsBody?.contactTestBitMask = playerCategory
        var randInt:Int = 0
        randInt = Int(arc4random_uniform(3))
        if lanecounter == -2 {
            if randInt == 0 || randInt == 1 {
                openLane = -1
            }
            if randInt == 2 {
                openLane = -2
            }
        }
        if lanecounter == 2 {
            if randInt == 0 || randInt == 1 {
                openLane = 1
            }
            if randInt == 2 {
                openLane = 2
            }
        }
        if lanecounter == -1 || lanecounter == 0 || lanecounter == 1 {
            if randInt == 0 {
                openLane = lanecounter - 1
            }
            if randInt == 1 {
                openLane = lanecounter
            }
            if randInt == 2 {
                openLane = lanecounter + 1
            }
        }
        //print("lanecounter is", lanecounter)
        //print("open lane is", openLane)
        if openLane != -2 {
            spawnCar(xCord: -2)
        }
        if openLane != -1 {
            spawnCar(xCord: -1)
        }
        if openLane != 0 {
            spawnCar(xCord: 0)
        }
        if openLane != 1 {
            spawnCar(xCord: 1)
        }
        if openLane != 2 {
            spawnCar(xCord: 2)
        }
        middlePoints.position = CGPoint(x: (openLane*100), y: self.frame.height)
        self.addChild(middlePoints)
        middlePoints.run(moveDown)
    }
}
&lt;/code&gt;&lt;/pre&gt;</t>
  </si>
  <si>
    <t>2017-03-27 23:14:18.293000+00:00</t>
  </si>
  <si>
    <t>2017-03-28 09:12:19.423000+00:00</t>
  </si>
  <si>
    <t>2017-03-27 23:36:19.280000+00:00</t>
  </si>
  <si>
    <t>How can I apply border to the top of each row in grid display?</t>
  </si>
  <si>
    <t>&lt;p&gt;How can I apply border to the top of each row in grid display?
Something like this, but in one container. I try to search this problem in Google, but did not find something like this.&lt;/p&gt;
&lt;p&gt;&lt;div class="snippet" data-lang="js" data-hide="false" data-console="true" data-babel="false"&gt;_x000D_
&lt;div class="snippet-code"&gt;_x000D_
&lt;pre class="snippet-code-css lang-css prettyprint-override"&gt;&lt;code&gt;.container {_x000D_
  max-width: 700px;_x000D_
}_x000D_
.tab {_x000D_
  border-top: 1px solid #000;_x000D_
  margin-bottom: 10px;_x000D_
  padding-top: 10px;_x000D_
  display: grid;_x000D_
  grid-template-columns: repeat(3, 1fr);_x000D_
        grid-gap: 5px;_x000D_
        _x000D_
}_x000D_
_x000D_
.tab2 {_x000D_
  border-top: 1px solid #000;_x000D_
  padding-top: 10px;_x000D_
  display: grid;_x000D_
         _x000D_
}_x000D_
_x000D_
.item {_x000D_
  width: 150px;_x000D_
  height: 70px;_x000D_
  background-color: green;_x000D_
}&lt;/code&gt;&lt;/pre&gt;_x000D_
&lt;pre class="snippet-code-html lang-html prettyprint-override"&gt;&lt;code&gt;&amp;lt;div class="container"&amp;gt;_x000D_
  &amp;lt;div class="tab"&amp;gt;_x000D_
    &amp;lt;div class="item"&amp;gt;1&amp;lt;/div&amp;gt;_x000D_
    &amp;lt;div class="item"&amp;gt;2&amp;lt;/div&amp;gt;_x000D_
    &amp;lt;div class="item"&amp;gt;3&amp;lt;/div&amp;gt;_x000D_
  &amp;lt;/div&amp;gt;_x000D_
  &amp;lt;div class="tab2"&amp;gt;_x000D_
    &amp;lt;div class="item"&amp;gt;4&amp;lt;/div&amp;gt;_x000D_
  &amp;lt;/div&amp;gt;_x000D_
    &amp;lt;/div&amp;gt;&lt;/code&gt;&lt;/pre&gt;_x000D_
&lt;/div&gt;_x000D_
&lt;/div&gt;_x000D_
&lt;/p&gt;</t>
  </si>
  <si>
    <t>2018-10-16 18:25:31.917000+00:00</t>
  </si>
  <si>
    <t>2018-10-16 18:47:36.267000+00:00</t>
  </si>
  <si>
    <t>One WCF Service Multiple Namespaces?</t>
  </si>
  <si>
    <t>&lt;p&gt;I am working with WCF and I have am looking to develop an API with multiple endpoints and namespaces. I have the multiple endpoints down, it's just about how to 'whitelabel' the namespace to the particular customer. &lt;/p&gt;
&lt;p&gt;For example, if Customer 1 connects I want the XML service definition to look something like this:&lt;/p&gt;
&lt;pre&gt;&lt;code&gt;&amp;lt;p:SomeRequest xmlns:p="http://customer1.co.uk/Info-GetInfo-v1-0" xmlns:padsl="http://customer1.co.uk/GetInfo-Blah-v1.0" xmlns:a="http://customer1.co.uk/foo-InfoGetter-v1-0"&amp;gt;
&lt;/code&gt;&lt;/pre&gt;
&lt;p&gt;If customer 2 connects, I want it to be like this:&lt;/p&gt;
&lt;pre&gt;&lt;code&gt;&amp;lt;p:SomeRequest xmlns:p="http://customer2.co.uk/Info-GetInfo-v1-0" xmlns:padsl="http://customer2.co.uk/GetInfo-Blah-v1.0" xmlns:a="http://customer2.co.uk/foo-InfoGetter-v1-0"&amp;gt;
&lt;/code&gt;&lt;/pre&gt;
&lt;p&gt;I've had a google, but can't work out how to achieve this, any constructive advice is welcome. &lt;/p&gt;
&lt;h1&gt;Code Snippet&lt;/h1&gt;
&lt;pre&gt;&lt;code&gt;[ServiceBehavior(Namespace = "http://mydomain.co.uk")]
public class GetInfoService : IGetInfoService
{
    private void SomeRequest(object request)
    {
        if (request != null)
        {
            // Do Something
        }
    }
}
&lt;/code&gt;&lt;/pre&gt;
&lt;p&gt;Many Thanks,
Dan&lt;/p&gt;</t>
  </si>
  <si>
    <t>2015-07-08 09:37:08.177000+00:00</t>
  </si>
  <si>
    <t>jQuery datepicker onSelect set multiple row values</t>
  </si>
  <si>
    <t>&lt;p&gt;On the select event of the datepicker I need to add and set values in multiple rows. In other words, I have something like this...&lt;/p&gt;
&lt;pre&gt;&lt;code&gt;     Days     Value
&lt;/code&gt;&lt;/pre&gt;
&lt;p&gt;Row 1    7&lt;/p&gt;
&lt;p&gt;Row 2    2&lt;/p&gt;
&lt;p&gt;Row 3    3&lt;/p&gt;
&lt;p&gt;I have the "Days" and "Value" columns as textboxes. When I select a date from the datepicker I need to add the "Days" value for each row to the date selected. That value is what goes into the "Value" column. Example, I select 4/20/2010. The value in each respective row would then be 4/28/2010, 4/22/2010, 4/23/2010.&lt;/p&gt;
&lt;p&gt;Hopefully this makes sense and thank you for the help in advance.&lt;/p&gt;
&lt;p&gt;EDIT -------&lt;/p&gt;
&lt;p&gt;Luis, I've tried implementing your code with what I had and have a question. I selected from my datepicker 4/21/2010. So the first row, in my example above, should be 4/28/2010. I'm not getting that though. It's returning 11/3/2010. Can you or someone help me please with understanding why. Thanks.&lt;/p&gt;
&lt;p&gt;Thank you for the update. It was helpful.&lt;/p&gt;</t>
  </si>
  <si>
    <t>2010-04-21 00:14:25.987000+00:00</t>
  </si>
  <si>
    <t>2010-04-21 04:47:56.137000+00:00</t>
  </si>
  <si>
    <t>jquery|datepicker|onselect</t>
  </si>
  <si>
    <t>Lost connection to iPad with the memory warning</t>
  </si>
  <si>
    <t>&lt;p&gt;We have used &lt;code&gt;SWReavelViewController&lt;/code&gt; for menu, &lt;code&gt;UIContainerView&lt;/code&gt; to load same &lt;code&gt;viewController&lt;/code&gt; with MKMapView at multiple screen, MkMapView even in some tableview cell also, multiple annotation on map.&lt;/p&gt;
&lt;p&gt;When we use app continuously for 4 to 5 minute due to some memory warning it cause crash. &lt;/p&gt;
&lt;p&gt;We can't found any kind of root cause of this crash.&lt;/p&gt;
&lt;p&gt;We did try to find root cause using &lt;code&gt;[![Instruments][1]][1]&lt;/code&gt; but still no luck.&lt;/p&gt;
&lt;p&gt;Following is the instrumentation log image.&lt;/p&gt;
&lt;p&gt;&lt;a href="https://i.stack.imgur.com/Ta9FY.png" rel="nofollow noreferrer"&gt;&lt;img src="https://i.stack.imgur.com/Ta9FY.png" alt="enter image description here"&gt;&lt;/a&gt;&lt;/p&gt;
&lt;p&gt;Please, can anybody have suggest to solve this issue.&lt;/p&gt;
&lt;p&gt;Any suggestion will appreciable. &lt;/p&gt;</t>
  </si>
  <si>
    <t>2016-09-02 11:41:04.247000+00:00</t>
  </si>
  <si>
    <t>2017-05-04 08:53:10.517000+00:00</t>
  </si>
  <si>
    <t>2016-09-02 15:06:19.027000+00:00</t>
  </si>
  <si>
    <t>ios|objective-c|swift</t>
  </si>
  <si>
    <t>How to update multiple mysql rows from a form field</t>
  </si>
  <si>
    <t>&lt;p&gt;Hello i am creating a form where i can update multiple rows in my database&lt;/p&gt;
&lt;p&gt;first of all i have a form with a field name "pol", this should carry multiple values as declared below using "[]"&lt;/p&gt;
&lt;pre&gt;&lt;code&gt; &amp;lt;form action="snooze.php" name="frm" method="post"&amp;gt;
&amp;lt;input type="checkbox" name="pol[]" value="&amp;lt;?php echo $row_cert['Policy_Number']; ?&amp;gt;"&amp;gt;
&amp;lt;/form&amp;gt;
&lt;/code&gt;&lt;/pre&gt;
&lt;p&gt;This multiple values, i have been able to display using a for each loop&lt;/p&gt;
&lt;pre&gt;&lt;code&gt;&amp;lt;?php 
if (isset($_POST['pol'])) 
{
    $hobby = $_POST['pol'];
   foreach ($hobby as $hobys=&amp;gt;$value) {
           echo "".$value."&amp;lt;br /&amp;gt;&amp;lt;br /&amp;gt;";
        }
}
?&amp;gt;
&lt;/code&gt;&lt;/pre&gt;
&lt;p&gt;but now i am trying to use this multiple values passed in the for each loop in a where clause to update multiple rows in my database, but it only passes 1 value instead of multiple values as the above code does when echo.&lt;/p&gt;
&lt;p&gt;this is what i have tried&lt;/p&gt;
&lt;pre&gt;&lt;code&gt;&amp;lt;?php
   if (isset($_POST['pol'])) 
{
$db = new mysqli('localhost', '---', '----', '----');
if ($db-&amp;gt;connect_error) {
    die("Connect Error: " .$db-&amp;gt;connect_error); //TODO: better error handling
}
 $hobby = $_POST['pol'];
 foreach ($hobby as $hobys=&amp;gt;$value) {
$sql = "UPDATE check_niid
           SET niid_status = 'Successful'
         WHERE Policy_Number = '$hobby[$hobys]'";
}
if (!$db-&amp;gt;query($sql)) {
    die("Update failed. Error: " .$db-&amp;gt;error); //TODO: better error handling
}
}
?&amp;gt;
&lt;/code&gt;&lt;/pre&gt;
&lt;p&gt;please what could i be doing wrong here, my aim is to be able to update multiple rows using the where clause&lt;/p&gt;</t>
  </si>
  <si>
    <t>2016-09-02 05:15:56.403000+00:00</t>
  </si>
  <si>
    <t>2016-09-02 05:23:08.383000+00:00</t>
  </si>
  <si>
    <t>2D convolution by breaking up mask</t>
  </si>
  <si>
    <t>&lt;p&gt;Is there a way to perform convolution of two matrices (image and mask) by breaking up the mask into 2 smaller chunks and combining the result of the 2 convolutions to get the original single mask convolution result?&lt;/p&gt;</t>
  </si>
  <si>
    <t>2013-12-04 04:54:09.490000+00:00</t>
  </si>
  <si>
    <t>2013-12-04 05:08:28.527000+00:00</t>
  </si>
  <si>
    <t>c++|convolution</t>
  </si>
  <si>
    <t>menu list based on roles codeigniter</t>
  </si>
  <si>
    <t>&lt;p&gt;how can I display my menu list based on roles in my treeview dynamically? I used to display my role menu like this, but didnt work at home menu, however I've been trying a lot of things differents, but I dont know how I can display it properly&lt;/p&gt;
&lt;pre&gt;&lt;code&gt;&amp;lt;div class="module_item"&amp;gt;
    &amp;lt;?php foreach ($fields as $session) : ?&amp;gt;
        &amp;lt;?php foreach ($session['data'] as $itemData) : ?&amp;gt;
            &amp;lt;div class="module_item" title="&amp;lt;?= $itemData['value'] ?&amp;gt;"&amp;gt;
                &amp;lt;a href="&amp;lt;?= $itemData['url'] ?&amp;gt;"&amp;gt;&amp;lt;img src="&amp;lt;?= $itemData['icon'] ?&amp;gt;"/&amp;gt;&amp;lt;/a&amp;gt;
                &amp;lt;a href="&amp;lt;?= $itemData['url'] ?&amp;gt;"&amp;gt;&amp;lt;?= $itemData['value']?&amp;gt;&amp;lt;/a&amp;gt;
            &amp;lt;/div&amp;gt;
        &amp;lt;?php endforeach ?&amp;gt;
    &amp;lt;?php endforeach ?&amp;gt;
&amp;lt;/div&amp;gt;
&lt;/code&gt;&lt;/pre&gt;
&lt;p&gt;So how can I do it?&lt;/p&gt;
&lt;p&gt;controller&lt;/p&gt;
&lt;pre&gt;&lt;code&gt;public function getModules($id_module){
    if($this-&amp;gt;session-&amp;gt;userdata('log')){
        $data = $this-&amp;gt;session-&amp;gt;userdata('log');
        $menu = array();
        $seccions = $this-&amp;gt;module-&amp;gt;get_rows();
        foreach ($seccions as $index =&amp;gt; $seccion){
           $modules = $this-&amp;gt;module-&amp;gt;query("SELECT CONCAT('".$seccion['id']."',storelte_modulo.id) AS id,CONCAT('".base_url('assets/img/sidebar')."','/',storelte_modulo.icon) as icon, storelte_modulo.modulo AS value,storelte_modulo.seccion_id,CONCAT('".base_url()."',storelte_modulo.url) AS  url FROM storelte_modulo INNER JOIN storelte_modulo_perfil ON  storelte_modulo_perfil.modulo_id = storelte_modulo.id WHERE seccion_id = $seccion[id] AND storelte_modulo_perfil.perfiles_id = $data[id] AND storelte_modulo_perfil.STATUS = 1");
            $seccions[$index]['data']= $modules;
            if (!count($seccions[$index]['data']))
                unset($seccions[$index]);
        }
        foreach ($seccions as $item)
            array_push($menu,$item);
      $this-&amp;gt;data['fields'] = $menu;
      $this-&amp;gt;json($this-&amp;gt;data);
    }
}
&lt;/code&gt;&lt;/pre&gt;
&lt;p&gt;view&lt;/p&gt;
&lt;pre&gt;&lt;code&gt;&amp;lt;section class="sidebar"&amp;gt;
  &amp;lt;!-- sidebar menu: : style can be found in sidebar.less --&amp;gt;
  &amp;lt;ul class="sidebar-menu"&amp;gt;
     &amp;lt;li class="treeview"&amp;gt;
      &amp;lt;a href="#"&amp;gt;
        &amp;lt;img src="&amp;lt;?= base_url().'/assets/img/sidebar/items.png'?&amp;gt;" alt="" class="menu-icon"&amp;gt; &amp;lt;span&amp;gt;Inventory&amp;lt;/span&amp;gt;
        &amp;lt;i class="fa fa-angle-left pull-right"&amp;gt;&amp;lt;/i&amp;gt;
      &amp;lt;/a&amp;gt;
      &amp;lt;ul class="treeview-menu"&amp;gt;
        &amp;lt;li&amp;gt;&amp;lt;a href="&amp;lt;?=base_url('inventory/product');?&amp;gt;"&amp;gt;&amp;lt;i class="fa fa-circle-o text-aqua"&amp;gt;&amp;lt;/i&amp;gt; Product&amp;lt;/a&amp;gt;&amp;lt;/li&amp;gt;
      &amp;lt;/ul&amp;gt;
    &amp;lt;/li&amp;gt;
    &amp;lt;li class="treeview"&amp;gt;
      &amp;lt;a href="#"&amp;gt;
        &amp;lt;img src="&amp;lt;?= base_url().'/assets/img/sidebar/suppliers.png'?&amp;gt;" alt="" class="menu-icon"&amp;gt; &amp;lt;span&amp;gt;Purchase&amp;lt;/span&amp;gt;
        &amp;lt;i class="fa fa-angle-left pull-right"&amp;gt;&amp;lt;/i&amp;gt;
      &amp;lt;/a&amp;gt;
      &amp;lt;ul class="treeview-menu"&amp;gt;
         &amp;lt;li&amp;gt;&amp;lt;a href="&amp;lt;?=base_url('inventory/provider');?&amp;gt;"&amp;gt;&amp;lt;i class="fa fa-circle-o text-aqua"&amp;gt;&amp;lt;/i&amp;gt; Provider&amp;lt;/a&amp;gt;&amp;lt;/li&amp;gt;
      &amp;lt;/ul&amp;gt;
    &amp;lt;/li&amp;gt;
    &amp;lt;li class="treeview"&amp;gt;
      &amp;lt;a href="#"&amp;gt;
        &amp;lt;img src="&amp;lt;?=base_url().'/assets/img/sidebar/sales.png'?&amp;gt;" alt="" class="menu-icon"&amp;gt;
        &amp;lt;span&amp;gt;Sale&amp;lt;/span&amp;gt;
      &amp;lt;/a&amp;gt;
    &amp;lt;/li&amp;gt;
    &amp;lt;li class="treeview"&amp;gt;
      &amp;lt;a href="#"&amp;gt;
         &amp;lt;img src="&amp;lt;?=base_url().'/assets/img/sidebar/barchart.png'?&amp;gt;" alt="" class="menu-icon"&amp;gt; &amp;lt;span&amp;gt;Charts&amp;lt;/span&amp;gt;
        &amp;lt;i class="fa fa-angle-left pull-right"&amp;gt;&amp;lt;/i&amp;gt;
      &amp;lt;/a&amp;gt;
      &amp;lt;ul class="treeview-menu"&amp;gt;
        &amp;lt;li&amp;gt;&amp;lt;a href="#"&amp;gt;&amp;lt;i class="fa fa-circle-o text-red"&amp;gt;&amp;lt;/i&amp;gt; Best selling product&amp;lt;/a&amp;gt;&amp;lt;/li&amp;gt;
      &amp;lt;/ul&amp;gt;
    &amp;lt;/li&amp;gt;
    &amp;lt;li class="treeview"&amp;gt;
      &amp;lt;a href="#"&amp;gt;
        &amp;lt;img src="&amp;lt;?=base_url().'/assets/img/sidebar/employees.png'?&amp;gt;" alt="" class="menu-icon"&amp;gt; &amp;lt;span&amp;gt;User&amp;lt;/span&amp;gt;
        &amp;lt;i class="fa fa-angle-left pull-right"&amp;gt;&amp;lt;/i&amp;gt;
      &amp;lt;/a&amp;gt;
      &amp;lt;ul class="treeview-menu"&amp;gt;
        &amp;lt;li&amp;gt;&amp;lt;a href="pages/examples/invoice.html"&amp;gt;&amp;lt;i class="fa fa-circle-o"&amp;gt;&amp;lt;/i&amp;gt; Invoice&amp;lt;/a&amp;gt;&amp;lt;/li&amp;gt;
        &amp;lt;li&amp;gt;&amp;lt;a href="pages/examples/profile.html"&amp;gt;&amp;lt;i class="fa fa-circle-o"&amp;gt;&amp;lt;/i&amp;gt; Profile&amp;lt;/a&amp;gt;&amp;lt;/li&amp;gt;
        &amp;lt;li&amp;gt;&amp;lt;a href="pages/examples/login.html"&amp;gt;&amp;lt;i class="fa fa-circle-o"&amp;gt;&amp;lt;/i&amp;gt; Login&amp;lt;/a&amp;gt;&amp;lt;/li&amp;gt;
        &amp;lt;li&amp;gt;&amp;lt;a href="pages/examples/register.html"&amp;gt;&amp;lt;i class="fa fa-circle-o"&amp;gt;&amp;lt;/i&amp;gt; Register&amp;lt;/a&amp;gt;&amp;lt;/li&amp;gt;
        &amp;lt;li&amp;gt;&amp;lt;a href="pages/examples/lockscreen.html"&amp;gt;&amp;lt;i class="fa fa-circle-o"&amp;gt;&amp;lt;/i&amp;gt; Lockscreen&amp;lt;/a&amp;gt;&amp;lt;/li&amp;gt;
        &amp;lt;li&amp;gt;&amp;lt;a href="pages/examples/404.html"&amp;gt;&amp;lt;i class="fa fa-circle-o"&amp;gt;&amp;lt;/i&amp;gt; 404 Error&amp;lt;/a&amp;gt;&amp;lt;/li&amp;gt;
        &amp;lt;li&amp;gt;&amp;lt;a href="pages/examples/500.html"&amp;gt;&amp;lt;i class="fa fa-circle-o"&amp;gt;&amp;lt;/i&amp;gt; 500 Error&amp;lt;/a&amp;gt;&amp;lt;/li&amp;gt;
        &amp;lt;li&amp;gt;&amp;lt;a href="pages/examples/blank.html"&amp;gt;&amp;lt;i class="fa fa-circle-o"&amp;gt;&amp;lt;/i&amp;gt; Blank Page&amp;lt;/a&amp;gt;&amp;lt;/li&amp;gt;
      &amp;lt;/ul&amp;gt;
    &amp;lt;/li&amp;gt;
  &amp;lt;/ul&amp;gt;
&amp;lt;/section&amp;gt;
&lt;/code&gt;&lt;/pre&gt;</t>
  </si>
  <si>
    <t>2016-09-23 04:35:34.573000+00:00</t>
  </si>
  <si>
    <t>php|codeigniter-3</t>
  </si>
  <si>
    <t>Changing DOM element order with CSS (Crocodoc)</t>
  </si>
  <si>
    <t>&lt;p&gt;Is it possible to change DOM element order with CSS? I have an iframe where I'd like to change the toolbar from &lt;strong&gt;above&lt;/strong&gt; to &lt;strong&gt;below&lt;/strong&gt; the iframe's main content.&lt;/p&gt;
&lt;p&gt;So from this: &lt;/p&gt;
&lt;pre&gt;&lt;code&gt;&amp;lt;iframe&amp;gt;
&amp;lt;html&amp;gt;
  &amp;lt;body&amp;gt;
    &amp;lt;div id='toolbar'&amp;gt;&amp;lt;/div&amp;gt;
    &amp;lt;div id='main_content'&amp;gt;&amp;lt;/div&amp;gt;
    &amp;lt;div id='other_stuff'&amp;gt;&amp;lt;/div&amp;gt;
  &amp;lt;/body&amp;gt;
&amp;lt;/html&amp;gt;
&amp;lt;/iframe&amp;gt;
&lt;/code&gt;&lt;/pre&gt;
&lt;p&gt;To this:&lt;/p&gt;
&lt;pre&gt;&lt;code&gt;&amp;lt;iframe&amp;gt;
&amp;lt;html&amp;gt;
  &amp;lt;body&amp;gt;
    &amp;lt;div id='main_content'&amp;gt;&amp;lt;/div&amp;gt;
    &amp;lt;div id='toolbar'&amp;gt;&amp;lt;/div&amp;gt;
    &amp;lt;div id='other_stuff'&amp;gt;&amp;lt;/div&amp;gt;
  &amp;lt;/body&amp;gt;
&amp;lt;/html&amp;gt;
&amp;lt;/iframe&amp;gt;
&lt;/code&gt;&lt;/pre&gt;
&lt;p&gt;If this is not possible using CSS, can someone advise on how to do this in Javascript? Manipulating iframe contents always confuse the *^%$ out of me. As a practical application, i'm actually referring to the &lt;a href="https://crocodoc.com/docs/walkthrough/skinning/" rel="nofollow"&gt;iframe that is generated with Crocodoc (https://crocodoc.com/docs/walkthrough/skinning/)&lt;/a&gt; so my intent is to make this question and answer valuable to those using this service too. &lt;/p&gt;</t>
  </si>
  <si>
    <t>2012-12-23 12:57:08.963000+00:00</t>
  </si>
  <si>
    <t>2014-08-23 14:12:44.663000+00:00</t>
  </si>
  <si>
    <t>javascript|css|iframe|cross-domain|crocodoc</t>
  </si>
  <si>
    <t>sqlalchemy automatically extend query or update or insert upon table definition</t>
  </si>
  <si>
    <t>&lt;p&gt;in my app I have a mixin that defines 2 fields like start_date and end_date. I've added this mixin to all table declarations which require these fields. &lt;/p&gt;
&lt;p&gt;I've also defined a function that returns filters (conditions) to test a timestamp (e.g. now) to be &gt;= start_date and &amp;lt; end_date. Currently I'm manually adding these filters whenever I need to query a table with these fields.&lt;/p&gt;
&lt;p&gt;However sometimes me or my colleagues forget to add the filters, and I wonder whether it is possible to automatically extend any query on such a table. Like e.g. an additional function in the mixin that is invoked by SQLalchemy whenever it "compiles" the statement. I'm using 'compile' only as an example here, actually I don't know when or how to best do that.&lt;/p&gt;
&lt;p&gt;Any idea how to achieve this?&lt;/p&gt;
&lt;p&gt;In case it works for SELECT, does it also work for INSERT and UPDATE?&lt;/p&gt;
&lt;p&gt;thanks a lot for your help&lt;/p&gt;
&lt;p&gt;Juergen&lt;/p&gt;</t>
  </si>
  <si>
    <t>2017-05-26 18:06:17.477000+00:00</t>
  </si>
  <si>
    <t>2017-06-06 16:53:05.520000+00:00</t>
  </si>
  <si>
    <t>How to make each thread aware of a variable value in openmp</t>
  </si>
  <si>
    <t>&lt;p&gt;The dummy code below is from a Fortran app I am running.&lt;/p&gt;
&lt;p&gt;My problem is that when &lt;code&gt;subroutine_a&lt;/code&gt; is called, &lt;code&gt;j&lt;/code&gt; has not taken the right value.&lt;/p&gt;
&lt;pre&gt;&lt;code&gt;!$omp parallel do
do i = 1, limit
    j = i+k
    call subroutine_a(j)
end do
!$omp end parallel do
&lt;/code&gt;&lt;/pre&gt;
&lt;p&gt;If it's running in 4 threads for example, each thread must have &lt;code&gt;j=1&lt;/code&gt;, &lt;code&gt;j=2&lt;/code&gt;, &lt;code&gt;j=3&lt;/code&gt;, &lt;code&gt;j=4&lt;/code&gt;. Right now &lt;code&gt;j&lt;/code&gt; might be &lt;code&gt;1&lt;/code&gt; in all 4 threads.&lt;/p&gt;</t>
  </si>
  <si>
    <t>2015-07-15 10:14:45.157000+00:00</t>
  </si>
  <si>
    <t>2015-07-18 17:59:18.163000+00:00</t>
  </si>
  <si>
    <t>2015-07-15 15:23:56.833000+00:00</t>
  </si>
  <si>
    <t>fortran|openmp</t>
  </si>
  <si>
    <t>How to get nearest neighbor of object point that have point_id using tree of Spatial.kdTree</t>
  </si>
  <si>
    <t>&lt;p&gt;Help me. I'm stuck. I have a &lt;code&gt;class&lt;/code&gt; of &lt;code&gt;point&lt;/code&gt;. The attributes of that class are &lt;code&gt;lat&lt;/code&gt;, &lt;code&gt;Long&lt;/code&gt;, &lt;code&gt;point_id&lt;/code&gt;, &lt;code&gt;name&lt;/code&gt;. There some points that has same &lt;code&gt;Lat&lt;/code&gt;, and &lt;code&gt;Long&lt;/code&gt;. So, i need &lt;code&gt;point_id&lt;/code&gt; as points identity. Actually, I want to get nearest neighbor of my point using tree of &lt;code&gt;kdTree&lt;/code&gt;. I have no problem when I construct &lt;code&gt;kdTree&lt;/code&gt;, but when I want to know my point nearest neighbor, the result is list &lt;code&gt;(Lat,Long)&lt;/code&gt; of nearest neighbor whereas I want &lt;code&gt;point_id&lt;/code&gt; as my result because there are some points have same &lt;code&gt;Lat&lt;/code&gt;, and &lt;code&gt;Long&lt;/code&gt;. &lt;/p&gt;
&lt;p&gt;This is my code: &lt;/p&gt;
&lt;pre&gt;&lt;code&gt;import numpy as np
from scipy import spatial
import psycopg2
import math
import psycopg2.extensions   
class Point:
def __init__(self, id_point, name, Lat, Long):
    self.id_point=id_point
    self.name=name
    self.Lat=Lat
    self.Long=Long
def Struktur_KdTree(points):
    tree= spatial.KDTree(points)
    return tree
def getNearestPoint(tree,point,radius):
    return tree.query_ball_point(point,radius)
try:
   conn = psycopg2.connect("dbname='Chicago_crime' user='postgres' host='localhost' password='1234'")
except :
    print "I'm unable to connect to the database"
cur = conn.cursor()
cur.execute("""SELECT id_objek, primary_descript, lat, long from data_crime""")
data = []
Lat = []
Long = []
for id_jenis, jenis, lat, long in cur.fetchall():
     data.append(Point(id_point,name,Lat,Long))
     Lat.append(lat)
     Long.append(long)
dataPoints = zip (Lat,Long)
tree = Struktur_KdTree(dataPoints)
result=[]
radius=2
for point in dataPoint:
   result.append(getNearestPoint(tree,point,radius))
&lt;/code&gt;&lt;/pre&gt;
&lt;p&gt;Please give me any suggestion? &lt;/p&gt;</t>
  </si>
  <si>
    <t>2016-01-13 02:15:15.913000+00:00</t>
  </si>
  <si>
    <t>2016-01-13 13:09:59.663000+00:00</t>
  </si>
  <si>
    <t>2016-01-13 02:38:14.257000+00:00</t>
  </si>
  <si>
    <t>python|python-2.7|kdtree|spatial-index</t>
  </si>
  <si>
    <t>FileNotFoundException: /storage/emulated/0/Android</t>
  </si>
  <si>
    <t>&lt;p&gt;I try this file writer/reader code segment for test:&lt;/p&gt;
&lt;pre&gt;&lt;code&gt;File file = new File(Environment.getExternalStorageDirectory(), "LM/lm_lisdat_01.txt");
FileOutputStream outputStream = new FileOutputStream(file);
outputStream.write(("test").getBytes());
outputStream.close();
File file = new File(getExternalFilesDir(null), "LM/lm_lisdat_01.txt");
BufferedReader bufferedReader = new BufferedReader(new InputStreamReader(new FileInputStream(file)));
&lt;/code&gt;&lt;/pre&gt;
&lt;p&gt;In the 4. row i got this error message below but the "lm_lisdat_01.txt" file was created in LM directory:&lt;/p&gt;
&lt;blockquote&gt;
  &lt;p&gt;java.io.FileNotFoundException: /storage/emulated/0/Android/data/hu.abisoft.lm/files/LM/lm_lisdat_01.txt: open failed: ENOENT (No such file or directory)&lt;/p&gt;
&lt;/blockquote&gt;
&lt;p&gt;Can help anyone for answer this (i think simple) question? I'm newby in Android. Thank you!&lt;/p&gt;</t>
  </si>
  <si>
    <t>2015-06-26 00:55:56.357000+00:00</t>
  </si>
  <si>
    <t>2015-06-26 05:16:03.077000+00:00</t>
  </si>
  <si>
    <t>android|file|ioerror</t>
  </si>
  <si>
    <t>Writing to NetworkStream to authenticate with Varnish fails</t>
  </si>
  <si>
    <t>&lt;p&gt;I am attempting to read and write from a simple Telnet server (Varnish) that needs authentication. This is done via a challenge phrase, to which I must supply the correct response.&lt;/p&gt;
&lt;p&gt;I have a simple C# test that does something like this to get the challenge phrase (the server sends a bunch of lines, one of which contains the challenge):&lt;/p&gt;
&lt;pre&gt;&lt;code&gt;System.Net.Sockets.TcpClient clientSocket = new System.Net.Sockets.TcpClient();
clientSocket.Connect("1.2.3.4", 81);
byte[] inStream = new byte[65536];
NetworkStream serverStream = clientSocket.GetStream();
serverStream.Read(inStream, 0, (int)clientSocket.ReceiveBufferSize);
string returndata = System.Text.Encoding.ASCII.GetString(inStream);
var lines = returndata.Split('\n');
var challenge = lines[1];
&lt;/code&gt;&lt;/pre&gt;
&lt;p&gt;I now have the challenge in &lt;code&gt;challenge&lt;/code&gt;.&lt;/p&gt;
&lt;p&gt;To generate the correct response, I have to build some text and SHA256 it:&lt;/p&gt;
&lt;pre&gt;&lt;code&gt;var secret = "secretpassword";
var response = string.Format("{0}\n{1}\n{0}\n", challenge, secret);
char[] chars = response.ToCharArray();
var bytes = Encoding.ASCII.GetBytes(response)
var sha = SHA256Managed.Create();
var crypto = sha.ComputeHash(bytes);
var hash = string.Empty;
foreach (byte bit in crypto)
{
    hash += bit.ToString("x2");
}
&lt;/code&gt;&lt;/pre&gt;
&lt;p&gt;The end of all this is a SHA256 string.&lt;/p&gt;
&lt;p&gt;The server expects me to send the phrase "auth " followed by the string, so I send this:&lt;/p&gt;
&lt;pre&gt;&lt;code&gt;var auth = string.Format("auth {0}\n", hash);
byte[] outStream = System.Text.Encoding.ASCII.GetBytes(auth);
serverStream.Write(outStream, 0, outStream.Length);
serverStream.Flush();
returndata = System.Text.Encoding.ASCII.GetString(inStream);
&lt;/code&gt;&lt;/pre&gt;
&lt;p&gt;If I debug this by trying to connect via Telnet myself and then injecting the challenge phrase into my code, I can copy'n'paste the auth value into my telnet client and it works fine. It just doesn't work from my code, so I suspect the final "write to server" section is at fault.&lt;/p&gt;
&lt;p&gt;Here's a sample of a working copy-and-paste using Putty. You can see on line 2 the challenge, and on line 5 where I send the response.
&lt;img src="https://i.stack.imgur.com/pj9ee.png" alt="enter image description here"&gt;&lt;/p&gt;
&lt;p&gt;&lt;a href="https://www.varnish-cache.org/trac/wiki/CLI#Authentication:Thegorydetails" rel="nofollow noreferrer"&gt;CLI Authentication: The Gory Details&lt;/a&gt;&lt;/p&gt;</t>
  </si>
  <si>
    <t>2015-06-15 13:10:15.043000+00:00</t>
  </si>
  <si>
    <t>2015-06-15 14:03:13.133000+00:00</t>
  </si>
  <si>
    <t>2015-06-15 13:17:49.920000+00:00</t>
  </si>
  <si>
    <t>c#|telnet|varnish|networkstream</t>
  </si>
  <si>
    <t>Jquery selector length restriction?</t>
  </si>
  <si>
    <t>&lt;p&gt;I am using ASP.Net MVC which has created an id for a textbox for an object which is deep within my object tree as follows: &lt;/p&gt;
&lt;pre&gt;&lt;code&gt;&amp;lt;input id="evt_SessionLinks[0]_Sessions[0]_TimeTables[0]_TimeWindows[0]_Finish" name="evt.SessionLinks[0].Sessions[0].TimeTables[0].TimeWindows[0].Finish" type="text" value="" class="clockPick"/&amp;gt;
&lt;/code&gt;&lt;/pre&gt;
&lt;p&gt;I am trying to select this field with the following Jquery selector: &lt;/p&gt;
&lt;pre&gt;&lt;code&gt;var e = $("#evt_SessionLinks[0]_Sessions[0]_TimeTables[0]_TimeWindows[0]_Finish");
&lt;/code&gt;&lt;/pre&gt;
&lt;p&gt;If I run my code, place a breakpoint and inspect &lt;code&gt;e&lt;/code&gt; the variable is show to have &lt;code&gt;length&lt;/code&gt; of 0.&lt;/p&gt;
&lt;p&gt;If I change the id and selector to be &lt;code&gt;id='Finish'&lt;/code&gt;/&lt;code&gt;'#Finish'&lt;/code&gt;. Then &lt;code&gt;length&lt;/code&gt; = 1.&lt;/p&gt;
&lt;p&gt;I think I am attempting to select the element correctly? Is there some sort of restriction on the length of id that the  selector can find? &lt;/p&gt;</t>
  </si>
  <si>
    <t>2009-07-20 16:22:29.793000+00:00</t>
  </si>
  <si>
    <t>2009-07-20 16:33:52.890000+00:00</t>
  </si>
  <si>
    <t>Couldn't load FFI package in pharo 3.0 MacOS</t>
  </si>
  <si>
    <t>&lt;p&gt;I am using monticello's location as "&lt;a href="http://source.squeak.org/FFI" rel="nofollow"&gt;http://source.squeak.org/FFI&lt;/a&gt;" and then trying to load FFI package for MacOS. I could load FFI-Pools,FFI-Kernel. But was unable to load FFI-MacOS, It throws error on "getenv" method. Synatx error:'&gt;'expected. I think I am doing something wrong. Could someone direct me to appropriate link?&lt;/p&gt;
&lt;p&gt;Thanks&lt;/p&gt;</t>
  </si>
  <si>
    <t>2014-07-08 03:04:52.047000+00:00</t>
  </si>
  <si>
    <t>2014-12-03 16:51:36.640000+00:00</t>
  </si>
  <si>
    <t>smalltalk|pharo|squeak</t>
  </si>
  <si>
    <t>AndroidViewClient: content is not allowed in trailing section</t>
  </si>
  <si>
    <t>&lt;p&gt;I installed AndroidViewClient via Git on my Windows Vista machine at home and I setup the path variables and ran the check-imports.py script to make sure everything was ok.  Next, I tried to run the settings.py script from the /examples folder and got the following error:&lt;/p&gt;
&lt;pre&gt;&lt;code&gt;C:\Users\Allen&amp;gt;monkeyrunner C:\Users\Allen\AndroidViewClient\AndroidViewClient\e
xamples\settings.py
130615 22:24:56.666:S [MainThread] [com.android.monkeyrunner.MonkeyRunnerOptions
] Script terminated due to an exception
130615 22:24:56.666:S [MainThread] [com.android.monkeyrunner.MonkeyRunnerOptions
]Traceback (most recent call last):
  File "C:\Users\Allen\AndroidViewClient\AndroidViewClient\examples\settings.py"
, line 49, in &amp;lt;module&amp;gt;
    vc = ViewClient(device, serialno)
  File "C:\Users\Allen\AndroidViewClient\AndroidViewClient\src\com\dtmilano\andr
oid\viewclient.py", line 1188, in __init__
    self.dump()
  File "C:\Users\Allen\AndroidViewClient\AndroidViewClient\src\com\dtmilano\andr
oid\viewclient.py", line 1766, in dump
    self.setViewsFromUiAutomatorDump(received)
  File "C:\Users\Allen\AndroidViewClient\AndroidViewClient\src\com\dtmilano\andr
oid\viewclient.py", line 1530, in setViewsFromUiAutomatorDump
    self.__parseTreeFromUiAutomatorDump(received)
  File "C:\Users\Allen\AndroidViewClient\AndroidViewClient\src\com\dtmilano\andr
oid\viewclient.py", line 1688, in _ViewClient__parseTreeFromUiAutomatorDump
    self.root = parser.Parse(receivedXml)
  File "C:\Users\Allen\AndroidViewClient\AndroidViewClient\src\com\dtmilano\andr
oid\viewclient.py", line 988, in Parse
    parserStatus = parser.Parse(uiautomatorxml, 1)
  File "C:\Users\Allen\android-sdks\tools\lib\jython-standalone-2.5.3.jar\Lib\xm
l\parsers\expat.py", line 212, in Parse
xml.parsers.expat.ExpatError: Content is not allowed in trailing section.
&lt;/code&gt;&lt;/pre&gt;
&lt;p&gt;I can't seem to figure out what the error is.  I tried deleting the AndroidViewClient folder and re-downloading everything, but I still get the same error.  Any ideas what the issue could be?&lt;/p&gt;
&lt;p&gt;EDIT: this is the output after turning the DEBUG and DEBUG_RECEIVED FLAGS on in viewclient.py&lt;/p&gt;
&lt;pre&gt;&lt;code&gt;checkable="false" checked="false" clickable="true" enabled="true" focusable="false" focused="false" scrollable="false" long-clickable="true" password="false" selected="false" bounds="[1022,712][2258,840]"&amp;gt;&amp;lt;node index="0" text="" class="android.widget.LinearLayout" package="com.android.settings" content-desc="" checkable="false" checked="false" clickable="false" enabled="true" focusable="false" focused="false" scrollable="false" long-clickable="false" password="false" selected="false" bounds="[1038,712][1150,840]" /&amp;gt;&amp;lt;node index="1" text="" class="android.widget.RelativeLayout" package="com.android.settings" content-desc="" checkable="false" checked="false" clickable="false" enabled="true" focusable="false" focused="false" scrollable="false" long-clickable="false" password="false" selected="false" bounds="[1150,720][2110,831]"&amp;gt;&amp;lt;node index="0" text="asgqa2" class="android.widget.TextView" package="com.android.settings" content-desc="" checkable="false" checked="false" clickable="false" enabled="true" focusable="false" focused="false" scrollable="false" long-clickable="false" password="false" selected="false" bounds="[1150,732][1269,781]" /&amp;gt;&amp;lt;node index="1" text="Secured with WPA" class="android.widget.TextView" package="com.android.settings" content-desc="" checkable="false" checked="false" clickable="false" enabled="true" focusable="false" focused="false" scrollable="false" long-clickable="false" password="false" selected="false" bounds="[1150,781][1379,819]" /&amp;gt;&amp;lt;/node&amp;gt;&amp;lt;node index="2" text="" class="android.widget.LinearLayout" package="com.android.settings" content-desc="" checkable="false" checked="false" clickable="false" enabled="true" focusable="false" focused="false" scrollable="false" long-clickable="false" password="false" selected="false" bounds="[2110,712][2238,840]"&amp;gt;&amp;lt;node index="0" text="" class="android.widget.ImageView" package="com.android.settings" content-desc="" checkable="false" checked="false" clickable="false" enabled="true" focusable="false" focused="false" scrollable="false" long-clickable="false" password="false" selected="false" bounds="[2142,744][2206,808]" /&amp;gt;&amp;lt;/node&amp;gt;&amp;lt;/node&amp;gt;&amp;lt;node index="4" text="" class="android.widget.LinearLayout" package="com.android.settings" content-desc="" checkable="false" checked="false" clickable="true" enabled="true" focusable="false" focused="false" scrollable="false" long-clickable="true" password="false" selected="false" bounds="[1022,842][2258,970]"&amp;gt;&amp;lt;node index="0" text="" class="android.widget.LinearLayout" package="com.android.settings" content-desc="" checkable="false" checked="false" clickable="false" enabled="true" focusable="false" focused="false" scrollable="false" long-clickable="false" password="false" selected="false" bounds="[1038,842][1150,970]" /&amp;gt;&amp;lt;node index="1" text="" class="android.widget.RelativeLayout" package="com.android.settings" content-desc="" checkable="false" checked="false" clickable="false" enabled="true" focusable="false" focused="false" scrollable="false" long-clickable="false" password="false" selected="false" bounds="[1150,850][2110,961]"&amp;gt;&amp;lt;node index="0" text="CEAudit" class="android.widget.TextView" package="com.android.settings" content-desc="" checkable="false" checked="false" clickable="false" enabled="true" focusable="false" focused="false" scrollable="false" long-clickable="false" password="false" selected="false" bounds="[1150,862][1276,911]" /&amp;gt;&amp;lt;node index="1" text="Secured with WPA2 (WPS available)" class="android.widget.TextView" package="com.android.settings" content-desc="" checkable="false" checked="false" clickable="false" enabled="true" focusable="false" focused="false" scrollable="false" long-clickable="false" password="false" selected="false" bounds="[1150,911][1598,949]" /&amp;gt;&amp;lt;/node&amp;gt;&amp;lt;node index="2" text="" class="android.widget.LinearLayout" package="com.android.settings" content-desc="" checkable="false" checked="false" clickable="false" enabled="true" focusable="false" focused="false" scrollable="false" long-clickable="false" password="false" selected="false" bounds="[2110,842][2238,970]"&amp;gt;&amp;lt;node index="0" text="" class="android.widget.ImageView" package="com.android.settings" content-desc="" checkable="false" checked="false" clickable="false" enabled="true" focusable="false" focused="false" scrollable="false" long-clickable="false" password="false" selected="false" bounds="[2142,874][2206,938]" /&amp;gt;&amp;lt;/node&amp;gt;&amp;lt;/node&amp;gt;&amp;lt;node index="5" text="" class="android.widget.LinearLayout" package="com.android.settings" content-desc="" checkable="false" checked="false" clickable="true" enabled="true" focusable="false" focused="false" scrollable="false" long-clickable="true" password="false" selected="false" bounds="[1022,972][2258,1100]"&amp;gt;&amp;lt;node index="0" text="" class="android.widget.LinearLayout" package="com.android.settings" content-desc="" checkable="false" checked="false" clickable="false" enabled="true" focusable="false" focused="false" scrollable="false" long-clickable="false" password="false" selected="false" bounds="[1038,972][1150,1100]" /&amp;gt;&amp;lt;node index="1" text="" class="android.widget.RelativeLayout" package="com.android.settings" content-desc="" checkable="false" checked="false" clickable="false" enabled="true" focusable="false" focused="false" scrollable="false" long-clickable="false" password="false" selected="false" bounds="[1150,980][2110,1091]"&amp;gt;&amp;lt;node index="0" text="asgqa3" class="android.widget.TextView" package="com.android.settings" content-desc="" checkable="false" checked="false" clickable="false" enabled="true" focusable="false" focused="false" scrollable="false" long-clickable="false" password="false" selected="false" bounds="[1150,992][1269,1041]" /&amp;gt;&amp;lt;node index="1" text="Secured with WPA" class="android.widget.TextView" package="com.android.settings" content-desc="" checkable="false" checked="false" clickable="false" enabled="true" focusable="false" focused="false" scrollable="false" long-clickable="false" password="false" selected="false" bounds="[1150,1041][1379,1079]" /&amp;gt;&amp;lt;/node&amp;gt;&amp;lt;node index="2" text="" class="android.widget.LinearLayout" package="com.android.settings" content-desc="" checkable="false" checked="false" clickable="false" enabled="true" focusable="false" focused="false" scrollable="false" long-clickable="false" password="false" selected="false" bounds="[2110,972][2238,1100]"&amp;gt;&amp;lt;node index="0" text="" class="android.widget.ImageView" package="com.android.settings" content-desc="" checkable="false" checked="false" clickable="false" enabled="true" focusable="false" focused="false" scrollable="false" long-clickable="false" password="false" selected="false" bounds="[2142,1004][2206,1068]" /&amp;gt;&amp;lt;/node&amp;gt;&amp;lt;/node&amp;gt;&amp;lt;node index="6" text="" class="android.widget.LinearLayout" package="com.android.settings" content-desc="" checkable="false" checked="false" clickable="true" enabled="true" focusable="false" focused="false" scrollable="false" long-clickable="true" password="false" selected="false" bounds="[1022,1102][2258,1230]"&amp;gt;&amp;lt;node index="0" text="" class="android.widget.LinearLayout" package="com.android.settings" content-desc="" checkable="false" checked="false" clickable="false" enabled="true" focusable="false" focused="false" scrollable="false" long-clickable="false" password="false" selected="false" bounds="[1038,1102][1150,1230]" /&amp;gt;&amp;lt;node index="1" text="" class="android.widget.RelativeLayout" package="com.android.settings" content-desc="" checkable="false" checked="false" clickable="false" enabled="true" focusable="false" focused="false" scrollable="false" long-clickable="false" password="false" selected="false" bounds="[1150,1110][2110,1221]"&amp;gt;&amp;lt;node index="0" text="asgqa" class="android.widget.TextView" package="com.android.settings" content-desc="" checkable="false" checked="false" clickable="false" enabled="true" focusable="false" focused="false" scrollable="false" long-clickable="false" password="false" selected="false" bounds="[1150,1122][1249,1171]" /&amp;gt;&amp;lt;node index="1" text="Secured with WPA" class="android.widget.TextView" package="com.android.settings" content-desc="" checkable="false" checked="false" clickable="false" enabled="true" focusable="false" focused="false" scrollable="false" long-clickable="false" password="false" selected="false" bounds="[1150,1171][1379,1209]" /&amp;gt;&amp;lt;/node&amp;gt;&amp;lt;node index="2" text="" class="android.widget.LinearLayout" package="com.android.settings" content-desc="" checkable="false" checked="false" clickable="false" enabled="true" focusable="false" focused="false" scrollable="false" long-clickable="false" password="false" selected="false" bounds="[2110,1102][2238,1230]"&amp;gt;&amp;lt;node index="0" text="" class="android.widget.ImageView" package="com.android.settings" content-desc="" checkable="false" checked="false" clickable="false" enabled="true" focusable="false" focused="false" scrollable="false" long-clickable="false" password="false" selected="false" bounds="[2142,1134][2206,1198]" /&amp;gt;&amp;lt;/node&amp;gt;&amp;lt;/node&amp;gt;&amp;lt;node index="7" text="" class="android.widget.LinearLayout" package="com.android.settings" content-desc="" checkable="false" checked="false" clickable="true" enabled="true" focusable="false" focused="false" scrollable="false" long-clickable="true" password="false" selected="false" bounds="[1022,1232][2258,1360]"&amp;gt;&amp;lt;node index="0" text="" class="android.widget.LinearLayout" package="com.android.settings" content-desc="" checkable="false" checked="false" clickable="false" enabled="true" focusable="false" focused="false" scrollable="false" long-clickable="false" password="false" selected="false" bounds="[1038,1232][1150,1360]" /&amp;gt;&amp;lt;node index="1" text="" class="android.widget.RelativeLayout" package="com.android.settings" content-desc="" checkable="false" checked="false" clickable="false" enabled="true" focusable="false" focused="false" scrollable="false" long-clickable="false" password="false" selected="false" bounds="[1150,1240][2110,1351]"&amp;gt;&amp;lt;node index="0" text="hs-dlink" class="android.widget.TextView" package="com.android.settings" content-desc="" checkable="false" checked="false" clickable="false" enabled="true" focusable="false" focused="false" scrollable="false" long-clickable="false" password="false" selected="false" bounds="[1150,1252][1281,1301]" /&amp;gt;&amp;lt;node index="1" text="Secured with WPA/WPA2 (WPS available)" class="android.widget.TextView" package="com.android.settings" content-desc="" checkable="false" checked="false" clickable="false" enabled="true" focusable="false" focused="false" scrollable="false" long-clickable="false" password="false" selected="false" bounds="[1150,1301][1669,1339]" /&amp;gt;&amp;lt;/node&amp;gt;&amp;lt;node index="2" text="" class="android.widget.LinearLayout" package="com.android.settings" content-desc="" checkable="false" checked="false" clickable="false" enabled="true" focusable="false" focused="false" scrollable="false" long-clickable="false" password="false" selected="false" bounds="[2110,1232][2238,1360]"&amp;gt;&amp;lt;node index="0" text="" class="android.widget.ImageView" package="com.android.settings" content-desc="" checkable="false" checked="false" clickable="false" enabled="true" focusable="false" focused="false" scrollable="false" long-clickable="false" password="false" selected="false" bounds="[2142,1264][2206,1328]" /&amp;gt;&amp;lt;/node&amp;gt;&amp;lt;/node&amp;gt;&amp;lt;node index="8" text="" class="android.widget.LinearLayout" package="com.android.settings" content-desc="" checkable="false" checked="false" clickable="true" enabled="true" focusable="false" focused="false" scrollable="false" long-clickable="true" password="false" selected="false" bounds="[1022,1362][2258,1490]"&amp;gt;&amp;lt;node index="0" text="" class="android.widget.LinearLayout" package="com.android.settings" content-desc="" checkable="false" checked="false" clickable="false" enabled="true" focusable="false" focused="false" scrollable="false" long-clickable="false" password="false" selected="false" bounds="[1038,1362][1150,1490]" /&amp;gt;&amp;lt;node index="1" text="" class="android.widget.RelativeLayout" package="com.android.settings" content-desc="" checkable="false" checked="false" clickable="false" enabled="true" focusable="false" focused="false" scrollable="false" long-clickable="false" password="false" selected="false" bounds="[1150,1370][2110,1481]"&amp;gt;&amp;lt;node index="0" text="ASUS" class="android.widget.TextView" package="com.android.settings" content-desc="" checkable="false" checked="false" clickable="false" enabled="true" focusable="false" focused="false" scrollable="false" long-clickable="false" password="false" selected="false" bounds="[1150,1382][1241,1431]" /&amp;gt;&amp;lt;node index="1" text="Secured with WPA2 (WPS available)" class="android.widget.TextView" package="com.android.settings" content-desc="" checkable="false" checked="false" clickable="false" enabled="true" focusable="false" focused="false" scrollable="false" long-clickable="false" password="false" selected="false" bounds="[1150,1431][1598,1469]" /&amp;gt;&amp;lt;/node&amp;gt;&amp;lt;node index="2" text="" class="android.widget.LinearLayout" package="com.android.settings" content-desc="" checkable="false" checked="false" clickable="false" enabled="true" focusable="false" focused="false" scrollable="false" long-clickable="false" password="false" selected="false" bounds="[2110,1362][2238,1490]"&amp;gt;&amp;lt;node index="0" text="" class="android.widget.ImageView" package="com.android.settings" content-desc="" checkable="false" checked="false" clickable="false" enabled="true" focusable="false" focused="false" scrollable="false" long-clickable="false" password="false" selected="false" bounds="[2142,1394][2206,1458]" /&amp;gt;&amp;lt;/node&amp;gt;&amp;lt;/node&amp;gt;&amp;lt;/node&amp;gt;&amp;lt;/node&amp;gt;&amp;lt;/node&amp;gt;&amp;lt;/node&amp;gt;&amp;lt;/node&amp;gt;&amp;lt;/node&amp;gt;&amp;lt;/node&amp;gt;&amp;lt;/node&amp;gt;&amp;lt;/node&amp;gt;&amp;lt;/hierarchy&amp;gt;Killed 
130617 10:20:00.138:S [MainThread] [com.android.monkeyrunner.MonkeyRunnerOptions] Script terminated due to an exception
130617 10:20:00.138:S [MainThread] [com.android.monkeyrunner.MonkeyRunnerOptions]Traceback (most recent call last):
  File "/home/allen/projects/AndroidViewClient/AndroidViewClient/examples/settings.py", line 49, in &amp;lt;module&amp;gt;
    vc = ViewClient(device, serialno)
  File "/home/allen/projects/AndroidViewClient/AndroidViewClient/src/com/dtmilano/android/viewclient.py", line 1153, in __init__
    self.dump()
  File "/home/allen/projects/AndroidViewClient/AndroidViewClient/src/com/dtmilano/android/viewclient.py", line 1731, in dump
    self.setViewsFromUiAutomatorDump(received)
  File "/home/allen/projects/AndroidViewClient/AndroidViewClient/src/com/dtmilano/android/viewclient.py", line 1495, in setViewsFromUiAutomatorDump
    self.__parseTreeFromUiAutomatorDump(received)
  File "/home/allen/projects/AndroidViewClient/AndroidViewClient/src/com/dtmilano/android/viewclient.py", line 1653, in _ViewClient__parseTreeFromUiAutomatorDump
    self.root = parser.Parse(receivedXml)
  File "/home/allen/projects/AndroidViewClient/AndroidViewClient/src/com/dtmilano/android/viewclient.py", line 953, in Parse
    parserStatus = parser.Parse(uiautomatorxml, 1)
  File "/home/allen/android/android-sdks/tools/lib/jython-standalone-2.5.3.jar/Lib/xml/parsers/expat.py", line 212, in Parse
xml.parsers.expat.ExpatError: Content is not allowed in trailing section.
130617 10:20:00.138:S [MainThread] [com.android.monkeyrunner.MonkeyRunnerOptions]   at org.python.core.PyException.fillInStackTrace(PyException.java:70)
130617 10:20:00.138:S [MainThread] [com.android.monkeyrunner.MonkeyRunnerOptions]   at java.lang.Throwable.&amp;lt;init&amp;gt;(Throwable.java:181)
130617 10:20:00.138:S [MainThread] [com.android.monkeyrunner.MonkeyRunnerOptions]   at java.lang.Exception.&amp;lt;init&amp;gt;(Exception.java:29)
130617 10:20:00.138:S [MainThread] [com.android.monkeyrunner.MonkeyRunnerOptions]   at java.lang.RuntimeException.&amp;lt;init&amp;gt;(RuntimeException.java:32)
130617 10:20:00.138:S [MainThread] [com.android.monkeyrunner.MonkeyRunnerOptions]   at org.python.core.PyException.&amp;lt;init&amp;gt;(PyException.java:46)
130617 10:20:00.138:S [MainThread] [com.android.monkeyrunner.MonkeyRunnerOptions]   at org.python.core.PyException.doRaise(PyException.java:219)
130617 10:20:00.138:S [MainThread] [com.android.monkeyrunner.MonkeyRunnerOptions]   at org.python.core.Py.makeException(Py.java:1239)
130617 10:20:00.138:S [MainThread] [com.android.monkeyrunner.MonkeyRunnerOptions]   at org.python.core.Py.makeException(Py.java:1243)
130617 10:20:00.138:S [MainThread] [com.android.monkeyrunner.MonkeyRunnerOptions]   at org.python.core.Py.makeException(Py.java:1247)
130617 10:20:00.138:S [MainThread] [com.android.monkeyrunner.MonkeyRunnerOptions]   at xml.parsers.expat$py.Parse$14(/home/allen/android/android-sdks/tools/lib/jython-standalone-2.5.3.jar/Lib/xml/parsers/expat.py:213)
130617 10:20:00.138:S [MainThread] [com.android.monkeyrunner.MonkeyRunnerOptions]   at xml.parsers.expat$py.call_function(/home/allen/android/android-sdks/tools/lib/jython-standalone-2.5.3.jar/Lib/xml/parsers/expat.py)
130617 10:20:00.138:S [MainThread] [com.android.monkeyrunner.MonkeyRunnerOptions]   at org.python.core.PyTableCode.call(PyTableCode.java:165)
130617 10:20:00.138:S [MainThread] [com.android.monkeyrunner.MonkeyRunnerOptions]   at org.python.core.PyBaseCode.call(PyBaseCode.java:166)
130617 10:20:00.138:S [MainThread] [com.android.monkeyrunner.MonkeyRunnerOptions]   at org.python.core.PyFunction.__call__(PyFunction.java:338)
130617 10:20:00.138:S [MainThread] [com.android.monkeyrunner.MonkeyRunnerOptions]   at org.python.core.PyMethod.__call__(PyMethod.java:139)
130617 10:20:00.138:S [MainThread] [com.android.monkeyrunner.MonkeyRunnerOptions]   at com.dtmilano.android.viewclient$py.Parse$54(/home/allen/projects/AndroidViewClient/AndroidViewClient/src/com/dtmilano/android/viewclient.py:954)
130617 10:20:00.138:S [MainThread] [com.android.monkeyrunner.MonkeyRunnerOptions]   at com.dtmilano.android.viewclient$py.call_function(/home/allen/projects/AndroidViewClient/AndroidViewClient/src/com/dtmilano/android/viewclient.py)
130617 10:20:00.138:S [MainThread] [com.android.monkeyrunner.MonkeyRunnerOptions]   at org.python.core.PyTableCode.call(PyTableCode.java:165)
130617 10:20:00.138:S [MainThread] [com.android.monkeyrunner.MonkeyRunnerOptions]   at org.python.core.PyBaseCode.call(PyBaseCode.java:149)
130617 10:20:00.138:S [MainThread] [com.android.monkeyrunner.MonkeyRunnerOptions]   at org.python.core.PyFunction.__call__(PyFunction.java:327)
130617 10:20:00.138:S [MainThread] [com.android.monkeyrunner.MonkeyRunnerOptions]   at org.python.core.PyMethod.__call__(PyMethod.java:124)
130617 10:20:00.138:S [MainThread] [com.android.monkeyrunner.MonkeyRunnerOptions]   at com.dtmilano.android.viewclient$py._ViewClient__parseTreeFromUiAutomatorDump$81(/home/allen/projects/AndroidViewClient/AndroidViewClient/src/com/dtmilano/android/viewclient.py:1654)
130617 10:20:00.138:S [MainThread] [com.android.monkeyrunner.MonkeyRunnerOptions]   at com.dtmilano.android.viewclient$py.call_function(/home/allen/projects/AndroidViewClient/AndroidViewClient/src/com/dtmilano/android/viewclient.py)
130617 10:20:00.138:S [MainThread] [com.android.monkeyrunner.MonkeyRunnerOptions]   at org.python.core.PyTableCode.call(PyTableCode.java:165)
130617 10:20:00.138:S [MainThread] [com.android.monkeyrunner.MonkeyRunnerOptions]   at org.python.core.PyBaseCode.call(PyBaseCode.java:149)
130617 10:20:00.138:S [MainThread] [com.android.monkeyrunner.MonkeyRunnerOptions]   at org.python.core.PyFunction.__call__(PyFunction.java:327)
130617 10:20:00.138:S [MainThread] [com.android.monkeyrunner.MonkeyRunnerOptions]   at org.python.core.PyMethod.__call__(PyMethod.java:124)
130617 10:20:00.138:S [MainThread] [com.android.monkeyrunner.MonkeyRunnerOptions]   at com.dtmilano.android.viewclient$py.setViewsFromUiAutomatorDump$78(/home/allen/projects/AndroidViewClient/AndroidViewClient/src/com/dtmilano/android/viewclient.py:1497)
130617 10:20:00.138:S [MainThread] [com.android.monkeyrunner.MonkeyRunnerOptions]   at com.dtmilano.android.viewclient$py.call_function(/home/allen/projects/AndroidViewClient/AndroidViewClient/src/com/dtmilano/android/viewclient.py)
130617 10:20:00.138:S [MainThread] [com.android.monkeyrunner.MonkeyRunnerOptions]   at org.python.core.PyTableCode.call(PyTableCode.java:165)
130617 10:20:00.138:S [MainThread] [com.android.monkeyrunner.MonkeyRunnerOptions]   at org.python.core.PyBaseCode.call(PyBaseCode.java:149)
130617 10:20:00.138:S [MainThread] [com.android.monkeyrunner.MonkeyRunnerOptions]   at org.python.core.PyFunction.__call__(PyFunction.java:327)
130617 10:20:00.138:S [MainThread] [com.android.monkeyrunner.MonkeyRunnerOptions]   at org.python.core.PyMethod.__call__(PyMethod.java:124)
130617 10:20:00.138:S [MainThread] [com.android.monkeyrunner.MonkeyRunnerOptions]   at com.dtmilano.android.viewclient$py.dump$84(/home/allen/projects/AndroidViewClient/AndroidViewClient/src/com/dtmilano/android/viewclient.py:1794)
130617 10:20:00.138:S [MainThread] [com.android.monkeyrunner.MonkeyRunnerOptions]   at com.dtmilano.android.viewclient$py.call_function(/home/allen/projects/AndroidViewClient/AndroidViewClient/src/com/dtmilano/android/viewclient.py)
130617 10:20:00.138:S [MainThread] [com.android.monkeyrunner.MonkeyRunnerOptions]   at org.python.core.PyTableCode.call(PyTableCode.java:165)
130617 10:20:00.138:S [MainThread] [com.android.monkeyrunner.MonkeyRunnerOptions]   at org.python.core.PyBaseCode.call(PyBaseCode.java:301)
130617 10:20:00.138:S [MainThread] [com.android.monkeyrunner.MonkeyRunnerOptions]   at org.python.core.PyBaseCode.call(PyBaseCode.java:127)
130617 10:20:00.138:S [MainThread] [com.android.monkeyrunner.MonkeyRunnerOptions]   at org.python.core.PyFunction.__call__(PyFunction.java:317)
130617 10:20:00.138:S [MainThread] [com.android.monkeyrunner.MonkeyRunnerOptions]   at org.python.core.PyMethod.__call__(PyMethod.java:109)
130617 10:20:00.138:S [MainThread] [com.android.monkeyrunner.MonkeyRunnerOptions]   at com.dtmilano.android.viewclient$py.__init__$62(/home/allen/projects/AndroidViewClient/AndroidViewClient/src/com/dtmilano/android/viewclient.py:1153)
130617 10:20:00.138:S [MainThread] [com.android.monkeyrunner.MonkeyRunnerOptions]   at com.dtmilano.android.viewclient$py.call_function(/home/allen/projects/AndroidViewClient/AndroidViewClient/src/com/dtmilano/android/viewclient.py)
130617 10:20:00.138:S [MainThread] [com.android.monkeyrunner.MonkeyRunnerOptions]   at org.python.core.PyTableCode.call(PyTableCode.java:165)
130617 10:20:00.138:S [MainThread] [com.android.monkeyrunner.MonkeyRunnerOptions]   at org.python.core.PyBaseCode.call(PyBaseCode.java:301)
130617 10:20:00.138:S [MainThread] [com.android.monkeyrunner.MonkeyRunnerOptions]   at org.python.core.PyBaseCode.call(PyBaseCode.java:194)
130617 10:20:00.138:S [MainThread] [com.android.monkeyrunner.MonkeyRunnerOptions]   at org.python.core.PyFunction.__call__(PyFunction.java:387)
130617 10:20:00.138:S [MainThread] [com.android.monkeyrunner.MonkeyRunnerOptions]   at org.python.core.PyFunction.__call__(PyFunction.java:381)
130617 10:20:00.138:S [MainThread] [com.android.monkeyrunner.MonkeyRunnerOptions]   at org.python.core.PyInstance.__init__(PyInstance.java:120)
130617 10:20:00.138:S [MainThread] [com.android.monkeyrunner.MonkeyRunnerOptions]   at org.python.core.PyClass.__call__(PyClass.java:194)
130617 10:20:00.138:S [MainThread] [com.android.monkeyrunner.MonkeyRunnerOptions]   at org.python.core.PyObject.__call__(PyObject.java:404)
130617 10:20:00.138:S [MainThread] [com.android.monkeyrunner.MonkeyRunnerOptions]   at org.python.core.PyObject.__call__(PyObject.java:408)
130617 10:20:00.138:S [MainThread] [com.android.monkeyrunner.MonkeyRunnerOptions]   at org.python.pycode._pyx0.f$0(/home/allen/projects/AndroidViewClient/AndroidViewClient/examples/settings.py:66)
130617 10:20:00.138:S [MainThread] [com.android.monkeyrunner.MonkeyRunnerOptions]   at org.python.pycode._pyx0.call_function(/home/allen/projects/AndroidViewClient/AndroidViewClient/examples/settings.py)
130617 10:20:00.138:S [MainThread] [com.android.monkeyrunner.MonkeyRunnerOptions]   at org.python.core.PyTableCode.call(PyTableCode.java:165)
130617 10:20:00.138:S [MainThread] [com.android.monkeyrunner.MonkeyRunnerOptions]   at org.python.core.PyCode.call(PyCode.java:18)
130617 10:20:00.138:S [MainThread] [com.android.monkeyrunner.MonkeyRunnerOptions]   at org.python.core.Py.runCode(Py.java:1275)
130617 10:20:00.138:S [MainThread] [com.android.monkeyrunner.MonkeyRunnerOptions]   at org.python.core.__builtin__.execfile_flags(__builtin__.java:522)
130617 10:20:00.138:S [MainThread] [com.android.monkeyrunner.MonkeyRunnerOptions]   at org.python.util.PythonInterpreter.execfile(PythonInterpreter.java:225)
130617 10:20:00.138:S [MainThread] [com.android.monkeyrunner.MonkeyRunnerOptions]   at com.android.monkeyrunner.ScriptRunner.run(ScriptRunner.java:116)
130617 10:20:00.138:S [MainThread] [com.android.monkeyrunner.MonkeyRunnerOptions]   at com.android.monkeyrunner.MonkeyRunnerStarter.run(MonkeyRunnerStarter.java:77)
130617 10:20:00.138:S [MainThread] [com.android.monkeyrunner.MonkeyRunnerOptions]   at com.android.monkeyrunner.MonkeyRunnerStarter.main(MonkeyRunnerStarter.java:189)
&lt;/code&gt;&lt;/pre&gt;</t>
  </si>
  <si>
    <t>2013-06-16 05:32:46.070000+00:00</t>
  </si>
  <si>
    <t>2013-06-17 17:24:32.490000+00:00</t>
  </si>
  <si>
    <t>android|testing|automation|monkeyrunner|androidviewclient</t>
  </si>
  <si>
    <t>Jquery-confirm and passing POST variables to an externally loaded form</t>
  </si>
  <si>
    <t>&lt;p&gt;Is there a way to send POST variables to an external PHP form?
I'd like to pass, in this example, XXX and YYY using POST (not GET).
I'm using this plugin: &lt;a href="https://github.com/craftpip/jquery-confirm" rel="nofollow noreferrer"&gt;https://github.com/craftpip/jquery-confirm&lt;/a&gt;&lt;/p&gt;
&lt;pre&gt;&lt;code&gt;&amp;lt;a id="btn" data-value1="XXX" data-value2="YYY"&amp;gt;CLICK ME&amp;lt;/a&amp;gt;
&amp;lt;script&amp;gt;
  $('#btn').on('click', function (e) {
   e.preventDefault();
   $.confirm({
   title: 'Title',
   content: 'url:form.php',
   buttons: {
      ......
   }       
});
});
&lt;/code&gt;&lt;/pre&gt;
&lt;p&gt;&lt;/p&gt;
&lt;p&gt;form.php:&lt;/p&gt;
&lt;pre&gt;&lt;code&gt;&amp;lt;?php
 $value1 = $_POST['value1'];
 $value2 = $_POST['value2'];
?&amp;gt;
&amp;lt;div class="form-group"&amp;gt;
    &amp;lt;label class="control-label"&amp;gt;Default values from parent page:&amp;lt;/label&amp;gt;
    &amp;lt;input type="text" id="value1" class="form-control" value="&amp;lt;?php echo $value1; ?&amp;gt;"&amp;gt;
    &amp;lt;input type="text" id="value2" class="form-control" value="&amp;lt;?php echo $value2; ?&amp;gt;"&amp;gt;
&amp;lt;/div&amp;gt;
&lt;/code&gt;&lt;/pre&gt;
&lt;p&gt;UPDATE: tried this also, without success. Form doesn't load in modal:&lt;/p&gt;
&lt;pre&gt;&lt;code&gt;content: function() { 
        var self = this;
            return $.ajax({
              url: 'form.php',
              dataType: 'json',
              async: false,
              method: 'post',
              data: { 'value1': 'XXX', 'value2': 'YYY' }
            }).done(function (response) {
                self.setContent(response);
            });
}
&lt;/code&gt;&lt;/pre&gt;</t>
  </si>
  <si>
    <t>2017-11-10 16:38:08.597000+00:00</t>
  </si>
  <si>
    <t>2017-11-13 10:49:45.057000+00:00</t>
  </si>
  <si>
    <t>2017-11-13 09:09:47.077000+00:00</t>
  </si>
  <si>
    <t>php|jquery|ajax</t>
  </si>
  <si>
    <t>What is the easiest way to receive an HTTP GET request and trigger an action?</t>
  </si>
  <si>
    <t>&lt;p&gt;I have a Raspberry Pi that I use as a multi-purpose 24/7 device for DLNA, CIFS, VPN etc. Now I bought a TellStick, that is a USB device that can send 433MHz radio commands to wireless power switches, dimmers etc. The manufacturer offers sources and tools for linux, which is really great, btw.&lt;/p&gt;
&lt;p&gt;Using a special command (named tdtool) I can send commands to my power switches, e.g.&lt;/p&gt;
&lt;pre&gt;&lt;code&gt;tdtool --on 1
&lt;/code&gt;&lt;/pre&gt;
&lt;p&gt;This switches on device 1. This works very well and stable, so that I want to get away from shell commands in order to make the handling easier. My idea is to set up a very simple web server that only needs to be able to receive GET or POST requests and triggers some action like running the command "tdtool --off 3". So the web server does not even need to serve pages, it just needs to listen to requests.&lt;/p&gt;
&lt;p&gt;I want to create a HTTP-based solution because that would allow me to use my smartphone as a remote control. There is an Android app named "Tasker" that is awesome on its own, but it also allows sending customized HTTP requests based on certain conditions, so that I could make my lights go bright when I come home (and Tasker recognizes a connection to my WIFI network or similar).&lt;/p&gt;
&lt;p&gt;As the Raspberry is not the most powerful piece of hardware, I'd like to keep things as simple as possible. Basically, I need this:&lt;/p&gt;
&lt;p&gt;A HTTP get request comes in, for example:&lt;/p&gt;
&lt;pre&gt;&lt;code&gt;/switch?device=1&amp;amp;action=on
&lt;/code&gt;&lt;/pre&gt;
&lt;p&gt;According to this request, the server should translate that &lt;em&gt;somehow&lt;/em&gt; into this:&lt;/p&gt;
&lt;pre&gt;&lt;code&gt;tdtool --on 1
&lt;/code&gt;&lt;/pre&gt;
&lt;p&gt;I am sure that I would find a way to build something like that with Apache and PHP, but I think that would be somewhat overdressed in my case. What would you recommend? Is there some cool python magic that could make this happen? Or some fancy mini webserver with a CGI script? Any thoughts and code samples are greatly appreciated, thanks in advance!&lt;/p&gt;</t>
  </si>
  <si>
    <t>2014-12-05 17:31:17.443000+00:00</t>
  </si>
  <si>
    <t>2014-12-06 05:21:54.800000+00:00</t>
  </si>
  <si>
    <t>linux|shell|http|webserver|raspberry-pi</t>
  </si>
  <si>
    <t>How to capture all user activities [ not any application specific] on a windows machine?</t>
  </si>
  <si>
    <t>&lt;p&gt;I am trying to identify a solution to capture all the user activities on a windows machine. These activities can not be any application specific. For e.g. user can launch multiple windows / web based applications, change background wallpaper, increase speaker volume etc, so basically every operation that s/he does on the machine. &lt;/p&gt;
&lt;p&gt;Is there any way to capture it using any .NET / Python / Any other language API / Tool? &lt;/p&gt;</t>
  </si>
  <si>
    <t>2017-10-13 07:02:27.940000+00:00</t>
  </si>
  <si>
    <t>2017-11-10 16:42:14.680000+00:00</t>
  </si>
  <si>
    <t>python|.net|windows</t>
  </si>
  <si>
    <t>Hibernate Spring - One to many</t>
  </si>
  <si>
    <t>&lt;p&gt;I am working on a JEE school project which is done with Spring and Hibernate. My tables are :&lt;/p&gt;
&lt;h2&gt;INFRACTION&lt;/h2&gt;
&lt;p&gt;id_infraction&lt;/p&gt;
&lt;p&gt;description&lt;/p&gt;
&lt;h2&gt;DOSSIER&lt;/h2&gt;
&lt;p&gt;id_dossier&lt;/p&gt;
&lt;p&gt;description&lt;/p&gt;
&lt;p&gt;gravite&lt;/p&gt;
&lt;h2&gt;INFRACTIONDOSSIER&lt;/h2&gt;
&lt;p&gt;id_dossier&lt;/p&gt;
&lt;p&gt;id_infraction&lt;/p&gt;
&lt;p&gt;The application does work well for adding "infractions" and "dossiers" and retrieve them in jsp pages. &lt;/p&gt;
&lt;p&gt;The app should be able to add multiple "infractions" to one "dossier", and that is where i'm blocked;
I'm learning One-to-many tags and implemented them in my "Dossier" Class, but as I want a form separated from the adding infraction and adding dossier ones, I don't know how to handle that.&lt;/p&gt;
&lt;p&gt;Here is the code I added in my Dossier class :&lt;/p&gt;
&lt;pre&gt;&lt;code&gt;@OneToMany
private Set&amp;lt;Infraction&amp;gt; infractions;
@OneToMany(cascade = CascadeType.ALL)
@JoinTable(
        name = "DOSSIERINFRACTION",
        joinColumns = @JoinColumn(name = "id_dossier"),
        inverseJoinColumns = @JoinColumn(name = "id_infraction")
)
&lt;/code&gt;&lt;/pre&gt;
&lt;p&gt;And my AppController class part handling adding Dossiers&lt;/p&gt;
&lt;pre&gt;&lt;code&gt;/*
 * M��thode d'ajout d'un dossier
 */
@RequestMapping(value = { "/new" }, method = RequestMethod.GET)
public String newDossier(ModelMap model) {
    Dossier dossier = new Dossier();
    model.addAttribute("dossier", dossier);
    model.addAttribute("edit", false);
    return "registration";
}
/*
 * G��re l'envoi du POST pour l'ajout de dossier ainsi que la validation du
 * formulaire
 * 
 */
@RequestMapping(value = { "/new" }, method = RequestMethod.POST)
public String saveDossier(@Valid Dossier dossier, BindingResult result, ModelMap model) {
    if (result.hasErrors()) {
        return "registration";
    }
    service.saveDossier(dossier);
    model.addAttribute("success", "Dossier " + dossier.getNom() + " enregistr��");
    return "success";
}
&lt;/code&gt;&lt;/pre&gt;
&lt;p&gt;JSP form to record a dossier&lt;/p&gt;
&lt;pre&gt;&lt;code&gt;    &amp;lt;form:form method="POST" modelAttribute="dossier"&amp;gt;
    &amp;lt;form:input type="hidden" path="id" id="id"/&amp;gt;
    &amp;lt;table&amp;gt;
        &amp;lt;tr&amp;gt;
            &amp;lt;td&amp;gt;&amp;lt;label for="nom"&amp;gt;Nom: &amp;lt;/label&amp;gt; &amp;lt;/td&amp;gt;
            &amp;lt;td&amp;gt;&amp;lt;form:input path="nom" id="nom"/&amp;gt;&amp;lt;/td&amp;gt;
            &amp;lt;td&amp;gt;&amp;lt;form:errors path="nom" cssClass="error"/&amp;gt;&amp;lt;/td&amp;gt;
        &amp;lt;/tr&amp;gt;
        &amp;lt;tr&amp;gt;
            &amp;lt;td&amp;gt;&amp;lt;label for="prenom"&amp;gt;Pr��nom: &amp;lt;/label&amp;gt; &amp;lt;/td&amp;gt;
            &amp;lt;td&amp;gt;&amp;lt;form:input path="prenom" id="prenom"/&amp;gt;&amp;lt;/td&amp;gt;
            &amp;lt;td&amp;gt;&amp;lt;form:errors path="prenom" cssClass="error"/&amp;gt;&amp;lt;/td&amp;gt;
        &amp;lt;/tr&amp;gt;
        &amp;lt;tr&amp;gt;
            &amp;lt;td&amp;gt;&amp;lt;label for="plaque"&amp;gt;Plaque: &amp;lt;/label&amp;gt; &amp;lt;/td&amp;gt;
            &amp;lt;td&amp;gt;&amp;lt;form:input path="plaque" id="plaque"/&amp;gt;&amp;lt;/td&amp;gt;
            &amp;lt;td&amp;gt;&amp;lt;form:errors path="plaque" cssClass="error"/&amp;gt;&amp;lt;/td&amp;gt;
        &amp;lt;/tr&amp;gt;
        &amp;lt;tr&amp;gt;
            &amp;lt;td&amp;gt;&amp;lt;label for="permis"&amp;gt;Permis: &amp;lt;/label&amp;gt; &amp;lt;/td&amp;gt;
            &amp;lt;td&amp;gt;&amp;lt;form:input path="permis" id="permis"/&amp;gt;&amp;lt;/td&amp;gt;
            &amp;lt;td&amp;gt;&amp;lt;form:errors path="permis" cssClass="error"/&amp;gt;&amp;lt;/td&amp;gt;
        &amp;lt;/tr&amp;gt;
        &amp;lt;tr&amp;gt;
            &amp;lt;td colspan="3"&amp;gt;
                &amp;lt;c:choose&amp;gt;
                    &amp;lt;c:when test="${edit}"&amp;gt;
                        &amp;lt;input type="submit" value="Mettre �� jour"/&amp;gt;
                    &amp;lt;/c:when&amp;gt;
                    &amp;lt;c:otherwise&amp;gt;
                        &amp;lt;input type="submit" value="Enregistrer"/&amp;gt;
                    &amp;lt;/c:otherwise&amp;gt;
                &amp;lt;/c:choose&amp;gt;
            &amp;lt;/td&amp;gt;
        &amp;lt;/tr&amp;gt;
    &amp;lt;/table&amp;gt;
&amp;lt;/form:form&amp;gt;
&lt;/code&gt;&lt;/pre&gt;
&lt;p&gt;My question may seem a bit dumb, but how can I create a form which can add multiple infractions to dossier, and how to display the infractions from a dossier ?&lt;/p&gt;
&lt;p&gt;Thank you,
Romain&lt;/p&gt;</t>
  </si>
  <si>
    <t>2015-12-02 00:11:34.707000+00:00</t>
  </si>
  <si>
    <t>2015-12-02 15:14:36.820000+00:00</t>
  </si>
  <si>
    <t>Parsing JSON for iOS app in Swift Issue</t>
  </si>
  <si>
    <t>&lt;p&gt;First of all, this is a noob question so anyone interested can answer me , because I'm just a beginner.
So, I need to parse JSON data from an api that my college seniors created for our annual technical festival. But they forgot to put a name to the array which contains all info.
&lt;a href="http://i.stack.imgur.com/EVKuu.png" rel="nofollow"&gt;1&lt;/a&gt;
They forgot to put the name and the role is similar to the "loans" at the beginning &lt;a href="http://i.stack.imgur.com/GCcyi.png" rel="nofollow"&gt;2&lt;/a&gt;
I am using SwiftyJSON to parse the data and here is my code.&lt;/p&gt;
&lt;pre&gt;&lt;code&gt;func getJSON(){
    let url = NSURL(string: baseURL)
    let request = NSURLRequest(URL:url!)
    let session = NSURLSession(configuration:NSURLSessionConfiguration.defaultSessionConfiguration())
    let task = session.dataTaskWithRequest(request) { (data, response, error) -&amp;gt; Void in
        if error == nil{
            let swiftyJSON = JSON(data:data!)
            let loan1 = swiftyJSON["loans"][0]["status"].stringValue
            print(loan1)
        }else{
            print("There is an error")
        }
    }
                task.resume()
}
&lt;/code&gt;&lt;/pre&gt;
&lt;p&gt;So i would like to know that what could "loans" be replaced by to get my JSON parsing up and running. I have already tried " " and "" to be sure.
Thanks !&lt;/p&gt;</t>
  </si>
  <si>
    <t>2016-03-25 19:59:10.993000+00:00</t>
  </si>
  <si>
    <t>2016-03-25 20:22:03.690000+00:00</t>
  </si>
  <si>
    <t>ios|json|swift|parsing</t>
  </si>
  <si>
    <t>Eclipse 3.6.1 and Tomcat 7 problems</t>
  </si>
  <si>
    <t>&lt;p&gt;Well, it is trivial problems... In fact I started using Tomcat 7 (why not) but when I do Run on Server, Eclipse always fails to get the right URL for the servlet, resulting in my trying to find the right combo for minutes. It's so annoying. Do you have any suggestions? Other servers work correctly, like Spring tc server.&lt;/p&gt;</t>
  </si>
  <si>
    <t>2011-01-11 15:27:57.420000+00:00</t>
  </si>
  <si>
    <t>2011-07-28 00:21:25.453000+00:00</t>
  </si>
  <si>
    <t>eclipse|tomcat</t>
  </si>
  <si>
    <t>Error in migrated Delphi project (2010 - 10.2)</t>
  </si>
  <si>
    <t>&lt;p&gt;I'm migrating a project made with Delphi 2010 to Delphi 10.2.
After installing all the dependencies with their updated version, this error happens:&lt;/p&gt;
&lt;p&gt;&lt;a href="https://i.stack.imgur.com/lDZAk.jpg" rel="nofollow noreferrer"&gt;&lt;img src="https://i.stack.imgur.com/lDZAk.jpg" alt="enter image description here"&gt;&lt;/a&gt;&lt;/p&gt;
&lt;p&gt;It doesn't give me the line and I cannot put a breakpoint anywhere in file Data.DBXCommon.&lt;/p&gt;
&lt;p&gt;The error occurs before the Application.Initialize (and that's the first line of the program) in the project dpr file.&lt;/p&gt;
&lt;p&gt;The erros message is: &lt;strong&gt;Project Server.exe raised exception class EListError with message 'Duplicates not allowed'.&lt;/strong&gt;&lt;/p&gt;</t>
  </si>
  <si>
    <t>2017-11-03 16:42:41.227000+00:00</t>
  </si>
  <si>
    <t>2017-11-03 17:16:35.210000+00:00</t>
  </si>
  <si>
    <t>2017-11-03 17:01:32.257000+00:00</t>
  </si>
  <si>
    <t>delphi|compatibility|delphi-2010|delphi-10.2-tokyo</t>
  </si>
  <si>
    <t>Fade-in and fade-out an image when mousing over another one</t>
  </si>
  <si>
    <t>&lt;p&gt;I have two images. I would like for the second image to fade-in when I 'mouseover' over the first image and fade-out when I 'mouseout' from the first image.&lt;/p&gt;
&lt;p&gt;How can I acomplish this using css3?&lt;/p&gt;
&lt;p&gt;I thank you in advance for your replies.&lt;/p&gt;</t>
  </si>
  <si>
    <t>2012-06-04 18:35:02.353000+00:00</t>
  </si>
  <si>
    <t>2012-07-28 18:12:16.120000+00:00</t>
  </si>
  <si>
    <t>css|css3</t>
  </si>
  <si>
    <t>Cannot unify Navigation Bar Color from pre-iOS 7 application with new views added after iOS 7</t>
  </si>
  <si>
    <t>&lt;p&gt;As the title states; I have an application that was programmed pre-iOS 7 and there was an old navigation bar that used a certain color schema. I wanted to update this and I had added two new viewcontrollers to my storyboard; however whenever I hit global tint it only changes the two new storyboard additions that were made post iOS 7. Furthermore, I have done some research and tried putting:&lt;/p&gt;
&lt;pre&gt;&lt;code&gt;UINavigationBar *navigationBar      = [UINavigationBar appearance];
navigationBar.tintColor             = [UIColor whiteColor];
&lt;/code&gt;&lt;/pre&gt;
&lt;p&gt;within my AppDelegate to no avail.... thanks for your time&lt;/p&gt;</t>
  </si>
  <si>
    <t>2014-02-13 14:34:38.840000+00:00</t>
  </si>
  <si>
    <t>2014-02-13 15:24:53.930000+00:00</t>
  </si>
  <si>
    <t>objective-c|user-interface|ios7|uinavigationbar</t>
  </si>
  <si>
    <t>VBA to find if a particular word is in a document</t>
  </si>
  <si>
    <t>&lt;p&gt;When opening a word document I want to be able to check if a particular word exists in the document. If it does then I want to open a userform. Basically, I have a template letter with "lastname" in place of the recipient's last name in the salutation. When I open the document I want a userform to pop up automatically so I can enter the person's last name in a text box and have the find and replace function run when I click "done" on the userform. If I have already replaced "lastname" with the person's last name then I don't want the userform to pop up. I know how to accomplish everything except for checking to see if "lastname" exists. Is there any way to do this?&lt;/p&gt;</t>
  </si>
  <si>
    <t>2016-09-26 20:49:31.120000+00:00</t>
  </si>
  <si>
    <t>2016-09-27 06:47:17.803000+00:00</t>
  </si>
  <si>
    <t>Multiple PHP dropdowns and getting the POSTed value from the array</t>
  </si>
  <si>
    <t>&lt;p&gt;I have ,  within a foreach , a dropdown:&lt;/p&gt;
&lt;pre&gt;&lt;code&gt;`&amp;lt;select name="position[]"&amp;gt;
&amp;lt;option value="1st"&amp;gt;First&amp;lt;/option&amp;gt;
&amp;lt;option value="2nd"&amp;gt;Second&amp;lt;/option&amp;gt;
&amp;lt;option value="3rd"&amp;gt;Third&amp;lt;/option&amp;gt;
&amp;lt;/select&amp;gt;`
&lt;/code&gt;&lt;/pre&gt;
&lt;p&gt;I need to be able to get the values from &lt;code&gt;position[]&lt;/code&gt;when the form is posted&lt;/p&gt;
&lt;p&gt;I had assumed it was &lt;code&gt;$_POST['position'][0]&lt;/code&gt; , &lt;code&gt;$_POST['position'][1]&lt;/code&gt; etc. &lt;/p&gt;
&lt;p&gt;But that doesn't work .&lt;/p&gt;</t>
  </si>
  <si>
    <t>2011-02-07 17:27:46.820000+00:00</t>
  </si>
  <si>
    <t>2011-02-07 17:40:06.320000+00:00</t>
  </si>
  <si>
    <t>2011-02-07 17:37:13.390000+00:00</t>
  </si>
  <si>
    <t>php|html|post|drop-down-menu</t>
  </si>
  <si>
    <t>SPARQL query to get skos:broader property of a dbpedia category</t>
  </si>
  <si>
    <t>&lt;p&gt;I am using the endpoint &lt;a href="http://dbpedia.org/sparql" rel="nofollow"&gt;http://dbpedia.org/sparql&lt;/a&gt; to query dbpedia for "skos:broader" property given a category.  I've taken the categories from &lt;a href="http://dbpedia.org/page/Andreessen_Horowitz" rel="nofollow"&gt;http://dbpedia.org/page/Andreessen_Horowitz&lt;/a&gt; to do the queries.  I'm not sure what I did wrong in the following queries:&lt;/p&gt;
&lt;p&gt;a.  I got syntax error with this one.  How do I escape ","?&lt;/p&gt;
&lt;pre&gt;&lt;code&gt;prefix category: &amp;lt;http://dbpedia.org/resource/Category:&amp;gt;
select ?value where { 
  category:Companies_based_in_Menlo_Park,_California skos:broader ?value 
}
&lt;/code&gt;&lt;/pre&gt;
&lt;p&gt;b.  I got empty result with this one.  But if I replaced the URI with "category:American_venture_capital_firms" then I got result back (with the proper prefix declaration).&lt;/p&gt;
&lt;pre&gt;&lt;code&gt;select ?value where { 
  &amp;lt;http://dbpedia.org/page/Category:American_venture_capital_firms&amp;gt; skos:broader ?value 
}
&lt;/code&gt;&lt;/pre&gt;</t>
  </si>
  <si>
    <t>2015-02-04 05:17:02.313000+00:00</t>
  </si>
  <si>
    <t>2015-02-04 06:59:31.763000+00:00</t>
  </si>
  <si>
    <t>rdf|sparql|dbpedia</t>
  </si>
  <si>
    <t>Optimization algorithm with numbers</t>
  </si>
  <si>
    <t>&lt;p&gt;Given a list of numbers in increasing order and a certain sum, I'm trying to implement the optimal way of finding the sum. Using the biggest number first &lt;/p&gt;
&lt;pre&gt;&lt;code&gt;A sample input would be:
3
1
2
5
11 
&lt;/code&gt;&lt;/pre&gt;
&lt;p&gt;where the first line the number of numbers we are using and the last line is the desired sum&lt;/p&gt;
&lt;pre&gt;&lt;code&gt;the output would be:
1 x 1
2 x 5
&lt;/code&gt;&lt;/pre&gt;
&lt;p&gt;which equals 11&lt;/p&gt;
&lt;p&gt;I'm trying to interpret this &lt;a href="https://www.classle.net/book/c-program-making-change-using-greedy-method" rel="nofollow"&gt;https://www.classle.net/book/c-program-making-change-using-greedy-method&lt;/a&gt; using stdard input&lt;/p&gt;
&lt;p&gt;Here is what i got so far&lt;/p&gt;
&lt;pre&gt;&lt;code&gt;#include &amp;lt;iostream&amp;gt;
using namespace std;
int main()
{
 int sol = 0; int array[]; int m[10];
 while (!cin.eof())
  {
   cin &amp;gt;&amp;gt; array[i];  // add inputs to an array
   i++;
  }
 x = array[0]; // number of 
 for (int i; i &amp;lt; x ; i++) {
  while(sol&amp;lt;array[x+1]){
     // try to check all multiplications of the largest number until its over the sum
     // save the multiplication number into the m[] before it goes over the sum;
     //then do the same with the second highest number and check if they can add up to sum
     }
  cout &amp;lt;&amp;lt; m[//multiplication number] &amp;lt;&amp;lt; "x" &amp;lt;&amp;lt; array[//correct index]
  return 0;
} 
   if(sol!=array[x+1])
 {
 cout&amp;lt;&amp;lt;endl&amp;lt;&amp;lt;"Not Possible!";
 }
&lt;/code&gt;&lt;/pre&gt;
&lt;p&gt;}&lt;/p&gt;
&lt;p&gt;Finding it hard to find an efficient way of doing this in terms of trying all possible combinations starting with the biggest number? Any suggestions would be greatly helpful, since i know im clearly off&lt;/p&gt;</t>
  </si>
  <si>
    <t>2012-10-13 22:36:07.463000+00:00</t>
  </si>
  <si>
    <t>2012-10-15 21:13:12.707000+00:00</t>
  </si>
  <si>
    <t>c++|algorithm|stdin</t>
  </si>
  <si>
    <t>Android - unable to uninstall application</t>
  </si>
  <si>
    <t>&lt;p&gt;I have some Android market feedback for my app &lt;code&gt;Hire*A*Droid&lt;/code&gt; where users complain that they are unable to uninstall the application. Here's two I have so far (about 10 days apart): &lt;/p&gt;
&lt;pre&gt;&lt;code&gt;janelle: I uninstalled this app, but its still showing that its 
         installed under my downloads. What can i do ?
valerie: It's frozen I can't open or delete it. 
         anyone can help n tell me how..thanks
&lt;/code&gt;&lt;/pre&gt;
&lt;p&gt;The app has nothing really special or tricky about it and I never experienced anything of the sort so I'm really lost at what this may be, how real it is and how to reproduce and deal with it? Any ideas, suggestions? If you have any questions that you think may help with this problem I'll be happy to provide more details&lt;/p&gt;
&lt;p&gt;P.S. Worth nothing to mention - both complaints cost me a single star rating and no additional info was provided&lt;/p&gt;
&lt;p&gt;P.P.S. After comment from PHP Jedi I noticed similar comments for other apps while browsing Android Market. I think this is quite common and it looks like Market bug. I will try to open a bug on Android Market support site&lt;/p&gt;
&lt;p&gt;&lt;a href="http://www.google.com/support/forum/p/Android+Market/thread?tid=026b76b7c8f3d90a&amp;amp;hl=en" rel="noreferrer"&gt;Cross-referenced&lt;/a&gt; to Android Market forum&lt;/p&gt;</t>
  </si>
  <si>
    <t>2010-01-06 07:01:55.910000+00:00</t>
  </si>
  <si>
    <t>2012-03-29 17:08:24.027000+00:00</t>
  </si>
  <si>
    <t>2010-01-08 18:24:04.503000+00:00</t>
  </si>
  <si>
    <t>android|uninstall</t>
  </si>
  <si>
    <t>Error running Hive query with JSON data?</t>
  </si>
  <si>
    <t>&lt;p&gt;I have data containing the following:&lt;/p&gt;
&lt;pre&gt;&lt;code&gt;{"field1":{"data1": 1},"field2":100,"field3":"more data1","field4":123.001}
{"field1":{"data2": 1},"field2":200,"field3":"more data2","field4":123.002}
{"field1":{"data3": 1},"field2":300,"field3":"more data3","field4":123.003}
{"field1":{"data4": 1},"field2":400,"field3":"more data4","field4":123.004}
&lt;/code&gt;&lt;/pre&gt;
&lt;p&gt;I uploaded it to S3 and converted it to a Hive table using the following from the Hive console:&lt;/p&gt;
&lt;pre class="lang-sql prettyprint-override"&gt;&lt;code&gt;ADD JAR s3://elasticmapreduce/samples/hive-ads/libs/jsonserde.jar;
CREATE EXTERNAL TABLE impressions (json STRING ) ROW FORMAT DELIMITED LINES TERMINATED BY '\n' LOCATION 's3://my-bucket/';
&lt;/code&gt;&lt;/pre&gt;
&lt;p&gt;The query:&lt;/p&gt;
&lt;pre class="lang-sql prettyprint-override"&gt;&lt;code&gt;SELECT * FROM impressions;
&lt;/code&gt;&lt;/pre&gt;
&lt;p&gt;gives output fine but as soon as I try and use the &lt;a href="https://cwiki.apache.org/confluence/display/Hive/LanguageManual+UDF#LanguageManualUDF-getjsonobject" rel="nofollow"&gt;get_json_object UDF&lt;/a&gt;&lt;/p&gt;
&lt;p&gt;and run the query:&lt;/p&gt;
&lt;pre class="lang-sql prettyprint-override"&gt;&lt;code&gt;SELECT get_json_object(impressions.json, '$.field2') FROM impressions;
&lt;/code&gt;&lt;/pre&gt;
&lt;p&gt;I get the following error:&lt;/p&gt;
&lt;pre class="lang-none prettyprint-override"&gt;&lt;code&gt;&amp;gt; SELECT get_json_object(impressions.json, '$.field2') FROM impressions;
Total MapReduce jobs = 1
Launching Job 1 out of 1
Number of reduce tasks is set to 0 since there's no reduce operator
java.io.IOException: cannot find dir = s3://nick.bucket.dev/snapshot.csv in pathToPartitionInfo: [s3://nick.bucket.dev/]
    at org.apache.hadoop.hive.ql.io.HiveFileFormatUtils.getPartitionDescFromPathRecursively(HiveFileFormatUtils.java:291)
    at org.apache.hadoop.hive.ql.io.HiveFileFormatUtils.getPartitionDescFromPathRecursively(HiveFileFormatUtils.java:258)
    at org.apache.hadoop.hive.ql.io.CombineHiveInputFormat$CombineHiveInputSplit.&amp;lt;init&amp;gt;(CombineHiveInputFormat.java:108)
    at org.apache.hadoop.hive.ql.io.CombineHiveInputFormat.getSplits(CombineHiveInputFormat.java:423)
    at org.apache.hadoop.mapred.JobClient.writeOldSplits(JobClient.java:1036)
    at org.apache.hadoop.mapred.JobClient.writeSplits(JobClient.java:1028)
    at org.apache.hadoop.mapred.JobClient.access$700(JobClient.java:172)
    at org.apache.hadoop.mapred.JobClient$2.run(JobClient.java:944)
    at org.apache.hadoop.mapred.JobClient$2.run(JobClient.java:897)
    at java.security.AccessController.doPrivileged(Native Method)
    at javax.security.auth.Subject.doAs(Subject.java:396)
    at org.apache.hadoop.security.UserGroupInformation.doAs(UserGroupInformation.java:1059)
    at org.apache.hadoop.mapred.JobClient.submitJobInternal(JobClient.java:897)
    at org.apache.hadoop.mapred.JobClient.submitJob(JobClient.java:871)
    at org.apache.hadoop.hive.ql.exec.ExecDriver.execute(ExecDriver.java:479)
    at org.apache.hadoop.hive.ql.exec.MapRedTask.execute(MapRedTask.java:136)
    at org.apache.hadoop.hive.ql.exec.Task.executeTask(Task.java:133)
    at org.apache.hadoop.hive.ql.exec.TaskRunner.runSequential(TaskRunner.java:57)
    at org.apache.hadoop.hive.ql.Driver.launchTask(Driver.java:1332)
    at org.apache.hadoop.hive.ql.Driver.execute(Driver.java:1123)
    at org.apache.hadoop.hive.ql.Driver.run(Driver.java:931)
    at org.apache.hadoop.hive.cli.CliDriver.processLocalCmd(CliDriver.java:261)
    at org.apache.hadoop.hive.cli.CliDriver.processCmd(CliDriver.java:218)
    at org.apache.hadoop.hive.cli.CliDriver.processLine(CliDriver.java:409)
    at org.apache.hadoop.hive.cli.CliDriver.run(CliDriver.java:684)
    at org.apache.hadoop.hive.cli.CliDriver.main(CliDriver.java:567)
    at sun.reflect.NativeMethodAccessorImpl.invoke0(Native Method)
    at sun.reflect.NativeMethodAccessorImpl.invoke(NativeMethodAccessorImpl.java:39)
    at sun.reflect.DelegatingMethodAccessorImpl.invoke(DelegatingMethodAccessorImpl.java:25)
    at java.lang.reflect.Method.invoke(Method.java:597)
    at org.apache.hadoop.util.RunJar.main(RunJar.java:156)
Job Submission failed with exception 'java.io.IOException(cannot find dir = s3://my-bucket/snapshot.csv in pathToPartitionInfo: [s3://my-bucket/])'
FAILED: Execution Error, return code 1 from org.apache.hadoop.hive.ql.exec.MapRedTask
&lt;/code&gt;&lt;/pre&gt;
&lt;p&gt;Does anyone know what is wrong?&lt;/p&gt;</t>
  </si>
  <si>
    <t>2012-07-17 01:22:45.003000+00:00</t>
  </si>
  <si>
    <t>2012-07-17 09:03:26.603000+00:00</t>
  </si>
  <si>
    <t>2012-07-17 04:50:59.903000+00:00</t>
  </si>
  <si>
    <t>json|hadoop|amazon-s3|hive|emr</t>
  </si>
  <si>
    <t>Hibernate "PreInsertEvent.getSource()" NoSuchMethodError</t>
  </si>
  <si>
    <t>&lt;p&gt;I'm recieving the following error when trying to do inserts:&lt;/p&gt;
&lt;blockquote&gt;
  &lt;p&gt;java.lang.NoSuchMethodError : org.hibernate.event.PreInsertEvent.getSource()Lorg/hibernate/event/EventSource;&lt;/p&gt;
&lt;/blockquote&gt;
&lt;p&gt;I've seen &lt;a href="http://drglennn.blogspot.com/2008/10/hibernate-preinserteventgetsource.html" rel="nofollow noreferrer"&gt;other&lt;/a&gt; people with the same problem due to incompatibility in hibernate jars, but I believe I've got it right (according to the &lt;a href="https://www.hibernate.org/6.html#A3" rel="nofollow noreferrer"&gt;compatibility matrix&lt;/a&gt;)&lt;/p&gt;
&lt;p&gt;Here's the relevant section from my pom.xml:&lt;/p&gt;
&lt;pre&gt;&lt;code&gt;    &amp;lt;dependency&amp;gt;
        &amp;lt;groupId&amp;gt;org.hibernate&amp;lt;/groupId&amp;gt;
        &amp;lt;artifactId&amp;gt;hibernate-annotations&amp;lt;/artifactId&amp;gt;
        &amp;lt;version&amp;gt;3.4.0.GA&amp;lt;/version&amp;gt;
    &amp;lt;/dependency&amp;gt;
    &amp;lt;dependency&amp;gt;
        &amp;lt;groupId&amp;gt;org.hibernate&amp;lt;/groupId&amp;gt;
        &amp;lt;artifactId&amp;gt;hibernate-commons-annotations&amp;lt;/artifactId&amp;gt;
        &amp;lt;version&amp;gt;3.3.0.ga&amp;lt;/version&amp;gt;
    &amp;lt;/dependency&amp;gt;
    &amp;lt;dependency&amp;gt;
        &amp;lt;groupId&amp;gt;org.hibernate&amp;lt;/groupId&amp;gt;
        &amp;lt;artifactId&amp;gt;hibernate-core&amp;lt;/artifactId&amp;gt;
        &amp;lt;version&amp;gt;3.3.1.GA&amp;lt;/version&amp;gt;
    &amp;lt;/dependency&amp;gt;
    &amp;lt;dependency&amp;gt;
        &amp;lt;groupId&amp;gt;org.hibernate&amp;lt;/groupId&amp;gt;
        &amp;lt;artifactId&amp;gt;hibernate-validator&amp;lt;/artifactId&amp;gt;
        &amp;lt;version&amp;gt;3.1.0.GA&amp;lt;/version&amp;gt;
    &amp;lt;/dependency&amp;gt;
    &amp;lt;dependency&amp;gt;
        &amp;lt;groupId&amp;gt;org.hibernate&amp;lt;/groupId&amp;gt;
        &amp;lt;artifactId&amp;gt;hibernate-entitymanager&amp;lt;/artifactId&amp;gt;
        &amp;lt;version&amp;gt;3.4.0.GA&amp;lt;/version&amp;gt;
    &amp;lt;/dependency&amp;gt;
&lt;/code&gt;&lt;/pre&gt;
&lt;p&gt;Can anyone advise?&lt;/p&gt;
&lt;p&gt;Regards&lt;/p&gt;
&lt;p&gt;Marty&lt;/p&gt;</t>
  </si>
  <si>
    <t>2009-05-19 12:05:29.050000+00:00</t>
  </si>
  <si>
    <t>2012-09-26 20:35:41.643000+00:00</t>
  </si>
  <si>
    <t>2009-08-02 07:12:03.420000+00:00</t>
  </si>
  <si>
    <t>java|hibernate|maven-2</t>
  </si>
  <si>
    <t>crontab with sudo python script</t>
  </si>
  <si>
    <t>&lt;p&gt;Alright, I've found something. Not sure how to tackle it. I've seen that this is a common error that comes up in google. The error seems to have something to do with the environment variables or something. Not sure how to handle this:&lt;/p&gt;
&lt;p&gt;This is the code and it's the part where subprocess is called that leads to the error:&lt;/p&gt;
&lt;pre&gt;&lt;code&gt;#!/usr/bin/python
import subprocess
import re
import sys
import time
import datetime
import gspread
# ===========================================================================
# Google Account Details
# ===========================================================================
# Account details for google docs
email       = 'my_email@gmail.com'
password    = 'my_password'
spreadsheet = 'my_spreadsheet'
# ===========================================================================
# Example Code
# ===========================================================================
# Login with your Google account
try:
  gc = gspread.login(email, password)
except:
  print "Unable to log in.  Check your email address/password"
  sys.exit()
# Open a worksheet from your spreadsheet using the filename
try:
  worksheet = gc.open(spreadsheet).sheet1
  # Alternatively, open a spreadsheet using the spreadsheet's key
  # worksheet = gc.open_by_key('0BmgG6nO_6dprdS1MN3d3MkdPa142WFRrdnRRUWl1UFE')
except:
  print "Unable to open the spreadsheet.  Check your filename: %s" % spreadsheet
  sys.exit()
# Continuously append data
while(True):
  # Run the DHT program to get the humidity and temperature readings!
  output = subprocess.check_output(["./Adafruit_DHT", "2302", "17"]);
  print output
  matches = re.search("Temp =\s+([0-9.]+)", output)
  if (not matches):
        time.sleep(3)
        continue
  temp1 = float(matches.group(1))
  temp = temp1*9/5+32 # added the extra step to converto to fahrenheit
  # search for humidity printout
  matches = re.search("Hum =\s+([0-9.]+)", output)
  if (not matches):
       time.sleep(3)
       continue
  humidity = float(matches.group(1))
  print "Temperature: %.1f F" % temp
  print "Humidity:    %.1f %%" % humidity
  # Append the data in the spreadsheet, including a timestamp
  try:
    values = [datetime.datetime.now(), temp, humidity]
    worksheet.append_row(values)
  except:
    print "Unable to append data.  Check your connection?"
    sys.exit()
  # Wait 30 seconds before continuing or just exit
  print "Wrote a row to %s" % spreadsheet
#  time.sleep(60)
  sys.exit()
&lt;/code&gt;&lt;/pre&gt;
&lt;p&gt;that's basically it. It works fine using 'sudo python script.py' as long as the Adafruit_DHT program is in the same directory.&lt;/p&gt;
&lt;p&gt;Here's the error I get:&lt;/p&gt;
&lt;pre&gt;&lt;code&gt;Traceback (most recent call last):
  File "/home/pi/Adafruit/dht/Ada_temp.py", line 44, in &amp;lt;module&amp;gt;
    output = subprocess.check_output(["./home/pi/Adafruit/dht/Adafruit_DHT", "2302", "17"]);
  File "/usr/lib/python2.7/subprocess.py", line 537, in check_output
    process = Popen(stdout=PIPE, *popenargs, **kwargs)
  File "/usr/lib/python2.7/subprocess.py", line 679, in __init__
    errread, errwrite)
  File "/usr/lib/python2.7/subprocess.py", line 1259, in _execute_child
    raise child_exception
OSError: [Errno 2] No such file or directory
&lt;/code&gt;&lt;/pre&gt;
&lt;p&gt;I've tried adding the full path of the c program (Adafruit_DHT), to no avail...&lt;/p&gt;</t>
  </si>
  <si>
    <t>2013-07-27 15:09:27.827000+00:00</t>
  </si>
  <si>
    <t>2013-08-10 19:40:44.847000+00:00</t>
  </si>
  <si>
    <t>python|crontab|sudo</t>
  </si>
  <si>
    <t>Fragment - InstantiationException: no empty Constructor -&gt; Google Maps v2?</t>
  </si>
  <si>
    <t>&lt;p&gt;I get this error message, when I open a closed App again via App-Change button:&lt;/p&gt;
&lt;pre class="lang-none prettyprint-override"&gt;&lt;code&gt;Caused by: java.lang.InstantiationException: can't instantiate class com.*.FragmentContact$1; no empty constructor
&lt;/code&gt;&lt;/pre&gt;
&lt;p&gt;I've found several tips about Inner-Classes and to make them static etc. But this  FragmentContact is a &lt;strong&gt;public&lt;/strong&gt; class in a &lt;strong&gt;*.java-file&lt;/strong&gt; and &lt;strong&gt;has a public empty constructor&lt;/strong&gt;. 
I'm using Google Maps Api v2 in this project and do a trick somewhere from the internet to setup my MapView. Look here:&lt;/p&gt;
&lt;pre&gt;&lt;code&gt;@Override
public View onCreateView(LayoutInflater inflater, ViewGroup container, Bundle savedInstanceState) {
    View v = inflater.inflate(R.layout.fragment_contact, null);
    try {
        MapsInitializer.initialize(this.getActivity().getApplicationContext());
    } catch (GooglePlayServicesNotAvailableException e) {
        e.printStackTrace();
    }
    fragment = new SupportMapFragment() {
        @Override
        public void onActivityCreated(Bundle savedInstanceState) {
            super.onActivityCreated(savedInstanceState);
            mMap = fragment.getMap();
            if (mMap != null) {
                setupMap();
            }
        }
    };
    getFragmentManager().beginTransaction().replace(R.id.fragment_orte_map_parent, fragment).commit();
    return v;
}
&lt;/code&gt;&lt;/pre&gt;
&lt;p&gt;When I cut this MapView-thing out everything work fine. Maybe someone can explain what I'm doing wrong.&lt;/p&gt;
&lt;p&gt;My complete Stacktrace:&lt;/p&gt;
&lt;pre class="lang-none prettyprint-override"&gt;&lt;code&gt;FATAL EXCEPTION: main
java.lang.RuntimeException: Unable to start activity ComponentInfo{com.*/com.*.MainActivity}: android.support.v4.app.Fragment$InstantiationException: Unable to instantiate fragment com.*.FragmentContact$1: make sure class name exists, is public, and has an empty constructor that is public
   at android.app.ActivityThread.performLaunchActivity(ActivityThread.java:2307)
   at android.app.ActivityThread.handleLaunchActivity(ActivityThread.java:2357)
   at android.app.ActivityThread.access$600(ActivityThread.java:153)
   at android.app.ActivityThread$H.handleMessage(ActivityThread.java:1247)
   at android.os.Handler.dispatchMessage(Handler.java:99)
   at android.os.Looper.loop(Looper.java:137)
   at android.app.ActivityThread.main(ActivityThread.java:5226)
   at java.lang.reflect.Method.invokeNative(Native Method)
   at java.lang.reflect.Method.invoke(Method.java:511)
   at com.android.internal.os.ZygoteInit$MethodAndArgsCaller.run(ZygoteInit.java:795)
   at com.android.internal.os.ZygoteInit.main(ZygoteInit.java:562)
   at dalvik.system.NativeStart.main(Native Method)
Caused by: android.support.v4.app.Fragment$InstantiationException: Unable to instantiate fragment com.*.FragmentContact$1: make sure class name exists, is public, and has an empty constructor that is public
   at android.support.v4.app.Fragment.instantiate(Fragment.java:405)
   at android.support.v4.app.FragmentState.instantiate(Fragment.java:97)
   at android.support.v4.app.FragmentManagerImpl.restoreAllState(FragmentManager.java:1767)
   at android.support.v4.app.FragmentActivity.onCreate(FragmentActivity.java:208)
   at com.*.MainActivity.onCreate(MainActivity.java:20)
   at android.app.Activity.performCreate(Activity.java:5104)
   at android.app.Instrumentation.callActivityOnCreate(Instrumentation.java:1080)
   at android.app.ActivityThread.performLaunchActivity(ActivityThread.java:2261)
   ... 11 more
Caused by: java.lang.InstantiationException: can't instantiate class com.*.FragmentContact$1; no empty constructor
   at java.lang.Class.newInstanceImpl(Native Method)
   at java.lang.Class.newInstance(Class.java:1319)
   at android.support.v4.app.Fragment.instantiate(Fragment.java:394)
   ... 18 more
&lt;/code&gt;&lt;/pre&gt;</t>
  </si>
  <si>
    <t>2013-04-17 14:33:58.130000+00:00</t>
  </si>
  <si>
    <t>2018-05-08 13:48:49.387000+00:00</t>
  </si>
  <si>
    <t>android|constructor|fragment|instantiationexception</t>
  </si>
  <si>
    <t>Having trouble with a 'for' loop</t>
  </si>
  <si>
    <t>&lt;blockquote&gt;
  &lt;p&gt;&lt;strong&gt;Possible Duplicate:&lt;/strong&gt;&lt;br&gt;
  &lt;a href="https://stackoverflow.com/questions/10196690/how-to-replace-image-references-in-html-body-repetitively"&gt;How to replace image references in html body repetitively&lt;/a&gt;  &lt;/p&gt;
&lt;/blockquote&gt;
&lt;p&gt;I have this php code, in a &lt;code&gt;for($i = 1;$i&amp;lt;$num_parts;$i++)&lt;/code&gt; loop, that matches an img tag in a piece of html, extracts the src attribute of that matched image tag and replaces it with direct src element/link on my server. The problem i'm facing when i have a piece of html from an &lt;strong&gt;email body&lt;/strong&gt; that has more than one img tag (for example: 2), the script matches the that tag's src element/link, but does not replace it. So in actuality it only performs the replace ONCE as opposed to replacing with the exact values based upon the for loop's $num_parts.
i'm using &lt;code&gt;preg_match&lt;/code&gt; instead of &lt;code&gt;preg_match_all&lt;/code&gt; because from what i understand the for loop is supposed to repeat based on the value of $num_parts, so using &lt;code&gt;preg_match_all&lt;/code&gt; will just build an array of all those src elements instead of matching them one at time. And i'm using &lt;code&gt;preg_replace&lt;/code&gt; for the replace. I'm not sure what i'm supposed to do, am i to use a &lt;code&gt;while()&lt;/code&gt; loop or the &lt;code&gt;$i++&lt;/code&gt; counter?&lt;/p&gt;</t>
  </si>
  <si>
    <t>2012-04-18 16:53:19.093000+00:00</t>
  </si>
  <si>
    <t>2012-04-18 17:59:59.197000+00:00</t>
  </si>
  <si>
    <t>2017-05-23 10:08:53.947000+00:00</t>
  </si>
  <si>
    <t>php|regex|for-loop</t>
  </si>
  <si>
    <t>Convert a hex string to a byte in Java</t>
  </si>
  <si>
    <t>&lt;p&gt;In Java, how can a hexadecimal string representation of a byte (e.g. "1e") be converted into a byte value? &lt;/p&gt;
&lt;p&gt;For example:&lt;/p&gt;
&lt;pre&gt;&lt;code&gt;byte b = ConvertHexStringToByte("1e");
&lt;/code&gt;&lt;/pre&gt;</t>
  </si>
  <si>
    <t>2009-09-23 16:07:02.287000+00:00</t>
  </si>
  <si>
    <t>2016-08-16 23:12:33.230000+00:00</t>
  </si>
  <si>
    <t>java|string|type-conversion|byte</t>
  </si>
  <si>
    <t>Parsing RDFa in html/xhtml?</t>
  </si>
  <si>
    <t>&lt;p&gt;Using RDF::RDFa::Parser module in perl to parse rdf data out of website.
On website with with !DOCTYPE HTML PUBLIC "-//W3C//DTD HTML 4.01 Transitional//EN"&gt; it works, but on sites using xhtml !DOCTYPE html PUBLIC "-//W3C//DTD XHTML 1.0 Transitional//EN" "&lt;a href="http://www.w3.org/TR/xhtml1/DTD/xhtml1-transitional.dtd" rel="nofollow"&gt;http://www.w3.org/TR/xhtml1/DTD/xhtml1-transitional.dtd&lt;/a&gt;"&gt; no output...&lt;/p&gt;
&lt;p&gt;test website -&gt; &lt;a href="http://www.filmstarts.de/kritiken/186918.html" rel="nofollow"&gt;http://www.filmstarts.de/kritiken/186918.html&lt;/a&gt;&lt;/p&gt;
&lt;pre&gt;&lt;code&gt;use RDF::RDFa::Parser;
my $url     = 'http://www.filmstarts.de/kritiken/186918.html';
my $options = RDF::RDFa::Parser::Config-&amp;gt;tagsoup;
my $rdfa    = RDF::RDFa::Parser-&amp;gt;new_from_url($url, $options);
print $rdfa-&amp;gt;opengraph('image');
print $rdfa-&amp;gt;opengraph('description');
&lt;/code&gt;&lt;/pre&gt;</t>
  </si>
  <si>
    <t>2013-12-24 23:53:02.453000+00:00</t>
  </si>
  <si>
    <t>2013-12-25 14:12:41.587000+00:00</t>
  </si>
  <si>
    <t>html|xml|perl|parsing|rdfa</t>
  </si>
  <si>
    <t>How do I determine if a date was within a week range?</t>
  </si>
  <si>
    <t>&lt;p&gt;I have a record with a &lt;code&gt;created_at&lt;/code&gt; field populated. What I want to do is know if that &lt;code&gt;created_at&lt;/code&gt; was created 1-2 weeks ago, meaning, days 8, 9, 10, 11, 12, 13, 14, not 1-7 or 15+.&lt;/p&gt;
&lt;p&gt;Given that I can't query for this in SQL, what's the best Rails way to do this?&lt;/p&gt;</t>
  </si>
  <si>
    <t>2013-08-26 21:35:28.970000+00:00</t>
  </si>
  <si>
    <t>2013-08-26 23:07:41.483000+00:00</t>
  </si>
  <si>
    <t>ruby-on-rails|ruby|date</t>
  </si>
  <si>
    <t>Save State Between Route Transitions in EmberJS</t>
  </si>
  <si>
    <t>&lt;p&gt;Is there an acceptable way to save state between routes in an EmberJS application?  For example, I have an Infinite Scroller implemented as an &lt;code&gt;ArrayController&lt;/code&gt; with pages of content retrieved from the server as the user scrolls.  When the user clicks on one of these results I would like to transition to a dedicated "Details" route.&lt;/p&gt;
&lt;p&gt;So far so good, but I would also like them to be able to click "back" on their browser, or a back link on the website to go back to the previous route in the state it was in when they left.  What is the best way to accomplish this sort of thing within Ember?&lt;/p&gt;</t>
  </si>
  <si>
    <t>2013-12-30 15:45:56.960000+00:00</t>
  </si>
  <si>
    <t>2013-12-30 18:19:03.480000+00:00</t>
  </si>
  <si>
    <t>Why can't make http request in android?</t>
  </si>
  <si>
    <t>&lt;p&gt;I want to make http request in android.&lt;/p&gt;
&lt;pre&gt;&lt;code&gt;try {
    URL u = new URL("http://www.google.com");
    HttpURLConnection c = (HttpURLConnection)u.openConnection();
    c.connect();
}
catch (Exception e) {
    Log.v(TAG, "Error is " + e.getMessage());
}
&lt;/code&gt;&lt;/pre&gt;
&lt;p&gt;This is my code and when I check logs here is "Error is null".
Note! I use permissions: android.permission INTERNET and android.permission.ACCESS_NETWORK_STATE.
I think that I don't have mistake but my app cann't make request.&lt;/p&gt;
&lt;p&gt;Does anybody know what might be problem?&lt;/p&gt;</t>
  </si>
  <si>
    <t>2017-08-26 10:12:11.250000+00:00</t>
  </si>
  <si>
    <t>2017-08-26 12:13:41.110000+00:00</t>
  </si>
  <si>
    <t>2017-08-26 10:28:35.833000+00:00</t>
  </si>
  <si>
    <t>java|android|httprequest</t>
  </si>
  <si>
    <t>Read attribute value from XML which contains prefix with colon in element name and attribute name</t>
  </si>
  <si>
    <t>&lt;p&gt;I have element in XML like below&lt;/p&gt;
&lt;pre&gt;&lt;code&gt;&amp;lt;user:name test:one = "firstUser" /&amp;gt;
&lt;/code&gt;&lt;/pre&gt;
&lt;p&gt;I use &lt;strong&gt;PHP DOM Xpath&lt;/strong&gt; to read XML &lt;/p&gt;
&lt;p&gt;$doc = new DOMDocument();&lt;/p&gt;
&lt;pre&gt;&lt;code&gt;$xpath = new DOMXPath($doc);
$xml = simplexml_load_file(file path here);
echo '&amp;lt;pre&amp;gt;'; print_r($xml);
&lt;/code&gt;&lt;/pre&gt;
&lt;p&gt;and output is blank&lt;/p&gt;
&lt;pre&gt;&lt;code&gt;SimpleXMLElement Object
(
)
&lt;/code&gt;&lt;/pre&gt;
&lt;p&gt;If I try removing &lt;strong&gt;:&lt;/strong&gt; and prefix like below&lt;/p&gt;
&lt;pre&gt;&lt;code&gt;&amp;lt;name one = "firstUser" /&amp;gt; 
&lt;/code&gt;&lt;/pre&gt;
&lt;p&gt;then it reads element. output is&lt;/p&gt;
&lt;pre&gt;&lt;code&gt;SimpleXMLElement Object
(
    [name] =&amp;gt; SimpleXMLElement Object
    (
        [@attributes] =&amp;gt; Array
        (
            [one] =&amp;gt; firstUser
        )
    )
)
&lt;/code&gt;&lt;/pre&gt;
&lt;p&gt;How I can read element value with &lt;strong&gt;prefix and colon (:)&lt;/strong&gt;&lt;/p&gt;
&lt;p&gt;Updated : sample XML file&lt;/p&gt;
&lt;pre&gt;&lt;code&gt;&amp;lt;?xml version="1.0" encoding="UTF-8"?&amp;gt;
&amp;lt;root xmlns:test="http://www.w3.org/2001/XMLSchema"  xmlns:user="http://www.w3.org/2001/XMLSchema"&amp;gt;
    &amp;lt;user:name test:one = "firstUser" /&amp;gt;
    &amp;lt;name second = "secondUser" /&amp;gt;
&amp;lt;/root&amp;gt;
&lt;/code&gt;&lt;/pre&gt;</t>
  </si>
  <si>
    <t>2017-09-04 13:32:44.150000+00:00</t>
  </si>
  <si>
    <t>2017-09-04 14:19:14.940000+00:00</t>
  </si>
  <si>
    <t>2017-09-04 14:06:21.933000+00:00</t>
  </si>
  <si>
    <t>php|xml|xpath</t>
  </si>
  <si>
    <t>Cufon colour stays same after class removal</t>
  </si>
  <si>
    <t>&lt;p&gt;I have links and when one is clicked there is an id added which changes the colour. The other links have the class removed so there colour will retun to normal. This is working with javascript disabled and I can even see the code working in firebug but for some reason cufon keeps the selected class colour. Any help please. Ta&lt;/p&gt;</t>
  </si>
  <si>
    <t>2010-11-23 16:42:06.870000+00:00</t>
  </si>
  <si>
    <t>2011-12-18 23:55:37.650000+00:00</t>
  </si>
  <si>
    <t>user141621</t>
  </si>
  <si>
    <t>jquery|cufon</t>
  </si>
  <si>
    <t>What's more memory efficient IIFE in javascript?</t>
  </si>
  <si>
    <t>&lt;p&gt;I want to invoke an anonymous self-executing function, &lt;strong&gt;only when dom is ready&lt;/strong&gt;, with the more memory-efficient technique. And also, I want to use locally-scoped versions of window and window.jQuery global Objects, for optimization (loading local scope it's faster than global).&lt;/p&gt;
&lt;p&gt;So, it's this pattern correct?&lt;/p&gt;
&lt;pre&gt;&lt;code&gt;;!(function(window, $) {
    $(function(){
        // your code here
    }); 
})(window,window.jQuery);
&lt;/code&gt;&lt;/pre&gt;
&lt;p&gt;I'm not sure if I'm doing something wrong ...&lt;/p&gt;
&lt;p&gt;Thanks in advance!&lt;/p&gt;</t>
  </si>
  <si>
    <t>2013-07-17 10:18:00.937000+00:00</t>
  </si>
  <si>
    <t>2013-07-17 10:23:04.343000+00:00</t>
  </si>
  <si>
    <t>javascript|jquery|memory-efficient|iife|self-invoking-function</t>
  </si>
  <si>
    <t>Why is this kernel module marked at permanent on 2.6.39</t>
  </si>
  <si>
    <t>&lt;p&gt;When I load this module:&lt;/p&gt;
&lt;pre&gt;&lt;code&gt;#include &amp;lt;linux/init.h&amp;gt;
#include &amp;lt;linux/module.h&amp;gt;
#include &amp;lt;linux/kernel.h&amp;gt;
MODULE_LICENSE("Dual BSD/GPL");
static int hello_init(void) {
  printk("&amp;lt;1&amp;gt; Hello world!\n");
  return 0;
}
static void hello_exit(void) {
  printk("&amp;lt;1&amp;gt; Bye, cruel world\n");
}
module_init(hello_init);
module_exit(hello_exit);
&lt;/code&gt;&lt;/pre&gt;
&lt;p&gt;(From &lt;a href="http://www.freesoftwaremagazine.com/articles/drivers_linux?page=0,2" rel="noreferrer"&gt;http://www.freesoftwaremagazine.com/articles/drivers_linux?page=0,2&lt;/a&gt; )&lt;/p&gt;
&lt;p&gt;The module get marked as &lt;code&gt;[permanent]&lt;/code&gt; in &lt;code&gt;lsmod&lt;/code&gt; and can't be unloaded, on 2.6.39-02063904-generic (from the &lt;a href="http://kernel.ubuntu.com/~kernel-ppa/mainline/v2.6.39.4-oneiric/" rel="noreferrer"&gt;Ubuntu PPA&lt;/a&gt;). But it works fine on the default 2.6.38 kernel. (Both on Ubuntu 11.04 x86).&lt;/p&gt;
&lt;p&gt;What has changed in 2.6.39? and what do I need to change in my code?&lt;/p&gt;
&lt;p&gt;I was trying to isolate a more complicated problem when I ran into this issue.&lt;/p&gt;
&lt;p&gt;EDIT:&lt;/p&gt;
&lt;p&gt;Following a suggestion from an answer I edited the code to add &lt;code&gt;__init&lt;/code&gt; and &lt;code&gt;__exit&lt;/code&gt; (hello3.c):&lt;/p&gt;
&lt;pre&gt;&lt;code&gt;#include &amp;lt;linux/init.h&amp;gt;
#include &amp;lt;linux/module.h&amp;gt;
#include &amp;lt;linux/kernel.h&amp;gt;
MODULE_LICENSE("Dual BSD/GPL");
static int __init hello_init(void) {
  printk("&amp;lt;1&amp;gt; Hello world!\n");
  return 0;
}
static void __exit hello_exit(void) {
  printk("&amp;lt;1&amp;gt; Bye, cruel world\n");
}
module_init(hello_init);
module_exit(hello_exit);
&lt;/code&gt;&lt;/pre&gt;
&lt;p&gt;The build output:&lt;/p&gt;
&lt;pre&gt;&lt;code&gt;make -C /lib/modules/2.6.39-02063904-generic/build M=/home/douglas/kernelmod modules
make[1]: Entering directory `/usr/src/linux-headers-2.6.39-02063904-generic'
Building with KERNELRELEASE = 2.6.39-02063904-generic
  CC [M]  /home/douglas/kernelmod/hello3.o
  Building modules, stage 2.
Building with KERNELRELEASE = 2.6.39-02063904-generic
  MODPOST 8 modules
  CC      /home/douglas/kernelmod/hello3.mod.o
  LD [M]  /home/douglas/kernelmod/hello3.ko
make[1]: Leaving directory `/usr/src/linux-headers-2.6.39-02063904-generic'
&lt;/code&gt;&lt;/pre&gt;
&lt;p&gt;EDIT2:&lt;/p&gt;
&lt;p&gt;hello3.mod.c:&lt;/p&gt;
&lt;pre&gt;&lt;code&gt;#include &amp;lt;linux/module.h&amp;gt;
#include &amp;lt;linux/vermagic.h&amp;gt;
#include &amp;lt;linux/compiler.h&amp;gt;
MODULE_INFO(vermagic, VERMAGIC_STRING);
struct module __this_module
__attribute__((section(".gnu.linkonce.this_module"))) = {
 .name = KBUILD_MODNAME,
 .init = init_module,
#ifdef CONFIG_MODULE_UNLOAD
 .exit = cleanup_module,
#endif
 .arch = MODULE_ARCH_INIT,
};
static const struct modversion_info ____versions[]
__used
__attribute__((section("__versions"))) = {
    { 0xbe4b3e92, "module_layout" },
    { 0xb4390f9a, "mcount" },
    { 0x5e3b3ab4, "printk" },
};
static const char __module_depends[]
__used
__attribute__((section(".modinfo"))) =
"depends=";
MODULE_INFO(srcversion, "D2A869459874C22AB265981");
&lt;/code&gt;&lt;/pre&gt;
&lt;p&gt;Also &lt;/p&gt;
&lt;pre&gt;&lt;code&gt;# grep CONFIG_MODULE_UNLOAD /boot/config-2.6.39-02063904-generic 
CONFIG_MODULE_UNLOAD=y
&lt;/code&gt;&lt;/pre&gt;
&lt;p&gt;EDIT3:&lt;/p&gt;
&lt;p&gt;More interestingly it doesn't happen with a vanilla kernel I've compiled myself - that 
loads and unloads modules fine.&lt;/p&gt;
&lt;p&gt;EDIT4:&lt;/p&gt;
&lt;p&gt;I installed the Oneiric beta 2 build on a VM, and that 3.0.0-11 kernel doesn't have any problem either. So it appears to be limited to the Ubuntu Vanilla PPA kernels. That won't be much fun to resolve.&lt;/p&gt;</t>
  </si>
  <si>
    <t>2011-09-20 08:51:22.220000+00:00</t>
  </si>
  <si>
    <t>2014-06-26 07:20:49.067000+00:00</t>
  </si>
  <si>
    <t>2011-09-26 10:54:37.487000+00:00</t>
  </si>
  <si>
    <t>linux|module|kernel|permanent</t>
  </si>
  <si>
    <t>working with defer</t>
  </si>
  <si>
    <t>&lt;p&gt;I have used defer for my project (to pass google page speed test)
&lt;a href="https://i.stack.imgur.com/5QE4x.jpg" rel="nofollow noreferrer"&gt;&lt;img src="https://i.stack.imgur.com/5QE4x.jpg" alt="enter image description here"&gt;&lt;/a&gt;&lt;/p&gt;
&lt;p&gt;but my lazy plugin is not working as expect and this is my jquery lazy function to worked all lazy images&lt;/p&gt;
&lt;p&gt;&lt;a href="https://i.stack.imgur.com/8eWIH.jpg" rel="nofollow noreferrer"&gt;&lt;img src="https://i.stack.imgur.com/8eWIH.jpg" alt="enter image description here"&gt;&lt;/a&gt;&lt;/p&gt;
&lt;p&gt;but all image is not loading how can be possible ?&lt;/p&gt;
&lt;pre&gt;&lt;code&gt;&amp;lt;!-- jQuery (necessary for Bootstrap's JavaScript plugins) --&amp;gt;
&amp;lt;script src="js/jquery.min.js" defer&amp;gt;&amp;lt;/script&amp;gt;
&amp;lt;!-- Include all compiled plugins (below), or include individual files as needed --&amp;gt;
&amp;lt;script src="js/bootstrap.min.js" defer&amp;gt;&amp;lt;/script&amp;gt;
&amp;lt;script src="js/plugin.js" defer&amp;gt;&amp;lt;/script&amp;gt;
&amp;lt;script src="js/main.js" defer onload="loadImages()"&amp;gt;&amp;lt;/script&amp;gt;
&lt;/code&gt;&lt;/pre&gt;
&lt;p&gt;MY JS&lt;/p&gt;
&lt;pre&gt;&lt;code&gt;function loadImages(){
  $(".lazy").lazy();
};
&lt;/code&gt;&lt;/pre&gt;
&lt;p&gt;&lt;a href="http://firatabak.com/test/anasayfa.html" rel="nofollow noreferrer"&gt;click to see demo page - when page loaded scroll down please&lt;/a&gt;&lt;/p&gt;</t>
  </si>
  <si>
    <t>2016-12-06 06:43:01.003000+00:00</t>
  </si>
  <si>
    <t>2016-12-06 09:49:21.223000+00:00</t>
  </si>
  <si>
    <t>2016-12-06 09:19:08.557000+00:00</t>
  </si>
  <si>
    <t>javascript|jquery|html|deferred-loading</t>
  </si>
  <si>
    <t>can't authorise moves through app link</t>
  </si>
  <si>
    <t>&lt;p&gt;We are developing an app that should get data from the &lt;a href="https://dev.moves-app.com/docs/authentication" rel="nofollow"&gt;Moves app API&lt;/a&gt;.&lt;/p&gt;
&lt;p&gt;When authorising our app on the mobile phone, we manage to do so successfully in the case in which we submit the PIN provided by the desktop link into the moves app:
&lt;code&gt;https://api.moves-app.com/oauth/v1/authorize?response_type=code&amp;amp;client_id=&amp;lt;client_id&amp;gt;&amp;amp;scope=&amp;lt;scope&amp;gt;&amp;amp;state=&amp;lt;state&amp;gt;&lt;/code&gt;&lt;/p&gt;
&lt;p&gt;In the case where I use the &lt;em&gt;Mobile website / app&lt;/em&gt; link instead, this won't work:
&lt;code&gt;moves://app/authorize?client_id=&amp;lt;client_id&amp;gt;&amp;amp;scope=activity%20location&amp;amp;state=&amp;lt;state&amp;gt;&amp;amp;redirect_uri=&amp;lt;redirect_uri&amp;gt;&lt;/code&gt;&lt;/p&gt;
&lt;p&gt;Note: &lt;code&gt;&amp;lt;redirect_uri&amp;gt;==encodeURIComponent("mymovesconnector:8081/callback")&lt;/code&gt;.&lt;/p&gt;
&lt;p&gt;The response we get from the Moves API is 400: &lt;code&gt;{"error":"invalid_grant"}&lt;/code&gt;.&lt;/p&gt;
&lt;p&gt;From the &lt;a href="https://dev.moves-app.com/docs/faq#problems" rel="nofollow"&gt;docs&lt;/a&gt;, it says that &lt;code&gt;invalid_grant&lt;/code&gt; can happen if either:&lt;/p&gt;
&lt;ol&gt;
&lt;li&gt;the code in the request is not valid or&lt;/li&gt;
&lt;li&gt;the code has expired (it���s valid for 5 minutes currently) or&lt;/li&gt;
&lt;li&gt;the code has been revoked, because it was already used in an access token request (both successful and unsuccessful requests will revoke the code) or&lt;/li&gt;
&lt;li&gt;you are missing the redirect_uri parameter when it���s required.&lt;/li&gt;
&lt;/ol&gt;
&lt;p&gt;My checklist:&lt;/p&gt;
&lt;ol&gt;
&lt;li&gt;I guess this could have happened, but how/why should this code, provided over &lt;code&gt;moves://&lt;/code&gt;, be different than the one provided through the &lt;code&gt;https://&lt;/code&gt; request? What control do I have over this?&lt;/li&gt;
&lt;li&gt;not my case, since I'm using the code right away within less then a few seconds&lt;/li&gt;
&lt;li&gt;if this might have happened, where could it happen other than through the redirect url?&lt;/li&gt;
&lt;li&gt;I'm providing it always. It's always the same - also in the app settings on moves.&lt;/li&gt;
&lt;/ol&gt;
&lt;p&gt;Can't figure out what I'm missing. Went through the docs many times, step by step. No success.&lt;/p&gt;</t>
  </si>
  <si>
    <t>2015-11-12 16:51:15.273000+00:00</t>
  </si>
  <si>
    <t>android|api|authorization</t>
  </si>
  <si>
    <t>Add two columns on basis of another column effective and reuse it</t>
  </si>
  <si>
    <t>&lt;pre&gt;&lt;code&gt;id  discount    ref_name    ref_type
101 12          Sid         national
104 34          Buny        international
108 21          Amir        national
196 35          Sanjeev     local
232 23          Anurag      local
345 2           Abhitab     international
&lt;/code&gt;&lt;/pre&gt;
&lt;p&gt;Q1. How to get the total discount by each ref_type ?&lt;/p&gt;
&lt;pre&gt;&lt;code&gt;Expected result
national 33 (12+21)
international 36 (34+2)
local 58 (35+23)
&lt;/code&gt;&lt;/pre&gt;
&lt;p&gt;My query&lt;/p&gt;
&lt;pre&gt;&lt;code&gt;select ref_type,sum(discount) from student where ref_type ='local'  UNION ALL 
select ref_type,sum(discount) from student where ref_type ='national' UNION ALL 
select ref_type,sum(discount) from student where ref_type ='international' ;
&lt;/code&gt;&lt;/pre&gt;
&lt;p&gt;Q2. Get the 3rd highest discount by totaling all discount given by individual ref type?
Ans &lt;code&gt;national 33&lt;/code&gt;&lt;/p&gt;
&lt;p&gt;Q3. Show all records which exceed 50 per?
And &lt;code&gt;local 58&lt;/code&gt;&lt;/p&gt;
&lt;p&gt;For both these, I am planning to make a table with above result query and put where condition. But I am sure the way I have opted is not the correct one and will like to know the better way to achieve my goal. I am using MySQL for executing these queries.   &lt;/p&gt;</t>
  </si>
  <si>
    <t>2018-06-27 00:25:09.950000+00:00</t>
  </si>
  <si>
    <t>2018-06-27 05:38:15.700000+00:00</t>
  </si>
  <si>
    <t>2018-06-27 02:45:06.910000+00:00</t>
  </si>
  <si>
    <t>Editing WMV metadata using Python or PHP?</t>
  </si>
  <si>
    <t>&lt;blockquote&gt;
  &lt;p&gt;&lt;strong&gt;Possible Duplicate:&lt;/strong&gt;&lt;br&gt;
  &lt;a href="https://stackoverflow.com/questions/2555714/need-a-wmv-php-library"&gt;need a wmv php library&lt;/a&gt;  &lt;/p&gt;
&lt;/blockquote&gt;
&lt;p&gt;Is there library to edit WMV metadata using Python or PHP? I tried editing with ffmpeg but it just creates a new video file(with edited tags) rather than just editing the tags.&lt;/p&gt;</t>
  </si>
  <si>
    <t>2010-05-18 19:28:22.467000+00:00</t>
  </si>
  <si>
    <t>2010-05-25 17:29:35.850000+00:00</t>
  </si>
  <si>
    <t>2017-05-23 12:11:46.290000+00:00</t>
  </si>
  <si>
    <t>php|python|video|wmv</t>
  </si>
  <si>
    <t>How can I add a Font-Awesome icon on my form field?</t>
  </si>
  <si>
    <t>&lt;p&gt;I am making a form and I want to use &lt;a href="http://fortawesome.github.io/Font-Awesome/" rel="nofollow"&gt;Font-Awesome&lt;/a&gt; icon on my input field. &lt;/p&gt;
&lt;p&gt;Here is my HTML code.&lt;/p&gt;
&lt;pre&gt;&lt;code&gt;&amp;lt;div class="form-group"&amp;gt;
    &amp;lt;span class="input-icon"&amp;gt;
        &amp;lt;i class="fa fa-user"&amp;gt;&amp;lt;/i&amp;gt;
        &amp;lt;input class="form-control" name="username" placeholder="Username" type="text"&amp;gt;
    &amp;lt;/span&amp;gt;
&amp;lt;/div&amp;gt;
&lt;/code&gt;&lt;/pre&gt;
&lt;p&gt;I want to show the icon &lt;em&gt;on&lt;/em&gt; my input field. Currently it show up &lt;em&gt;above&lt;/em&gt; my input field.&lt;/p&gt;</t>
  </si>
  <si>
    <t>2015-02-16 17:18:10.257000+00:00</t>
  </si>
  <si>
    <t>2017-02-21 19:24:30.957000+00:00</t>
  </si>
  <si>
    <t>2015-02-16 17:25:58.900000+00:00</t>
  </si>
  <si>
    <t>css|css3|twitter-bootstrap-3|font-awesome</t>
  </si>
  <si>
    <t>How to set logLevel in a pyspark job</t>
  </si>
  <si>
    <t>&lt;p&gt;I'm trying to set the log level in a pyspark job. I'm not using the spark shell, so I can't just do what it advises and call sc.setLogLevel(newLevel), since I don't have an sc object.&lt;/p&gt;
&lt;p&gt;A lot of sources say to just modify the log4j.properties, but I don't know where to find/put that file. I used pip install pyspark in a virtual environment, so I don't have a $SPARK_HOME environment variable that I've set (the sources usually say the log4j.properties is in the $SPARK_HOME).&lt;/p&gt;
&lt;p&gt;I hope I can call this programmatically, but I don't know where to call setLogLevel. Right now my setup code is just this:&lt;/p&gt;
&lt;pre&gt;&lt;code&gt;spark = SparkSession.builder.master("local").appName("test-mf").getOrCreate()
&lt;/code&gt;&lt;/pre&gt;</t>
  </si>
  <si>
    <t>2018-03-27 22:26:48.200000+00:00</t>
  </si>
  <si>
    <t>2018-03-27 22:29:41.477000+00:00</t>
  </si>
  <si>
    <t>pyspark|virtualenv</t>
  </si>
  <si>
    <t>Why does bootstrap suggest do load scripts in body?</t>
  </si>
  <si>
    <t>&lt;p&gt;Scripts should be included in the &lt;code&gt;&amp;lt;head&amp;gt;&lt;/code&gt; part is what I learned from w3c.&lt;/p&gt;
&lt;p&gt;Why does Boostrap suggest to load itself in the &lt;code&gt;&amp;lt;body&amp;gt;&lt;/code&gt; part as seen here: &lt;/p&gt;
&lt;p&gt;&lt;a href="http://getbootstrap.com/getting-started/#template" rel="nofollow"&gt;http://getbootstrap.com/getting-started/#template&lt;/a&gt;&lt;/p&gt;</t>
  </si>
  <si>
    <t>2013-08-26 10:33:59.023000+00:00</t>
  </si>
  <si>
    <t>2013-08-26 15:22:56.427000+00:00</t>
  </si>
  <si>
    <t>html|twitter-bootstrap</t>
  </si>
  <si>
    <t>Is it ok to use DialogFragment in fullscreen to simulate a new activity?</t>
  </si>
  <si>
    <t>&lt;p&gt;I am trying to know if it is ok to manage the "navigation" of my app with DialogFragments all the time, putting them in fullscreen as if they were Activities.
Thank you very much&lt;/p&gt;</t>
  </si>
  <si>
    <t>2015-04-29 16:32:31.190000+00:00</t>
  </si>
  <si>
    <t>2015-04-29 17:03:17.843000+00:00</t>
  </si>
  <si>
    <t>2015-04-29 16:39:59.080000+00:00</t>
  </si>
  <si>
    <t>android|android-fragments|dialog</t>
  </si>
  <si>
    <t>how to remove the bluetooth module from android</t>
  </si>
  <si>
    <t>&lt;p&gt;I have a device which runs android 4.1.
But the device does not have a bluetooth, so I want to remove bluetooth related items from the 4.1 platform (like sharing menu, setting items which contain "bluetooth ").&lt;/p&gt;
&lt;p&gt;but it seems a miscellaneous work ( settings, filesharing ,  ).&lt;/p&gt;
&lt;p&gt;Is there any method that can  tell the platform that the current devices don't have a bluetooth only by config some files???&lt;/p&gt;</t>
  </si>
  <si>
    <t>2013-02-20 09:53:17.197000+00:00</t>
  </si>
  <si>
    <t>2013-02-22 03:49:11.923000+00:00</t>
  </si>
  <si>
    <t>Android: HttpURLConnection redirect - doInBackground</t>
  </si>
  <si>
    <t>&lt;p&gt;I'm using HttpURLConnection to do communication with a backend server and im doing so in an async task in the doInBackground method as you should.&lt;/p&gt;
&lt;p&gt;Now I need to be able to follow 302 redirects, but I'm having some problems with this. The issue is that the new location usually will be on another host, however when doing the redirect request it seem not to change the URL to a new host hence I get a 404 error saying the specified path does not exits.&lt;/p&gt;
&lt;p&gt;Now I know I could set HtppURLConnection.setFollowRedirect but I need to have more control over the redirects so they should not just be followed blindly. The Redirect behavour should be controlled by the object who called the asynctask (when an asynctask object is created you pass the object who creates it in a parameter called _callback).&lt;/p&gt;
&lt;p&gt;Heres's my current code:&lt;/p&gt;
&lt;pre&gt;&lt;code&gt;protected HttpResponse doInBackground(String... req) {
HttpURLConnection urlConnection = null;
try {
    urlConnection = (HttpURLConnection) this._url.openConnection();
    urlConnection.setConnectTimeout( (int) this._timeout*1000);
    String body = req[0];
    // set headers / write information to output stream if request is post
    // create the response object
    HttpResponse responseObject = null;
    try
    {
        // get status, contenttype, charset...
        InputStream in = null;
        if (urlConnection.getResponseCode() != -1 &amp;amp;&amp;amp; urlConnection.getResponseCode() &amp;lt; 300)
        {
            in = new BufferedInputStream(urlConnection.getInputStream(), 8192);
        }
        else 
        {
            in = new BufferedInputStream(urlConnection.getErrorStream(), 8192);
        }
        responseObject = new HttpResponse(in, status, contentType, charset);
        // if redirect
        if (status == 302 &amp;amp;&amp;amp; this._callback.onRedirect(responseObject) == true)
        {
            // recall
            String url = urlConnection.getHeaderField("location");
            Log.v("Async Task", "Redirect location: " + url);
            this._url = null;
            this._url = new URL(url);
            urlConnection.disconnect();
            urlConnection = null;
            responseObject = this.doInBackground(req);
        }
    } catch (IOException e)
    {
        // TODO Auto-generated catch block
        e.printStackTrace();
    } 
    // return the response
    return responseObject;
} 
// catch some other exceptions
finally 
{
    if (urlConnection != null)
    {
        urlConnection.disconnect();
    }   }
}
&lt;/code&gt;&lt;/pre&gt;
&lt;p&gt;And as said the problem is that the redirect request seem to change the path of the URL but not the host. The URL object itself seem to contain the right information so I have no idea why this is happening. (I'm getting HTML as response which is an 404 error page that includes the server name of the old server)&lt;/p&gt;
&lt;p&gt;Thanks for any help!&lt;/p&gt;
&lt;p&gt;Note: HttpResponse is just an object I created for holding the relevant information about the response.&lt;/p&gt;</t>
  </si>
  <si>
    <t>2012-07-18 08:44:09.683000+00:00</t>
  </si>
  <si>
    <t>2012-07-18 10:41:51.310000+00:00</t>
  </si>
  <si>
    <t>2012-07-18 08:49:14.473000+00:00</t>
  </si>
  <si>
    <t>android|httpurlconnection|urlconnection</t>
  </si>
  <si>
    <t>Issue while upgrding mirth channel from 2.2.1 to 3.6.1</t>
  </si>
  <si>
    <t>&lt;p&gt;I have recently started working on mirth channel and I was to asked to update mirth connect from 2.21 to 3.6.1(latest mirth version). The problem I was facing was If success destination status is returned as SUCCESS for version 2.2.1 and SENT for version 3.6.1. We are updating our DB based on the status sent. Because of this difference I have to change code in all my channels. Is there any other way to avoid code change?&lt;/p&gt;</t>
  </si>
  <si>
    <t>2018-08-23 07:46:40.940000+00:00</t>
  </si>
  <si>
    <t>2018-08-24 21:56:52.697000+00:00</t>
  </si>
  <si>
    <t>mirth|mirth-connect</t>
  </si>
  <si>
    <t>How to output console.log in Xcode (using wkwebview)?</t>
  </si>
  <si>
    <t>&lt;p&gt;As a problem.&lt;/p&gt;
&lt;p&gt;How to output console.log() in Xcode's console, in the case of wkwebview ?&lt;/p&gt;
&lt;p&gt;(Objective-C)&lt;/p&gt;</t>
  </si>
  <si>
    <t>2018-08-14 08:13:53.057000+00:00</t>
  </si>
  <si>
    <t>2018-09-20 03:32:40.330000+00:00</t>
  </si>
  <si>
    <t>2018-08-14 08:29:03.857000+00:00</t>
  </si>
  <si>
    <t>ios|xcode|wkwebview</t>
  </si>
  <si>
    <t>How to update a property of a ViewController from data retrieved asynchronously?</t>
  </si>
  <si>
    <t>&lt;p&gt;I would like to update a property of my ViewController &lt;code&gt;self.matchedUsers&lt;/code&gt;, which takes data from a query that I run asynchronously through a block. &lt;/p&gt;
&lt;p&gt;Then somewhere later When I retrieve the count via &lt;code&gt;[self.matchedUsers count]&lt;/code&gt;, I still get 0, despite knowing that multiple objects was added to my property.  My question is, how do I ensure that my property gets updated even when I am retrieving data asynchronously through a block?  Thanks!  &lt;/p&gt;
&lt;p&gt;Update:&lt;/p&gt;
&lt;p&gt;For context, here is the block:&lt;/p&gt;
&lt;pre&gt;&lt;code&gt;//Way earlier in an initializer:
self.matchedUsers = [[NSMutableArray alloc] init];
//In a method much later
[query findObjectsInBackgroundWithBlock:^(NSArray *objects, NSError *error) {
   if (!error){
     //Code that updates self.matchedUsers with the NSArray objects
               dispatch_async(dispatch_get_main_queue(), ^{
                    [self.matchedUsers addObjectsFromArray: objects];
                });
     //Question relates to ensure how property could be updated 
   }
 }];
&lt;/code&gt;&lt;/pre&gt;</t>
  </si>
  <si>
    <t>2013-10-10 19:49:01.840000+00:00</t>
  </si>
  <si>
    <t>2013-10-16 03:19:25.727000+00:00</t>
  </si>
  <si>
    <t>iphone|ios|objective-c|objective-c-blocks</t>
  </si>
  <si>
    <t>Getting index of first occurrence of a value in every column of a matrix</t>
  </si>
  <si>
    <t>&lt;p&gt;If I have a single vector, I can get the 1st occurrence which is below a value:&lt;/p&gt;
&lt;pre&gt;&lt;code&gt;test &amp;lt;- c(0.5,0.8,0.1,0.08,0.06,0.04)
which(test&amp;lt;0.1)[1]    
&lt;/code&gt;&lt;/pre&gt;
&lt;p&gt;which correctly gives the answer as &lt;code&gt;4&lt;/code&gt;.  However, how do I get the first occurrence within each column of a matrix, such as the furst occurrence below 5 in the following 2 column matrix:&lt;/p&gt;
&lt;pre&gt;&lt;code&gt;test2 &amp;lt;- matrix(c(5,8,3,4,7,5,6,2),ncol=2)
&lt;/code&gt;&lt;/pre&gt;
&lt;p&gt;Using &lt;code&gt;apply&lt;/code&gt; with &lt;code&gt;which&lt;/code&gt; returns a list:&lt;/p&gt;
&lt;pre&gt;&lt;code&gt;&amp;gt; apply(test2&amp;lt;5,2,which)
[[1]]
[1] 3 4
[[2]]
[1] 4
&lt;/code&gt;&lt;/pre&gt;
&lt;p&gt;while using &lt;code&gt;apply&lt;/code&gt; with &lt;code&gt;which.min&lt;/code&gt; returns &lt;code&gt;1&lt;/code&gt; for all columns:&lt;/p&gt;
&lt;pre&gt;&lt;code&gt;&amp;gt; apply(test2&amp;lt;5,2,which.min)
[1] 1 1
&lt;/code&gt;&lt;/pre&gt;
&lt;p&gt;whereas, what I want should just return &lt;code&gt;[1] 3 4&lt;/code&gt; - am I missing something obvious?&lt;/p&gt;</t>
  </si>
  <si>
    <t>2012-05-28 18:52:48.727000+00:00</t>
  </si>
  <si>
    <t>2016-07-23 12:20:50.400000+00:00</t>
  </si>
  <si>
    <t>2012-05-28 19:01:06.300000+00:00</t>
  </si>
  <si>
    <t>Running jar from cmd</t>
  </si>
  <si>
    <t>&lt;p&gt;I have seen a lot of posts and found lots of data on the net about this but I am still confused.&lt;/p&gt;
&lt;p&gt;I have downloaded a .jar file and I need to increase its heap size. I have added the jre1.6/bin in the Path of Windows 64 bit and I run from cmd.&lt;/p&gt;
&lt;p&gt;The problem arises that it says unable to access jar file. &lt;/p&gt;
&lt;p&gt;Can anybody explain in some detail what should I do to run it from cmd. Do i need  to add the location of jar file into the Path too ?? Also I have noticed that in many posts they tell to change the classpath but I have'nt done anything as such. &lt;/p&gt;
&lt;p&gt;Do tell if you need any extra information.&lt;/p&gt;
&lt;p&gt;------------------------------- (Update)&lt;/p&gt;
&lt;p&gt;This is really wierd ..... I did it what was mentioned in here and now the program loads and then exits with Out of memory error saying that it needs more heap size even though it was working before with 128 m heap size. This happens when I increase it to 1024m. Can anybosy explain why the error could have come. I have 3GB Ram so I don't understand it.....&lt;/p&gt;</t>
  </si>
  <si>
    <t>2010-11-18 20:38:28.927000+00:00</t>
  </si>
  <si>
    <t>2010-11-18 20:59:11.663000+00:00</t>
  </si>
  <si>
    <t>user506710</t>
  </si>
  <si>
    <t>Lost on MySQL query</t>
  </si>
  <si>
    <t>&lt;p&gt;I've done some research and I know about building views but I feel like what I am trying to accomplish may not be possible without creating a hard coded table of information..Below is what I am trying to accomplish&lt;/p&gt;
&lt;pre&gt;&lt;code&gt;Table 1 
ID
1
2
3
4
5
Table 2
ID     DATE
1      4/23/2014
1      5/10/2014
2      4/15/2014
5      12/13/2013
3      3/15/2014
&lt;/code&gt;&lt;/pre&gt;
&lt;p&gt;What I am wanting to do is compose a query that will start with the data in table one as it contains all possible ID's, I want to join this data with the data from table 2 based on the ID field, but the key is I will be passing in a date argument that will be filtering the data based on month and year as well.  What I need to happen is if an ID in table one does not have a record in Table 2 for a given month I need a null record to be created.  The issue I am running into is not having a single null record no matter what for each ID in table one being put into the view which below I explain why I need this.  Here is the view I am getting with just typical left join:&lt;/p&gt;
&lt;pre&gt;&lt;code&gt;Table 3 (View or just a general query joining the above tables)
ID     DATE
1      4/23/2014
1      5/10/2014
2      4/15/2014
5      12/13/2013
3      3/15/2014
4      null
&lt;/code&gt;&lt;/pre&gt;
&lt;p&gt;Now its easy to see if I pulled for this data for the month/year of 4/2014 or null I would get&lt;/p&gt;
&lt;pre&gt;&lt;code&gt;ID     DATE
1      4/23/2014
2      4/15/2014
4      null    
&lt;/code&gt;&lt;/pre&gt;
&lt;p&gt;What I am looking to get (which I realize is impossible from the data in this view) is:&lt;/p&gt;
&lt;pre&gt;&lt;code&gt;ID     DATE
1      4/23/2014
2      4/15/2014
4      null
3      null
5      null
&lt;/code&gt;&lt;/pre&gt;
&lt;p&gt;So is there a way to create these rows in a view dynamically so that when I pass in my date argument I will get the desired results?  One thing I just thought of right this second would be to create a view with just the ID's from table 1 and a null date field and possibly union the two views together?  Or could a Union be used in building the initial view to get the desired results?  Once I have the data in the final view (or pulling it with the correct query in general) I will be able to accomplish my final task of building reports based on the data.  Any help would be greatly appreciated!&lt;/p&gt;</t>
  </si>
  <si>
    <t>2014-05-08 16:45:51.520000+00:00</t>
  </si>
  <si>
    <t>mysql|views</t>
  </si>
  <si>
    <t>Negative lookahead alternative</t>
  </si>
  <si>
    <t>&lt;p&gt;For a URL pattern such as this one:&lt;/p&gt;
&lt;pre&gt;&lt;code&gt;/detail.php?a=BYGhs5w8e9o&amp;amp;b=234844617545&amp;amp;h=9827a
&lt;/code&gt;&lt;/pre&gt;
&lt;p&gt;I would like Google Analytics to match only the URL's with the &lt;code&gt;a&lt;/code&gt; and &lt;code&gt;b&lt;/code&gt; parameters in it:&lt;/p&gt;
&lt;pre&gt;&lt;code&gt;/orderdetail.php?a=BYGhs5w8e9o&amp;amp;b=234844617545
&lt;/code&gt;&lt;/pre&gt;
&lt;p&gt;And thus strip out:&lt;/p&gt;
&lt;pre&gt;&lt;code&gt;&amp;amp;h=9827a
&lt;/code&gt;&lt;/pre&gt;
&lt;p&gt;The main goal is to be able to setup a goal in Google Analytics which covers only the &lt;code&gt;a&lt;/code&gt; and &lt;code&gt;b&lt;/code&gt; parameters and ignores the &lt;code&gt;h&lt;/code&gt; parameter.&lt;/p&gt;
&lt;p&gt;Is there an easy way to accomplish this without a negative lookahead?&lt;/p&gt;</t>
  </si>
  <si>
    <t>2014-06-05 12:30:50.590000+00:00</t>
  </si>
  <si>
    <t>2016-01-06 22:51:05.187000+00:00</t>
  </si>
  <si>
    <t>regex|google-analytics|goal-tracking</t>
  </si>
  <si>
    <t>Codename one SQLite data issue</t>
  </si>
  <si>
    <t>&lt;p&gt;I am working on Codename one SQLite project, While I am getting some issues, I am trying that when I am clicking on some specific date on the calendar then it will check whether that date present in the database or not, but when I am firstly click on a particular date after the application starts it gives accurate occurrence of that date, but at the second time it add previous date occurrence to the present date occurrence and display the summation of that. So how can I resolve it?&lt;/p&gt;
&lt;p&gt;&lt;strong&gt;Below is my code:-&lt;/strong&gt;&lt;/p&gt;
&lt;pre&gt;&lt;code&gt;public class Customised extends Calendar{
         ArrayList&amp;lt;String[]&amp;gt; data = new ArrayList&amp;lt;&amp;gt;();
         public Customised(){
    }
    @Override
    protected void updateButtonDayDate(Button dayButton, int currentMonth, int day) {
             dayButton.setText(""+day);
       dayButton.addActionListener(new ActionListener() {
           @Override
           public void actionPerformed(ActionEvent evt) {
               try{
        cur =  db.executeQuery("SELECT Date from CalendarData WHERE Date = ? ", dateLabel.getText());
         int columns = cur.getColumnCount();
                      if(columns &amp;gt; 0) {
                    boolean next = cur.next();
                    if(next) {
                        String[] columnNames = new String[columns];
                        for(int iter = 0 ; iter &amp;lt; columns ; iter++) {
                            columnNames[iter] = cur.getColumnName(iter);
                        }
                        while(next) {
                            Row currentRow = cur.getRow();
                            String[] currentRowArray = new String[columns];
                            for(int iter = 0 ; iter &amp;lt; columns ; iter++) {
                                currentRowArray[iter] = currentRow.getString(iter);
                            }
                            data.add(currentRowArray);
                            next = cur.next();
                        }
                        Object[][] arr = new Object[data.size()][];
                        data.toArray(arr);
                    }
                      }
             }catch(IOException e){
                 e.printStackTrace();
             }
               int i;
               for( i = 0 ; i&amp;lt; data.size(); i++){
                   Log.p(data.get(i)[0]);
               }
               Label a = new Label(dateLabel.getText());
               Label b = new Label(""+i);
               Container container1 = TableLayout.encloseIn(2, a,b);
               calendar.add(container1);
              Util.cleanup(data);
              // dayButton.getAllStyles().setBgColor(0xef5555);
     //  dayButton.setText("* "+day);
           }      
       });
    }
    @Override
    protected Button createDay() {
       Button day = new Button();
        day.setAlignment(CENTER);
        day.setUIID("CalendarDay");
        day.setEndsWith3Points(false);
        day.setTickerEnabled(false);
        return day;
    }
    }
}
&lt;/code&gt;&lt;/pre&gt;</t>
  </si>
  <si>
    <t>2017-04-06 13:17:06.297000+00:00</t>
  </si>
  <si>
    <t>2017-04-06 13:59:07.763000+00:00</t>
  </si>
  <si>
    <t>java|android|sqlite|oop|codenameone</t>
  </si>
  <si>
    <t>Appium: How to handle app redirecting to another app and back again</t>
  </si>
  <si>
    <t>&lt;p&gt;I'm currently creating a test script using Appium and I am stuck in automating the scenario below which involves redirection from 1 app to another.&lt;/p&gt;
&lt;ol&gt;
&lt;li&gt;Press a button in App1 which will redirect the user to App2&lt;/li&gt;
&lt;li&gt;Validate fields in App2 and press a button that will return user to App1&lt;/li&gt;
&lt;li&gt;Perform some more tests in App1&lt;/li&gt;
&lt;/ol&gt;
&lt;p&gt;My script is failing in Step 2 since the android driver does not recognize the UI elements in App2. Can someone help me in how to handle this?&lt;/p&gt;
&lt;p&gt;Thanks a lot!&lt;/p&gt;</t>
  </si>
  <si>
    <t>2016-05-04 13:14:38.880000+00:00</t>
  </si>
  <si>
    <t>2016-11-07 13:01:54.663000+00:00</t>
  </si>
  <si>
    <t>java|android|redirect|appium</t>
  </si>
  <si>
    <t>How to extract certain lines from command history in linux</t>
  </si>
  <si>
    <t>&lt;p&gt;I am trying to count the all processes opened by all commands which contain the word &lt;code&gt;valyria&lt;/code&gt;. I thought about this solution:&lt;/p&gt;
&lt;p&gt;writing a one-liner, such as &lt;code&gt;number=$(history | grep "valyria" | wc -l) &amp;amp;&amp;amp; echo $number&lt;/code&gt;, but this does not seem to print anything(the variable has been previously declared).&lt;/p&gt;
&lt;p&gt;My other question is this: if I enter a command which contains the word &lt;code&gt;valyrian&lt;/code&gt;, will that command open only 1 proceess or more? If the later is true, I guess that my one-liner becomes useless, since it counts 1 match=1 process. How could I achieve the desired result? &lt;/p&gt;
&lt;p&gt;Thanks, Polb&lt;/p&gt;</t>
  </si>
  <si>
    <t>2015-11-24 00:25:26.170000+00:00</t>
  </si>
  <si>
    <t>linux|process|grep|command</t>
  </si>
  <si>
    <t>$concat field with index in $map mongodb?</t>
  </si>
  <si>
    <t>&lt;p&gt;I have following collection&lt;/p&gt;
&lt;pre&gt;&lt;code&gt;{
    "_id" : ObjectId("5b16405a8832711234bcfae7"),
    "createdAt" : ISODate("2018-06-05T07:48:45.248Z"),
    "firstName": "Bruce",
    "lastName": "Wayne"
},
{
    "_id" : ObjectId("5b16405a8832711234bcfae8"),
    "createdAt" : ISODate("2018-06-05T07:48:45.248Z"),
    "firstName": "Clerk",
    "lastName": "Kent"
},
{
    "_id" : ObjectId("5b16405a8832711234bcfae9"),
    "createdAt" : ISODate("2018-06-05T07:48:45.248Z"),
    "firstName": "Peter",
    "lastName": "Parker"
}
&lt;/code&gt;&lt;/pre&gt;
&lt;p&gt;I need to &lt;code&gt;$project&lt;/code&gt; one more key index with &lt;code&gt;$concat&lt;/code&gt; with 'INV-00' + index of the root element&lt;/p&gt;
&lt;p&gt;My output should be something like that&lt;/p&gt;
&lt;pre&gt;&lt;code&gt;{
    "_id" : ObjectId("5b16405a8832711234bcfae7"),
    "createdAt" : ISODate("2018-06-05T07:48:45.248Z"),
    "firstName": "Bruce",
    "lastName": "Wayne",
    "index": "INV-001"
},
{
    "_id" : ObjectId("5b16405a8832711234bcfae8"),
    "createdAt" : ISODate("2018-06-05T07:48:45.248Z"),
    "firstName": "Clerk",
    "lastName": "Kent",
    "index": "INV-002"
},
{
    "_id" : ObjectId("5b16405a8832711234bcfae9"),
    "createdAt" : ISODate("2018-06-05T07:48:45.248Z"),
    "firstName": "Peter",
    "lastName": "Parker",
    "index": "INV-003"
}
&lt;/code&gt;&lt;/pre&gt;
&lt;p&gt;and can I change &lt;code&gt;createdAt&lt;/code&gt; format to this &lt;strong&gt;&lt;code&gt;Thu Jan 18 2018&lt;/code&gt;&lt;/strong&gt; using &lt;a href="https://docs.mongodb.com/manual/reference/operator/aggregation/dateToString/" rel="nofollow noreferrer"&gt;&lt;code&gt;$dateToString&lt;/code&gt;&lt;/a&gt; or something else???&lt;/p&gt;
&lt;p&gt;Thanks in advance!!!&lt;/p&gt;</t>
  </si>
  <si>
    <t>2018-06-15 07:05:46.597000+00:00</t>
  </si>
  <si>
    <t>2018-06-15 07:59:53.253000+00:00</t>
  </si>
  <si>
    <t>2018-06-15 07:10:48.480000+00:00</t>
  </si>
  <si>
    <t>node.js|mongodb|mongoose|mongodb-query|aggregation-framework</t>
  </si>
  <si>
    <t>extract first three numbers from a string</t>
  </si>
  <si>
    <t>&lt;p&gt;I have strings like &lt;/p&gt;
&lt;pre&gt;&lt;code&gt;"ABCD_ABCD_6.2.15_3.2"
"ABCD_ABCD_12.22.15_4.323"
"ABCD_ABCD_2.33.15_3.223"
&lt;/code&gt;&lt;/pre&gt;
&lt;p&gt;I want to extract following from above&lt;/p&gt;
&lt;pre&gt;&lt;code&gt;"6.2.15"
"12.22.15"
"2.33.15"
&lt;/code&gt;&lt;/pre&gt;
&lt;p&gt;I tried using indices of numbers but cant use them since they are variable. Only thing constant here is the length of the characters appearing in the beginning of each string.&lt;/p&gt;</t>
  </si>
  <si>
    <t>2015-07-03 09:53:34.137000+00:00</t>
  </si>
  <si>
    <t>2017-10-02 22:15:38.480000+00:00</t>
  </si>
  <si>
    <t>Trying to get the Selected checkbox values with the ID value</t>
  </si>
  <si>
    <t>&lt;p&gt;&lt;strong&gt;Below is the Model&lt;/strong&gt;&lt;/p&gt;
&lt;pre&gt;&lt;code&gt;public class M_ProjectType
{
    public Int16 ProjectTypeID { get; set; }
    public String ProjectType { get; set; }
    public Boolean IsActive { get; set; }
    public Decimal Cost { get; set; }
    public String Description { get; set; }
    public Boolean IsChecked { get; set; }
}
&lt;/code&gt;&lt;/pre&gt;
&lt;p&gt;&lt;strong&gt;Below is View Model&lt;/strong&gt;&lt;/p&gt;
&lt;pre&gt;&lt;code&gt;public class VM_Project
{
    public string[] SkillID { get; set; }
    public List&amp;lt;M_ProjectType&amp;gt; ProjectType { get; set; }
}
&lt;/code&gt;&lt;/pre&gt;
&lt;p&gt;&lt;strong&gt;Below is Get Action method. here I am getting the data for projects that will be sent to View Model&lt;/strong&gt;&lt;/p&gt;
&lt;pre&gt;&lt;code&gt;[HttpGet, Route("Project")]
public async Task&amp;lt;ActionResult&amp;gt; Project()
{
    var projectTypes = (await _projectTypes.ProjectTypesList()).Value;
    var list = new List&amp;lt;M_ProjectType&amp;gt;();
    foreach (var item in projectTypes)
    {
        list.Add(new M_ProjectType
            {
                Cost = item.Cost,
                Description = item.Description,
                IsActive = item.IsActive,
                IsChecked = false,
                ProjectType = item.ProjectType,
                ProjectTypeID = item.ProjectTypeID
            }
        );
    }
    var project = new VM_Project
    {
        ProjectType = list
    };
    return View(project);
}
&lt;/code&gt;&lt;/pre&gt;
&lt;p&gt;&lt;strong&gt;Below is Razor View&lt;/strong&gt;&lt;/p&gt;
&lt;pre&gt;&lt;code&gt;@foreach (var item in Model.ProjectType)
{
    &amp;lt;table class="table table-striped"&amp;gt;
        &amp;lt;tbody&amp;gt;
            &amp;lt;input type="hidden" value="@item.ProjectTypeID" name="ProjectTypeID" /&amp;gt;
            &amp;lt;tr&amp;gt;
                &amp;lt;td style="width:5%"&amp;gt;
                    @Html.CheckBoxFor(i =&amp;gt; item.IsChecked, new { @class = "tableflat" })
                    @Html.HiddenFor(i =&amp;gt; item.ProjectTypeID)
                &amp;lt;/td&amp;gt;
                &amp;lt;td style="width:10%"&amp;gt;@item.ProjectType&amp;lt;/td&amp;gt;
                &amp;lt;td style="width:80%"&amp;gt;@item.Description&amp;lt;/td&amp;gt;
                &amp;lt;td style="width:5%"&amp;gt;&amp;lt;b&amp;gt;$@item.Cost&amp;lt;/b&amp;gt;&amp;lt;/td&amp;gt;
            &amp;lt;/tr&amp;gt;
        &amp;lt;/tbody&amp;gt;
    &amp;lt;/table&amp;gt;
}
&lt;/code&gt;&lt;/pre&gt;
&lt;p&gt;&lt;strong&gt;Below is Post Action Method&lt;/strong&gt;&lt;/p&gt;
&lt;pre&gt;&lt;code&gt;[HttpPost, Route("Project")]
public ActionResult Project(VM_Project project)
{
    return View();
}
&lt;/code&gt;&lt;/pre&gt;
&lt;blockquote&gt;
  &lt;p&gt;Question: I am getting project.ProjectType = null. Any suggestion why
  this is happening ?&lt;/p&gt;
&lt;/blockquote&gt;</t>
  </si>
  <si>
    <t>2015-09-23 07:24:38.733000+00:00</t>
  </si>
  <si>
    <t>2015-09-23 09:06:12.977000+00:00</t>
  </si>
  <si>
    <t>2015-09-23 07:31:18.807000+00:00</t>
  </si>
  <si>
    <t>c#|asp.net-mvc-3|asp.net-mvc-4|c#-4.0</t>
  </si>
  <si>
    <t>Cast to Embedded failed error in mongoose</t>
  </si>
  <si>
    <t>&lt;p&gt;I've been looking for solving my problem in many sources but unfortunately I can't find an answer. Can you help me please. &lt;/p&gt;
&lt;p&gt;There is file with schema in it.&lt;/p&gt;
&lt;pre&gt;&lt;code&gt;const mongoose = require('mongoose');
const config = require('../config/database');
const analogueNumberSchema = new mongoose.Schema({
    analogueName: String,
    analogueNum: String
});
const detailSchema = new mongoose.Schema({
    detailName: String,
    originalNumber: [String],
    analogueNumber: [analogueNumberSchema],
    note: String,
    picture: String
});
const modelModificationsSchema = new mongoose.Schema({
    modelModificationName: String,
    modelDetails: {
        engine: [detailSchema],
        transmission: [detailSchema],
        frontAxle: [detailSchema],
        rearAxle: [detailSchema],
        breakes: [detailSchema],
        electrics: [detailSchema]
    }
});
const markModelsSchema = new mongoose.Schema({
    markModelName: String,
    modelModifications: [modelModificationsSchema]
});
const carsSchema = new mongoose.Schema({
    markName: String,
    markModels: [markModelsSchema]
});
const Car = module.exports = new mongoose.model('Car', carsSchema);
module.exports.addCar = function (newCar, callback) {
    newCar.save(callback);
};
&lt;/code&gt;&lt;/pre&gt;
&lt;p&gt;Here is the router code:&lt;/p&gt;
&lt;pre&gt;&lt;code&gt;router.post('/post', (req, res, next) =&amp;gt; {
let newCar = new Car({
    markName: req.body.markName,
    markModels: [{
        markModelName: req.body.markModelName,
        modelModifications: [{
            modelModificationName: req.body.modelModificationName,
            modelDetails: [{
                engine: [{
                    detailName: req.body.detailName,
                    originalNumber: req.body.originalNumber.split(","),
                    analogueNumber: [{
                        analogueName: req.body.analogueName,
                        analogueNum: req.body.analogueNumber
                    }],
                    note: req.body.note,
                    picture: req.body.picture
                }],
                transmission: [{
                    detailName: req.body.detailName,
                    originalNumber: req.body.originalNumber.split(","),
                    analogueNumber: [{
                        analogueName: req.body.analogueName,
                        analogueNum: req.body.analogueNumber
                    }],
                    note: req.body.note,
                    picture: req.body.picture
                }],
                frontAxle: [{
                    detailName: req.body.detailName,
                    originalNumber: req.body.originalNumber.split(","),
                    analogueNumber: [{
                        analogueName: req.body.analogueName,
                        analogueNum: req.body.analogueNumber
                    }],
                    note: req.body.note,
                    picture: req.body.picture
                }],
                rearAxle: [{
                    detailName: req.body.detailName,
                    originalNumber: req.body.originalNumber.split(","),
                    analogueNumber: [{
                        analogueName: req.body.analogueName,
                        analogueNum: req.body.analogueNumber
                    }],
                    note: req.body.note,
                    picture: req.body.picture
                }],
                breakes: [{
                    detailName: req.body.detailName,
                    originalNumber: req.body.originalNumber.split(","),
                    analogueNumber: [{
                        analogueName: req.body.analogueName,
                        analogueNum: req.body.analogueNumber
                    }],
                    note: req.body.note,
                    picture: req.body.picture
                }],
                electrics: [{
                    detailName: req.body.detailName,
                    originalNumber: req.body.originalNumber.split(","),
                    analogueNumber: [{
                        analogueName: req.body.analogueName,
                        analogueNum: req.body.analogueNumber
                    }],
                    note: req.body.note,
                    picture: req.body.picture
                }]
            }]
        }]
    }]
});
Car.addCar(newCar, (err, car) =&amp;gt; {
    if (err) {
        res.json({success: false, msg: 'failed to add new car'});
        console.log(err);
    } else {
        res.json({success: true, msg: 'new car added'});
    }
});
});
&lt;/code&gt;&lt;/pre&gt;
&lt;p&gt;Here is the code of post-query in "Postman"&lt;/p&gt;
&lt;pre&gt;&lt;code&gt;{
"markName": "Daewoo",
"markModels": [{
    "markModelName": "Nexia",
    "modelModifications": [{
        "modelModificationName": "1.5 8v",
        "modelDetails": [{
            "engine":[{
                "detailName": "fdkj",
                "originalNumber": ["123", "4545"],
                "analogueNumber": [{
                    "analogueName": "sdkfd",
                    "analogueNum": "csdfs"
                },
                {
                    "analogueName": "sdd",
                    "analogueNum": "csdfsasdas"
                }],
                "note": "csdsldkf;sks;dskjfsndjfns",
                "picture": ""
            }],
          "transmission": [{
                "detailName": "fdkj",
                "originalNumber": ["123", "4545"],
                "analogueNumber": [{
                    "analogueName": "sdkfd",
                    "analogueNum": "csdfs"
                },
                {
                    "analogueName": "sdd",
                    "analogueNum": "csdfsasdas"
                }],
                "note": "csdsldkf;sks;dskjfsndjfns",
                "picture": ""
            }],
          "frontAxle": [{
                "detailName": "fdkj",
                "originalNumber": ["123", "4545"],
                "analogueNumber": [{
                    "analogueName": "sdkfd",
                    "analogueNum": "csdfs"
                },
                {
                    "analogueName": "sdd",
                    "analogueNum": "csdfsasdas"
                }],
                "note": "csdsldkf;sks;dskjfsndjfns",
                "picture": ""
            }],
          "rearAxle": [{
                "detailName": "fdkj",
                "originalNumber": ["123", "4545"],
                "analogueNumber": [{
                    "analogueName": "sdkfd",
                    "analogueNum": "csdfs"
                },
                {
                    "analogueName": "sdd",
                    "analogueNum": "csdfsasdas"
                }],
                "note": "csdsldkf;sks;dskjfsndjfns",
                "picture": ""
            }],
          "breakes": [{
                "detailName": "fdkj",
                "originalNumber": ["123", "4545"],
                "analogueNumber": [{
                    "analogueName": "sdkfd",
                    "analogueNum": "csdfs"
                },
                {
                    "analogueName": "sdd",
                    "analogueNum": "csdfsasdas"
                }],
                "note": "csdsldkf;sks;dskjfsndjfns",
                "picture": ""
            }],
          "electrics": [{
                "detailName": "fdkj",
                "originalNumber": ["123", "4545"],
                "analogueNumber": [{
                    "analogueName": "sdkfd",
                    "analogueNum": "csdfs"
                },
                {
                    "analogueName": "sdd",
                    "analogueNum": "csdfsasdas"
                }],
                "note": "csdsldkf;sks;dskjfsndjfns",
                "picture": ""
            }]
        }]
    }]
}]
 }
&lt;/code&gt;&lt;/pre&gt;
&lt;p&gt;And there is the error message:&lt;/p&gt;
&lt;blockquote&gt;
  &lt;p&gt;'Cast to Embedded failed for value "[ { engine: [ [Object] ],\n&lt;br&gt;
  transmission: [ [Object] ],\n    frontAxle: [ [Object] ],\n&lt;br&gt;
  rearAxle: [ [Object] ],\n    breakes: [ [Object] ],\n    electrics: [
  [Object] ] } ]" at path "modelDetails"',
          name: 'CastError',
          stringValue: '"[ { engine: [ [Object] ],\n    transmission: [ [Object] ],\n    frontAxle: [ [Object] ],\n    rearAxle: [ [Object]
  ],\n    breakes: [ [Object] ],\n    electrics: [ [Object] ] } ]"',
          kind: 'Embedded',
          value: [Array],
          path: 'modelDetails',
          reason: [Object] } },   _message: 'Car validation failed',   name: 'ValidationError' }&lt;/p&gt;
&lt;/blockquote&gt;
&lt;p&gt;I'm very appreciate of your help. thanks!&lt;/p&gt;</t>
  </si>
  <si>
    <t>2018-12-01 09:35:30.370000+00:00</t>
  </si>
  <si>
    <t>2018-12-01 09:52:12.760000+00:00</t>
  </si>
  <si>
    <t>node.js|mongoose|schema</t>
  </si>
  <si>
    <t>Error in getting filepath from URI in Android</t>
  </si>
  <si>
    <t>&lt;p&gt;This is a code which returns a file path given the URI.&lt;/p&gt;
&lt;pre&gt;&lt;code&gt;public String getPath(Uri uri) {
    String[] projection = { MediaStore.Images.Media.DATA };
    //String[] projection = { MediaColumns.DATA };
    Cursor cursor = getContentResolver().query(uri, projection, null, null, null);
    int column_index = cursor.getColumnIndexOrThrow(MediaColumns.DATA);
    cursor.moveToFirst();
    return cursor.getString(column_index);
}
&lt;/code&gt;&lt;/pre&gt;
&lt;p&gt;This works for images in Gallery because the projection is MediaStore.Images. How do get file path for all other directories? The file can be a document type and it can be in any location of sd card. What projection should I search for the file path?&lt;/p&gt;</t>
  </si>
  <si>
    <t>2013-04-13 21:07:51.830000+00:00</t>
  </si>
  <si>
    <t>2013-04-21 18:11:20.670000+00:00</t>
  </si>
  <si>
    <t>java|android|file|uri</t>
  </si>
  <si>
    <t>Extracting PHP IMAP attachments</t>
  </si>
  <si>
    <t>&lt;p&gt;Hello I have a PHP IMAP functions which extract the attachments of a specific body of an email, I found out this article : &lt;a href="http://www.linuxscope.net/articles/mailAttachmentsPHP.html" rel="nofollow"&gt;http://www.linuxscope.net/articles/mailAttachmentsPHP.html&lt;/a&gt; but it shows an error : Warning: imap_bodystruct() [function.imap-bodystruct]: Bad message number I dont know what I am missing. Here is my code&lt;/p&gt;
&lt;pre&gt;&lt;code&gt;session_start();
include('settings.php');
include('vars.php');
$struct = imap_fetchstructure($mbox,$getmsgid, FT_UID);
$contentParts = count($struct-&amp;gt;parts);
if ( $contentParts &amp;gt;= 2 ) {
    for ( $ii=2; $ii&amp;lt;=$contentParts; $ii++ ) {
        $att[$ii-2] = imap_bodystruct($mbox,$getmsgid, $ii);
        echo $ii . '&amp;lt;br /&amp;gt;';
    }
for ($k=0;$k&amp;lt;sizeof($att);$k++) {
    if ($att[$k]-&amp;gt;parameters[0]-&amp;gt;value == "us-ascii" || $att[$k]-&amp;gt;parameters[0]-&amp;gt;value  == "US-ASCII") {
        if ($att[$k]-&amp;gt;parameters[1]-&amp;gt;value != "") {
            $selectBoxDisplay[$k] = $att[$k]-&amp;gt;parameters[1]-&amp;gt;value;
        }
    }elseif ($att[$k]-&amp;gt;parameters[0]-&amp;gt;value != "iso-8859-1" &amp;amp;&amp;amp; $att[$k]-&amp;gt;parameters[0]-&amp;gt;value != "ISO-8859-1") {
        $selectBoxDisplay[$k] = $att[$k]-&amp;gt;parameters[0]-&amp;gt;value;
        }
    }
   }
   if (sizeof($selectBoxDisplay) &amp;gt; 0) {
echo "&amp;lt;select name=\"attachments\" size=\"3\" class=\"tblContent\"    onChange=\"handleFile(this.value)\" style=\"width:170;\"&amp;gt;";
    for ($j=0;$j&amp;lt;sizeof($selectBoxDisplay);$j++) {
        echo "\n&amp;lt;option value=\"$j\"&amp;gt;". $selectBoxDisplay[$j]    ."&amp;lt;/option&amp;gt;";
    }
echo "&amp;lt;/select&amp;gt;";
  }
&lt;/code&gt;&lt;/pre&gt;
&lt;p&gt;the settings.php contains my $mbox connection it works fine, the only problem here is the imap_bodystruct($mbox,$getmsgid, $ii); is there any problem with my syntax there?&lt;/p&gt;
&lt;p&gt;Thanks you,&lt;/p&gt;</t>
  </si>
  <si>
    <t>2012-08-02 07:50:02.173000+00:00</t>
  </si>
  <si>
    <t>2012-08-07 08:37:11.063000+00:00</t>
  </si>
  <si>
    <t>php|imap</t>
  </si>
  <si>
    <t>Unable to import Excel file through Web</t>
  </si>
  <si>
    <t>&lt;p&gt;I an new to html programming using perl-cgi and i want to import an excel file through a webpage.I am using the Spreadsheet::ParseExcel Module of perl for that and the code is :&lt;/p&gt;
&lt;pre&gt;&lt;code&gt;if($fileName) {
  my $parser   = Spreadsheet::ParseExcel-&amp;gt;new();
  my $workbook = $parser-&amp;gt;parse($fileName);
   if ( !defined $workbook ) {
        die $parser-&amp;gt;error(), ".\n";
    }
   for my $worksheet ( $workbook-&amp;gt;worksheets() ) {
        my ( $row_min, $row_max ) = $worksheet-&amp;gt;row_range();
        my ( $col_min, $col_max ) = $worksheet-&amp;gt;col_range();
        for my $row ( $row_min .. $row_max ) {
            for my $col ( $col_min .. $col_max ) {
                my $cell = $worksheet-&amp;gt;get_cell( $row, $col );
                next unless $cell;
               # print "Row, Col    = ($row, $col)\n";
                print  $cell-&amp;gt;value() ,"|"      ;
                #print "Unformatted = ", $cell-&amp;gt;unformatted(), "\n";
            }
                print "\n";
        }
    }
}
&lt;/code&gt;&lt;/pre&gt;
&lt;p&gt;Here fileName variable is the name of excel file i am inputting from the HTML form whose code is:&lt;/p&gt;
&lt;pre&gt;&lt;code&gt;&amp;lt;form id='form1' method='GET' action='#'&amp;gt;
 &amp;lt;input id='fileSelect' name='file' type='file' accept='application/vnd.openxmlformats-officedocument.spreadsheetml.sheet, application/vnd.ms-excel'&amp;gt;
 &amp;lt;input type=submit value='submit'&amp;gt;
 &amp;lt;/form&amp;gt;
&lt;/code&gt;&lt;/pre&gt;
&lt;p&gt;I have written this server side code in a directory say /a/b/c in linux and in that directory i have copied the file xyz.xls.So whenever i load the file xyz.xls through the web , i obtain the results and in case i load another file say pqr.xls which is not located in the directory /a/b/c , i have this Error File not found.But i want to import any file from a user who is using this webpage.&lt;/p&gt;
&lt;p&gt;I am stuck here ,please suggest something.&lt;/p&gt;
&lt;p&gt;Thanks in advance&lt;/p&gt;</t>
  </si>
  <si>
    <t>2017-06-23 05:01:47.470000+00:00</t>
  </si>
  <si>
    <t>2017-06-23 22:19:52.973000+00:00</t>
  </si>
  <si>
    <t>2017-06-23 08:05:37.553000+00:00</t>
  </si>
  <si>
    <t>html|perl</t>
  </si>
  <si>
    <t>CefSharp.Winforms close tab by javascript</t>
  </si>
  <si>
    <t>&lt;p&gt;I'm using CefSharp.WinForms.ChromiumWebBrowser v41.0.1 in my project. There are many tabs, each tab has a chromium webbrowser. 
I try to close one of these tabs by javascript function window.close(). But it also closes both all tabs and my program. What is the main reason? And is there any way to close only one tab by javascript?&lt;/p&gt;</t>
  </si>
  <si>
    <t>2015-09-15 10:29:14.633000+00:00</t>
  </si>
  <si>
    <t>2015-09-16 09:38:23.877000+00:00</t>
  </si>
  <si>
    <t>2015-09-15 11:03:44.330000+00:00</t>
  </si>
  <si>
    <t>javascript|chromium-embedded|cefsharp</t>
  </si>
  <si>
    <t>Android mediaRecorder Stop failed - Trying to Specify Maximum record quality for device</t>
  </si>
  <si>
    <t>&lt;p&gt;So as the title says I'm getting a mediaRecorder stop exception -1007, however this isn't the point really. &lt;/p&gt;
&lt;p&gt;To be clear my question is how do I avoid any errors like the ones specified, and also record the best quality audio for the device it's running on.&lt;/p&gt;
&lt;p&gt;&lt;strong&gt;I need to be able to record high quality audio on any android device with a MIC that's &gt;=API16&lt;/strong&gt;&lt;/p&gt;
&lt;p&gt;Here is the code I'm using including what's worked before commented out:&lt;/p&gt;
&lt;pre&gt;&lt;code&gt;public class RecordingHandler {
    private static MediaRecorder recorder;
    static void beginRecording(String output) throws Exception {
        ditchMediaRecorder();
        File outFile = new File(output);
        if (outFile.exists())
            outFile.delete();
        recorder = new MediaRecorder();
        recorder.setAudioSource(MediaRecorder.AudioSource.MIC);
        recorder.setOutputFormat(MediaRecorder.OutputFormat.AAC_ADTS);
        recorder.setAudioEncoder(MediaRecorder.AudioEncoder.AAC);
        recorder.setOutputFile(output);
        try {
            recorder.prepare();
            recorder.start();
        } catch (IllegalStateException e) {
            e.printStackTrace();
        } catch (IOException e) {
            e.printStackTrace();
        }
        //this was working before
//      recorder.setAudioSource(MediaRecorder.AudioSource.MIC);
//      recorder.setOutputFormat(MediaRecorder.OutputFormat.AMR_NB);
//      recorder.setAudioEncoder(MediaRecorder.AudioEncoder.AMR_NB);
//      recorder.setOutputFile(output);
//
//      try {
//          recorder.prepare();
//      } catch (IOException e) {
//          Log.e("Recording Handler", "prepare() failed");
//      }
//      recorder.start();
    }
    static void ditchMediaRecorder() {
        // if we have the recorder, release it
        if (recorder != null)
            recorder.release();
    }
    static void stopRecording() {
        if (recorder != null) {
            recorder.stop(); //error happening here
            recorder.reset();
            recorder.release();
            recorder = null;
        }
    }
}
&lt;/code&gt;&lt;/pre&gt;
&lt;p&gt;Current error:&lt;/p&gt;
&lt;pre&gt;&lt;code&gt;05-02 21:00:29.443: E/MediaRecorder(28252): stop failed: -1007
05-02 21:00:29.443: E/InputEventReceiver(28252): Exception dispatching input event.
05-02 21:00:29.443: E/MessageQueue-JNI(28252): Exception in MessageQueue callback: handleReceiveCallback
05-02 21:00:29.443: E/MessageQueue-JNI(28252): java.lang.RuntimeException: stop failed.
05-02 21:00:29.443: E/MessageQueue-JNI(28252):  at android.media.MediaRecorder.stop(Native Method)
05-02 21:00:29.443: E/MessageQueue-JNI(28252):  at com.appulse.beatbox.RecordingHandler.stopRecording(RecordingHandler.java:56)
&lt;/code&gt;&lt;/pre&gt;
&lt;p&gt;&lt;em&gt;If your answer contains the words "THREE_GPP" or "AMR_NB" it simply won't be accepted because the audio from that is complete garbage.&lt;/em&gt;&lt;/p&gt;
&lt;p&gt;Thanks to anyone who can help in advance I appologize if I seem a bit angry, this is just really annoying.&lt;/p&gt;</t>
  </si>
  <si>
    <t>2014-05-03 04:18:34.603000+00:00</t>
  </si>
  <si>
    <t>2014-06-03 00:16:27.177000+00:00</t>
  </si>
  <si>
    <t>android|audio|audio-recording|android-mediarecorder</t>
  </si>
  <si>
    <t>xml parsing in C# .net Core</t>
  </si>
  <si>
    <t>&lt;p&gt;It seem the &lt;code&gt;System.Xml&lt;/code&gt; is not available in .net core (unit test)&lt;/p&gt;
&lt;p&gt;I found a nu get package called DocumentFormat.OpenXml but couldn't find code examples on how to use one.&lt;/p&gt;
&lt;p&gt;My requirement is simple to be able to parse a single element like this. Any suggestions.&lt;/p&gt;
&lt;pre&gt;&lt;code&gt;"&amp;lt;message Att='Hello'/&amp;gt;"
&lt;/code&gt;&lt;/pre&gt;</t>
  </si>
  <si>
    <t>2017-01-25 04:10:12.993000+00:00</t>
  </si>
  <si>
    <t>2017-01-25 06:33:30.593000+00:00</t>
  </si>
  <si>
    <t>user7014993</t>
  </si>
  <si>
    <t>c#|xml-parsing|.net-core</t>
  </si>
  <si>
    <t>Query using Criteria</t>
  </si>
  <si>
    <t>&lt;p&gt;How to write the following query using criteria&lt;/p&gt;
&lt;pre&gt;&lt;code&gt;StringBuilder queryString = new StringBuilder("from BorrowerEvaluationDTO b where b.hasEvaluation = TRUE"+" ");
                if(sector != null &amp;amp;&amp;amp; !sector.trim().equals("")){
                    queryString.append (" AND b.sector = '" + sector + "'");
                }
queryString.append(" AND b.id in (select needProfile.id from Investment where investor.id = '"+investorId + "')");
&lt;/code&gt;&lt;/pre&gt;</t>
  </si>
  <si>
    <t>2014-02-11 11:01:24.883000+00:00</t>
  </si>
  <si>
    <t>2014-02-11 11:57:59.203000+00:00</t>
  </si>
  <si>
    <t>2014-02-11 11:01:53.420000+00:00</t>
  </si>
  <si>
    <t>double* array, vs double* pointer</t>
  </si>
  <si>
    <t>&lt;p&gt;How come double* array can be used as an array? I always see the asterisk as a pointer, how come it could be used as an array? 
Will anyone provide an example how it could be used as a double[], and when it is only a pointer.&lt;/p&gt;</t>
  </si>
  <si>
    <t>2014-04-30 18:32:18.653000+00:00</t>
  </si>
  <si>
    <t>2014-04-30 18:55:03.380000+00:00</t>
  </si>
  <si>
    <t>2014-04-30 18:53:07.830000+00:00</t>
  </si>
  <si>
    <t>c++|pointers|double</t>
  </si>
  <si>
    <t>Ordering a string alphabetically - did I miss something obvious?</t>
  </si>
  <si>
    <t>&lt;pre&gt;&lt;code&gt;public class Anagram {
    public static void main(String[] args) {
        String a = "Despera tion-".toLowerCase();
        String b = "A Rope Ends It".toLowerCase();
        String aSorted = sortStringAlphabetically(a);
        String bSorted = sortStringAlphabetically(b);
        if(aSorted.equals(bSorted)){
            System.out.println("Anagram Found!");
        }else{
            System.out.println("No anagram was found");
        }
    }
    public static String sortStringAlphabetically(String s) {
        char[] ca = s.toCharArray();
        int cnt = 0;
        ArrayList al = new ArrayList();
        for (int i = 0; i &amp;lt; ca.length; i++) {
            if (Character.isLetter(ca[cnt])) 
                al.add(ca[cnt]);
            cnt++;
        }
        Collections.sort(al);
        return al.toString();
    }
}
&lt;/code&gt;&lt;/pre&gt;
&lt;p&gt;As a learner, I hacked up this boolean Anagram checker.  My chosen solution was to create a sortStringAlphabetically method seems to do just too much type-juggling String -&gt; chars[] -&gt; ArrayList -&gt;String - given that I do just want to compare 2 strings to test whether one phrase is an anagram of another - could I have done it with less type-juggling?&lt;/p&gt;
&lt;p&gt;ps The tutors solution was a mile away from my attempt, and probably much better for a lot of reasons - but I am really trying to get a handle on all the different Collection types.&lt;/p&gt;
&lt;p&gt;&lt;a href="http://www.home.hs-karlsruhe.de/~pach0003/informatik_1/aufgaben/en/doc/src-html/de/hska/java/exercises/arrays/Anagram.html#line.18" rel="nofollow"&gt;http://www.home.hs-karlsruhe.de/~pach0003/informatik_1/aufgaben/en/doc/src-html/de/hska/java/exercises/arrays/Anagram.html#line.18&lt;/a&gt;&lt;/p&gt;
&lt;p&gt;EDIT&lt;/p&gt;
&lt;p&gt;FTW here is the original challenge, I realise I wandered away from the solution.&lt;/p&gt;
&lt;p&gt;&lt;a href="http://www.home.hs-karlsruhe.de/~pach0003/informatik_1/aufgaben/en/arrays.html" rel="nofollow"&gt;http://www.home.hs-karlsruhe.de/~pach0003/informatik_1/aufgaben/en/arrays.html&lt;/a&gt;&lt;/p&gt;
&lt;p&gt;My initial kneejerk reaction was to simply work though array a, knocking out those chars which matched with array b - but that seemingly required me to rebuild the array at every iteration - Many thanks for all your efforts to educate me.&lt;/p&gt;</t>
  </si>
  <si>
    <t>2011-11-21 14:58:04.570000+00:00</t>
  </si>
  <si>
    <t>2011-11-21 16:56:01.733000+00:00</t>
  </si>
  <si>
    <t>java|arrays|string</t>
  </si>
  <si>
    <t>Link items to categories in a list in Excel</t>
  </si>
  <si>
    <t>&lt;p&gt;The context of my problem is that I have to lists:&lt;/p&gt;
&lt;ul&gt;
&lt;li&gt;One list of categories&lt;/li&gt;
&lt;li&gt;One list of items&lt;/li&gt;
&lt;/ul&gt;
&lt;p&gt;The number of categories/items in both list can vary, as well as their order in it.&lt;/p&gt;
&lt;p&gt;&lt;img src="https://i.stack.imgur.com/5xSzY.png" alt="example for the two lists"&gt;&lt;/p&gt;
&lt;p&gt;My problem is that I want to implement 2 possible types of actions:&lt;/p&gt;
&lt;ul&gt;
&lt;li&gt;The first action is to be able to assign each item to one or more categories. For example, I am the user of the excel sheet and I want to assign item 3 to categories 1, 2 and 4 (via checkbox or other means).&lt;/li&gt;
&lt;li&gt;The second action is to be able to highlight all the items in a category by selecting this category (either select the cell or the category in a dropdown list). For example, is items 1 an 3 belong to category 1, we would have the following results when selecting category 1:
&lt;img src="https://i.stack.imgur.com/9HkEL.png" alt="Resulting view when selecting category 1"&gt;&lt;/li&gt;
&lt;/ul&gt;
&lt;p&gt;I would like to realize this in an excel spreadsheet with VBA macro. I tried to find technical solutions in order to implement this but without success. Indeed, I would need to link variables to a cell (in order to assign categories to item) but I found no way to do that (classical use of variables and arrays are too restricted for the requirements). &lt;/p&gt;
&lt;p&gt;My questions are therefore:&lt;/p&gt;
&lt;ul&gt;
&lt;li&gt;Do you think the proposed application is implementable in excel (potentially with VBA) ?&lt;/li&gt;
&lt;li&gt;Do you have ideas of what technical solutions I could use in order to implement it so that I have a starting point to solve my problem ?&lt;/li&gt;
&lt;/ul&gt;</t>
  </si>
  <si>
    <t>2016-06-21 13:56:30.940000+00:00</t>
  </si>
  <si>
    <t>2016-06-21 15:25:56.517000+00:00</t>
  </si>
  <si>
    <t>2018-07-09 18:41:45.953000+00:00</t>
  </si>
  <si>
    <t>excel|excel-vba|vba</t>
  </si>
  <si>
    <t>PHP ltrim behavior with character list</t>
  </si>
  <si>
    <t>&lt;p&gt;I was trying to achieve stripping off some beginning part from a string using php ltrim function. It works fine until it get a i character after colon : . if it find i after colon it simply ignore the i character. I know it can be done with substr or any other way but I want to know why its happening with trim. For example.&lt;/p&gt;
&lt;pre&gt;&lt;code&gt;ltrim('mailto:bob@example.com','mailto:');
&lt;/code&gt;&lt;/pre&gt;
&lt;p&gt;the above function will return bob@example.com&lt;/p&gt;
&lt;p&gt;but if I put i after colon.. for example&lt;/p&gt;
&lt;pre&gt;&lt;code&gt;ltrim('mailto:info@example.com','mailto:');
&lt;/code&gt;&lt;/pre&gt;
&lt;p&gt;this one will return nfo@example.com&lt;/p&gt;
&lt;p&gt;Can anybody explain what is happening?&lt;/p&gt;</t>
  </si>
  <si>
    <t>2012-01-29 04:21:54.843000+00:00</t>
  </si>
  <si>
    <t>2016-03-05 23:57:22.853000+00:00</t>
  </si>
  <si>
    <t>2012-01-29 04:47:40.750000+00:00</t>
  </si>
  <si>
    <t>php|trim</t>
  </si>
  <si>
    <t>How to make a conditional typedef in C++</t>
  </si>
  <si>
    <t>&lt;p&gt;I am trying to do something like this:&lt;/p&gt;
&lt;pre&gt;&lt;code&gt;#include &amp;lt;iostream&amp;gt;
#include &amp;lt;random&amp;gt;
typedef int Integer;
#if sizeof(Integer) &amp;lt;= 4
    typedef std::mt19937     Engine;
#else
    typedef std::mt19937_64  Engine;
#endif
int main()
{
    std::cout &amp;lt;&amp;lt; sizeof(Integer) &amp;lt;&amp;lt; std::endl;
    return 0;
}
&lt;/code&gt;&lt;/pre&gt;
&lt;p&gt;but I get this error:&lt;/p&gt;
&lt;pre&gt;&lt;code&gt;error: missing binary operator before token "("
&lt;/code&gt;&lt;/pre&gt;
&lt;p&gt;How can I correctly make the conditional typedef?&lt;/p&gt;</t>
  </si>
  <si>
    <t>2013-07-25 09:42:42.277000+00:00</t>
  </si>
  <si>
    <t>2013-07-25 17:51:33.967000+00:00</t>
  </si>
  <si>
    <t>2013-07-25 12:50:42.857000+00:00</t>
  </si>
  <si>
    <t>My app is running on the simulator but not on the device</t>
  </si>
  <si>
    <t>&lt;p&gt;I have a problem with that error :&lt;/p&gt;
&lt;pre&gt;&lt;code&gt;Undefined symbols for architecture i386:
&lt;/code&gt;&lt;/pre&gt;
&lt;p&gt;When I build and go, it run successfully on the simulator but not on the device, I try a simple new project, I try to run it on the device, it was ok, but this project didn't run because of that error, the full stack error is this :&lt;/p&gt;
&lt;pre&gt;&lt;code&gt;Ld "/Users/imac/Library/Developer/Xcode/DerivedData/TopStation-cjwcuxabgkltqvdslykmwkeqvsee/Build/Products/Debug-iphonesimulator/RM Unit Tests.app/RM Unit Tests" normal i386
    cd /Users/imac/Desktop/route-me-route-me-b07b654/MapView
    setenv MACOSX_DEPLOYMENT_TARGET 10.6
    setenv PATH "/Developer/Platforms/iPhoneSimulator.platform/Developer/usr/bin:/Developer/usr/bin:/usr/bin:/bin:/usr/sbin:/sbin"
    /Developer/Platforms/iPhoneSimulator.platform/Developer/usr/bin/gcc-4.2 -arch i386 -isysroot /Developer/Platforms/iPhoneSimulator.platform/Developer/SDKs/iPhoneSimulator4.3.sdk -L/Users/imac/Library/Developer/Xcode/DerivedData/TopStation-cjwcuxabgkltqvdslykmwkeqvsee/Build/Products/Debug-iphonesimulator -F/Users/imac/Library/Developer/Xcode/DerivedData/TopStation-cjwcuxabgkltqvdslykmwkeqvsee/Build/Products/Debug-iphonesimulator -filelist "/Users/imac/Library/Developer/Xcode/DerivedData/TopStation-cjwcuxabgkltqvdslykmwkeqvsee/Build/Intermediates/MapView.build/Debug-iphonesimulator/Unit Tests.build/Objects-normal/i386/RM Unit Tests.LinkFileList" -mmacosx-version-min=10.6 -framework Foundation -framework UIKit -Xlinker -objc_abi_version -Xlinker 2 /Users/imac/Library/Developer/Xcode/DerivedData/TopStation-cjwcuxabgkltqvdslykmwkeqvsee/Build/Products/Debug-iphonesimulator/libProj4.a -framework CoreFoundation -framework CoreGraphics -framework CoreLocation -framework Foundation -lsqlite3 -framework QuartzCore -framework UIKit -o "/Users/imac/Library/Developer/Xcode/DerivedData/TopStation-cjwcuxabgkltqvdslykmwkeqvsee/Build/Products/Debug-iphonesimulator/RM Unit Tests.app/RM Unit Tests"
Undefined symbols for architecture i386:
  "_OBJC_CLASS_$_RMDBTileImage", referenced from:
      objc-class-ref in RMTileImage.o
ld: symbol(s) not found for architecture i386
collect2: ld returned 1 exit status
&lt;/code&gt;&lt;/pre&gt;
&lt;p&gt;I changed the build mode, so I have choosed the device(in my case i use an iPod 4.3.5), now I have an other error :&lt;/p&gt;
&lt;pre&gt;&lt;code&gt;'FavoriteCities.app' was built for 'i386', but the device 'iPod (Imac)' requires 'armv7' or compatible architecture.
&lt;/code&gt;&lt;/pre&gt;
&lt;p&gt;FavoriteCities is my application name, please help me to figure out what could be the problem causing all that.&lt;/p&gt;</t>
  </si>
  <si>
    <t>2011-09-05 13:05:29.943000+00:00</t>
  </si>
  <si>
    <t>2014-03-03 20:22:59.183000+00:00</t>
  </si>
  <si>
    <t>ios|xcode4|ipod-touch</t>
  </si>
  <si>
    <t>GetCategoryCall() api or get Categories for ebay returns null</t>
  </si>
  <si>
    <t>&lt;p&gt;I have come a cross an odd issue since yesterday regarding getting categories from ebay (codes are  in Java).
I have been using the following code to get all ebay categories for a given site let say UK&lt;/p&gt;
&lt;p&gt;&lt;a href="http://3dpacking.googlecode.com/svn/trunk/EbayTest/doc/eBaySDKJava735Point/samples/attributesDemo/src/com/ebay/sample/attributesDemo/model/SiteFacade.java" rel="nofollow"&gt;http://3dpacking.googlecode.com/svn/trunk/EbayTest/doc/eBaySDKJava735Point/samples/attributesDemo/src/com/ebay/sample/attributesDemo/model/SiteFacade.java&lt;/a&gt;&lt;/p&gt;
&lt;p&gt;Using these file we have been getting categories without any issues in the past few months. 
We also used following code (getCategoriesCall): 
&lt;a href="http://3dpacking.googlecode.com/svn/trunk/EbayTest/doc/eBaySDKJava735Point/source/apiCalls/src/com/ebay/sdk/call/GetCategoriesCall.java" rel="nofollow"&gt;http://3dpacking.googlecode.com/svn/trunk/EbayTest/doc/eBaySDKJava735Point/source/apiCalls/src/com/ebay/sdk/call/GetCategoriesCall.java&lt;/a&gt;&lt;/p&gt;
&lt;p&gt;This code also return null for all categories.&lt;/p&gt;
&lt;p&gt;I cannot think of anything as how this can be happening unless api call got changed or removed by ebay. Please anyone else has the same issue? &lt;/p&gt;</t>
  </si>
  <si>
    <t>2014-11-05 16:04:40.223000+00:00</t>
  </si>
  <si>
    <t>2014-11-06 11:31:13.223000+00:00</t>
  </si>
  <si>
    <t>java|ebay|listitem|ebay-api</t>
  </si>
  <si>
    <t>How to tie a dropdown list to a gridview in Sharepoint 2007?</t>
  </si>
  <si>
    <t>&lt;p&gt;This should be a really really simple thing, but for some reason it is just eluding me.&lt;/p&gt;
&lt;p&gt;I want a Sharepoint page which will have a drop down list that is tied to a database lookup table.  &lt;/p&gt;
&lt;p&gt;When an item is selected and they click a GO button, I want it to update a gridview that is also on the page.&lt;/p&gt;
&lt;p&gt;I'm looking for a simple how to - while assuming I'm a sharepoint idiot.  BTW, I am using the Microsoft Office Sharepoint Designer.&lt;/p&gt;
&lt;p&gt;Thanks,&lt;/p&gt;
&lt;p&gt;Edit:
My need is actually very simple.  I want to filter the results of a query using a drop down list.  This used to be called a master - detail relationship.&lt;/p&gt;
&lt;p&gt;For example, my regular data has school name, application name, and how long the application was running.  Because there could be a hundred applications per school and there are 60+ schools, I only want to show one schools information at a time.&lt;/p&gt;
&lt;p&gt;So, I want to put a drop down list at the top of the screen which contains the list of schools.  When one is selected, the gridview should be updated to reflect the new schools information.&lt;/p&gt;
&lt;p&gt;Chris.&lt;/p&gt;</t>
  </si>
  <si>
    <t>2008-10-07 02:53:23.280000+00:00</t>
  </si>
  <si>
    <t>2008-11-18 17:01:54.033000+00:00</t>
  </si>
  <si>
    <t>2008-10-08 11:26:55.397000+00:00</t>
  </si>
  <si>
    <t>Chris Lively</t>
  </si>
  <si>
    <t>sharepoint|sharepoint-designer</t>
  </si>
  <si>
    <t>Checking when an object is dragged over another object</t>
  </si>
  <si>
    <t>&lt;p&gt;I have simple example: &lt;a href="https://i.stack.imgur.com/mTKme.png" rel="nofollow noreferrer"&gt;&lt;img src="https://i.stack.imgur.com/mTKme.png" alt="screenshot"&gt;&lt;/a&gt;&lt;/p&gt;
&lt;ul&gt;
&lt;li&gt;1 draggable object (red ball)&lt;/li&gt;
&lt;li&gt;7 objects (rectangles)&lt;/li&gt;
&lt;/ul&gt;
&lt;p&gt;I want to drag ball's object over rectangle's objects and when ball is over some rectangle, rectangle should hover. Is there some events which I can use? I know that I can use method &lt;code&gt;forControlEvents:UIControlEventTouchDragOutside | UIControlEventTouchDragInside&lt;/code&gt; and assign it to the ball instance but in this case I will have to iterate through all rectangles and check if ball is over someone of them. Rather, I think of the solution, in which the rectangle itself will know that the object is on it.&lt;/p&gt;</t>
  </si>
  <si>
    <t>2012-11-13 10:21:35.797000+00:00</t>
  </si>
  <si>
    <t>2017-09-15 15:30:49.933000+00:00</t>
  </si>
  <si>
    <t>ios|objective-c|touch-event</t>
  </si>
  <si>
    <t>Select all divs in the first row in a dynamic grid</t>
  </si>
  <si>
    <t>&lt;p&gt;I am using a grid with 12 columns. I want to give every div a margin-top:20px except the divs in the first row. But I have trouble to find out which divs are in the first row because its undefined.  The first row can contain 1 to 12 divs.&lt;/p&gt;
&lt;p&gt;I am using sass and have tried the following solution but this only works with divs with same width. The first example wouldn't work because the second div doesn't get a margin.&lt;/p&gt;
&lt;pre&gt;&lt;code&gt;// max. 12 rows. 
@for $colWidth from 1 through 12 {          
    // example: 3 divs in a row (colWidth = 4), 12/4+1 = 4.
    // Set margin from the fourth element to the last element.
    $number: (12/$colWidth) + 1;
    // set margin only for banner-component
    div.col-xs-#{$colWidth}:nth-child(n+#{$number}) section.banner-component {
        margin-top: 20px;
    }
    div.col-sm-#{$colWidth}:nth-child(n+#{$number}) section.banner-component {
        margin-top: 20px;
    }
}
&lt;/code&gt;&lt;/pre&gt;
&lt;p&gt;Ohter css selectors didn't work either. first-child, nth-child.
Any idea how I can select the divs in the first row? &lt;/p&gt;
&lt;p&gt;Here are some examples:&lt;/p&gt;
&lt;p&gt;Example 1: First row contains 1 div (col-lg-12)&lt;/p&gt;
&lt;pre&gt;&lt;code&gt;&amp;lt;div&amp;gt; class="col-xs-12 col-lg-12"&amp;gt;
     &amp;lt;section class="banner-component"&amp;gt;&amp;lt;/section&amp;gt;
&amp;lt;/div&amp;gt;
&amp;lt;div&amp;gt; class="col-xs-6 col-lg-6"&amp;gt;
     &amp;lt;section class="banner-component"&amp;gt;&amp;lt;/section&amp;gt;
&amp;lt;/div&amp;gt;
&amp;lt;div&amp;gt; class="col-xs-6 col-lg-6"&amp;gt;
     &amp;lt;section class="banner-component"&amp;gt;&amp;lt;/section&amp;gt;
&amp;lt;/div&amp;gt;
&amp;lt;div&amp;gt; class="col-xs-6 col-lg-6"&amp;gt;
     &amp;lt;section class="banner-component"&amp;gt;&amp;lt;/section&amp;gt;
&amp;lt;/div&amp;gt;
&lt;/code&gt;&lt;/pre&gt;
&lt;p&gt;Example 2: First row contains 2 divs (col-lg-6)&lt;/p&gt;
&lt;pre&gt;&lt;code&gt;&amp;lt;div&amp;gt; class="col-xs-6 col-lg-6"&amp;gt;
     &amp;lt;section class="banner-component"&amp;gt;&amp;lt;/section&amp;gt;
&amp;lt;/div&amp;gt;
&amp;lt;div&amp;gt; class="col-xs-6 col-lg-6"&amp;gt;
     &amp;lt;section class="banner-component"&amp;gt;&amp;lt;/section&amp;gt;
&amp;lt;/div&amp;gt;
&amp;lt;div&amp;gt; class="col-xs-6 col-lg-6"&amp;gt;
     &amp;lt;section class="banner-component"&amp;gt;&amp;lt;/section&amp;gt;
&amp;lt;/div&amp;gt;
&amp;lt;div&amp;gt; class="col-xs-6 col-lg-6"&amp;gt;
     &amp;lt;section class="banner-component"&amp;gt;&amp;lt;/section&amp;gt;
&amp;lt;/div&amp;gt;
&lt;/code&gt;&lt;/pre&gt;
&lt;p&gt;Example 3: First row contains 3 divs (col-lg-4)&lt;/p&gt;
&lt;pre&gt;&lt;code&gt;&amp;lt;div&amp;gt; class="col-xs-4 col-lg-4"&amp;gt;
     &amp;lt;section class="banner-component"&amp;gt;&amp;lt;/section&amp;gt;
&amp;lt;/div&amp;gt;
&amp;lt;div&amp;gt; class="col-xs-4 col-lg-4"&amp;gt;
     &amp;lt;section class="banner-component"&amp;gt;&amp;lt;/section&amp;gt;
&amp;lt;/div&amp;gt;
&amp;lt;div&amp;gt; class="col-xs-4 col-lg-4"&amp;gt;
     &amp;lt;section class="banner-component"&amp;gt;&amp;lt;/section&amp;gt;
&amp;lt;/div&amp;gt;
&amp;lt;div&amp;gt; class="col-xs-6 col-lg-6"&amp;gt;
     &amp;lt;section class="banner-component"&amp;gt;&amp;lt;/section&amp;gt;
&amp;lt;/div&amp;gt;
&lt;/code&gt;&lt;/pre&gt;
&lt;p&gt;Example 4: First row contains 3 divs (col-lg-4, col-lg-6, col-lg-2)&lt;/p&gt;
&lt;pre&gt;&lt;code&gt;&amp;lt;div&amp;gt; class="col-xs-4 col-lg-4"&amp;gt;
     &amp;lt;section class="banner-component"&amp;gt;&amp;lt;/section&amp;gt;
&amp;lt;/div&amp;gt;
&amp;lt;div&amp;gt; class="col-xs-4 col-lg-6"&amp;gt;
     &amp;lt;section class="banner-component"&amp;gt;&amp;lt;/section&amp;gt;
&amp;lt;/div&amp;gt;
&amp;lt;div&amp;gt; class="col-xs-4 col-lg-2"&amp;gt;
     &amp;lt;section class="banner-component"&amp;gt;&amp;lt;/section&amp;gt;
&amp;lt;/div&amp;gt;
&amp;lt;div&amp;gt; class="col-xs-6 col-lg-6"&amp;gt;
     &amp;lt;section class="banner-component"&amp;gt;&amp;lt;/section&amp;gt;
&amp;lt;/div&amp;gt;
&lt;/code&gt;&lt;/pre&gt;</t>
  </si>
  <si>
    <t>2017-02-09 10:01:58.980000+00:00</t>
  </si>
  <si>
    <t>2017-02-09 13:54:21.997000+00:00</t>
  </si>
  <si>
    <t>css|html5|sass|grid</t>
  </si>
  <si>
    <t>How to run chromedriver in background on Windows? (Selenium Python)</t>
  </si>
  <si>
    <t>&lt;p&gt;How can I run chromedriver in background on Windows (Selenium Python)? I want to be able to hide (remain only as a process) or to show the browser (have it in Windows Bar).&lt;/p&gt;
&lt;p&gt;I don't want to use PhantomJS or any other headless browser because I want to be able to show the browser if I want.
I also don't want to minimize the browser or change the window position.&lt;/p&gt;
&lt;p&gt;I could not find any answers to this. Can anyone point me to the right direction? Thanks!&lt;/p&gt;</t>
  </si>
  <si>
    <t>2017-04-18 19:05:44.107000+00:00</t>
  </si>
  <si>
    <t>2017-04-20 09:17:59.693000+00:00</t>
  </si>
  <si>
    <t>python|selenium|selenium-chromedriver</t>
  </si>
  <si>
    <t>Cant compile inlineFunction Kotlin</t>
  </si>
  <si>
    <t>&lt;p&gt;Hi since the kotlin update I cant compile my inline functions. Sometimes it can compile but mostly it's just stuck @ gradlebuilding. &lt;/p&gt;
&lt;pre&gt;&lt;code&gt;inline fun &amp;lt;reified T&amp;gt; verifyAndPerformRequest(myRequest: MyRequest, 
header: Map&amp;lt;String, String&amp;gt;, crossinline callback: (Any?, error: 
Error?) -&amp;gt; Any?) {}
&lt;/code&gt;&lt;/pre&gt;
&lt;p&gt;this a example of the functions that I cant compile. Running the latest Android3.1 + kotlin 1.2.30&lt;/p&gt;
&lt;blockquote&gt;
  &lt;p&gt;[Internal Error] org.jetbrains.kotlin.codegen.CompilationException: Back-end (JVM) Internal error on build.&lt;/p&gt;
&lt;/blockquote&gt;
&lt;p&gt;is the errorMessage&lt;/p&gt;</t>
  </si>
  <si>
    <t>2018-04-27 15:14:15.747000+00:00</t>
  </si>
  <si>
    <t>2018-04-27 16:35:31.170000+00:00</t>
  </si>
  <si>
    <t>kotlin</t>
  </si>
  <si>
    <t>How to organise integration specs</t>
  </si>
  <si>
    <t>&lt;p&gt;With rspec, it's quite clear how you should organise your unit specs. The directory structure inside &lt;code&gt;spec&lt;/code&gt; is very similar to that found in the &lt;code&gt;app&lt;/code&gt; directory, so model specs go in the &lt;code&gt;model&lt;/code&gt; directory, controller specs go in the &lt;code&gt;controller&lt;/code&gt; directory and so on.&lt;/p&gt;
&lt;p&gt;But it's not so clear with integration testing. I have just one file pertaining to integration testing: &lt;code&gt;spec/features/integration.rb&lt;/code&gt;&lt;/p&gt;
&lt;p&gt;Is the idea to create one elaborate spec that tests every faculty of your application? Something like this:&lt;/p&gt;
&lt;pre&gt;&lt;code&gt;require 'spec_helper'
describe "Everything", js: true do
    before do
            @user_0 = FactoryGirl.build(:user_0)
            @user_1 = FactoryGirl.build(:user_1)
            @user_2 = FactoryGirl.build(:user_2)
            @user_3 = FactoryGirl.build(:user_3)
    end
    it "can create a user" do
            visit root_path
            click_link 'Sign In'
            ap @user_0
            fill_in('Email', with: @user_0.email)
            fill_in('Password', with: @user_0.password)
            click_button 'Sign in'
            visit('/user_friendships')       
        end
        it "can create a user" do
        end
        it "can create a user" do
        end
        it "can create a user" do
        end    
        it "GET /root_path" do
            visit root_path
            page.should have_content("All of our statuses")
            click_link "Post a New Status"
            page.should have_content("New status")
            fill_in "status_content", with: "Oh my god I am going insaaaaaaaaane!!!"
            click_button "Create Status"
            page.should have_content("Status was successfully created.")
            click_link "Statuses"
            page.should have_content("All of our statuses")                       
            page.should have_content("Jimmy balooney")
            page.should have_content("Oh my god I am going insaaaaaaaaane!!! ")
        end
end
&lt;/code&gt;&lt;/pre&gt;
&lt;p&gt;But a lot longer?&lt;/p&gt;
&lt;p&gt;Should I use more than one file? How should I use the describe blocks? I'm only using one at the moment and that doesn't feel right.&lt;/p&gt;</t>
  </si>
  <si>
    <t>2014-01-01 16:19:37.560000+00:00</t>
  </si>
  <si>
    <t>2014-01-01 17:28:52.470000+00:00</t>
  </si>
  <si>
    <t>ruby-on-rails|rspec|capybara</t>
  </si>
  <si>
    <t>Error Handling with Lapply</t>
  </si>
  <si>
    <t>&lt;p&gt;I am trying to run the following code in R:&lt;/p&gt;
&lt;pre&gt;&lt;code&gt;player1_html=lapply(player1,readLines)
&lt;/code&gt;&lt;/pre&gt;
&lt;p&gt;where, player1 is a character array of 15 character vectors containing urls of different pages to be read. The problem I am facing is that some of the pages are giving 404 error due to which the program breaks giving the following error:&lt;/p&gt;
&lt;pre&gt;&lt;code&gt;Error in file(con, "r") : cannot open the connection
&lt;/code&gt;&lt;/pre&gt;
&lt;p&gt;I would like to ask if there is a way I can handle this in lapply by ignoring the links that give error. Also, what would be the normal approach to deal with such an error while using readLines(not in lapply)?&lt;/p&gt;</t>
  </si>
  <si>
    <t>2014-12-31 12:22:30.867000+00:00</t>
  </si>
  <si>
    <t>2014-12-31 14:12:02.690000+00:00</t>
  </si>
  <si>
    <t>r|web-scraping|readline|lapply</t>
  </si>
  <si>
    <t>Error when compile .proto file using wire protocol buffer compiler</t>
  </si>
  <si>
    <t>&lt;p&gt;I am new to use wire protocol buffer. I have PersonProto.proto file:&lt;/p&gt;
&lt;pre&gt;&lt;code&gt;message Person {
  required int32 id = 1;
  required string name = 2;
  optional string email = 3;
}
&lt;/code&gt;&lt;/pre&gt;
&lt;p&gt;and wire-compiler-1.6.0-jar-with-dependencies.jar in the same folder: Desktop\Newfolder.
I use this command to build:&lt;/p&gt;
&lt;pre&gt;&lt;code&gt;$java -jar wire-compiler-1.6.0-jar-with-dependencies.jar \ --proto_path=../Newfolder \ --java_out=../Newfolder PersonProto.proto
&lt;/code&gt;&lt;/pre&gt;
&lt;p&gt;And I got an exception:&lt;/p&gt;
&lt;pre&gt;&lt;code&gt;Exception in thread "main" java.io.FileNotFoundException: ..\Newfolder (Access is denied)
  at java.io.FileInputStream.open(Native Method)
  at java.io.FileInputStream.&amp;lt;init&amp;gt;(Unknown Source)
  at java.io.FileInputStream.&amp;lt;init&amp;gt;(Unknown Source)
  at com.squareup.wire.IO$FileIO.parse(IO.java:43)
  at com.squareup.wire.WireCompiler.compile(WireCompiler.java:251)
  at com.squareup.wire.WireCompiler.main(WireCompiler.java:188)
&lt;/code&gt;&lt;/pre&gt;
&lt;p&gt;I had try with other folder, but I cann't compile successful.
Please give me some ideas,
Thanks in advance!&lt;/p&gt;</t>
  </si>
  <si>
    <t>2014-11-04 09:02:06.993000+00:00</t>
  </si>
  <si>
    <t>2014-12-27 17:30:31.317000+00:00</t>
  </si>
  <si>
    <t>java|compilation|buffer|protocols|protocol-buffers</t>
  </si>
  <si>
    <t>Find disjoint sets of vertexes in a Graph</t>
  </si>
  <si>
    <t>&lt;p&gt;I want to find a simple method to generate sets of disjoint parts in a Graph. In other words, in the following Graph, I want to get two sets of {A, B, C, D} and {E, F}.
&lt;a href="https://i.stack.imgur.com/OYCLI.png" rel="nofollow noreferrer"&gt;&lt;img src="https://i.stack.imgur.com/OYCLI.png" alt="Sample Disjoint Graph"&gt;&lt;/a&gt;&lt;/p&gt;</t>
  </si>
  <si>
    <t>2016-05-05 20:14:23.893000+00:00</t>
  </si>
  <si>
    <t>2016-05-05 20:18:18.497000+00:00</t>
  </si>
  <si>
    <t>user5175527</t>
  </si>
  <si>
    <t>algorithm|graph</t>
  </si>
  <si>
    <t>Use git diff as diff algorithm in SmartGit</t>
  </si>
  <si>
    <t>&lt;p&gt;I want to use &lt;code&gt;git diff&lt;/code&gt; command instead of native SmartGit's diff because I find it better.&lt;br&gt;
SmartGit has customizable external diff, but as far as I understand this setting expects some executable file, not any arbitrary command like &lt;code&gt;git diff&lt;/code&gt;.&lt;br&gt;
Is there a way to achieve what I want?&lt;/p&gt;
&lt;p&gt;&lt;a href="https://i.stack.imgur.com/S6ibA.png" rel="nofollow noreferrer"&gt;&lt;img src="https://i.stack.imgur.com/S6ibA.png" alt="Trying this"&gt;&lt;/a&gt;
&lt;a href="https://i.stack.imgur.com/EL2FQ.png" rel="nofollow noreferrer"&gt;&lt;img src="https://i.stack.imgur.com/EL2FQ.png" alt="Doesn&amp;#39;t work"&gt;&lt;/a&gt;&lt;/p&gt;
&lt;p&gt;P.S.: images are broken right now due to Imgur's error, but they are just showing the menu and the error so it's not critical.&lt;/p&gt;</t>
  </si>
  <si>
    <t>2018-08-08 22:15:22.290000+00:00</t>
  </si>
  <si>
    <t>2018-08-08 22:21:28.817000+00:00</t>
  </si>
  <si>
    <t>smartgit</t>
  </si>
  <si>
    <t>Android action bar not showing overflow</t>
  </si>
  <si>
    <t>&lt;p&gt;I have an action bar in my app with 3 items.&lt;/p&gt;
&lt;p&gt;Only 2 can be displayed due to space issues, so I'd expect the first to be displayed and the rest to be displayed in the overflow.
However in practice only the first 2 items are shown and there is no overflow detectable.&lt;/p&gt;
&lt;p&gt;Here is the relevant code:
list_menu.xml&lt;/p&gt;
&lt;pre&gt;&lt;code&gt;&amp;lt;?xml version="1.0" encoding="utf-8"?&amp;gt;
&amp;lt;menu xmlns:android="http://schemas.android.com/apk/res/android" &amp;gt;
&amp;lt;item android:id="@+id/menu_insert"
    android:icon="@android:drawable/ic_menu_add"
    android:title="@string/menu_insert" 
    android:showAsAction="ifRoom|withText"/&amp;gt;
&amp;lt;item android:id="@+id/menu_call"
    android:icon="@android:drawable/ic_menu_call"
    android:title="@string/menu_call" 
    android:showAsAction="ifRoom|withText"/&amp;gt;
&amp;lt;item android:id="@+id/menu_agenda"
    android:icon="@android:drawable/ic_menu_agenda"
    android:title="@string/menu_agenda" 
    android:showAsAction="ifRoom|withText"/&amp;gt;
&amp;lt;/menu&amp;gt;
&lt;/code&gt;&lt;/pre&gt;
&lt;p&gt;Activity.java&lt;/p&gt;
&lt;pre&gt;&lt;code&gt;public boolean onCreateOptionsMenu(Menu menu) {
    MenuInflater mi = getMenuInflater();
    mi.inflate(R.menu.list_menu, menu);
    return true;
}
&lt;/code&gt;&lt;/pre&gt;</t>
  </si>
  <si>
    <t>2012-03-16 14:51:27.667000+00:00</t>
  </si>
  <si>
    <t>2018-03-09 15:02:22.210000+00:00</t>
  </si>
  <si>
    <t>android|overflow|android-actionbar</t>
  </si>
  <si>
    <t>How I can notify wpf owned window of closing?</t>
  </si>
  <si>
    <t>&lt;p&gt;If i set a owned window like that :&lt;/p&gt;
&lt;pre&gt;&lt;code&gt;OwnedWindow ownedWindow = new OwnedWindow();
ownedWindow.Owner = this;
ownedWindow.Show();
&lt;/code&gt;&lt;/pre&gt;
&lt;p&gt;it' possible to get notificated about the ownedWindow closing?&lt;/p&gt;</t>
  </si>
  <si>
    <t>2011-07-13 19:44:00.920000+00:00</t>
  </si>
  <si>
    <t>2011-07-13 19:48:39.987000+00:00</t>
  </si>
  <si>
    <t>c#|.net|wpf</t>
  </si>
  <si>
    <t>Remove an event handler from the child of a bound element</t>
  </si>
  <si>
    <t>&lt;p&gt;I have click handlers I want to apply to the rows in my table:&lt;/p&gt;
&lt;pre&gt;&lt;code&gt;var myTable = $(this);
myTable.on('expand', 'tr', myHandler);
myTable.on('click', 'tr', function () {
    $(this).trigger('expand');
});
function myHandler(e) {
    // my action
}
&lt;/code&gt;&lt;/pre&gt;
&lt;p&gt;This is a much simplified version, but it fires a jQuery method that expands the rows. I want to remove this handler from particular rows depending on their contents. I have a function that is fired every time the row is clicked. If it does not match set conditions, a method is fired displaying a message informing the user of the issue. I want to now disable the click to expand of this row. &lt;/p&gt;
&lt;pre&gt;&lt;code&gt;function stopFunction(row) {
    row.find('th[scope=row]').parents("#tableID").off('expand', 'tr', myHandler);
}
&lt;/code&gt;&lt;/pre&gt;
&lt;p&gt;The above just removes the click to expand capabilities from all rows. I don't know how to go about allowing the clicking of other rows, but just removing the handler from this single table row. Please note, the &lt;code&gt;row.find('th[scope]')&lt;/code&gt; is the table cell of the row, the first parent of that is it's row, and then the row's parent is the table (@tableID). &lt;/p&gt;</t>
  </si>
  <si>
    <t>2012-02-15 15:10:46.903000+00:00</t>
  </si>
  <si>
    <t>2018-10-21 09:32:47.033000+00:00</t>
  </si>
  <si>
    <t>jquery|html-table</t>
  </si>
  <si>
    <t>How to get the source code of a aspx page</t>
  </si>
  <si>
    <t>&lt;p&gt;I want to get the main source of an aspx page.&lt;/p&gt;
&lt;p&gt;How can i be able to know as to which and all links been created to get that site. When I right-click on the page, I get some Html page...but cant use it for compilation. Is ther some other way to approach this.? 
Help me out as i'm new to asp.net 4.0.&lt;/p&gt;
&lt;p&gt;and yea, 1 more thing, I just need to get the UI design tags which produced the page.&lt;/p&gt;
&lt;p&gt;Thanks in advance...&lt;/p&gt;</t>
  </si>
  <si>
    <t>2012-10-01 11:48:41.247000+00:00</t>
  </si>
  <si>
    <t>2012-10-03 08:11:36.967000+00:00</t>
  </si>
  <si>
    <t>c#|asp.net|.net|c#-4.0</t>
  </si>
  <si>
    <t>Angular Provider - $http is not defined when $get return object</t>
  </si>
  <si>
    <t>&lt;p&gt;if &lt;code&gt;$get&lt;/code&gt; configured like so :&lt;/p&gt;
&lt;p&gt;Config :&lt;/p&gt;
&lt;pre&gt;&lt;code&gt;.config( function( authProvider ){
    authProvider.initial();
})
&lt;/code&gt;&lt;/pre&gt;
&lt;p&gt;Provider :&lt;/p&gt;
&lt;pre&gt;&lt;code&gt;.provider('auth', function() {
  this.initial = function() {
    obj.user = JSON.parse( localStorage.getItem('user') );
  }
  var obj = {
    get: function() {
      return this.user;
    },
    set: function( userData ) {
      this.user = userData;
      localStorage.setItem( 'user', JSON.stringfiy( userData ) );
    },
    send: function( data ) {
      $http.post( 'user/' + data )
        .then(  res =&amp;gt; {  //  Arrow Functions 
          this.set(res.data);
        };
    },    
  };
  this.$get = function( $http ) {
    return obj;
  }
})
&lt;/code&gt;&lt;/pre&gt;
&lt;p&gt;I get &lt;code&gt;$http is not defined&lt;/code&gt; Error - When &lt;code&gt;send()&lt;/code&gt; calling&lt;/p&gt;
&lt;p&gt;And if it like so :&lt;/p&gt;
&lt;pre&gt;&lt;code&gt;.provider('auth', function() {
  // This method will not work !
  this.initial = function() {
    obj.user = JSON.parse( localStorage.getItem('user') );
  }
  this.$get = function( $http ) {
    return
    {
        get: function() {
          return this.user;
        },
        set: function( userData ) {
          this.user = userData;
          localStorage.setItem( 'user', JSON.stringfiy( userData ) );
        },
        send: function( data ) {
          $http.post( 'user/' + data )
            .then(  res =&amp;gt; {  //  Arrow Functions 
              this.set(res.data);
            };
        }    
    };
  }
})
&lt;/code&gt;&lt;/pre&gt;
&lt;p&gt;I do not have an error&lt;/p&gt;
&lt;p&gt;But &lt;code&gt;this.initial()&lt;/code&gt; Does not work.&lt;/p&gt;
&lt;p&gt;because it can not access an object that a &lt;code&gt;$get&lt;/code&gt; method return ..&lt;/p&gt;
&lt;p&gt;So my questions is :&lt;/p&gt;
&lt;ol&gt;
&lt;li&gt;&lt;p&gt;Why in the first example gives me an error at all ?&lt;/p&gt;&lt;/li&gt;
&lt;li&gt;&lt;p&gt;how should I do it ?&lt;/p&gt;&lt;/li&gt;
&lt;/ol&gt;
&lt;p&gt;Thank you very much !&lt;/p&gt;</t>
  </si>
  <si>
    <t>2016-05-08 20:50:39.080000+00:00</t>
  </si>
  <si>
    <t>2016-08-01 22:50:10.780000+00:00</t>
  </si>
  <si>
    <t>2016-05-08 21:01:56.650000+00:00</t>
  </si>
  <si>
    <t>angularjs|angular-http|angular-providers</t>
  </si>
  <si>
    <t>Execute js script into Windows 10 webView</t>
  </si>
  <si>
    <t>&lt;p&gt;I'd like to run a js function that is not written into loaded html page, for example we have a simple html page with button, and I'd like to disable the button using an external js script:&lt;/p&gt;
&lt;pre&gt;&lt;code&gt;    &amp;lt;!DOCTYPE html&amp;gt;
    &amp;lt;html&amp;gt;
    &amp;lt;body&amp;gt;
    &amp;lt;button id="my_button" type="button" onclick=""&amp;gt;Click Me!&amp;lt;/button&amp;gt;
    &amp;lt;/body&amp;gt;
    &amp;lt;/html&amp;gt;
&lt;/code&gt;&lt;/pre&gt;
&lt;p&gt;and I have my script form a file:&lt;/p&gt;
&lt;pre&gt;&lt;code&gt; function disableFun() {
 document.getElementById("my_button").disabled = true;
 }
&lt;/code&gt;&lt;/pre&gt;
&lt;p&gt;as is mentioned in &lt;a href="https://msdn.microsoft.com/en-us/library/windows.ui.xaml.controls.webview.invokescriptasync.aspx" rel="nofollow"&gt;official doc&lt;/a&gt; there is a API method &lt;code&gt;InvokeScriptAsync(string scriptName, string[] arguments)&lt;/code&gt; but is mentioned that we must already have the script into html loaded page. &lt;/p&gt;
&lt;p&gt;Any advices are apreciated!&lt;/p&gt;
&lt;p&gt;P.S. in android we do it very simple &lt;code&gt;webView.loadUrl('my script code')&lt;/code&gt;&lt;/p&gt;</t>
  </si>
  <si>
    <t>2016-07-06 07:26:58.140000+00:00</t>
  </si>
  <si>
    <t>2016-07-06 09:14:27.417000+00:00</t>
  </si>
  <si>
    <t>javascript|c#|win-universal-app</t>
  </si>
  <si>
    <t>sharing data with heroku apps</t>
  </si>
  <si>
    <t>&lt;p&gt;Hi what is the recommended way of sharing data in heroku apps.&lt;/p&gt;
&lt;p&gt;The reason why I ask is that I have a scheduler app which runs a process every 5 mins and places data in a memcache (memcachier).&lt;/p&gt;
&lt;p&gt;I would then like another servlet based app to be able to read that same memcache data and return it to the user.&lt;/p&gt;
&lt;p&gt;I tried to do this but the data is returning null.&lt;/p&gt;
&lt;p&gt;Would it be better to use a database or is there any other way of doing this.&lt;/p&gt;
&lt;p&gt;Can the memcache be shared across dynos?&lt;/p&gt;</t>
  </si>
  <si>
    <t>2012-12-20 15:27:29.267000+00:00</t>
  </si>
  <si>
    <t>2012-12-20 16:52:30.563000+00:00</t>
  </si>
  <si>
    <t>2012-12-20 16:44:19.553000+00:00</t>
  </si>
  <si>
    <t>heroku|memcached</t>
  </si>
  <si>
    <t>How to have a reliable Volley request with no retries policy</t>
  </si>
  <si>
    <t>&lt;p&gt;When I am on a slow connection and making a POST request, Volley retries my request multiple times and after it all ends up hitting my &lt;code&gt;errorListener&lt;/code&gt;. Sometimes, these retries actually succeeded in posting data.&lt;/p&gt;
&lt;p&gt;The user will assume that the request failed, but in truth, if they refreshed the data they'd see the data was POSTed twice to the server (or however many successful retries in the bunch).&lt;/p&gt;
&lt;p&gt;I want give Volley a very dumbed-down retry policy:&lt;/p&gt;
&lt;p&gt;I want it to try a request for 15 seconds and if the request doesn't reach the server within 15 seconds and comes back with a response to trigger the &lt;code&gt;errorListener&lt;/code&gt;. I don't want it to retry at all. &lt;/p&gt;
&lt;p&gt;The only concern is if Volley tries, the request gets to the server within 20~25 seconds, but by then it triggered the &lt;code&gt;errorListener&lt;/code&gt; and the data still got POSTed. &lt;/p&gt;
&lt;p&gt;Does HTTP follow a time-limit after which it is 100% the data won't get posted because the request took too long? Like maybe 40 seconds? If such, then I can have the request go on for 40 seconds.&lt;/p&gt;
&lt;p&gt;In all:&lt;/p&gt;
&lt;p&gt;No retries and ensure 100% that if data got posted on first try go to &lt;code&gt;successListener&lt;/code&gt; and if it didn't get posted (request died due to taking too long or error response from server) &lt;code&gt;errorListener&lt;/code&gt;.&lt;/p&gt;
&lt;p&gt;I was thinking of doing something with the defaultRetryPolicy... like &lt;code&gt;DefaultRetryPolicy(15000, 0, 1)&lt;/code&gt;, though I think the last parameter doesn't matter because what is the point of back-off with no retries.&lt;/p&gt;
&lt;p&gt;How would I achieve what I asked two paragraphs back?&lt;/p&gt;</t>
  </si>
  <si>
    <t>2015-02-11 15:21:22.610000+00:00</t>
  </si>
  <si>
    <t>android|http|android-volley</t>
  </si>
  <si>
    <t>My files are writeable, why am I seeing filesize() and fread() errors?</t>
  </si>
  <si>
    <t>&lt;p&gt;I am trying to insert an image from my server as a background image converted to base64. &lt;/p&gt;
&lt;p&gt;I receive these errors:&lt;/p&gt;
&lt;blockquote&gt;
  &lt;p&gt;Warning: filesize(): stat failed&lt;/p&gt;
  &lt;p&gt;Warning: fread(): Length parameter must be greater than 0&lt;/p&gt;
&lt;/blockquote&gt;
&lt;p&gt;I have read that both errors can be caused by the files not being writeable, but I have made all files related writeable (the image file, the folder it is in and the file the code is on) and still no joy.&lt;/p&gt;
&lt;p&gt;This is the php code&lt;/p&gt;
&lt;pre&gt;&lt;code&gt;&amp;lt;?php
$img_source = "image.jpg";
$img_binary = fread(fopen($img_source, "r"), filesize($img_source));
$img_string = base64_encode($img_binary);
?&amp;gt;
&lt;/code&gt;&lt;/pre&gt;
&lt;p&gt;And here is my css/php&lt;/p&gt;
&lt;pre&gt;&lt;code&gt;body { background-image:url('data:image/gif;base64,&amp;lt;?php echo $img_string; ?&amp;gt;'); 
&lt;/code&gt;&lt;/pre&gt;
&lt;p&gt;I was previously achiving the result I wanted by using &lt;strong&gt;get_file_contents&lt;/strong&gt; but it was very very slow. This was my old method.&lt;/p&gt;
&lt;pre&gt;&lt;code&gt;&amp;lt;?php echo base64_encode(file_get_contents($img_url.'/'.$image)) ?&amp;gt;
&lt;/code&gt;&lt;/pre&gt;</t>
  </si>
  <si>
    <t>2015-05-29 10:23:10.883000+00:00</t>
  </si>
  <si>
    <t>2015-05-29 10:34:18.057000+00:00</t>
  </si>
  <si>
    <t>Why does MD5 Hash For FileStream and String Differ C#</t>
  </si>
  <si>
    <t>&lt;p&gt;I generate a MD5 Hash from a String and from a File Containing the Same String using System.Security.Cryptography.MD5. However the Hash Values Differ. &lt;/p&gt;
&lt;p&gt;Here is the code to generate from a string&lt;/p&gt;
&lt;pre&gt;&lt;code&gt;byte[] data = Encoding.ASCII.GetBytes("The quick brown fox jumps over the lazy dog");
byte[] hash = MD5.Create().ComputeHash(data);
return BitConverter.ToString(hash).Replace("-", "").ToLower();
&lt;/code&gt;&lt;/pre&gt;
&lt;p&gt;And Here is the code when I generate the hash from the file&lt;/p&gt;
&lt;pre&gt;&lt;code&gt;internal static string CalculateFileHashTotal(string fileLocation) 
    {
        using(var md5 = MD5.Create())
        {
            using (var stream = File.OpenRead(fileLocation))
            {
                byte[] b = md5.ComputeHash(stream);
                stream.Close();
                return BitConverter.ToString(b).Replace("-", "").ToLower();
            }
        }
    }
&lt;/code&gt;&lt;/pre&gt;
&lt;p&gt;The Hash from the string is correct, So I assume the Hash from the file reads some extra stuffs or doesn't read the entire file. I couldn't find an answer on Google. &lt;/p&gt;
&lt;p&gt;Any Ideas?&lt;/p&gt;</t>
  </si>
  <si>
    <t>2012-11-06 06:50:02.823000+00:00</t>
  </si>
  <si>
    <t>2012-11-06 06:58:54.887000+00:00</t>
  </si>
  <si>
    <t>c#|md5|md5sum|md5-file</t>
  </si>
  <si>
    <t>Deploying PHP code in elasticbeanstalk</t>
  </si>
  <si>
    <t>&lt;p&gt;I am new to AWS elastic beanstalk. I have been using this for a college project. I have deployed a working PHP code and its health is OK, but when I try using URL in my &lt;strong&gt;environment&lt;/strong&gt;, it says:&lt;/p&gt;
&lt;pre&gt;&lt;code&gt;forbidden error no.403
&lt;/code&gt;&lt;/pre&gt;
&lt;p&gt;How should I deploy it? &lt;/p&gt;
&lt;p&gt;I have already tried with many methods as seen in many AWS youtube channels, but without any luck.&lt;/p&gt;</t>
  </si>
  <si>
    <t>2016-11-10 07:07:49.387000+00:00</t>
  </si>
  <si>
    <t>2016-11-11 13:28:23.663000+00:00</t>
  </si>
  <si>
    <t>php|amazon-web-services|amazon-elastic-beanstalk</t>
  </si>
  <si>
    <t>Typo3 HMENU Configuration literals</t>
  </si>
  <si>
    <t>&lt;p&gt;I am new in Typo3 and I have this definition of my HMENU in my first page:
(class /typo3/fileadmin/layouts/ts/main.ts) &lt;/p&gt;
&lt;pre&gt;&lt;code&gt;# 3-Stufige Hauptnavigation
tmp.navi_main = HMENU
tmp.navi_main {
    1.expAll = 1
    1 = TMENU
    1 {
        NO {
            wrapItemAndSub = &amp;lt;li id="nav{field:uid}" class="no no0 first"&amp;gt;|&amp;lt;/li&amp;gt; |*| &amp;lt;li id="nav{field:uid}" class="no no0"&amp;gt;|&amp;lt;/li&amp;gt; |*| &amp;lt;li id="nav{field:uid}" class="no no0 last"&amp;gt;|&amp;lt;/li&amp;gt;
            wrapItemAndSub.insertData = 1
            ATagTitle.field = title // abstract // description
            stdWrap.dataWrap = &amp;lt;span&amp;gt;|&amp;lt;span class="nav-subtitle"&amp;gt;{field:subtitle}&amp;lt;/span&amp;gt;&amp;lt;/span&amp;gt;
            ATagParams = class="a0"
            allStdWrap.insertData = 1 
            stdWrap.htmlSpecialChars = 1 
        }
        ACT &amp;lt; .NO
        ACT = 1
        ACT {
            wrapItemAndSub = &amp;lt;li id="nav{field:uid}" class="act act0 first"&amp;gt;|&amp;lt;/li&amp;gt; |*| &amp;lt;li id="nav{field:uid}" class="act act0"&amp;gt;|&amp;lt;/li&amp;gt; |*| &amp;lt;li id="nav{field:uid}" class="act act0 last"&amp;gt;|&amp;lt;/li&amp;gt;
            wrapItemAndSub.insertData = 1
            ATagParams = class="act0 a0"
        }
        CUR &amp;lt; .NO
        CUR = 1
        CUR {
             wrapItemAndSub = &amp;lt;li id="nav{field:uid}" class="act cur act0 first"&amp;gt;|&amp;lt;/li&amp;gt; |*| &amp;lt;li id="nav{field:uid}" class="act cur act0"&amp;gt;|&amp;lt;/li&amp;gt; |*| &amp;lt;li id="nav{field:uid}" class="act cur act0 last"&amp;gt;|&amp;lt;/li&amp;gt;
             wrapItemAndSub.insertData = 1
             ATagParams = class="act0 cur a0"
        }
        wrap = &amp;lt;ul id="navi-main" class="navi-main0"&amp;gt; | &amp;lt;/ul&amp;gt;
        noBlur = 1
    }
    2 &amp;lt; .1
    2 {
        NO {
            wrapItemAndSub = &amp;lt;li id="nav{field:uid}" class="no no1 first"&amp;gt;|&amp;lt;/li&amp;gt; |*| &amp;lt;li id="nav{field:uid}" class="no no1"&amp;gt;|&amp;lt;/li&amp;gt; |*| &amp;lt;li id="nav{field:uid}" class="no no1 last"&amp;gt;|&amp;lt;/li&amp;gt;
            ATagParams = class="a1"
        }
        ACT &amp;lt; .NO
        ACT = 1
        ACT {
            wrapItemAndSub = &amp;lt;li id="nav{field:uid}" class="act act1 first"&amp;gt;|&amp;lt;/li&amp;gt; |*| &amp;lt;li id="nav{field:uid}" class="act act1"&amp;gt;|&amp;lt;/li&amp;gt; |*| &amp;lt;li id="nav{field:uid}" class="act act1 last"&amp;gt;|&amp;lt;/li&amp;gt;
            ATagParams = class="act1 a1"
        }
        CUR &amp;lt; .NO
        CUR = 1
        CUR {
             wrapItemAndSub = &amp;lt;li id="nav{field:uid}" class="act cur act1 first"&amp;gt;|&amp;lt;/li&amp;gt; |*| &amp;lt;li id="nav{field:uid}" class="act cur act1"&amp;gt;|&amp;lt;/li&amp;gt; |*| &amp;lt;li id="nav{field:uid}" class="act cur act1 last"&amp;gt;|&amp;lt;/li&amp;gt;
             wrapItemAndSub.insertData = 1
             ATagParams = class="act0 cur a0"
        }
        wrap ( 
                &amp;lt;ul class="navi-main1"&amp;gt; 
                    | 
                &amp;lt;/ul&amp;gt;
             )
    }
    #excludeUidList = 11,12,13
}
&lt;/code&gt;&lt;/pre&gt;
&lt;p&gt;In my main page I have this image&lt;a href="https://i.stack.imgur.com/uMqJF.png" rel="nofollow noreferrer"&gt;&lt;img src="https://i.stack.imgur.com/uMqJF.png" alt="enter image description here"&gt;&lt;/a&gt; I need to add new item in my hMenu (blue div with an hyper link a href), but I dont know where to add the new Literal? 
Can somebody can help me about this? The literals are in database? or where?
Thanks!&lt;/p&gt;</t>
  </si>
  <si>
    <t>2018-03-08 17:49:43.237000+00:00</t>
  </si>
  <si>
    <t>typo3</t>
  </si>
  <si>
    <t>STM32 F407 Discovery Joystick Thrustmaster T-Flight Hotas X</t>
  </si>
  <si>
    <t>&lt;p&gt;I am trying to use the Thrustmaster T-Flight Hotas X joystick with my STM32 f407 Discovery board. As you know, the joystick has a USB connection, but actually I do not know how it transmits data and I do not know what kind of protocol it uses...do you have any advice?&lt;/p&gt;
&lt;p&gt;Is there a way to connect the joystick to the board?&lt;/p&gt;</t>
  </si>
  <si>
    <t>2018-06-21 09:21:25.213000+00:00</t>
  </si>
  <si>
    <t>2018-06-21 10:52:18.720000+00:00</t>
  </si>
  <si>
    <t>2018-06-21 09:36:43.783000+00:00</t>
  </si>
  <si>
    <t>usb|microcontroller|stm32</t>
  </si>
  <si>
    <t>VB.NET: Retrive an image (blob) from MySQL DB</t>
  </si>
  <si>
    <t>&lt;p&gt;I've a field called "Foto" in MySQL DB. This field is a blob. When I used SQL Server, the following code worked:&lt;/p&gt;
&lt;pre&gt;&lt;code&gt;    Dim conn As New MySqlConnection
    conn.ConnectionString = ConnectionString
    Dim cmd As New MySqlCommand
    cmd.Connection = conn
    conn.Open()
    cmd.CommandText = "SELECT Foto FROM MyTable WHERE ID = '" &amp;amp; IDtxt.ToString &amp;amp; "'"
    Dim reader As MySqlDataReader
        reader = cmd.ExecuteReader
        While reader.Read
            If (IsDBNull(reader("Foto"))) Then
                frmCartaIdentitaView.pctImage.Image = Nothing
            Else
                Dim byteImage() As Byte = reader("Foto")
                Dim frmImageView stmFoto As New System.IO.MemoryStream(byteImage)
                frmImageView.pctImage.Image = Image.FromStream(stmFoto)
                frmImageView.pctImage.SizeMode = PictureBoxSizeMode.Zoom
                frmImageView.Show()
            End If
        End While
&lt;/code&gt;&lt;/pre&gt;
&lt;p&gt;But now that I'm using mysql, is produced the following error: invalid parameter.&lt;/p&gt;</t>
  </si>
  <si>
    <t>2013-09-24 09:21:41.403000+00:00</t>
  </si>
  <si>
    <t>2016-09-13 07:28:38.937000+00:00</t>
  </si>
  <si>
    <t>mysql|vb.net|image|blob|memorystream</t>
  </si>
  <si>
    <t>JTable print with prefix text on top (not header / footer)</t>
  </si>
  <si>
    <t>&lt;p&gt;I would like to print a specific text on the top of a JTable , but not in every page (not header) just on the first page and/or a text on the end of the text but again not as a footer to each page but only after the end of the JTable contents. &lt;/p&gt;
&lt;p&gt;How is this possible ?
Thank you!&lt;/p&gt;</t>
  </si>
  <si>
    <t>2012-04-19 18:53:10.093000+00:00</t>
  </si>
  <si>
    <t>2012-04-19 20:02:35.533000+00:00</t>
  </si>
  <si>
    <t>2012-04-19 18:56:58.250000+00:00</t>
  </si>
  <si>
    <t>java|swing|printing|jtable|graphics2d</t>
  </si>
  <si>
    <t>Passing aspx page via Stream</t>
  </si>
  <si>
    <t>&lt;p&gt;I have an aspx page that needs to be an embedded resource for a WCF project. An interfacing service serves the aspx/html/js files to the web browser via a Stream object. The problem I am having is getting the aspx page to display properly. I have tried setting the content type to "text/html", but when I do this, I get the following at the top of the page:&lt;/p&gt;
&lt;pre&gt;&lt;code&gt;&amp;lt;%@ Page Language="C#" AutoEventWireup="true" CodeBehind="Index.aspx.cs" Inherits="Services.Interface.Views.WebForm" %&amp;gt;
&lt;/code&gt;&lt;/pre&gt;
&lt;p&gt;Which is the first line of Index.aspx.
Since it's being served as an html file, the aspx "stuff" is ignored, I guess.&lt;/p&gt;
&lt;p&gt;I've also tried setting the content type to "application/xhtml+xm" as some have suggested, but I get an error that says: &lt;/p&gt;
&lt;pre&gt;&lt;code&gt; This page contains the following errors:
 error on line 1 at column 2: StartTag: invalid element name
 Below is a rendering of the page up to the first error.
&lt;/code&gt;&lt;/pre&gt;
&lt;p&gt;I have tried taking out the ASP stuff from Index.aspx and changing it to an HTML file, and it works, but I need the ASP capabilities for accessing some settings in Web.config.&lt;/p&gt;
&lt;p&gt;Is there a proper content type for aspx pages that I'm not aware of, or is something else going wrong? Thanks in advance&lt;/p&gt;</t>
  </si>
  <si>
    <t>2015-11-05 18:39:07.793000+00:00</t>
  </si>
  <si>
    <t>c#|html|asp.net|wcf</t>
  </si>
  <si>
    <t>Modify tool-tip of phpgrid dynamically</t>
  </si>
  <si>
    <t>&lt;p&gt;I am using data grid from &lt;code&gt;www.phpgrid.com&lt;/code&gt; for my website. I want to customize the tool-tip to something custom. Which file should I mod and what should I do?&lt;/p&gt;
&lt;p&gt;I saw a reference in their documentation :&lt;/p&gt;
&lt;pre&gt;&lt;code&gt;http://phpgrid.uservoice.com/knowledgebase/articles/33488-tool-tip-for-column-headers
&lt;/code&gt;&lt;/pre&gt;
&lt;p&gt;But this didn't work for me.&lt;/p&gt;</t>
  </si>
  <si>
    <t>2015-03-16 09:02:20.317000+00:00</t>
  </si>
  <si>
    <t>2015-03-16 16:03:03.147000+00:00</t>
  </si>
  <si>
    <t>2015-03-16 09:25:43.187000+00:00</t>
  </si>
  <si>
    <t>php|phpgrid</t>
  </si>
  <si>
    <t>jquery mobile windows phone 7 back button crash</t>
  </si>
  <si>
    <t>&lt;p&gt;I am trying to create a phonegap + jquery mobile app for Windows Phone 7.1.&lt;/p&gt;
&lt;p&gt;I am using jquery mobile 1.3.2, cordova.2.7.0, jquery 1.9.1&lt;/p&gt;
&lt;p&gt;the very same code, runs fluently on android, however is stuck on WP.&lt;/p&gt;
&lt;p&gt;I have removed all JS functionality, and tried just the jquery mobile navigation. Whenever I navigate to a page, and click phones back button, it stays there with the loading sign, and never finishes.&lt;/p&gt;
&lt;p&gt;Any ideas what could cause the problem?&lt;/p&gt;</t>
  </si>
  <si>
    <t>2013-07-28 21:57:13.347000+00:00</t>
  </si>
  <si>
    <t>2013-07-31 05:55:33.620000+00:00</t>
  </si>
  <si>
    <t>jquery|windows-phone-7|jquery-mobile|cordova</t>
  </si>
  <si>
    <t>PHP image GD library Cant display image</t>
  </si>
  <si>
    <t>&lt;p&gt;I tray to generate uni code and write in to the image. this my code :&lt;/p&gt;
&lt;pre&gt;&lt;code&gt;    header('Content-type: image/png');
    /*root folder */
    if(!defined('TEJA_FOLDER')) define('TEJA_FOLDER', dirname(dirname(__DIR__)) . '/' , true);
    // Create Image From Existing File
    $jpg_image = imagecreatefrompng( TEJA_FOLDER.'images/white.png');
    // Allocate A Color For The Text
    $white = imagecolorallocate($jpg_image, 36, 143, 36);
    // Set Path to Font File
    $font           = TEJA_FOLDER.'fonts/Xerox Sans Serif Wide Bold.TTF'; //-------&amp;gt; font path
    // Set Text to Be Printed On Image
    $text = "This is a sunset!";
    // Print Text On Image
    imagettftext($jpg_image, 25, 45, 0, 0, $white, $font, database(TEJA_FOLDER));
    // Send Image to Browser
    imagepng($jpg_image);
    // Clear Memory
    imagedestroy($jpg_image);
function database($TEJA_FOLDER){
    /*require database connection */
    require_once( $TEJA_FOLDER . "helper/databasehelper.php" );
    /* generate unik code*/
    $code = $conn-&amp;gt;query("select random_num from ( SELECT FLOOR(RAND() * 9999) AS random_num FROM list_produk ) dt WHERE NOT EXISTS (SELECT * FROM list_produk where random_num = kode_barang) AND NOT EXISTS (SELECT * FROM fb_group_tas where random_num = p_kode_id) LIMIT 1 ");
    $code   = mysqli_fetch_all($code,MYSQLI_ASSOC);
    $code   = $code[0]["random_num"];
    return $code;
}
&lt;/code&gt;&lt;/pre&gt;
&lt;p&gt;i get error like this " &lt;em&gt;The images &lt;a href="http://localhost/myscript.php" rel="nofollow"&gt;http://localhost/myscript.php&lt;/a&gt; cannot displayed&lt;/em&gt; "&lt;/p&gt;
&lt;p&gt;but if i remove database function, i don't have error and image can display in browser.&lt;/p&gt;
&lt;p&gt;What am i missing ?&lt;/p&gt;</t>
  </si>
  <si>
    <t>2016-03-28 13:23:23.453000+00:00</t>
  </si>
  <si>
    <t>2016-03-28 13:29:44.527000+00:00</t>
  </si>
  <si>
    <t>php|gd</t>
  </si>
  <si>
    <t>Two push notification not showing</t>
  </si>
  <si>
    <t>&lt;p&gt;im currently trying to push notification in my app.
i have 2 AsyncTask with notification in it but when execute both two on my log in the second one is only showing,a but when i comment the the second one the first one is showing i know my api is working fine&lt;/p&gt;
&lt;p&gt;First asyntask:&lt;/p&gt;
&lt;pre&gt;&lt;code&gt;public class backWorkerNotifTom extends AsyncTask&amp;lt;String,String,String&amp;gt; {
Context context;
String result;
String[] BookTittle;
    public  backWorkerNotifTom(Context context){this.context = context;}
    @Override
    protected String doInBackground(String... params) {
        String type = params[0];
        String NotifTomURL = "http://192.168.254.120/LibrayAPI/SelectNotifTom.php";
        if (type.equals("SelectNotifTom")){
            String dateTom = params[1];
            String borrowerID = params[2];
            try {
                String data = URLEncoder.encode("date_tom","UTF-8") + "=" +
                        URLEncoder.encode(dateTom,"UTF-8");
                data += "&amp;amp;" + URLEncoder.encode("borrower_id","UTF-8") + "=" +
                        URLEncoder.encode(borrowerID,"UTF-8");
                URL url = new URL(NotifTomURL);
                URLConnection urlConnection = url.openConnection();
                urlConnection.setDoOutput(true);
                OutputStreamWriter outputStreamWriter = new OutputStreamWriter(urlConnection.getOutputStream());
                outputStreamWriter.write(data);
                outputStreamWriter.flush();
                BufferedReader bufferedReader = new BufferedReader(new InputStreamReader(urlConnection.getInputStream()));
                StringBuilder sb = new StringBuilder();
                String line;
                while ((line = bufferedReader.readLine())!= null){
                    sb.append(line+"\n");
                }
                result = sb.toString();
                JSONArray jsonArray = new JSONArray(result);
                JSONObject jsonObject;
                BookTittle = new String[jsonArray.length()];
                for (int i = 0; i &amp;lt; jsonArray.length(); i++) {
                    jsonObject = jsonArray.getJSONObject(i);
                    BookTittle[i] = jsonObject.getString("BookTittle");
                    // PendingIntent pendingIntent = PendingIntent.getActivity(context, 0, new Intent(context, NotifList.class), 0);
                    NotificationCompat.Builder mbuilder = new NotificationCompat.Builder(context)
                            .setSmallIcon(R.drawable.ic_book_black_24dp)
                            .setContentTitle("Library Alert")
                            .setContentText("Tommorow is the Due Day of the Book " + BookTittle[i] + " You Borrowed")
                            //.setContentIntent(pendingIntent)
                            .setTicker("Notifications");
                    NotificationManager notificationManager = (NotificationManager) context.getSystemService(context.NOTIFICATION_SERVICE);
                    if (notificationManager != null) {
                        notificationManager.notify(i, mbuilder.build());
                    }
                }
            }
            catch (Exception ex){
                ex.printStackTrace();
            }
        }
        return result;
    }
    @Override
    protected void onPreExecute() {
        super.onPreExecute();
    }
    @Override
    protected void onPostExecute(String s) {
        super.onPostExecute(s);
    }
}
&lt;/code&gt;&lt;/pre&gt;
&lt;p&gt;Second Asyntask:&lt;/p&gt;
&lt;pre&gt;&lt;code&gt;public class backWorkerNotif extends AsyncTask&amp;lt;String, String, String&amp;gt; {
    String result = null;
    String[] BookTittle;
   Context context;
   public  backWorkerNotif(Context context){this.context = context;}
    @Override
    protected String doInBackground(String... params) {
        String selectNotif_url = "http://192.168.254.120/LibrayAPI/SelectNotif.php";
        String type = params[0];
        if (type.equals("Notif")) {
            String DateNow = params[1];
            String BorrowerID = params[2];
            try {
                String data = URLEncoder.encode("date_now", "UTF-8") + "=" +
                        URLEncoder.encode(DateNow, "UTF-8");
                data += "&amp;amp;" + URLEncoder.encode("borrower_id", "UTF-8") + "=" +
                        URLEncoder.encode(BorrowerID, "UTF-8");
                URL url = new URL(selectNotif_url);
                URLConnection urlConnection = url.openConnection();
                urlConnection.setDoOutput(true);
                OutputStreamWriter outputStreamWriter = new OutputStreamWriter(urlConnection.getOutputStream());
                outputStreamWriter.write(data);
                outputStreamWriter.flush();
                BufferedReader bufferedReader = new BufferedReader(new InputStreamReader(urlConnection.getInputStream()));
                StringBuilder sb = new StringBuilder();
                String line;
                while ((line = bufferedReader.readLine()) != null) {
                    sb.append(line + "\n");
                }
                result = sb.toString();
                if (result.isEmpty()) {
                } else {
                    //Json
                    JSONArray jsonArray = new JSONArray(result);
                    JSONObject jsonObject;
                    BookTittle = new String[jsonArray.length()];
                    for (int i = 0; i &amp;lt; jsonArray.length(); i++) {
                        jsonObject = jsonArray.getJSONObject(i);
                        BookTittle[i] = jsonObject.getString("BookTittle");
                       // PendingIntent pendingIntent = PendingIntent.getActivity(context, 0, new Intent(context, NotifList.class), 0);
                        NotificationCompat.Builder mbuilder = new NotificationCompat.Builder(context)
                                .setSmallIcon(R.drawable.ic_book_black_24dp)
                                .setContentTitle("Library notification")
                                .setContentText("Today is the Due Day of the Book " + BookTittle[i] + " You Borrowed")
                                //.setContentIntent(pendingIntent)
                                .setTicker("Notification Alert");
                        NotificationManager notificationManager = (NotificationManager) context.getSystemService(context.NOTIFICATION_SERVICE);
                        if (notificationManager != null) {
                            notificationManager.notify(i, mbuilder.build());
                        }
                    }
                }
            }
            catch (Exception ex) {
                ex.printStackTrace();
            }
        }
        return null;
    }
    @Override
    protected void onPreExecute() {
        super.onPreExecute();
    }
    @Override
    protected void onPostExecute(String jsonArray) {
        super.onPostExecute(jsonArray);
    }
}
&lt;/code&gt;&lt;/pre&gt;
&lt;p&gt;Log in class&lt;/p&gt;
&lt;pre&gt;&lt;code&gt;public class Login extends AppCompatActivity {
    EditText username,password;
    @Override
    protected void onCreate(Bundle savedInstanceState) {
        super.onCreate(savedInstanceState);
        setContentView(R.layout.activity_login);
        username = findViewById(R.id.edtUsername);
        password = findViewById(R.id.edtPassword);
    }
    public void onLogin(View view) {
        String Username = username.getText().toString();
        String Password = password.getText().toString();
        //notif call
        //call notif for overdue tommorow
        backWorkerNotifTom backWorkerNotifTom = new backWorkerNotifTom(this);
      //get datetime tom
       Calendar calendar =  Calendar.getInstance();
        calendar.add(Calendar.DAY_OF_YEAR,1);
        Date dateTom = calendar.getTime();
        SimpleDateFormat sf1 = new SimpleDateFormat("yyyy-MM-dd");
        String dateTomString = sf1.format(dateTom);
        Toast.makeText(this, dateTomString, Toast.LENGTH_SHORT).show();
        backWorkerNotifTom.execute("SelectNotifTom",dateTomString,Username);
        backWorkerNotif backWorkerNotif = new backWorkerNotif(this);
        Date date = Calendar.getInstance().getTime();
        SimpleDateFormat SF = new SimpleDateFormat("yyyy-MM-dd");
        String DateNow = SF.format(date);
        backWorkerNotif.execute("Notif", DateNow, Username);
        String Type = "login";
        GlobalVariable.BorrowerID = Username;
        GlobalVariable.Password = Password;
        backgroundWorker _backgroundWorker = new backgroundWorker(this);
        _backgroundWorker.execute(Type, Username, Password);
    }
}
&lt;/code&gt;&lt;/pre&gt;</t>
  </si>
  <si>
    <t>2018-10-07 15:00:57.527000+00:00</t>
  </si>
  <si>
    <t>2018-10-07 16:49:36.120000+00:00</t>
  </si>
  <si>
    <t>android|push-notification|android-asynctask|android-notifications</t>
  </si>
  <si>
    <t>Referencing objects in Javascript</t>
  </si>
  <si>
    <t>&lt;p&gt;When you have a multi-tiered object like a json object that say has 3 tiers&lt;/p&gt;
&lt;pre&gt;&lt;code&gt;i = {'id':1{'name':'austin', 'lives':'college'{'name':'eckerd', 'major':'compsci'}}}
&lt;/code&gt;&lt;/pre&gt;
&lt;p&gt;To reference the object is it better to reference it like so&lt;/p&gt;
&lt;pre&gt;&lt;code&gt;for (x in i)
    i[x]['lives']['name']
//or
    i[x].lives.name
&lt;/code&gt;&lt;/pre&gt;
&lt;p&gt;I think that gets my idea across.  Pretty much use Associative arrays or the 'dot' method and why?&lt;/p&gt;</t>
  </si>
  <si>
    <t>2011-04-22 01:38:33.240000+00:00</t>
  </si>
  <si>
    <t>2012-12-11 17:02:24.290000+00:00</t>
  </si>
  <si>
    <t>2011-04-22 01:45:21.747000+00:00</t>
  </si>
  <si>
    <t>javascript|object</t>
  </si>
  <si>
    <t>I need a MySQL query to be optimized</t>
  </si>
  <si>
    <t>&lt;p&gt;I have a query running on MySQL DB and is very slow.&lt;/p&gt;
&lt;p&gt;Is there anyway I can optimize the following&lt;/p&gt;
&lt;pre&gt;&lt;code&gt;SELECT mcm.merchant_name,
   ( ( Sum(ot.price) + Sum(ot.handling_charges)
       + Sum(ot.sales_tax_recd)
       + Sum(ot.shipping_cost) - Sum(ot.sales_tax_payable) ) -
     Sum(im.break_even_cost) ) AS PL,
   ot.merchant_id
   FROM   order_table ot,
          item_master im,
          merchant_master mcm
   WHERE  ot.item_id = im.item_id
   AND ot.merchant_id = mcm.merchant_id
   GROUP  BY mcm.merchant_name
   ORDER  BY pl DESC
   LIMIT  0, 10; 
&lt;/code&gt;&lt;/pre&gt;
&lt;p&gt;The Above Query is taking more than 200 seconds to execute.&lt;/p&gt;
&lt;p&gt;Explain Result:&lt;/p&gt;
&lt;pre&gt;&lt;code&gt;id  select_type table   type    possible_keys           key         key_len     ref                     rows        Extra   
1   SIMPLE      ot      ALL     "merchant_id,item_id"   NULL        NULL        NULL                    507910      "Using temporary; Using filesort"
1   SIMPLE      mcm     eq_ref  "PRIMARY,merchant_id"   PRIMARY     4           stores.ot.merchant_id   1   
1   SIMPLE      im      eq_ref  "PRIMARY,item_id"       PRIMARY     4           stores.ot.item_id       1   
&lt;/code&gt;&lt;/pre&gt;
&lt;p&gt;Also, I got Error-1003 when I run EXPLAIN EXTENDED&lt;/p&gt;</t>
  </si>
  <si>
    <t>2013-12-06 06:24:41.390000+00:00</t>
  </si>
  <si>
    <t>2013-12-06 06:56:09.313000+00:00</t>
  </si>
  <si>
    <t>mysql|select|query-optimization</t>
  </si>
  <si>
    <t>Trigger an event from the dynamically added button</t>
  </si>
  <si>
    <t>&lt;p&gt;I'm facing a issue when I want to trigger an event from dynamically added button.&lt;/p&gt;
&lt;pre&gt;&lt;code&gt;&amp;lt;h1&amp;gt;Image attributes&amp;lt;/h1&amp;gt;
&amp;lt;table id="imtbl" border="1" cellpadding="0" cellspacing="0"&amp;gt;
    &amp;lt;tr&amp;gt;
       &amp;lt;th&amp;gt;SOURCE&amp;lt;/th&amp;gt;
       &amp;lt;th&amp;gt;ALT&amp;lt;/th&amp;gt;
       &amp;lt;th&amp;gt;TITLE&amp;lt;/th&amp;gt;
    &amp;lt;/tr&amp;gt;
&amp;lt;/table&amp;gt;
&amp;lt;input type="button" id="imagetg" value="get line" /&amp;gt;
&lt;/code&gt;&lt;/pre&gt;
&lt;p&gt;Here is the HTML I'm using...&lt;/p&gt;
&lt;pre&gt;&lt;code&gt;$("#imagetg").click(function() {
    var str = $("#t").val();
    alert(str);
    var srres = str.match(/&amp;lt;img(\"[^\"]*\"|'[^']*'|[^'\"&amp;gt;])*&amp;gt;/gi);
    alert(srres.length);
    for (i = 0; i &amp;lt; srres.length; i++) {
         var atim0 = $("" + srres[i]).attr("src");
      var atim = $("" + srres[i]).attr("alt");
       var atim1 ="  "+ $("" + srres[i]).attr("title");
      $("#imtbl").append("&amp;lt;tr&amp;gt;&amp;lt;td align='center' width='150'&amp;gt;"+atim0+"&amp;lt;/td&amp;gt;&amp;lt;td align='center' width='150'&amp;gt;"+atim+"&amp;lt;/td&amp;gt;&amp;lt;td align='center' width='150'&amp;gt;"+atim1+"&amp;lt;/td&amp;gt;&amp;lt;td&amp;gt;&amp;lt;input type='button' value='UPDATE' class='upbtn' id='"+i+"'/&amp;gt;&amp;lt;/td&amp;gt;&amp;lt;/tr&amp;gt;");
    }
  });
&lt;/code&gt;&lt;/pre&gt;
&lt;p&gt;This is the script to add rows dynamically.&lt;/p&gt;
&lt;pre&gt;&lt;code&gt;$(".updt").click(function(){
        var varid= $(this).attr("id");
        alert("Hello"+varid);
    });
&lt;/code&gt;&lt;/pre&gt;
&lt;p&gt;This is the event I want to trigger when I click on the Update Button. But its not getting triggered, Can someone please assist me to fix this, It will be helpful.
Thank you. &lt;/p&gt;</t>
  </si>
  <si>
    <t>2017-02-26 15:50:20.923000+00:00</t>
  </si>
  <si>
    <t>2017-02-27 03:05:46.717000+00:00</t>
  </si>
  <si>
    <t>iPhone simulator theme</t>
  </si>
  <si>
    <t>&lt;p&gt;Is it possible to change the iPhone Simulator skin to something more than just black package?:)&lt;/p&gt;</t>
  </si>
  <si>
    <t>2011-04-19 11:19:58.893000+00:00</t>
  </si>
  <si>
    <t>2018-11-21 13:27:28.527000+00:00</t>
  </si>
  <si>
    <t>user663896</t>
  </si>
  <si>
    <t>xcode|ios-simulator|skin</t>
  </si>
  <si>
    <t>Good way of getting version from package.json</t>
  </si>
  <si>
    <t>&lt;p&gt;I am developing a sdk that will be available on npm.&lt;/p&gt;
&lt;p&gt;The sdk should be able to deliver its version to the client. I would like this version to be the same as the package.json version.&lt;/p&gt;
&lt;p&gt;But when in my sdk I put &lt;code&gt;import {version} from '../package.json'&lt;/code&gt;, I see that ALL package.json is added to the build.&lt;/p&gt;
&lt;p&gt;Is there a good way of getting the version or will I be forced to set the version variable in my sdk with something like a bash script on &lt;code&gt;npm version&lt;/code&gt; ? Or how would you do this ?&lt;/p&gt;</t>
  </si>
  <si>
    <t>2018-04-18 10:19:26.753000+00:00</t>
  </si>
  <si>
    <t>2018-04-19 07:27:52.830000+00:00</t>
  </si>
  <si>
    <t>javascript|npm|npm-scripts</t>
  </si>
  <si>
    <t>Get Row and Colum position of a Grid populated by an ItemsControl</t>
  </si>
  <si>
    <t>&lt;p&gt;I am trying to make a minesweeper game using wpf. I designed the game board as an grid of buttons using the following code:&lt;/p&gt;
&lt;pre&gt;&lt;code&gt;&amp;lt;Window.Resources&amp;gt;
    &amp;lt;DataTemplate x:Key="DataTemplateLevel2"&amp;gt;
        &amp;lt;Button Content="{Binding}" Height ="30" Width="40" Click ="Execute"/&amp;gt;
    &amp;lt;/DataTemplate&amp;gt;
    &amp;lt;DataTemplate x:Key ="DataTemplateLevel1"&amp;gt;
        &amp;lt;ItemsControl ItemsSource ="{Binding}" ItemTemplate="{DynamicResource DataTemplateLevel2}"&amp;gt;
            &amp;lt;ItemsControl.ItemsPanel&amp;gt;
                &amp;lt;ItemsPanelTemplate&amp;gt;
                    &amp;lt;StackPanel Orientation="Horizontal" /&amp;gt;
                &amp;lt;/ItemsPanelTemplate&amp;gt;
            &amp;lt;/ItemsControl.ItemsPanel&amp;gt;
        &amp;lt;/ItemsControl&amp;gt;
    &amp;lt;/DataTemplate&amp;gt;
&amp;lt;/Window.Resources&amp;gt;
&amp;lt;Grid&amp;gt;
    &amp;lt;ItemsControl x:Name ="Field" ItemTemplate="{DynamicResource DataTemplateLevel1}" /&amp;gt;
&amp;lt;/Grid&amp;gt;
&lt;/code&gt;&lt;/pre&gt;
&lt;p&gt;and&lt;/p&gt;
&lt;pre&gt;&lt;code&gt;List&amp;lt;List&amp;lt;int?&amp;gt;&amp;gt; buttonGrid = new List&amp;lt;List&amp;lt;int?&amp;gt;&amp;gt;();
for (int r = 0; r &amp;lt; Rows; r++)
{
    buttonGrid.Add(new List&amp;lt;int?&amp;gt;());
    for (int c = 0; c &amp;lt; Cols; c++)
    {
        buttonGrid[r].Add(null);
    }
}
InitializeComponent();
Field.ItemsSource = buttonGrid;
&lt;/code&gt;&lt;/pre&gt;
&lt;p&gt;.&lt;/p&gt;
&lt;p&gt;The problem is that when I click a button, my event handler needs to know the row and column of the button, but &lt;code&gt;Grid.GetRow&lt;/code&gt; and &lt;code&gt;Grid.GetColumn&lt;/code&gt; always return 0. I think this is because the Grid only contains the one ItemsControl. How can I get meaningful row and column values while still allowing for dynamic grid sizes?&lt;/p&gt;</t>
  </si>
  <si>
    <t>2017-05-03 17:47:17.457000+00:00</t>
  </si>
  <si>
    <t>2017-05-03 18:53:31.857000+00:00</t>
  </si>
  <si>
    <t>ClassNotFoundException inside CRF</t>
  </si>
  <si>
    <t>&lt;p&gt;I have downloaded CRF package from this link &lt;a href="http://sourceforge.net/projects/crf/" rel="nofollow"&gt;http://sourceforge.net/projects/crf/&lt;/a&gt;. Unfortunately when I run it I am facing this error. I have tried to change the classpath but it is still not working.&lt;/p&gt;
&lt;p&gt;The error:&lt;/p&gt;
&lt;pre&gt;&lt;code&gt;  C:\NER\CRF-1.3\CRF\src\iitb\Segment&amp;gt;java iitb.Segment.Segment all -f samples/us50.conf
  Exception in thread "main" java.lang.NoClassDefFoundError: iitb/Segment/S
  Caused by: java.lang.ClassNotFoundException: iitb.Segment.Segment
    at java.net.URLClassLoader$1.run(URLClassLoader.java:202)
    at java.security.AccessController.doPrivileged(Native Method)
    at java.net.URLClassLoader.findClass(URLClassLoader.java:190)
    at java.lang.ClassLoader.loadClass(ClassLoader.java:307)
    at sun.misc.Launcher$AppClassLoader.loadClass(Launcher.java:301)
    at java.lang.ClassLoader.loadClass(ClassLoader.java:248)
  Could not find the main class: iitb.Segment.Segment.  Program will exit.
&lt;/code&gt;&lt;/pre&gt;</t>
  </si>
  <si>
    <t>2014-11-11 07:48:50.090000+00:00</t>
  </si>
  <si>
    <t>java|nlp|named-entity-recognition|crf</t>
  </si>
  <si>
    <t>Mysql: leaderboards for each of 200+ game levels</t>
  </si>
  <si>
    <t>&lt;p&gt;I need to store game user profiles in mysql innodb table. But there can be million of them, and profile record consists of 200+ int32 values and several others for in-game data. And I need to evaluate ranking of user for each those 200+ ints. 
i plan  to make it this way (for 121 level for example ):&lt;/p&gt;
&lt;pre&gt;&lt;code&gt;select count(distinct(val121))  from ldbrd where 
   val121&amp;lt;$current_usr_val order by val121 desc
&lt;/code&gt;&lt;/pre&gt;
&lt;p&gt;or using helper table {id, maxscore, minscore, count} to boost up speed.&lt;/p&gt;
&lt;p&gt;I see two problems here:&lt;/p&gt;
&lt;ol&gt;
&lt;li&gt;&lt;p&gt;table has 200+ fields of int. is it ok? Will such table be fast?&lt;/p&gt;&lt;/li&gt;
&lt;li&gt;&lt;p&gt;sql has limitation 64 indexes, so I cannot just make an index for each int field, but without indexes such search will be slow. &lt;/p&gt;&lt;/li&gt;
&lt;/ol&gt;
&lt;p&gt;But I'm pretty sure that this task is common. I mean there are many games with hundreds of levels -  candy crush is most known I think. So how do people solve it? Thanks! &lt;/p&gt;
&lt;p&gt;&lt;strong&gt;---update&lt;/strong&gt;&lt;/p&gt;
&lt;p&gt;I've decided to write profiles in binary fields (all those ints in one field) in one table and create another table for ranking evaluation: {id, user_id, level_no, score, timestamp}. But if we have 100000 users and 200 levels we get 20M rows in this table.
Yes, all fields have indexes, but it's too much for VDS with 2 cores 2.4Ghz and 2 Gb RAM. For example, query:&lt;/p&gt;
&lt;pre&gt;&lt;code&gt;SELECT COUNT(*) FROM leaderboard WHERE level_no = 153 
   AND score &amp;lt; 10000 ORDER BY score DESC
&lt;/code&gt;&lt;/pre&gt;
&lt;p&gt;finished in 19 seconds! It's too much, moreover there will be many requests per second and every will need rank evaluation.&lt;/p&gt;
&lt;p&gt;Also I have a thought to store a table for each level, maybe it will be faster this way (at least they will be much smaller). &lt;/p&gt;
&lt;p&gt;Another thought - to generate say every hour top 100 for each level. It's pretty simple and fast:&lt;/p&gt;
&lt;pre&gt;&lt;code&gt;SELECT score FROM leaderboard WHERE 
level_no = 156 ORDER BY score DESC LIMIT 100
&lt;/code&gt;&lt;/pre&gt;
&lt;p&gt;But every one wants to know exactly his ranking. We can add 'rank' field however ranking evaluation in 20M row table will take very long time, server will be busy for others during this query, I'd like to avoid it. 
How do people usually do such things? &lt;/p&gt;
&lt;p&gt;&lt;strong&gt;-----update 2&lt;/strong&gt;&lt;/p&gt;
&lt;p&gt;table schema:&lt;/p&gt;
&lt;pre&gt;&lt;code&gt;CREATE TABLE IF NOT EXISTS `leaderboard` (
  `id` int(11) NOT NULL AUTO_INCREMENT,
  `store_user_id` char(64) NOT NULL,
  `level_no` int(11) NOT NULL,
  `score` int(11) NOT NULL,
  `timestamp` int(11) NOT NULL,
  PRIMARY KEY (`id`),
  KEY `store_user_id` (`store_user_id`),
  KEY `level_no` (`level_no`),
  KEY `score` (`score`),
  KEY `timestamp` (`timestamp`),
  KEY `lev_sc` (`level_no`,`score`)
) ENGINE=InnoDB  DEFAULT CHARSET=latin1
/*!50100 PARTITION BY HASH (id)
PARTITIONS 10 */ AUTO_INCREMENT=19999831 ;
&lt;/code&gt;&lt;/pre&gt;
&lt;p&gt;I've finally partitioned the table and added (level_no, score) key. Was 19 sec, now: 0,017s. Pretty cool!&lt;/p&gt;
&lt;p&gt;Still there are questions:&lt;/p&gt;
&lt;ol&gt;
&lt;li&gt;&lt;p&gt;should I partition table in production? I heard people had problems with partitioning.&lt;/p&gt;&lt;/li&gt;
&lt;li&gt;&lt;p&gt;what's the best option - to have 500 tables - one per level, or one table 500 times bigger like I have now? Table per level work a little bit faster (0,048s vs 0,072s), but it's as long as I have several tables. Will 500+ tables work with the same speed?&lt;/p&gt;&lt;/li&gt;
&lt;/ol&gt;</t>
  </si>
  <si>
    <t>2015-04-13 10:40:37.570000+00:00</t>
  </si>
  <si>
    <t>2015-04-14 16:15:13.737000+00:00</t>
  </si>
  <si>
    <t>mysql|ranking|leaderboard</t>
  </si>
  <si>
    <t>Changing Database from mysql to oracle using Hibernate</t>
  </si>
  <si>
    <t>&lt;p&gt;Hi I have a small java project and am using hibernate with it. Now I would like to change the database to oracle, what changes would I have to do in configuration file to make it possible.&lt;/p&gt;</t>
  </si>
  <si>
    <t>2013-02-25 10:39:10.647000+00:00</t>
  </si>
  <si>
    <t>2013-12-03 23:50:21.093000+00:00</t>
  </si>
  <si>
    <t>java|mysql|oracle|hibernate</t>
  </si>
  <si>
    <t>How can you set boosts and filters with Laravel Scout and ElasticSearch?</t>
  </si>
  <si>
    <t>&lt;p&gt;I am building a search integration with Laravel Scout and Elasticsearch. I am trying to figure out how I can refine my queries for boosting.&lt;/p&gt;
&lt;p&gt;Is it possible to do this with Laravel Scout or will I need to revert back to using the ElasticSearch PHP library directly?&lt;/p&gt;</t>
  </si>
  <si>
    <t>2016-09-17 00:06:34.393000+00:00</t>
  </si>
  <si>
    <t>2016-10-01 22:09:57.797000+00:00</t>
  </si>
  <si>
    <t>laravel|elasticsearch</t>
  </si>
  <si>
    <t>MySQL Assembly C#. Update problem</t>
  </si>
  <si>
    <t>&lt;p&gt;my project has a dependency from the mysql assembly, and it looks like I strictly linked to the mysql assembly version. Few days ago I made an update of the assembly (5.x) and put the latest one (6.x) and as a result all related to my project projects thrown error that the mysql assembly (5.x) couldn't be found &lt;/p&gt;
&lt;p&gt;How I can avoid it? I can't just recompiled depended projects.&lt;/p&gt;
&lt;p&gt;Regards,
Cyril&lt;/p&gt;</t>
  </si>
  <si>
    <t>2011-06-16 15:53:56.973000+00:00</t>
  </si>
  <si>
    <t>2011-06-17 08:06:33.030000+00:00</t>
  </si>
  <si>
    <t>c#|.net-assembly</t>
  </si>
  <si>
    <t>C2DM Application Server solution</t>
  </si>
  <si>
    <t>&lt;p&gt;Can anyone recommend a tutorial or point me in the direction of some easily implemented .net or PHP code that i could use to setup a third party application server for C2DM.&lt;/p&gt;
&lt;p&gt;I am a Front-End Developer with some PHP/.net experience, but very minimal Java experience, our app is setup with the required java code/classes and I have registered with C2DM, but i'm struggling with the application server part of the equation. &lt;/p&gt;
&lt;p&gt;I would like to setup a server application that can handle form requests to send a message out to our app.&lt;/p&gt;
&lt;p&gt;Any help or advice would be greatly appreciated!&lt;/p&gt;</t>
  </si>
  <si>
    <t>2012-06-06 11:52:39.570000+00:00</t>
  </si>
  <si>
    <t>2012-06-20 08:02:13.717000+00:00</t>
  </si>
  <si>
    <t>php|jquery|asp.net|android-c2dm</t>
  </si>
  <si>
    <t>accessing nested lists in R</t>
  </si>
  <si>
    <t>&lt;p&gt;I have created a double nested structure for some data. How can I Access the data on the 2nd Level ( or for that matter the nth Level?)&lt;/p&gt;
&lt;pre&gt;&lt;code&gt;library(gapminder)
library(purrr)
library(tidyr)
gapminder
nest_data &amp;lt;- gapminder %&amp;gt;% group_by(continent) %&amp;gt;% nest(.key = by_continent) 
nest_2&amp;lt;-nest_data %&amp;gt;% mutate(by_continent = map(by_continent, ~.x %&amp;gt;% group_by(country) %&amp;gt;% nest(.key = by_country)))
&lt;/code&gt;&lt;/pre&gt;
&lt;p&gt;How can I now get the data for China into a dataframe or tibble from nest_2?&lt;/p&gt;
&lt;p&gt;I can get the data for all of Asia, but I'm unable to isolate China.&lt;/p&gt;
&lt;pre&gt;&lt;code&gt;a&amp;lt;-nest_2[nest_2$continent=="Asia",]$by_continent  ##Any better way of isolating Asia from nest_2?
&lt;/code&gt;&lt;/pre&gt;
&lt;p&gt;I thought I could then do&lt;/p&gt;
&lt;pre&gt;&lt;code&gt;b&amp;lt;-a[a$country=="China",]$by_country 
&lt;/code&gt;&lt;/pre&gt;
&lt;p&gt;But I get the following error &lt;/p&gt;
&lt;pre&gt;&lt;code&gt;Error in a[a$country == "China", ] : incorrect number of dimensions 
&amp;gt; glimpse(a)
List of 1
 $ :Classes ���tbl_df���, ���tbl��� and 'data.frame':   33 obs. of  2 variables:
  ..$ country   : Factor w/ 142 levels "Afghanistan",..: 1 8 9 19 25 56 59 60 61 62 ...
  ..$ by_country:List of 33
&lt;/code&gt;&lt;/pre&gt;
&lt;p&gt;So my big error was not recognizing that the product was a list, which could be remedied by adding [[1]] in the end. However, I very much liked the solution by @Floo0. I took the liberty of providing a function taking the names of the variables in case the sequence of columns are different from the one provided. &lt;/p&gt;
&lt;pre&gt;&lt;code&gt;select_unnest &amp;lt;- function(df, listcol, var, var_val){  ###listcol, var and var_val must enclosed by ""
  df[[listcol]][df[[var]]==var_val][[1]]
}
nest_2 %&amp;gt;% select_unnest(listcol = "by_continent", var = "continent", var_val = "Asia") %&amp;gt;% 
  select_unnest(listcol = "by_country", var = "country", var_val = "China")
&lt;/code&gt;&lt;/pre&gt;</t>
  </si>
  <si>
    <t>2016-09-02 11:32:33.263000+00:00</t>
  </si>
  <si>
    <t>2016-09-02 17:44:40.687000+00:00</t>
  </si>
  <si>
    <t>r|tidyr|purrr</t>
  </si>
  <si>
    <t>Multi part NSArray Post AFNetworking</t>
  </si>
  <si>
    <t>&lt;p&gt;I have a large NSArray I am wanting to split into chunks and send to my web server, upon completion of each chunk I then need to update the fields in my SQLite DB that relate to each item in each array chunk.&lt;/p&gt;
&lt;p&gt;This is the code I am currently running, where I try to use a call back to receive success or failure then update my local SQLite DB where appropriate.&lt;/p&gt;
&lt;pre&gt;&lt;code&gt;- (void)postlowData:(NSArray *)lowMArray Callback:(void (^)(NSError *error, BOOL success))callback;
{
// Currently this method is sending the whole lowMArray
// What I want to do is Split lowMArray into a chunkArray (where chunk is 20 of the leading items from lowMArray)
// I would then send chunkArray with the following code, when I receive a response I then want to update local SQLite DB with result and recall this method to start on the next 20 chunks.
        // Create Json data from lowMArray
        NSData *jsonData = [NSJSONSerialization dataWithJSONObject:lowMArray
                                                           options:NSJSONWritingPrettyPrinted
                                                             error:nil];
        // Construct post request
        NSMutableURLRequest *request = [NSMutableURLRequest requestWithURL:[NSURL URLWithString:[NSString stringWithFormat:@"%@/lows", _silServerBaseUrl]]];
        request = [self applyAuth:request];
        [request setHTTPMethod:@"POST"];
        [request setValue:@"application/json; charset=UTF-8" forHTTPHeaderField:@"Content-Type"];
        [request setHTTPBody:jsonData];
        // Send post request
        AFURLSessionManager *manager = [[AFURLSessionManager alloc] initWithSessionConfiguration:[NSURLSessionConfiguration defaultSessionConfiguration]];
        NSURLSessionDataTask *dataTask = [manager dataTaskWithRequest:request completionHandler:^(NSURLResponse *response, id responseObject, NSError *error) {
            if (error) {
//                NSLog(@"Response Failed!");
                callback(error, NO);
            } else {
//                NSLog(@"Response Success!");
                callback(error, YES);
                // On success add itmes from lowChunkArray so that you can adjust sent_Flag later
            }
        }];
        [dataTask resume]; // runs task
}
&lt;/code&gt;&lt;/pre&gt;
&lt;p&gt;The issue I am running into is that when I run this code if I am splitting the array into chunks sending the chunk adjusting the main array for the next chunk I don't get a confirmed callback till the very end of all the requests, at which point I have lost track of what success or failure?&lt;/p&gt;
&lt;p&gt;Maybe I am going about this the wrong way?&lt;/p&gt;
&lt;h2&gt;Update&lt;/h2&gt;
&lt;p&gt;I am now trying to do this using AFHTTPRequestOperation which  seems to be working as a batch upload however the &lt;/p&gt;
&lt;blockquote&gt;
  &lt;p&gt;setHTTPBody:jsonData&lt;/p&gt;
&lt;/blockquote&gt;
&lt;p&gt;Never seems to make it to the server.&lt;/p&gt;
&lt;p&gt;I used this &lt;a href="http://samwize.com/2014/05/10/tutorial-on-using-afnetworking-2-dot-0/" rel="nofollow noreferrer"&gt;Batch of Operations example&lt;/a&gt; to help me construct this method however as I said above the JSON data never makes it to the server.&lt;/p&gt;
&lt;pre&gt;&lt;code&gt;- (void)postlowData:(NSArray *)lowMArray;
{
    NSLog(@"Syncing Local");
    NSArray *chunklow = [[NSArray alloc] init];
    NSMutableArray *mutableOperations = [NSMutableArray array];
    NSURL *url = [NSURL URLWithString:[NSString stringWithFormat:@"%@/lows", _silServerBaseUrl]];
//Test: creating 10 things to send 
        for (int i = 0; i &amp;lt; 10; i++) {
            if ([lowMArray count] &amp;gt; 0) {
                if ([lowMArray count] &amp;gt;= 20) {
                    low = [lowMArray subarrayWithRange:NSMakeRange(0, 20)];
                } else if ([lowMArray count] &amp;lt; 20) {
                    low = [lowMArray subarrayWithRange:NSMakeRange(0, [lowMArray count])];
                }
            }
        NSData *jsonData = [NSJSONSerialization dataWithJSONObject:low
                                                           options:NSJSONWritingPrettyPrinted
                                                             error:nil];
        NSMutableURLRequest *request = [NSMutableURLRequest requestWithURL:url];
        request = [self applyAuth:request];
        [request setHTTPMethod:@"POST"];
        [request setValue:@"application/json; charset=UTF-8" forHTTPHeaderField:@"Content-Type"];
        [request setHTTPBody:jsonData];
        AFHTTPRequestOperation *operation = [[AFHTTPRequestOperation alloc] initWithRequest:request];
        [mutableOperations addObject:operation];
    }
    NSArray *operations = [AFURLConnectionOperation batchOfRequestOperations:mutableOperations progressBlock:^(NSUInteger numberOfFinishedOperations, NSUInteger totalNumberOfOperations) {
        NSLog(@"%lu of %lu complete", numberOfFinishedOperations, totalNumberOfOperations);
    } completionBlock:^(NSArray *operations) {
        NSLog(@"All operations in batch complete");
        NSLog(@"Syncing complete");
    }];
    [[NSOperationQueue mainQueue] addOperations:operations waitUntilFinished:NO];
}
&lt;/code&gt;&lt;/pre&gt;</t>
  </si>
  <si>
    <t>2015-11-09 20:50:52.373000+00:00</t>
  </si>
  <si>
    <t>2018-02-17 22:35:45.260000+00:00</t>
  </si>
  <si>
    <t>ios|objective-c|sqlite|afnetworking</t>
  </si>
  <si>
    <t>How to move an absolutely positioned &lt;div&gt; to 20px above a specific DOM event/element?</t>
  </si>
  <si>
    <t>&lt;p&gt;I'm using jQuery.&lt;/p&gt;
&lt;p&gt;How to deal with it easily?&lt;/p&gt;</t>
  </si>
  <si>
    <t>2010-01-06 07:49:11.813000+00:00</t>
  </si>
  <si>
    <t>2010-01-06 08:10:40.077000+00:00</t>
  </si>
  <si>
    <t>hdpi device choosing mdpi images</t>
  </si>
  <si>
    <t>&lt;p&gt;I'm new to android. Trying to figure out why this is happening with this: I have an image in a &lt;code&gt;hdpi drawable&lt;/code&gt; folder that is not getting used. It's 1.5 times greater in size than the &lt;code&gt;mdpi&lt;/code&gt; image both with the same name. I have a different layout for each resolution. Can someone help me understand why the &lt;code&gt;mdpi&lt;/code&gt; image is the only one getting used? I've already checked the other stackoverflow threads on this and the android developer documents and I can't find an answer as to what I'm doing wrong. Thanks.&lt;/p&gt;</t>
  </si>
  <si>
    <t>2012-10-21 14:23:43.807000+00:00</t>
  </si>
  <si>
    <t>2012-10-22 01:58:27.187000+00:00</t>
  </si>
  <si>
    <t>android|hdpi|mdpi</t>
  </si>
  <si>
    <t>how to pass String value to all ViewController in my app</t>
  </si>
  <si>
    <t>&lt;p&gt;I have two textFields.One is username and second is password.When i submit two values pass to Json .If you username and password is there in Database.I get response username.
But Now i need that userName pass to all ViewControllers in my app Please help me 
thanks in Advanced.Please give me any idea. &lt;/p&gt;</t>
  </si>
  <si>
    <t>2014-09-03 11:26:32.727000+00:00</t>
  </si>
  <si>
    <t>2014-09-03 12:14:08.537000+00:00</t>
  </si>
  <si>
    <t>ios|objective-c|iphone|session|global-variables</t>
  </si>
  <si>
    <t>Adjust button text size with button height</t>
  </si>
  <si>
    <t>&lt;p&gt;I have a button that I set a particular height for and have the button text fill the entire button. I achieved this before by setting &lt;code&gt;textSize&lt;/code&gt; to a specific dimension to fill the button. &lt;/p&gt;
&lt;p&gt;But the problem is whenever the user changes the system font of his/her device, it affects the button text and the text overflows and gets cut in the button. How can I make the button text size match the height of the button?&lt;/p&gt;
&lt;p&gt;Edit&lt;/p&gt;
&lt;p&gt;The button's height is set to &lt;code&gt;match_parent&lt;/code&gt; for it's parent widget&lt;/p&gt;
&lt;pre&gt;&lt;code&gt;        &amp;lt;android.support.v7.widget.Toolbar
            android:id="@+id/toolbar"
            android:layout_width="match_parent"
            android:layout_height="?attr/actionBarSize"
            android:background="?attr/colorPrimary"
            app:popupTheme="@style/AppTheme.PopupOverlay"&amp;gt;
            &amp;lt;RelativeLayout
                android:layout_marginEnd="16dp"
                android:layout_width="match_parent"
                android:layout_height="match_parent"
                android:layout_marginRight="16dp"&amp;gt;
                &amp;lt;Button
                    android:id="@+id/text_toolbar"
                    style="?android:attr/borderlessButtonStyle"
                    android:layout_centerInParent="true"
                    android:layout_width="wrap_content"
                    android:layout_height="match_parent"
                    android:textSize="36sp"
                    android:textColor="@color/white"
                    android:text="@string/k_i_n_e_c_t"/&amp;gt;
            &amp;lt;/RelativeLayout&amp;gt;
        &amp;lt;/android.support.v7.widget.Toolbar&amp;gt;
&lt;/code&gt;&lt;/pre&gt;</t>
  </si>
  <si>
    <t>2017-06-08 05:12:58+00:00</t>
  </si>
  <si>
    <t>2018-05-24 12:15:00.613000+00:00</t>
  </si>
  <si>
    <t>2017-06-08 05:24:56.497000+00:00</t>
  </si>
  <si>
    <t>java|android|xml|button</t>
  </si>
  <si>
    <t>iOS Push Notifications doesn't work with Firebase</t>
  </si>
  <si>
    <t>&lt;p&gt;I use Firebase to send Notification with my iOS app, I have followed all step in documentation :&lt;/p&gt;
&lt;ul&gt;
&lt;li&gt;&lt;p&gt;Apple Developer Account Configuration&lt;/p&gt;&lt;/li&gt;
&lt;li&gt;&lt;p&gt;Generating a CSR file&lt;/p&gt;&lt;/li&gt;
&lt;li&gt;&lt;p&gt;Uploading CSF file&lt;/p&gt;&lt;/li&gt;
&lt;li&gt;&lt;p&gt;Preparing the APNs Certificate&lt;/p&gt;&lt;/li&gt;
&lt;li&gt;&lt;p&gt;Configuring Firebase for Push Notifications&lt;/p&gt;&lt;/li&gt;
&lt;li&gt;&lt;p&gt;Building the Firebase Notification in my app&lt;/p&gt;&lt;/li&gt;
&lt;/ul&gt;
&lt;p&gt;When I try to send a Notification there isn't no problem found in Firebase, for one particular user or for all iOS device. But none of my device (real device obviously) receive notification.&lt;/p&gt;
&lt;p&gt;I use the good Bundle, I enable notification in my application and there is the code in my AppDelegate :&lt;/p&gt;
&lt;pre&gt;&lt;code&gt;import UIKit
import UserNotifications
import Firebase
import FirebaseInstanceID
import FirebaseMessaging
@UIApplicationMain
class AppDelegate: UIResponder, UIApplicationDelegate, UNUserNotificationCenterDelegate, MessagingDelegate {
var window: UIWindow?
func application(_ application: UIApplication, didFinishLaunchingWithOptions launchOptions: [UIApplicationLaunchOptionsKey: Any]?) -&amp;gt; Bool {
    UINavigationBar.appearance().barTintColor = Design.blue_es
    UINavigationBar.appearance().titleTextAttributes = [NSForegroundColorAttributeName:UIColor.white]
    UINavigationBar.appearance().tintColor = UIColor.white
    if #available(iOS 10.0, *) {
        // For iOS 10 display notification (sent via APNS)
        UNUserNotificationCenter.current().delegate = self
        let authOptions: UNAuthorizationOptions = [.alert, .badge, .sound]
        UNUserNotificationCenter.current().requestAuthorization(
            options: authOptions,
            completionHandler: {_, _ in })
        // For iOS 10 data message (sent via FCM
        Messaging.messaging().remoteMessageDelegate = self
    } else {
        let settings: UIUserNotificationSettings =
            UIUserNotificationSettings(types: [.alert, .badge, .sound], categories: nil)
        application.registerUserNotificationSettings(settings)
    }
    application.registerForRemoteNotifications()
    FirebaseApp.configure()
    return true
}
func application(received remoteMessage: MessagingRemoteMessage) {
    print(remoteMessage.appData)
}
// Called when APNs failed to register the device for push notifications
func application(_ application: UIApplication, didFailToRegisterForRemoteNotificationsWithError error: Error) {
    // Print the error to console (you should alert the user that registration failed)
    print("APNs registration failed: \(error)")
}
func messaging(_ messaging: Messaging, didRefreshRegistrationToken fcmToken: String) {
    print("Firebase registration token: \(fcmToken)")
}
}
&lt;/code&gt;&lt;/pre&gt;</t>
  </si>
  <si>
    <t>2017-12-12 09:04:12.207000+00:00</t>
  </si>
  <si>
    <t>2018-02-06 13:35:28.397000+00:00</t>
  </si>
  <si>
    <t>ios|firebase|swift3|push-notification</t>
  </si>
  <si>
    <t>Appending char/wide char to the c-string</t>
  </si>
  <si>
    <t>&lt;pre&gt;&lt;code&gt;#ifndef UNICODE
#define UNICODE
#endif
#include &amp;lt;stdio.h&amp;gt;
#include &amp;lt;Windows.h&amp;gt;
int main(void)
{
   TCHAR greeting[50] = L"Hello world"; 
   TCHAR exclamation=L'!';
 //????
wprintf("%s",greeting);
return 0;
}
&lt;/code&gt;&lt;/pre&gt;
&lt;p&gt;What should be done,  so that the output would be greeting with the exclamation mark? Instruction
&lt;code&gt;greeting[wcslen(greeting)]=exclamation;&lt;/code&gt;  fulfils the remaining part of array with Chinese characters.&lt;br&gt;
PS. I need to output only "greeting" variable, so the code except of &lt;code&gt;//????&lt;/code&gt; is unalterable.&lt;/p&gt;</t>
  </si>
  <si>
    <t>2012-05-23 17:40:20.090000+00:00</t>
  </si>
  <si>
    <t>2012-05-23 17:48:28.773000+00:00</t>
  </si>
  <si>
    <t>mgcv error: "x has insufficient unique values to support 3 knots: reduce k"</t>
  </si>
  <si>
    <t>&lt;p&gt;I am trying to fit the following GAM model &lt;/p&gt;
&lt;pre&gt;&lt;code&gt;mod &amp;lt;- gam(y ~ s(x, bs = "cr", k = 2), family = betar(link = "logit"), data = d)
&lt;/code&gt;&lt;/pre&gt;
&lt;p&gt;where &lt;code&gt;x&lt;/code&gt; can take only two unique values. &lt;/p&gt;
&lt;p&gt;However, when I run the model I get the following error&lt;/p&gt;
&lt;pre&gt;&lt;code&gt;Error in smooth.construct.cr.smooth.spec(object, dk$data, dk$knots) : 
  x has insufficient unique values to support 3 knots: reduce k.
In addition: Warning message:
In smooth.construct.cr.smooth.spec(object, dk$data, dk$knots) :
  basis dimension, k, increased to minimum possible
&lt;/code&gt;&lt;/pre&gt;
&lt;p&gt;As the error message shows, the number of knots is automatically set to 3 (even if I have specified &lt;code&gt;k = 2&lt;/code&gt; in the &lt;code&gt;gam&lt;/code&gt; call). &lt;/p&gt;
&lt;p&gt;Is there any reason why I cannot have only 2 knots? How can I fix this?&lt;/p&gt;
&lt;p&gt;Thanks.&lt;/p&gt;</t>
  </si>
  <si>
    <t>2018-03-26 13:51:02.870000+00:00</t>
  </si>
  <si>
    <t>2018-08-01 15:39:01.413000+00:00</t>
  </si>
  <si>
    <t>r|regression|spline|gam|mgcv</t>
  </si>
  <si>
    <t>What should be the format string to print "0x0" with swprintf()?</t>
  </si>
  <si>
    <t>&lt;p&gt;I tried with &lt;code&gt;swprintf(buff, 4, L"%#03x", value)&lt;/code&gt;, but when &lt;code&gt;value = 0&lt;/code&gt;, I get &lt;code&gt;000&lt;/code&gt; instead of &lt;code&gt;0x0&lt;/code&gt;. &lt;/p&gt;</t>
  </si>
  <si>
    <t>2012-05-30 21:16:50.847000+00:00</t>
  </si>
  <si>
    <t>2012-05-30 21:21:58.367000+00:00</t>
  </si>
  <si>
    <t>How important is a correct Bundle Identifier</t>
  </si>
  <si>
    <t>&lt;p&gt;I created my Xcode Project a while ago with a bundle identifier of &lt;code&gt;com.CompanyName.ProjectName&lt;/code&gt;. But at the time I didn't have a domain. Now that I do, it is &lt;code&gt;CompanyName.ca&lt;/code&gt;, because &lt;code&gt;CompanyName.com&lt;/code&gt; was already taken. But, I have created an app record, and already submitted the build of the app version with the incorrect bundle identifier to iTunes connect. Obviously my Bundle Identifier is "incorrect". &lt;/p&gt;
&lt;p&gt;My question is whether having this "incorrect" bundle identifier will create problems due to &lt;code&gt;CompanyName.com&lt;/code&gt; being taken, and whether it is ok to submit more applications with a bundle identifier of &lt;code&gt;ca.CompanyName.ProjectName&lt;/code&gt; instead of &lt;code&gt;com.CompanyName.ProjectName&lt;/code&gt;.&lt;/p&gt;</t>
  </si>
  <si>
    <t>2016-07-07 22:25:38.137000+00:00</t>
  </si>
  <si>
    <t>2016-07-08 00:36:02.210000+00:00</t>
  </si>
  <si>
    <t>xcode|bundle-identifier</t>
  </si>
  <si>
    <t>is it normal for rake assets:precompile to launch the environment 3 times? (rails 3.2.3)</t>
  </si>
  <si>
    <t>&lt;p&gt;If I put in config/application.rb on a rails 3.2.3 app:&lt;/p&gt;
&lt;pre&gt;&lt;code&gt;config.assets.precompile &amp;lt;&amp;lt; "foo.js"
puts "hello"
&lt;/code&gt;&lt;/pre&gt;
&lt;p&gt;I will see:&lt;/p&gt;
&lt;pre&gt;&lt;code&gt;hello
hello
hello
&lt;/code&gt;&lt;/pre&gt;
&lt;p&gt;Is this normal and expected behavior?&lt;/p&gt;</t>
  </si>
  <si>
    <t>2012-04-10 23:53:38.050000+00:00</t>
  </si>
  <si>
    <t>2012-04-11 15:23:23.460000+00:00</t>
  </si>
  <si>
    <t>Node package priority, global vs local</t>
  </si>
  <si>
    <t>&lt;p&gt;I've noticed that I have Angular 2 installed globally, and I don't know when I might have done that, or if that's the way it's supposed to be. It doesn't seem like that would be necessary if it's defined in every project. &lt;/p&gt;
&lt;p&gt;It makes me wonder what side effects that have if I had different versions locally and globally. Which one takes priority? What's the best way to remove all of the Angular packages.&lt;/p&gt;</t>
  </si>
  <si>
    <t>2017-01-14 00:51:54.513000+00:00</t>
  </si>
  <si>
    <t>2017-01-14 00:59:55.273000+00:00</t>
  </si>
  <si>
    <t>javascript|angular|npm</t>
  </si>
  <si>
    <t>Python: I'm getting an error when using self.name</t>
  </si>
  <si>
    <t>&lt;p&gt;I made 2 programs, one that works here:&lt;/p&gt;
&lt;pre&gt;&lt;code&gt;class dog:
    amount_of_dogs = 0
    def __init__(self, name, playfulness):
        self.name = name
        self.playfulness = playfulness
        dog.amount_of_dogs += 1
dog1 = dog("Ruffer", 1000)
dog2 = dog("Skipper", 400)
dog3 = dog("El Diablo", 30000000)
print "The dog names are:", dog1.name, ",", dog2.name, ",", dog3.name, "."
print dog1.name, "'s happiness is ", dog1.playfulness, "!"
print dog2.name, "'s happiness is ", dog2.playfulness, "!"
print dog3.name, "'s happiness is ", dog3.playfulness, "!"
&lt;/code&gt;&lt;/pre&gt;
&lt;p&gt;It works, no prob! But then, I made a second, longer program (This is just a snippet)&lt;/p&gt;
&lt;pre&gt;&lt;code&gt;class enemy:
    global enemy_attack
    global enemy_health
    global enemy_name
    amount_of_enemies = 0
    def __init__(self, name, enemy_attack, enemy_health):
        self.name = enemy_name
        self.enemy_attack = enemy_attack
        self.enemy_health = enemy_health
        enemy.amount_of_enemies += 1
"""ENEMY STATS"""   
witch = enemy("witch", 40, 200)
print witch.enemy_name, witch.enemy_attack, witch.enemy_health
&lt;/code&gt;&lt;/pre&gt;
&lt;p&gt;It throws the error:&lt;/p&gt;
&lt;pre&gt;&lt;code&gt;enemy_name is not defined!
&lt;/code&gt;&lt;/pre&gt;
&lt;p&gt;Why? &lt;/p&gt;</t>
  </si>
  <si>
    <t>2015-06-17 16:27:01.477000+00:00</t>
  </si>
  <si>
    <t>2015-06-17 16:54:45.753000+00:00</t>
  </si>
  <si>
    <t>2015-06-17 16:28:34.777000+00:00</t>
  </si>
  <si>
    <t>python|oop|self</t>
  </si>
  <si>
    <t>mdl-materialdesignlite-drawer menu not working?</t>
  </si>
  <si>
    <t>&lt;pre&gt;&lt;code&gt; &amp;lt;div class="mdl-layout--large-screen-only mdl-layout__tab-bar mdl-js-    
 ripple-effect mdl-color--primary-dark "&amp;gt;          
  &amp;lt;a href="#Aboutus" class="mdl-layout__tab is-active"&amp;gt;Aboutus&amp;lt;/a&amp;gt;
  &amp;lt;a href="#Technology" class="mdl-layout__tab"&amp;gt;Technology&amp;lt;/a&amp;gt;
  &amp;lt;a href="#Outsource" class="mdl-layout__tab"&amp;gt;Outsourcing&amp;lt;/a&amp;gt;
   &amp;lt;a href="#Training" class="mdl-layout__tab"&amp;gt;Training&amp;lt;/a&amp;gt;
   &amp;lt;a href="#Techblog" class="mdl-layout__tab"&amp;gt;Techblog&amp;lt;/a&amp;gt;
  &amp;lt;a href="#Careers" class="mdl-layout__tab"&amp;gt;Careers&amp;lt;/a&amp;gt;
  &amp;lt;a href="#Contactus" class="mdl-layout__tab"&amp;gt;Contactus&amp;lt;/a&amp;gt;
  &amp;lt;button class="mdl-button mdl-js-button mdl-button--fab mdl-js-
    ripple-effect mdl-button--colored mdl-shadow--4dp mdl-color--  
    accent" id="add"&amp;gt; 
   &amp;lt;i class="material-icons" role="presentation"&amp;gt;add&amp;lt;/i&amp;gt;
    &amp;lt;span class="visuallyhidden"&amp;gt;Add&amp;lt;/span&amp;gt;
   &amp;lt;/button&amp;gt;
   &amp;lt;/div&amp;gt;        
   &amp;lt;/header&amp;gt;
  &amp;lt;div class="mdl-layout__drawer"&amp;gt;
   &amp;lt;span class="mdl-layout-title"&amp;gt;MaterialDesignLite&amp;lt;/span&amp;gt;
   &amp;lt;nav class="mdl-navigation"&amp;gt;
   &amp;lt;a href="#Aboutus" class="mdl-navigation__link"&amp;gt;Overview&amp;lt;/a&amp;gt;
  &amp;lt;a href="#Training" class="mdl-navigation__link"&amp;gt;Features&amp;lt;/a&amp;gt;
  &amp;lt;a href="#features" class="mdl-navigation__link"&amp;gt;Details&amp;lt;/a&amp;gt;
  &amp;lt;a href="#features" class="mdl-navigation__link"&amp;gt;Technology&amp;lt;/a&amp;gt;
  &amp;lt;a href="#features" class="mdl-navigation__link"&amp;gt;FAQ&amp;lt;/a&amp;gt;
  &amp;lt;/nav&amp;gt;
 &amp;lt;/div&amp;gt;
&lt;/code&gt;&lt;/pre&gt;
&lt;p&gt;Question: mdl-layout__tab-bar tabs are synced with section  id(example:#Aboutus ,#Technology),
Where as mdl-drawer needs separate .html file for each content,it is not working with section id (example:#Aboutus ,#Technology),is any possible ways to achieve it,rather creating separate html file.
    Thanks&lt;/p&gt;</t>
  </si>
  <si>
    <t>2017-03-13 06:40:31.773000+00:00</t>
  </si>
  <si>
    <t>2017-03-13 08:15:16.473000+00:00</t>
  </si>
  <si>
    <t>android|html|css|material-design-lite|drawer</t>
  </si>
  <si>
    <t>Change CvFindContours() to 4-connected neighbors from 8-connected</t>
  </si>
  <si>
    <t>&lt;p&gt;The OpenCV cvFindContour() method gets connected components following the 8-connected neighbors rule. Is there any way to change it into a 4-connected neighbor rule - the corner cells will not be taken into account when checking for connectedness.&lt;/p&gt;
&lt;p&gt;Apparently Mathematica does this with a simple &lt;code&gt;CornerNeighbors-&amp;gt;False&lt;/code&gt; &lt;a href="https://stackoverflow.com/questions/6922399/cvfindcontours-not-detecting-separate-components/6928158#6928158"&gt;shown here on SO&lt;/a&gt;.
 Any way of doing this in OpenCV? Even if we were to actually change the function definition in the cv*.h file (which is rather hairy) ... any pointers?&lt;/p&gt;</t>
  </si>
  <si>
    <t>2011-08-05 04:33:43.443000+00:00</t>
  </si>
  <si>
    <t>2012-05-28 16:10:10.270000+00:00</t>
  </si>
  <si>
    <t>2017-05-23 12:26:53.427000+00:00</t>
  </si>
  <si>
    <t>image-processing|opencv|contour</t>
  </si>
  <si>
    <t>Appium Touch Action not responding</t>
  </si>
  <si>
    <t>&lt;p&gt;I am currently using Appium to test with Ruby and Capybara with selenium as the default driver a in Xcode ipad 2 simulator. However while most of the test function is working it keeps stalling when I try to click one link which should open another tab ( I don't know if that's a relevant fact or not just that when using against other links Capybara actions seems to work fine). &lt;/p&gt;
&lt;pre&gt;&lt;code&gt;find("#milLink").click =&amp;gt; nil
&lt;/code&gt;&lt;/pre&gt;
&lt;p&gt;but it just returns as nil and have tried resorting to Capybara's .native methods with the same " nil " return and have confirmed the link itself is both visible and works manually when I click it. &lt;/p&gt;
&lt;p&gt;attached is the appium code when running the .click &lt;/p&gt;
&lt;pre&gt;&lt;code&gt;info: --&amp;gt; POST /wd/hub/session/835d6d18-95e7-4022-b2e8-89935463ad82/element
{"using":"css selector","value":"#imgMilitary"}
info: [debug] Waiting up to 0ms for condition
info: [debug] [REMOTE] Executing 'find_elements' atom in default context
info: [debug] [REMOTE] Sending javascript command
info: [debug] [REMOTE] Sending _rpc_forwardSocketData: message to remote debugger
info: [debug] [REMOTE] Receiving data from remote debugger
info: [debug] [REMOTE] Receiving data from remote debugger
info: [debug] [REMOTE] got applicationSentData response
info: [debug] Responding to client with success: {"status":0,"value":    [{"ELEMENT":"5071"}],"sessionId":"835d6d18-95e7-4022-b2e8-89935463ad82"}
info: &amp;lt;-- POST /wd/hub/session/835d6d18-95e7-4022-b2e8-89935463ad82/elements 200 9.082 ms - 92 {"status":0,"value":[{"ELEMENT":"5071"}],"sessionId":"835d6d18-95e7-4022-b2e8-89935463ad82"}
info: --&amp;gt; GET /wd/hub/session/835d6d18-95e7-4022-b2e8- 89935463ad82/element/5071/displayed {}
info: [debug] [REMOTE] Executing 'is_displayed' atom in default context
info: [debug] [REMOTE] Sending javascript command
info: [debug] [REMOTE] Sending _rpc_forwardSocketData: message to remote  debugger
info: [debug] [REMOTE] Receiving data from remote debugger
info: [debug] [REMOTE] Receiving data from remote debugger
info: [debug] [REMOTE] got applicationSentData response
info: [debug] Responding to client with success: {"status":0,"value":true,"sessionId":"835d6d18-95e7-4022-b2e8-89935463ad82"}
info: &amp;lt;-- GET /wd/hub/session/835d6d18-95e7-4022-b2e8-89935463ad82/element/5071/displayed 200 10.127 ms - 76 {"status":0,"value":true,"sessionId":"835d6d18-95e7-4022-b2e8-89935463ad82"}
info: --&amp;gt; POST /wd/hub/session/835d6d18-95e7-4022-b2e8-89935463ad82/element/5071/click {}
info: [debug] [REMOTE] Executing 'click' atom in default context
info: [debug] [REMOTE] Sending javascript command
info: [debug] [REMOTE] Sending _rpc_forwardSocketData: message to remote debugger
info: [debug] [REMOTE] Receiving data from remote debugger
info: [debug] [REMOTE] Receiving data from remote debugger
info: [debug] [REMOTE] got applicationSentData response
info: [debug] Responding to client with success: {"status":0,"value":null,"sessionId":"835d6d18-95e7-4022-b2e8-89935463ad82"}
info: &amp;lt;-- POST /wd/hub/session/835d6d18-95e7-4022-b2e8-89935463ad82/element/5071/click 200 29.741 ms - 76 {"status":0,"value":null,"sessionId":"835d6d18-95e7-4022-b2e8-89935463ad82"}
&lt;/code&gt;&lt;/pre&gt;
&lt;p&gt;Now discovered Appium Touch Action methods but getting a different error now&lt;/p&gt;
&lt;pre&gt;&lt;code&gt;[2] pry(#&amp;lt;Object&amp;gt;)&amp;gt; action = Appium::TouchAction.new
=&amp;gt; #&amp;lt;Appium::TouchAction:0x007fe78dc17a10 @actions=[]&amp;gt;
[12] pry(#&amp;lt;Object&amp;gt;)&amp;gt; find("#milLink").native.location
=&amp;gt; #&amp;lt;struct Selenium::WebDriver::Point x=18, y=843&amp;gt;
[13] pry(#&amp;lt;Object&amp;gt;)&amp;gt; action.tap(:x=&amp;gt;18, :y=&amp;gt;843)
=&amp;gt; #&amp;lt;Appium::TouchAction:0x007fe78dc17a10
 @actions=[{:action=&amp;gt;:tap, :options=&amp;gt;{:x=&amp;gt;18, :y=&amp;gt;843, :count=&amp;gt;1}}]&amp;gt;
[14] pry(#&amp;lt;Object&amp;gt;)&amp;gt; action.perform
NoMethodError: undefined method `touch_actions' for nil:NilClass
&lt;/code&gt;&lt;/pre&gt;
&lt;p&gt;from this there was maybe a similiar timing issue I found but I don't know what the Capybara equivalent or how I could enable or execute that wait { } 
&lt;a href="https://github.com/appium/ruby_lib/issues/346" rel="nofollow"&gt;https://github.com/appium/ruby_lib/issues/346&lt;/a&gt;&lt;/p&gt;
&lt;p&gt;Any help would be appreciated this is driving me nuts.&lt;/p&gt;</t>
  </si>
  <si>
    <t>2015-11-17 14:28:23.173000+00:00</t>
  </si>
  <si>
    <t>2015-11-17 21:03:59.797000+00:00</t>
  </si>
  <si>
    <t>capybara|appium|qa</t>
  </si>
  <si>
    <t>Liquibase : change column type in Java</t>
  </si>
  <si>
    <t>&lt;p&gt;I am using &lt;strong&gt;&lt;code&gt;liquibase:diff&lt;/code&gt;&lt;/strong&gt; to update my database if one entity is modified.&lt;br&gt;
How can I do in my Java entity if I want to transform &lt;code&gt;VARCHAR(255)&lt;/code&gt; to &lt;code&gt;TEXT&lt;/code&gt; in the &lt;em&gt;MySQL&lt;/em&gt; column type.&lt;br&gt;
In Java I only have a &lt;code&gt;String&lt;/code&gt; type for my property.&lt;/p&gt;
&lt;p&gt;Thank you.&lt;/p&gt;</t>
  </si>
  <si>
    <t>2016-05-18 09:50:18.113000+00:00</t>
  </si>
  <si>
    <t>2016-05-18 10:37:06.003000+00:00</t>
  </si>
  <si>
    <t>2016-05-18 10:36:40.677000+00:00</t>
  </si>
  <si>
    <t>java|liquibase</t>
  </si>
  <si>
    <t>Best Practice to log an a "commercial" transaction object</t>
  </si>
  <si>
    <t>&lt;p&gt;I'm supposed to be logging a "commercial" transaction object (e.g. the request/response of a credit card processing gateway).&lt;/p&gt;
&lt;p&gt;Someone mentioned using log4net to store that... but it just doesn't feel right, especially given that some information (i.e. properties on the object) need to be either omitted entirely or massaged (e.g. only log the last 4 digits of the credit card involved in the transaction).&lt;/p&gt;
&lt;p&gt;I was thinking more of a custom "ITransactionLogger". Thoughts?&lt;/p&gt;</t>
  </si>
  <si>
    <t>2009-11-16 08:56:27.503000+00:00</t>
  </si>
  <si>
    <t>2009-11-16 10:24:22.130000+00:00</t>
  </si>
  <si>
    <t>c#|.net|log4net</t>
  </si>
  <si>
    <t>sbt-assembly: prefix extracted files from some jars</t>
  </si>
  <si>
    <t>&lt;p&gt;In JOGL, there are lots of native jars for different OS x arch combinations. JOGL has several of its own mechanisms to load the right ones if you aren't using java.library.path, and supports a kind of "fat jar" layout.&lt;/p&gt;
&lt;p&gt;In a fat jar layout, any native libraries need to be in a subdirectory ./natives/os.and.arch/. However, since the native jars themselves don't have any internal layout, similarly named so/dylib/dll files collide the flat hierarchy in the final jar.&lt;/p&gt;
&lt;p&gt;From what I can tell, I don't think I want to de-duplicate with any of the given MergeStrategy because it's only invoked if there is a collision. The layout is mandatory per JOGL's native library loaders - I want to invoke it &lt;em&gt;every&lt;/em&gt; time. Is there a mechanism that can allow me to map certain jar -&gt; prefix/with/path in sbt-assembly?&lt;/p&gt;
&lt;h2&gt;Example&lt;/h2&gt;
&lt;p&gt;jogl-all-2.1.3-natives-android-armv6.jar is pulled in through a dependency.&lt;/p&gt;
&lt;pre&gt;&lt;code&gt;$ jar -tf jogl-all-2.1.3-natives-linux-amd64.jar
META-INF/MANIFEST.MF
libjogl_mobile.so
libnewt.so
&lt;/code&gt;&lt;/pre&gt;
&lt;p&gt;I'd like this to go here in the final jar:&lt;/p&gt;
&lt;pre&gt;&lt;code&gt;./natives/
./natives/linux.and.amd64/
./natives/linux.and.amd64/libnewt.so
./natives/linux.and.amd64/libjogl_mobile.so
&lt;/code&gt;&lt;/pre&gt;</t>
  </si>
  <si>
    <t>2014-02-15 02:12:03.167000+00:00</t>
  </si>
  <si>
    <t>2014-02-16 17:23:28.023000+00:00</t>
  </si>
  <si>
    <t>2014-02-15 02:40:54.340000+00:00</t>
  </si>
  <si>
    <t>scala|jar|sbt|jogl|sbt-assembly</t>
  </si>
  <si>
    <t>How to extend control events IExtenderProvider?</t>
  </si>
  <si>
    <t>&lt;p&gt;Is there a way to add events to a control like adding properties to a control with IExtenderProvider?&lt;/p&gt;
&lt;p&gt;I try to write an own validtor with an errorpovider. with IExtenderProvider i'm adding the errorprovider and the errortext to the control. now i need to fire an event out of my extenderclass.&lt;/p&gt;
&lt;p&gt;Snippet:&lt;/p&gt;
&lt;pre&gt;&lt;code&gt;[ProvideProperty("ErrorText", typeof(TextBox))]
[ProvideProperty("ErrorProvider", typeof(TextBox))]
class ValidatorExtender : Component, IExtenderProvider {
    public bool CanExtend(object extendee) {
        return extendee is TextBox;
    }
    [DefaultValue(""), Category("Data")]
    public string GetErrorText(Control control) {
        //---------------------------
        //Return the ErrorText
        //---------------------------
        }
    }
    public void SetErrorText(Control control, string value) {
        //---------------------------
        //Assigning the ErrorText
        //---------------------------
    }
    [DefaultValue(null), Category("Data")]
    public ErrorProviderEX GetErrorProvider(Control control) {
        //---------------------------
        //Return the ErrorProvider
        //---------------------------
    }
    public void SetErrorProvider(Control control, ErrorProviderEX value) {
        //---------------------------
        //Assigning the ErrorProvider
        //---------------------------
    }
                                               //!!!!!!!!!!!!!!!!!!!!!!!!!!!!!!!!!!!!!!!!!!!!!!
    public event ValidatingHandler Validating; // -&amp;gt; The event I want to add to the Controls
                                               //!!!!!!!!!!!!!!!!!!!!!!!!!!!!!!!!!!!!!!!!!!!!!!
    void Control_Leave(object sender, EventArgs e) {
        if(Validating != null){
            Validating(this, new ValidatingEventArgs());
            //--------------------------
            // Assign Error if necessary
            //--------------------------
        }
    }
}
&lt;/code&gt;&lt;/pre&gt;</t>
  </si>
  <si>
    <t>2011-08-16 12:58:43.463000+00:00</t>
  </si>
  <si>
    <t>2011-08-16 15:06:11.467000+00:00</t>
  </si>
  <si>
    <t>c#|events|components|extend|iextenderprovider</t>
  </si>
  <si>
    <t>flex 4.6 datagrid column insert datas from another</t>
  </si>
  <si>
    <t>&lt;p&gt;At first I'would like to pleased for ignoring my language skills.
I'm creating an online app in flex with sdk 4.6.0 (flex+php)&lt;/p&gt;
&lt;p&gt;What I'm trying to do is change 1 datagrid column datas from another (or the same if it will be more simple).&lt;/p&gt;
&lt;p&gt;My data grid looks like:&lt;/p&gt;
&lt;pre&gt;&lt;code&gt;id | name | type | type1 | type2 | type3 | ... | type52
&lt;/code&gt;&lt;/pre&gt;
&lt;p&gt;data provider in this grid is a db table, than result is taking as new arrayCollection.
I would like to create this new arrayCollection with needed typeX column datas in type column. Each type have the same quantity of rows.
selecting of typeX is going by button pressing which is not situated in datagrid.
column visible function is not the solution because in the other parts of app I'm using &lt;code&gt;dataFiled="type" as text{function}&lt;/code&gt; etc.&lt;/p&gt;
&lt;p&gt;Let me know if some additional info will be needed.&lt;/p&gt;</t>
  </si>
  <si>
    <t>2012-09-14 11:33:16.083000+00:00</t>
  </si>
  <si>
    <t>2012-09-15 19:26:02.373000+00:00</t>
  </si>
  <si>
    <t>2012-09-15 05:02:57.400000+00:00</t>
  </si>
  <si>
    <t>php|flex</t>
  </si>
  <si>
    <t>Too many requests when controlling spinner show/hide from axois interceptors</t>
  </si>
  <si>
    <t>&lt;p&gt;I have an SPA written in Vue (Webpack) where I want to control the visibility of a spinner based on whether or not the app is currently handling an HTTP request or a response.&lt;/p&gt;
&lt;p&gt;Following some tutorials, I came up with the event bus scheme and did this:&lt;/p&gt;
&lt;p&gt;Created &lt;code&gt;eventBus.js&lt;/code&gt;:&lt;/p&gt;
&lt;pre&gt;&lt;code&gt;import Vue from 'vue';
export const eventBus = new Vue();
&lt;/code&gt;&lt;/pre&gt;
&lt;p&gt;I'm setting my axios interceptors in the &lt;code&gt;created()&lt;/code&gt; hook of &lt;code&gt;App.vue&lt;/code&gt;. Here's what the necessary functions look like in that component:&lt;/p&gt;
&lt;pre&gt;&lt;code&gt;data() {
        return {
            showLoader: false
        };
    },  
    created(){
        this.setAxiosInterceptors();
        // some code removed //            
        }
    },
    mounted() {
        eventBus.$on('show-loader', () =&amp;gt; {
            this.showLoader = true;
        });
        eventBus.$on('hide-loader', () =&amp;gt; {
            this.showLoader = false;
        });
    },
methods: {       
        setAxiosInterceptors() {
            var tokenCookieName = this.$store.getters.getCookieNames.apiToken;
            var cookieDefaultValue = this.$store.getters.getCookieDefaultValue;
            // token expired middleware
            this.axios.interceptors.response.use(response =&amp;gt; {
                var data = response.data;
                if(data.info.api_token) {
                    this.$cookie.set(tokenCookieName, data.info.api_token);
                }
                if(data.status == 'error' &amp;amp;&amp;amp; data.info.login_failed) {
                    this.$cookie.set(tokenCookieName, cookieDefaultValue);
                    window.location = '/'; // not possible to use Vue router here
                }
                eventBus.$emit('hide-loader');
                return response;
            }, 
                error =&amp;gt; {
                    eventBus.$emit('hide-loader');                    
                    console.log('Response interception failed!');
                    return Promise.reject(error);
            });
            // attach API token middleware
            this.axios.interceptors.request.use(config =&amp;gt; {
                var apiToken = this.$cookie.get(tokenCookieName);
                if (!apiToken) {
                    apiToken = cookieDefaultValue;
                }
                config.headers.Authorization = 'Bearer ' + apiToken;               
                eventBus.$emit('show-loader');               
                return config;
            }, 
                error =&amp;gt; {
                    eventBus.$emit('hide-loader');
                    console.log('Request interception failed!');
                    return Promise.reject(error);                    
                }
            );
        }
    }
&lt;/code&gt;&lt;/pre&gt;
&lt;p&gt;Please ignore some of the code that isn't relevant to the problem, but I wanted to show how things are set up. Problem is, as soon as I visit my home page, the app keep making the startup GET requests over and over, until my server returns a 429 error.&lt;/p&gt;
&lt;p&gt;Interestingly, in my &lt;code&gt;eventBus.$on&lt;/code&gt; handlers, if I just do a &lt;code&gt;console.log&lt;/code&gt;, this behavior doesn't appear (of course, the spinner doesn't work as well) &lt;em&gt;but as soon as I change a variable or call a vuex action, this infinite reloading starts&lt;/em&gt;. &lt;/p&gt;
&lt;p&gt;Any clue?&lt;/p&gt;</t>
  </si>
  <si>
    <t>2018-01-21 14:09:18.357000+00:00</t>
  </si>
  <si>
    <t>2018-07-03 18:01:31.150000+00:00</t>
  </si>
  <si>
    <t>vue.js|axios</t>
  </si>
  <si>
    <t>How to use Nginx Regexp in the location</t>
  </si>
  <si>
    <t>&lt;p&gt;The web project have static content into the some /content/img folder.
The url rule is: /img/{some md5} 
but location in the folder: /content/img/{The first two digits}/ &lt;/p&gt;
&lt;p&gt;Example &lt;/p&gt;
&lt;pre&gt;&lt;code&gt;url:      example.com/img/fe5afe0482195afff9390692a6cc23e1
location: /www/myproject/content/img/fe/fe5afe0482195afff9390692a6cc23e1
&lt;/code&gt;&lt;/pre&gt;
&lt;p&gt;This nginx location is correct but lot not security (the symbol point is not good in regexp):&lt;/p&gt;
&lt;pre&gt;&lt;code&gt;        location ~ /img/(..)(.+)$ {
               alias $project_home/content/img/$1/$1$2;
               add_header Content-Type image/jpg;
         }
&lt;/code&gt;&lt;/pre&gt;
&lt;p&gt;The next location is more correct, but not work:&lt;/p&gt;
&lt;pre&gt;&lt;code&gt;        location ~ /img/([0-9a-f]\{2\})([0-9a-f]+)$ {
               alias $project_home/content/img/$1/$1$2;
               add_header Content-Type image/jpg;
         }
&lt;/code&gt;&lt;/pre&gt;
&lt;p&gt;Help me find error for more correct nginx location.&lt;/p&gt;</t>
  </si>
  <si>
    <t>2016-12-21 11:18:34.830000+00:00</t>
  </si>
  <si>
    <t>2018-05-31 10:30:38.430000+00:00</t>
  </si>
  <si>
    <t>regex|nginx|nginx-location</t>
  </si>
  <si>
    <t>Converting a float* or other pointer to unsigned char*</t>
  </si>
  <si>
    <t>&lt;p&gt;I have  the following function that takes an array of bytes as an &lt;code&gt;unsigned char*&lt;/code&gt; of float data.&lt;/p&gt;
&lt;pre&gt;&lt;code&gt;void expectsFloatData(unsigned char* floatData, int floatCount)
{
    //Does something
    memset(floatData, 0, floatCount * sizeof(float));
}
float data[4];
expectsFloatData(???, 4);
&lt;/code&gt;&lt;/pre&gt;
&lt;p&gt;Does this justify the use of &lt;code&gt;reinterpret_cast&amp;lt;unsigned char*&amp;gt;(data);&lt;/code&gt;?&lt;br&gt;Since I'm just changing the type of the variable as seen by the compiler I shouldn't need to worry about how it will interpret the data in context of an actual character (little endian vs big endian and other platform specific things) as the bytes for the floats are still there, right?&lt;/p&gt;</t>
  </si>
  <si>
    <t>2014-08-20 22:41:05.470000+00:00</t>
  </si>
  <si>
    <t>2014-08-20 22:44:31.350000+00:00</t>
  </si>
  <si>
    <t>Why java action System.out disappear when executed in Oozie?</t>
  </si>
  <si>
    <t>&lt;p&gt;I'm using oozie environment. After successfully completition of the job, I can't find System.out.println output in the oozie log. I googled for many hours and i found &lt;a href="https://stackoverflow.com/questions/38855616/why-do-my-application-level-logs-disappear-when-executed-in-oozie"&gt;this&lt;/a&gt;&lt;/p&gt;
&lt;p&gt;but without result. From oozie web console i got the job id "0000011-180801114827014-oozie-oozi-W", then i tried to get more information about the job using the following command: &lt;/p&gt;
&lt;blockquote&gt;
  &lt;p&gt;oozie job -oozie &lt;a href="http://localhost:11000/oozie/" rel="nofollow noreferrer"&gt;http://localhost:11000/oozie/&lt;/a&gt; -info 0000011-180801114827014-oozie-oozi-W&lt;/p&gt;
&lt;/blockquote&gt;
&lt;p&gt;&lt;a href="https://i.stack.imgur.com/gCXkg.png" rel="nofollow noreferrer"&gt;&lt;img src="https://i.stack.imgur.com/gCXkg.png" alt="enter image description here"&gt;&lt;/a&gt;&lt;/p&gt;
&lt;p&gt;then i get the externalId from action &lt;strong&gt;JobCompleted&lt;/strong&gt; &lt;strong&gt;"16546"&lt;/strong&gt; and i think the job id &lt;strong&gt;180801114827014&lt;/strong&gt;. Finally i tried to get log from java action using the following command:&lt;/p&gt;
&lt;blockquote&gt;
  &lt;p&gt;yarn logs -applicationId application_180801114827014_16546
  &lt;a href="https://i.stack.imgur.com/m4HeD.png" rel="nofollow noreferrer"&gt;&lt;img src="https://i.stack.imgur.com/m4HeD.png" alt="enter image description here"&gt;&lt;/a&gt;&lt;/p&gt;
&lt;/blockquote&gt;
&lt;p&gt;Where I'm doing wrong? Any suggestion?&lt;/p&gt;
&lt;p&gt;&lt;strong&gt;Edit&lt;/strong&gt;&lt;/p&gt;
&lt;p&gt;I check if log aggregation was enaled and seems that it is enabled
&lt;a href="https://i.stack.imgur.com/a4B2A.jpg" rel="nofollow noreferrer"&gt;&lt;img src="https://i.stack.imgur.com/a4B2A.jpg" alt="enter image description here"&gt;&lt;/a&gt;&lt;/p&gt;
&lt;p&gt;Then, where I'm a doing wrong?&lt;/p&gt;</t>
  </si>
  <si>
    <t>2018-09-12 07:37:10.050000+00:00</t>
  </si>
  <si>
    <t>2018-09-14 08:41:45.720000+00:00</t>
  </si>
  <si>
    <t>2018-09-14 08:20:48.430000+00:00</t>
  </si>
  <si>
    <t>java|hadoop|logging|yarn|oozie</t>
  </si>
  <si>
    <t>Transloadit cannot get ASSEMBLY_COMPLETED response in c#.net</t>
  </si>
  <si>
    <t>&lt;p&gt;With the reference from below link&lt;/p&gt;
&lt;p&gt;&lt;a href="https://github.com/nkranitz/transloadit-csharp-sdk" rel="nofollow"&gt;https://github.com/nkranitz/transloadit-csharp-sdk&lt;/a&gt;
Am using transloadit for video converting and saving it in s3 in C#. I am able to upload the video and image and am able to get the response with empty results. My response had "ok": "ASSEMBLY_EXECUTING", message and the results tag is empty. So am not getting the final response once the assembly is executed like ASSEMBLY_COMPLETED. So, i see that there is some property assembly.setblocking = true.. but in C# that property is not available. So how can i get the final response or how can i use blocking property in c#.net&lt;/p&gt;
&lt;p&gt;Please help me out in solving this issue.&lt;/p&gt;
&lt;p&gt;Thanks in advance.&lt;/p&gt;
&lt;p&gt;Below is the code snippet&lt;/p&gt;
&lt;p&gt;ITransloadit transloadit = new Transloadit.Transloadit("APIKEY", "Secret");&lt;/p&gt;
&lt;pre&gt;&lt;code&gt;        //Create assembly builder to build up the assembly
        IAssemblyBuilder assembly = new AssemblyBuilder();
        //Add a file to be uploaded (with autogenerated key)
        assembly.AddFile(@"filepath"); 
       //Define the step, you can define more in the same assembly
        IStep step = new Step();
        step.SetOption("robot", "/image/resize");
        step.SetOption("width", 75);
        step.SetOption("height", 75);
        step.SetOption("resize_strategy", "pad");
        step.SetOption("background", "#000000");
        //Add the step to the assembly
        assembly.AddStep("thumb", step);
        //Set notification URL
        assembly.SetNotifyURL("url");
        //Set the expiration date time of the request for the assembly
        //Assembly will be expired in 120 minutes from now
        assembly.SetAuthExpires(DateTime.Now.AddMinutes(120));
        //Invoke assembly, and wait for the result
        TransloaditResponse response = transloadit.InvokeAssembly(assembly);
        if (response.Success)
        {
          //  LoggerFactory.GetLogger().LogInfo(Type.GetType("TestConsole.Program"), "Assembly {0} result", response.Data);
        }
&lt;/code&gt;&lt;/pre&gt;</t>
  </si>
  <si>
    <t>2015-02-19 07:45:57.190000+00:00</t>
  </si>
  <si>
    <t>2015-02-26 14:49:02.683000+00:00</t>
  </si>
  <si>
    <t>2015-02-19 10:00:36.533000+00:00</t>
  </si>
  <si>
    <t>c#|transloadit</t>
  </si>
  <si>
    <t>Android - Paused music automatically restarts to play after answering a phone call</t>
  </si>
  <si>
    <t>&lt;p&gt;I have an application that sets a rtsp stream of a song. When I push the "play" button on the application, the music starts playing. Then, when I push the "pause" button, the music is paused.&lt;/p&gt;
&lt;p&gt;However, while the music is paused, if I receive a phone call, answer it, and then finish the call, the paused music AUTOMATICALLY restarts to play!! I DON'T want that to happen (because the user left the music paused)! I want the music to remain paused.&lt;/p&gt;
&lt;p&gt;How do I fix this? I guess it's an Android problem!&lt;/p&gt;
&lt;p&gt;PS: Just as a note, the oppose situation works fine, that is, if I receive a call while a music is being played, the Android does the right thing: it pauses the music for me to answer the call and, after the call is finished, the music starts to play again from where it was.&lt;/p&gt;</t>
  </si>
  <si>
    <t>2011-12-02 13:34:50.587000+00:00</t>
  </si>
  <si>
    <t>2018-06-18 16:45:53.950000+00:00</t>
  </si>
  <si>
    <t>user1022011</t>
  </si>
  <si>
    <t>android|media-player|playback|phone-call</t>
  </si>
  <si>
    <t>Jfreechart.draw() throws a Nullpointerexception</t>
  </si>
  <si>
    <t>&lt;p&gt;Issue: &lt;code&gt;chart.draw((Graphics2D) emffile.create(), new Rectangle(1500, 600))&lt;/code&gt; throws a Nullpointerexception. &lt;/p&gt;
&lt;p&gt;The bar chart can be generated. Please help to look into the issue.&lt;/p&gt;
&lt;p&gt;Here my code:&lt;/p&gt;
&lt;pre&gt;&lt;code&gt;CategoryDataset dataset = createDataset();
JFreeChart chart = createChart(dataset);
emffile = new EMFGraphics2D(
        new File("C:\\Workspace\\eclipse\\MSReoprt\\chart.emf"),
        new Dimension(1500, 600)
);
emffile.setDeviceIndependent(true);
emffile.setRenderingHint(
    RenderingHints.KEY_RENDERING, 
    RenderingHints.VALUE_RENDER_QUALITY
);
emffile.setRenderingHint(
    RenderingHints.KEY_STROKE_CONTROL,
    RenderingHints.VALUE_STROKE_NORMALIZE
);
emffile.startExport();
chart.draw((Graphics2D) emffile.create(), new Rectangle(1500, 600));
emffile.endExport();
emffile.closeStream();
&lt;/code&gt;&lt;/pre&gt;
&lt;p&gt;Category and jfreechart method:&lt;/p&gt;
&lt;pre&gt;&lt;code&gt;private CategoryDataset createDataset()
{
    String series = "Availability";
    String category1 = "Portal";
    String category2 = "DB";
    DefaultCategoryDataset dataset = new DefaultCategoryDataset();
    dataset.addValue(100, series, category1);
    dataset.addValue(90, series, category2);
    return dataset;
}
public JFreeChart createChart(CategoryDataset dataset)
{
    FreeChart chart = ChartFactory.createBarChart
    (
        "Bar Chart Demo", //chart title
        "Category", //domain axis label
        "", //range axis label
        dataset, //data
        PlotOrientation.VERTICAL, //orientation
        true, //include legend
        true, //tooltips?
        false //URLs?
    );
    //set the background color for the chart...
    chart.setBackgroundPaint(Color.white);
    //get a reference to the plot for further customisation...
    CategoryPlot plot = chart.getCategoryPlot();
    plot.setBackgroundPaint(Color.white);
    plot.setDomainGridlinePaint(Color.white);
    plot.setRangeGridlinePaint(Color.gray);
    //set the range axis to display integers only...
    NumberAxis rangeAxis = (NumberAxis) plot.getRangeAxis();
    rangeAxis.setStandardTickUnits(NumberAxis.createIntegerTickUnits());
    //disable bar outlines...
    BarRenderer renderer = (BarRenderer) plot.getRenderer();
    renderer.setDrawBarOutline(false);
    renderer.setMaximumBarWidth(0.5);
    renderer.setItemMargin(4);
    //set up gradient paints for series...
    GradientPaint gp0 = new GradientPaint(
      0.0f, 0.0f, Color.blue,
      0.0f, 0.0f, Color.MAGENTA
    );
    //GradientPaint gp1 = new GradientPaint(0.0f, 0.0f, Color.green,
    //0.0f, 0.0f, Color.lightGray);
    //GradientPaint gp2 = new GradientPaint(0.0f, 0.0f, Color.red,
    //0.0f, 0.0f, Color.lightGray);
    renderer.setSeriesPaint(0, gp0);
    //renderer.setSeriesPaint(1, gp1);
    //renderer.setSeriesPaint(2, gp2);
    CategoryAxis domainAxis = plot.getDomainAxis();
    domainAxis.setCategoryLabelPositions(
        CategoryLabelPositions.createUpRotationLabelPositions(Math.PI / 6.0)
    );
    return chart;
}
&lt;/code&gt;&lt;/pre&gt;
&lt;p&gt;Add stack trace:&lt;/p&gt;
&lt;pre&gt;&lt;code&gt;Exception in thread "main" java.lang.NullPointerException
at org.freehep.graphicsio.emf.EMFGraphics2D.writePen(EMFGraphics2D.java:679)
at org.freehep.graphicsio.emf.EMFGraphics2D.writeStroke(EMFGraphics2D.java:575)
at org.freehep.graphicsio.AbstractVectorGraphicsIO.setStroke(AbstractVectorGraphicsIO.java:981)
at org.jfree.chart.plot.Plot.drawOutline(Plot.java:1125)
at org.jfree.chart.renderer.category.AbstractCategoryItemRenderer.drawOutline(AbstractCategoryItemRenderer.java:717)
at org.jfree.chart.plot.CategoryPlot.draw(CategoryPlot.java:3684)
at org.jfree.chart.JFreeChart.draw(JFreeChart.java:1229)
at org.jfree.chart.JFreeChart.draw(JFreeChart.java:1112)
at chart.BarChartDemo.export(BarChartDemo.java:61)
at chart.BarChartDemo.test(BarChartDemo.java:39)
at chart.BarChartDemo.main(BarChartDemo.java:137)
&lt;/code&gt;&lt;/pre&gt;</t>
  </si>
  <si>
    <t>2014-09-02 09:18:28.680000+00:00</t>
  </si>
  <si>
    <t>2014-09-02 11:35:12.353000+00:00</t>
  </si>
  <si>
    <t>2014-09-02 10:27:12.753000+00:00</t>
  </si>
  <si>
    <t>java|jfreechart</t>
  </si>
  <si>
    <t>Hidden form field but to still show required validation if no set value</t>
  </si>
  <si>
    <t>&lt;p&gt;I have some form fields that are populated with javascript based on how the user interacts with the webpage.&lt;/p&gt;
&lt;pre&gt;&lt;code&gt;&amp;lt;input type="hidden" class="evaluation_answer" required name="evaluation_1"/&amp;gt;
&amp;lt;div class="options"&amp;gt;
    &amp;lt;div class="option"&amp;gt;
        &amp;lt;i class="fa fa-star-o fa-2x"&amp;gt;&amp;lt;/i&amp;gt;
    &amp;lt;/div&amp;gt;
    &amp;lt;div class="option"&amp;gt;
        &amp;lt;i class="fa fa-star-o fa-2x"&amp;gt;&amp;lt;/i&amp;gt;
    &amp;lt;/div&amp;gt;
    &amp;lt;div class="option"&amp;gt;
        &amp;lt;i class="fa fa-star-o fa-2x"&amp;gt;&amp;lt;/i&amp;gt;
    &amp;lt;/div&amp;gt;
    &amp;lt;div class="option"&amp;gt;
        &amp;lt;i class="fa fa-star-o fa-2x"&amp;gt;&amp;lt;/i&amp;gt;
    &amp;lt;/div&amp;gt;
&amp;lt;/div&amp;gt;
&lt;/code&gt;&lt;/pre&gt;
&lt;p&gt;The value for this field gets populated with some javascript.&lt;/p&gt;
&lt;pre&gt;&lt;code&gt;var stars = document.getElementsByClassName("fa-star-o");
for(var i = 0; i &amp;lt; stars.length; i++) {
    stars[i].addEventListener("click", function(){
        console.log("empty star clicked...");
        var sib = this.parentNode.parentNode;
        sib = sib.getElementsByTagName("i");
        console.log(sib);
        for(var u = 0; u &amp;lt; sib.length; u++) {
            sib[u].classList.remove("fa-star");
            sib[u].classList.add("fa-star-o");
            sib[u].style.color = "#444";
        }
        this.classList.remove("fa-star-o");
        this.classList.add("fa-star");
        for(var u = 0; u &amp;lt; sib.length; u++) {
            if(sib[u].classList.contains("fa-star")) {
                var index = u;
                break;
            }
        }
        var hidden_input = this.parentNode.parentNode.parentNode;
        hidden_input = hidden_input.getElementsByClassName("evaluation_answer");
        hidden_input[0].value = index + 1;
&lt;/code&gt;&lt;/pre&gt;
&lt;p&gt;This gives this hidden input field a value depending on the index of whatever it was they clicked on the page (not important), however, should they have not clicked anything in and still wish to submit the form, this field will have no value set. I've tried adding the required tag to this hidden input field, however the validation popup/alert (chrome) doesn't show. &lt;/p&gt;
&lt;p&gt;Is there any way to show these required validation messages?&lt;/p&gt;
&lt;p&gt;tl;dr: In Chrome, any required fields that have not been given a value will alert the user that that field is required upon submission, if you set the field to hidden, it doesn't show this validation. Any fix?/workaround? I know this is working as intended, however I'd prefer a validation message.&lt;/p&gt;</t>
  </si>
  <si>
    <t>2015-05-12 09:54:02.727000+00:00</t>
  </si>
  <si>
    <t>2015-05-12 09:56:40.530000+00:00</t>
  </si>
  <si>
    <t>javascript|html|css|validation</t>
  </si>
  <si>
    <t>CSS can't set a bottom of the page margin</t>
  </si>
  <si>
    <t>&lt;p&gt;I can't seem to find a way to put a bottom margin on the page. What I want to happen is the following: when you click one of the buttons and the thumbnails appear, that list should have a bottom margin so it's not stuck at the bottom of the page.&lt;/p&gt;
&lt;p&gt;A lot of stuff is positioned with JavaScript; I don't know if that messes around with stuff.&lt;/p&gt;
&lt;p&gt;My page: &lt;a href="http://bit.ly/JV5I0Z" rel="nofollow"&gt;http://bit.ly/JV5I0Z&lt;/a&gt;&lt;/p&gt;
&lt;p&gt;Surely there must be a way to set a bottom margin. Any ideas?&lt;/p&gt;</t>
  </si>
  <si>
    <t>2012-05-03 02:52:01.180000+00:00</t>
  </si>
  <si>
    <t>2012-05-03 21:53:02.743000+00:00</t>
  </si>
  <si>
    <t>css|positioning|margin</t>
  </si>
  <si>
    <t>VBA: How to determine whether the number is Integer, even if it's received as a Double initially, let's say 3.0?</t>
  </si>
  <si>
    <t>&lt;p&gt;My &lt;code&gt;isInteger&lt;/code&gt; boolean should be able to resolve into the following boolean values:&lt;/p&gt;
&lt;pre&gt;&lt;code&gt;2   --&amp;gt; True
3.0 --&amp;gt; True
2.3 --&amp;gt; False
2.9 --&amp;gt; False
4.0 --&amp;gt; True
5   --&amp;gt; True
&lt;/code&gt;&lt;/pre&gt;
&lt;p&gt;I tried to use the following code:&lt;/p&gt;
&lt;pre&gt;&lt;code&gt;Dim isInteger as Boolean
isInteger = (myNumber Mod 1 = 0)
Debug.Print (isInteger) 
&lt;/code&gt;&lt;/pre&gt;
&lt;p&gt;However the output is always &lt;code&gt;True&lt;/code&gt; even when &lt;code&gt;myNumber&lt;/code&gt; is 2.3, 3.4, etc.&lt;/p&gt;
&lt;p&gt;How should I fix this?&lt;/p&gt;</t>
  </si>
  <si>
    <t>2016-08-05 19:41:43.223000+00:00</t>
  </si>
  <si>
    <t>2018-10-14 20:34:25.620000+00:00</t>
  </si>
  <si>
    <t>excel|vba|ms-access|integer|double</t>
  </si>
  <si>
    <t>Bind spinner to dynamic list</t>
  </si>
  <si>
    <t>&lt;p&gt;I am trying to bind a list coming from .net web-service. I am able to fetch list from webservice. But I am not able to bind list to spinner.&lt;/p&gt;
&lt;pre&gt;&lt;code&gt;private class AsyncCallWS extends AsyncTask&amp;lt;String, Void, Void&amp;gt; {
    private LayoutInflater mInflater;
    private List&amp;lt;ValueText&amp;gt; lstRegions;
    private Activity activity;
    private String strRegions;
    AsyncCallWS() {
        lstRegions = new LinkedList&amp;lt;ValueText&amp;gt;();
    }
    @Override
    protected Void doInBackground(String... params) {
        //Invoke webservice
        try {
            strRegions = WebService.invokeSelectRegionMasterWS("SelectRegionMaster");
            String[] regions = strRegions.split("\\},\\{");
            int i =0;
            for (String s: regions) {
                String strid = "", strName="";
                //logic to add data to list
            }
                Spinner spnDivision = (Spinner)findViewById(R.id.spnDivision);
                MySpinnerAdapter adptRegion =
                        new MySpinnerAdapter(MyActivity.this,
                                android.R.layout.simple_spinner_item, lstRegions);
        } catch (Exception e) {
            Log.e("myException", e.getMessage());
        }
        return null;
    }
}
&lt;/code&gt;&lt;/pre&gt;
&lt;p&gt;So i can call &lt;code&gt;MySpinnerAdapter&lt;/code&gt; from here, but I cannot use setadapter since this is working thread. &lt;code&gt;doInBackground&lt;/code&gt; method has to be Void. So is there any way I can return the list? Or I can store list in something like viewstate (viewstate is asp.net). I am very new to Java and Android. And I really have no clue how to move forward. Please help.&lt;/p&gt;</t>
  </si>
  <si>
    <t>2016-10-22 17:03:38.150000+00:00</t>
  </si>
  <si>
    <t>2016-10-22 17:54:41.093000+00:00</t>
  </si>
  <si>
    <t>java|android|android-studio|spinner</t>
  </si>
  <si>
    <t>Is there an online tool that grabs XML from some remote URL then provides a way to get the data via json using javascript?</t>
  </si>
  <si>
    <t>&lt;p&gt;Its easy to grab XML directly of your own domain from some local URL, but cross-domain isn't. How would you grab the XML data that is found at &lt;a href="http://google.com/complete/search?output=toolbar&amp;amp;q=keep+skat" rel="nofollow"&gt;http://google.com/complete/search?output=toolbar&amp;amp;q=keep+skat&lt;/a&gt; with javascript?&lt;/p&gt;</t>
  </si>
  <si>
    <t>2011-11-12 07:22:05.167000+00:00</t>
  </si>
  <si>
    <t>2011-11-12 07:42:09.023000+00:00</t>
  </si>
  <si>
    <t>2011-11-12 07:34:23.737000+00:00</t>
  </si>
  <si>
    <t>javascript|xml|ajax|json</t>
  </si>
  <si>
    <t>display fraction in android</t>
  </si>
  <si>
    <t>&lt;p&gt;I want to display fraction in android. But it is displayed as 1/2. I don't want this. I want exactly how described &lt;a href="https://stackoverflow.com/questions/7525977/how-to-write-fraction-value-using-html"&gt;here&lt;/a&gt; in this question. &lt;/p&gt;
&lt;p&gt;how is it possible to get it in TextView?&lt;/p&gt;</t>
  </si>
  <si>
    <t>2013-04-03 07:55:50.863000+00:00</t>
  </si>
  <si>
    <t>2017-06-24 06:29:41.757000+00:00</t>
  </si>
  <si>
    <t>2017-05-23 12:31:05.750000+00:00</t>
  </si>
  <si>
    <t>android|android-textview|android-input-method</t>
  </si>
  <si>
    <t>MapReduce or a batch job?</t>
  </si>
  <si>
    <t>&lt;p&gt;I have a function which needs to be called on a lot of files (1000's). Each is independent of another, and can be run in parallel. The output of the function for each of the files does not need to be combined (currently) with the other ones. I have a lot of servers I can scale this on but I'm not sure what to do:&lt;/p&gt;
&lt;p&gt;1) Run a MapReduce on it&lt;/p&gt;
&lt;p&gt;2) Create 1000's of jobs (each has a different file it works on). &lt;/p&gt;
&lt;p&gt;Would one solution be preferable to another?&lt;/p&gt;
&lt;p&gt;Thanks!&lt;/p&gt;</t>
  </si>
  <si>
    <t>2011-07-12 05:56:34.967000+00:00</t>
  </si>
  <si>
    <t>2011-07-21 10:57:38.603000+00:00</t>
  </si>
  <si>
    <t>batch-file|scalability|jobs|mapreduce|parallel-processing</t>
  </si>
  <si>
    <t>NHibernate mapping reference and reference id</t>
  </si>
  <si>
    <t>&lt;p&gt;I have simple task. I need map reference to properity and their &lt;strong&gt;ID&lt;/strong&gt; to other properity. &lt;/p&gt;
&lt;p&gt;If I use this map I get error:&lt;/p&gt;
&lt;blockquote&gt;
  &lt;p&gt;"Additional information: Invalid index 24 for this
  SqlParameterCollection with Count=24."&lt;/p&gt;
&lt;/blockquote&gt;
&lt;pre&gt;&lt;code&gt;    public CityMap()
    {
        Map(x =&amp;gt; x.Name).Not.Nullable();
        //Map(x =&amp;gt; x.AddressID); //This line makes trouble
        References(x =&amp;gt; x.Address);
&lt;/code&gt;&lt;/pre&gt;</t>
  </si>
  <si>
    <t>2015-05-19 21:36:42.107000+00:00</t>
  </si>
  <si>
    <t>2015-05-20 05:29:33.613000+00:00</t>
  </si>
  <si>
    <t>2015-05-19 22:04:33.013000+00:00</t>
  </si>
  <si>
    <t>nhibernate</t>
  </si>
  <si>
    <t>How much memory can I declare as tile_static?</t>
  </si>
  <si>
    <t>&lt;p&gt;I am currently in the process of tiling my c++ AMP Code. For each tile, I have 4096 bytes of data which are read from frequently, so I would like to declare this as tile_static. It is not practical to divide this into multiple tiles, as each thread requires access to all of the data. My tiles consist of 128 threads, so they should take up 2-4 warps on Nvidia/AMD GPUs.&lt;/p&gt;
&lt;p&gt;I just read the following article, which seems to suggest that I can only use 1024 bits in tile_static per warp:
&lt;a href="http://blogs.msdn.com/b/nativeconcurrency/archive/2012/08/14/avoid-bank-conflicts-on-tile-static-memory-with-c-amp.aspx" rel="nofollow"&gt;http://blogs.msdn.com/b/nativeconcurrency/archive/2012/08/14/avoid-bank-conflicts-on-tile-static-memory-with-c-amp.aspx&lt;/a&gt;&lt;/p&gt;
&lt;blockquote&gt;
  &lt;p&gt;On some modern GPUs, tile_static memory consists of ���n��� equally sized
  memory banks which can be accessed simultaneously, and successive
  ���m���-bit words are mapped to successive memory banks. The exact
  organization of tile_static memory (i.e. n and m) is hardware
  dependent. For example, on an Nvidia GTX 580 card or an ATI HD 5870
  card, tile_static memory has &lt;strong&gt;32 banks (n = 32) that are organized such
  that successive 32-bit words (m = 32) map to successive memory banks&lt;/strong&gt;.
  Note that n might be different from hardware to hardware, m is usually
  32. In the rest of the post, I will assume m is 32.&lt;/p&gt;
&lt;/blockquote&gt;
&lt;p&gt;Does this mean that I can declare up to 1024bits per warp, or per thread? Are all tile_static variables shared between warps, or does each warp have its own copy? &lt;/p&gt;
&lt;p&gt;How much of these questions are hardware-dependent, and if so, how can I find out the limitations at runtime? &lt;/p&gt;
&lt;p&gt;I have read &lt;a href="http://rads.stackoverflow.com/amzn/click/0735664730" rel="nofollow"&gt;a c++ AMP book cover to cover&lt;/a&gt;, and while I am thankful to the authors for introducing me to the subject, it did not seem to address this question (or if it did, I didn't understand it).&lt;/p&gt;
&lt;p&gt;There is a wealth of info online about how to use tile_static memory (this one is a good start: &lt;a href="http://www.danielmoth.com/Blog/tilestatic-Tilebarrier-And-Tiled-Matrix-Multiplication-With-C-AMP.aspx" rel="nofollow"&gt;http://www.danielmoth.com/Blog/tilestatic-Tilebarrier-And-Tiled-Matrix-Multiplication-With-C-AMP.aspx&lt;/a&gt;) but no one seems to talk about how much we can declare, making it impossible to actually implement any of this stuff! That last link gives the following example:&lt;/p&gt;
&lt;pre&gt;&lt;code&gt;01: void MatrixMultiplyTiled(vector&amp;lt;float&amp;gt;&amp;amp; vC, 
         const vector&amp;lt;float&amp;gt;&amp;amp; vA, 
         const vector&amp;lt;float&amp;gt;&amp;amp; vB, int M, int N, int W)
02: {
03:   static const int TS = 16;
04:   array_view&amp;lt;const float,2&amp;gt; a(M, W, vA);
05:   array_view&amp;lt;const float,2&amp;gt; b(W, N, vB);
06:   array_view&amp;lt;float,2&amp;gt; c(M,N,vC); c.discard_data();
07:   parallel_for_each(c.extent.tile&amp;lt; TS, TS &amp;gt;(),
08:   [=] (tiled_index&amp;lt; TS, TS&amp;gt; t_idx) restrict(amp) 
09:   {
10:     int row = t_idx.local[0]; int col = t_idx.local[1];
11:     float sum = 0.0f;
12:     for (int i = 0; i &amp;lt; W; i += TS) {
13:        tile_static float locA[TS][TS], locB[TS][TS];
14:        locA[row][col] = a(t_idx.global[0], col + i);
15:        locB[row][col] = b(row + i, t_idx.global[1]);
16:        t_idx.barrier.wait();
17:        for (int k = 0; k &amp;lt; TS; k++)
18:          sum += locA[row][k] * locB[k][col];
19:        t_idx.barrier.wait();
20:     }
21:     c[t_idx.global] = sum;
22:   });
23: }
&lt;/code&gt;&lt;/pre&gt;
&lt;p&gt;Note that line 13 declares 2x 1024 bits, which makes me hopeful that my 4096 bits isn't too much to ask for.... If anyone with some experience in c++ amp or GPU programming in general could help me out that would be great - I imagine these questions are more dependent on hardware/implementation than the AMP language extension itself...&lt;/p&gt;</t>
  </si>
  <si>
    <t>2013-11-07 02:49:10.547000+00:00</t>
  </si>
  <si>
    <t>2015-10-10 08:21:50.717000+00:00</t>
  </si>
  <si>
    <t>2013-11-12 07:00:02.500000+00:00</t>
  </si>
  <si>
    <t>c++|gpu|c++-amp</t>
  </si>
  <si>
    <t>Mysql, dont execute next statement if last insert was duplicate (nubie)</t>
  </si>
  <si>
    <t>&lt;p&gt;Im trying to see if there is a way for me to migrate a big db with mysql queries only, no php.&lt;/p&gt;
&lt;pre&gt;&lt;code&gt;INSERT INTO company (name) VALUES ('name') ON DUPLICATE KEY UPDATE name=name; 
SET @companyID = LAST_INSERT_ID();
INSERT INTO phone2company (companyID,phoneID) VALUES (@companyID,'3');
INSERT INTO address2company (companyID,address) VALUES (@companyID,'address');
&lt;/code&gt;&lt;/pre&gt;
&lt;p&gt;name is a unique column, so if i get a duplicate, it returns wrong LAST_INSERT_ID(); and the rest of the queries are executed wrong. &lt;/p&gt;
&lt;p&gt;is there any way to put an if statement in mysql? smth like:&lt;/p&gt;
&lt;pre&gt;&lt;code&gt;IF (@companyID &amp;lt;&amp;gt; @last_companyID) {
  insert 1....
  insert 2....
}
&lt;/code&gt;&lt;/pre&gt;</t>
  </si>
  <si>
    <t>2015-01-22 18:35:32.820000+00:00</t>
  </si>
  <si>
    <t>2015-01-22 18:55:47.947000+00:00</t>
  </si>
  <si>
    <t>useBean tag</t>
  </si>
  <si>
    <t>&lt;p&gt;I'm really confused in the following two lines of Head First servlets &amp;amp; JSP book of page no. 349:&lt;/p&gt;
&lt;ol&gt;
&lt;li&gt;&lt;strong&gt;The  is a way of declaring and initializing the actual bean object you're using in .&lt;/strong&gt; &lt;/li&gt;
&lt;/ol&gt;
&lt;p&gt;2.&lt;strong&gt;Declare and intializea bean attribute with&lt;/strong&gt; &lt;/p&gt;
&lt;pre&gt;&lt;code&gt;&amp;lt;jsp:useBean&amp;gt; &amp;lt;jsp:useBean id="person"class="foo.Person" scope="request"/&amp;gt;
&lt;/code&gt;&lt;/pre&gt;
&lt;p&gt;In the first line, why they've called an attribute as an object?&lt;/p&gt;
&lt;p&gt;Since attribute is name/value pair bound to scope,like request, session. &lt;/p&gt;</t>
  </si>
  <si>
    <t>2009-06-30 06:56:57.927000+00:00</t>
  </si>
  <si>
    <t>2009-07-01 15:51:09.843000+00:00</t>
  </si>
  <si>
    <t>JackBlack</t>
  </si>
  <si>
    <t>java|jsp|servlets</t>
  </si>
  <si>
    <t>django admin auth.User make email required</t>
  </si>
  <si>
    <t>&lt;p&gt;I have a quick question,&lt;/p&gt;
&lt;p&gt;In the admin panel, you can set the user's email as unique via:&lt;/p&gt;
&lt;p&gt;&lt;code&gt;User._meta.get_field('email')._unique = True&lt;/code&gt;&lt;/p&gt;
&lt;p&gt;And I was wondering if you could also make it required like the above snippet, enforcing it through the database if so, how do I do that?&lt;/p&gt;</t>
  </si>
  <si>
    <t>2016-03-14 20:31:26.017000+00:00</t>
  </si>
  <si>
    <t>2016-03-14 21:22:37.770000+00:00</t>
  </si>
  <si>
    <t>2016-03-14 20:40:18.060000+00:00</t>
  </si>
  <si>
    <t>How to read the latest file in sas mainframes</t>
  </si>
  <si>
    <t>&lt;p&gt;I have a bunch of files like :&lt;/p&gt;
&lt;pre&gt;&lt;code&gt;EESE.ABC123.ECIM.SAS.D160128,
EESE.ABC123.ECIM.SAS.D160202,
EESE.ABC123.ECIM.SAS.D160328,
EESE.ABC123.ECIM.SAS.D160502
&lt;/code&gt;&lt;/pre&gt;
&lt;p&gt;I only want to read the latest created (D160502) file in mainframes using sas. Any help would be appreciated.&lt;/p&gt;</t>
  </si>
  <si>
    <t>2016-05-04 15:39:19.797000+00:00</t>
  </si>
  <si>
    <t>2017-01-17 02:38:06.677000+00:00</t>
  </si>
  <si>
    <t>sas|mainframe</t>
  </si>
  <si>
    <t>How to use string tokenizer on an array?</t>
  </si>
  <si>
    <t>&lt;p&gt;I see that you can't use string tokenizer on an array because you cant convert &lt;code&gt;String()&lt;/code&gt; to &lt;code&gt;String[]&lt;/code&gt;.  After a length of time I realized that if the inputFromFile method reads it line by line, I can tokenize it line by line.  I just don't know how to do it so that it returns the tokenized version of it.&lt;/p&gt;
&lt;p&gt;I'm assuming in the &lt;code&gt;line=in.ReadLine();&lt;/code&gt; line I should put &lt;code&gt;StringTokenizer token = new StringTokenizer(line,",")&lt;/code&gt;.. but it doesn't seem to be working.&lt;/p&gt;
&lt;p&gt;Any help?  (I have to tokenize the commas).&lt;/p&gt;
&lt;pre&gt;&lt;code&gt;public class Project1 {
    private static int inputFromFile(String filename, String[] wordArray) {
        TextFileInput in = new TextFileInput(filename);
        int lengthFilled = 0;
        String line = in.readLine();
        while (lengthFilled &amp;lt; wordArray.length &amp;amp;&amp;amp; line != null) {
            wordArray[lengthFilled++] = line;
            line = in.readLine();
        }// while
        if (line != null) {
            System.out.println("File contains too many Strings.");
            System.out.println("This program can process only "
                    + wordArray.length + " Strings.");
            System.exit(1);
        } // if
        in.close();
        return lengthFilled;
    } // method inputFromFile
    public static void main(String[] args) {
        String[] numArray = new String[100];
        inputFromFile("input1.txt", numArray);
        for (int i = 0; i &amp;lt; numArray.length; i++) {
            if (numArray[i] == null) {
                break;
            }
            System.out.println(numArray[i]);
        }// for
        for (int i=0;i&amp;lt;numArray.length;i++)
        {
            Integer.parseInt(numArray[i]);
        }
    }// main
}// project1
&lt;/code&gt;&lt;/pre&gt;</t>
  </si>
  <si>
    <t>2012-12-17 01:09:01.703000+00:00</t>
  </si>
  <si>
    <t>2012-12-17 03:46:45.393000+00:00</t>
  </si>
  <si>
    <t>2012-12-17 01:29:36.790000+00:00</t>
  </si>
  <si>
    <t>string|tokenize</t>
  </si>
  <si>
    <t>I can't get my Drop Down menu show the &lt;a&gt; in two lines</t>
  </si>
  <si>
    <t>&lt;p&gt;This is my first ;-) &lt;/p&gt;
&lt;p&gt;I've got a problem with my drop down menu. The text of my  is quite long and I would like to show it in two rather than in one line. I'm trying it for the last two days but couldn't make it work. I change the width to go for 1 line - but it doesn't look nice. I'm pretty sure that I'm missing something simple - but I can't see it.  &lt;/p&gt;
&lt;p&gt;I would appreciate any help a lot!&lt;/p&gt;
&lt;p&gt;This is my code:&lt;/p&gt;
&lt;p&gt;My HTML:&lt;/p&gt;
&lt;pre&gt;&lt;code&gt;&amp;lt;ul class="supplier_top_link"&amp;gt;
    &amp;lt;li&amp;gt;Category 1
        &amp;lt;ul class="supplier_1"&amp;gt;
            &amp;lt;li&amp;gt;&amp;lt;a href="#"&amp;gt;Sub-Category 1&amp;lt;/a&amp;gt;
            &amp;lt;/li&amp;gt;
            &amp;lt;li&amp;gt;&amp;lt;a href="#"&amp;gt;Sub-Category 2&amp;lt;/a&amp;gt;
            &amp;lt;/li&amp;gt;
            &amp;lt;li&amp;gt;&amp;lt;a href="#"&amp;gt;Sub-Category 3&amp;lt;/a&amp;gt;
            &amp;lt;/li&amp;gt;
            &amp;lt;li&amp;gt;&amp;lt;a href="#"&amp;gt;Sub-Category 4&amp;lt;/a&amp;gt;
            &amp;lt;/li&amp;gt;
        &amp;lt;/ul&amp;gt;
    &amp;lt;/li&amp;gt;
    &amp;lt;li&amp;gt;Category 2
        &amp;lt;ul class="supplier_1"&amp;gt;
            &amp;lt;li&amp;gt;&amp;lt;a href="#"&amp;gt;Sub-Category 1&amp;lt;/a&amp;gt;
            &amp;lt;/li&amp;gt;
            &amp;lt;li&amp;gt;&amp;lt;a href="#"&amp;gt;Sub-Category 2&amp;lt;/a&amp;gt;
            &amp;lt;/li&amp;gt;
            &amp;lt;li&amp;gt;&amp;lt;a href="#"&amp;gt;Sub-Category 3&amp;lt;/a&amp;gt;
            &amp;lt;/li&amp;gt;
            &amp;lt;li&amp;gt;&amp;lt;a href="#"&amp;gt;Sub-Category 4&amp;lt;/a&amp;gt;
            &amp;lt;/li&amp;gt;
        &amp;lt;/ul&amp;gt;
    &amp;lt;/li&amp;gt;
    &amp;lt;li&amp;gt;Category 3
        &amp;lt;ul class="supplier_2"&amp;gt;
            &amp;lt;li&amp;gt;&amp;lt;a href="#"&amp;gt;Sub-Category 1&amp;lt;/a&amp;gt;
            &amp;lt;/li&amp;gt;
            &amp;lt;li&amp;gt;&amp;lt;a href="#"&amp;gt;Sub-Category 2&amp;lt;/a&amp;gt;
            &amp;lt;/li&amp;gt;
            &amp;lt;li&amp;gt;&amp;lt;a href="#"&amp;gt;Sub-Category 3&amp;lt;/a&amp;gt;
            &amp;lt;/li&amp;gt;
            &amp;lt;li&amp;gt;&amp;lt;a href="#"&amp;gt;Sub-Category 4&amp;lt;/a&amp;gt;
            &amp;lt;/li&amp;gt;
        &amp;lt;/ul&amp;gt;
    &amp;lt;/li&amp;gt;
    &amp;lt;li&amp;gt;Category 4&amp;lt;/a&amp;gt;
        &amp;lt;ul class="supplier_2"&amp;gt;
            &amp;lt;li&amp;gt;&amp;lt;a href="#"&amp;gt;Sub-Category 1&amp;lt;/a&amp;gt;
            &amp;lt;/li&amp;gt;
            &amp;lt;li&amp;gt;&amp;lt;a href="#"&amp;gt;Sub-Category 2&amp;lt;/a&amp;gt;
            &amp;lt;/li&amp;gt;
            &amp;lt;li&amp;gt;&amp;lt;a href="#"&amp;gt;Very very very long Sub-Category 3&amp;lt;/a&amp;gt;
            &amp;lt;/li&amp;gt;
            &amp;lt;li&amp;gt;&amp;lt;a href="#"&amp;gt;Another long Sub-Category 4 &amp;amp; Category 5&amp;lt;/a&amp;gt;
            &amp;lt;/li&amp;gt;
            &amp;lt;li&amp;gt;&amp;lt;a href="#"&amp;gt;Sub-Category 6&amp;lt;/a&amp;gt;
            &amp;lt;/li&amp;gt;
            &amp;lt;li&amp;gt;&amp;lt;a href="#"&amp;gt;Sub-Category 7&amp;lt;/a&amp;gt;
            &amp;lt;/li&amp;gt;
            &amp;lt;li&amp;gt;&amp;lt;a href="#"&amp;gt;Very long Sub-Category 8&amp;lt;/a&amp;gt;
            &amp;lt;/li&amp;gt;
        &amp;lt;/ul&amp;gt;
    &amp;lt;/li&amp;gt;
&amp;lt;/ul&amp;gt;
&lt;/code&gt;&lt;/pre&gt;
&lt;p&gt;My CSS:&lt;/p&gt;
&lt;pre&gt;&lt;code&gt;.supplier_top_link {
  position    : relative;
  font-size   : 14px;
  font-weight : 400;
  z-index     : 3;
     }
.supplier_top_link li {
   position   : relative;
   display    : inline-block;
}
.supplier_top_link li ul {
  position : absolute;
  top      : 25px;
  display  : none;
}
.supplier_top_link li:hover ul {
  padding-top : 4px; 
  display     : block;
}
.supplier_top_link li ul li {
  position : relative;
  display  : block;
}
.supplier_top_link li ul li a {
  color      : #a6a6a6; 
  font-size  : 14px;
  display    : block;
  float      : left;
  background : #191919;
  border-top : 1px solid #333;
  width      : 230px !important;
  height:28px;
  min-height:28px;
  padding    : 0 10px;
    -moz-border-radius:0px; 
    -webkit-border-radius:0px; 
    border-radius:0px;
}
.supplier_top_link li ul li a:hover {
   color : white;
   border-top : 1px solid #ff6c00;
}
.supplier_1 li a {
    text-align:left;
    }
.supplier_2 {
    margin-left:-150px;
}
.supplier_2  a {
    text-align:right;
    padding-right:15px;
}
&lt;/code&gt;&lt;/pre&gt;</t>
  </si>
  <si>
    <t>2013-06-11 16:02:14.650000+00:00</t>
  </si>
  <si>
    <t>2013-06-11 17:09:07.710000+00:00</t>
  </si>
  <si>
    <t>2013-06-11 16:04:59.660000+00:00</t>
  </si>
  <si>
    <t>html5|css3</t>
  </si>
  <si>
    <t>Add values to a multi-multidimensional array with the same key</t>
  </si>
  <si>
    <t>&lt;p&gt;If I have:&lt;/p&gt;
&lt;pre&gt;&lt;code&gt;&amp;lt;?php
$array1= array (
    "John"  =&amp;gt; array("10" , "Holland"),
    "Cindy"  =&amp;gt; array("20" , "Sweden"),
);
$array2= array (
    "John"  =&amp;gt; ("Amsterdam"),
    "Cindy"  =&amp;gt; ("Stockholm"),
);
?&amp;gt;
&lt;/code&gt;&lt;/pre&gt;
&lt;p&gt;How can I add the values of &lt;strong&gt;$array2&lt;/strong&gt; to the &lt;strong&gt;$array1&lt;/strong&gt; (The same key) to get this &lt;strong&gt;$array3&lt;/strong&gt;:&lt;/p&gt;
&lt;pre&gt;&lt;code&gt;&amp;lt;?php
$array3= array (
    "John"  =&amp;gt; array("10" , "Holland", "Amsterdam"),
    "Cindy"  =&amp;gt; array("20" , "Sweden", "Stockholm"),
    );
?&amp;gt;
&lt;/code&gt;&lt;/pre&gt;</t>
  </si>
  <si>
    <t>2018-01-26 12:39:01.573000+00:00</t>
  </si>
  <si>
    <t>2018-02-08 17:19:56.920000+00:00</t>
  </si>
  <si>
    <t>2018-01-26 12:40:09.763000+00:00</t>
  </si>
  <si>
    <t>Sending Custom Header via iFrame src</t>
  </si>
  <si>
    <t>&lt;p&gt;I'm trying to do a file download using ajax and the iFrame method.&lt;/p&gt;
&lt;p&gt;The problem I am running into is setting my iFrame SRC method.  I need to pass a custom request header with an extra field in it for authorization purposes, to the file in the src.  &lt;/p&gt;
&lt;p&gt;The only way I know to do this is using XHR.setRequestHeader.  But how do I do this on the iFrame src (which of course, is basically only a GET)?&lt;/p&gt;
&lt;p&gt;In short (and maybe for clarification purposes)... I'm trying to download a file via ajax, and pass a custom header to the download-manager file.  Any ideas?&lt;/p&gt;</t>
  </si>
  <si>
    <t>2012-05-18 19:13:30.910000+00:00</t>
  </si>
  <si>
    <t>2012-05-23 06:21:19.023000+00:00</t>
  </si>
  <si>
    <t>javascript|ajax|xmlhttprequest</t>
  </si>
  <si>
    <t>Java class not working</t>
  </si>
  <si>
    <t>&lt;p&gt;I want the code shown here to run all the time:&lt;/p&gt;
&lt;pre&gt;&lt;code&gt;class secondClass extends TimerTask {
    MediaPlayer mp;
    public void onCreate(Context context) {
        mp = MediaPlayer.create(context, R.raw.flyinghome);
    }
    public void run() {
        float x = (float) Math.random();
        float y = (float) Math.random();
        mp.setVolume(x, y);
    }
    public static void main(String[] args) {  
        secondClass task = new secondClass();  
        Timer timer = new Timer();          
        timer.scheduleAtFixedRate(task, 0, 2000);           
    }  
}
&lt;/code&gt;&lt;/pre&gt;
&lt;p&gt;How can I have this &lt;code&gt;TimerTask&lt;/code&gt; running a the same time as the MainActivity class if The MainActivity class extends Activity and implements OnCLickListener.&lt;/p&gt;</t>
  </si>
  <si>
    <t>2014-01-30 01:01:55.083000+00:00</t>
  </si>
  <si>
    <t>2014-02-04 17:01:18.230000+00:00</t>
  </si>
  <si>
    <t>java|android|class|timertask</t>
  </si>
  <si>
    <t>Prototype and obj some clarification</t>
  </si>
  <si>
    <t>&lt;p&gt;Im starting to learn some JS and I want to understand how should I create class with inheritance,after I read some articles and post in SO Im little bit confuse about how to implement it in the right... i've created the following very simple example to understand it better but Im not sure that this is the right way therefore I write this post.&lt;/p&gt;
&lt;p&gt;&lt;strong&gt;1&lt;/strong&gt;. since Im coming from OOP language this is the right way to create class with two different object that using the same functionality ?&lt;/p&gt;
&lt;p&gt;&lt;a href="http://plnkr.co/edit/NCJs9jdKP5o0mwp6SuBD?p=info" rel="nofollow"&gt;http://plnkr.co/edit/NCJs9jdKP5o0mwp6SuBD?p=info&lt;/a&gt; &lt;/p&gt;
&lt;p&gt;&lt;strong&gt;2.&lt;/strong&gt;  In some JS files I saw the regular way to create function which I understand&lt;/p&gt;
&lt;pre&gt;&lt;code&gt;function fnName(){
console.log("test");
}
&lt;/code&gt;&lt;/pre&gt;
&lt;p&gt;and in some files I saw function like following&lt;/p&gt;
&lt;pre&gt;&lt;code&gt;say:function(){
 console.log("say something")
}
&lt;/code&gt;&lt;/pre&gt;
&lt;p&gt;what are the difference between those two ways to define function?&lt;/p&gt;
&lt;p&gt;I tried sometimes to use it and I got error function name is missing,any idea when 
I can use this and when not ?&lt;/p&gt;</t>
  </si>
  <si>
    <t>2014-11-30 09:17:25.297000+00:00</t>
  </si>
  <si>
    <t>2014-11-30 09:20:46.700000+00:00</t>
  </si>
  <si>
    <t>user4209821</t>
  </si>
  <si>
    <t>javascript|jquery|asp.net</t>
  </si>
  <si>
    <t>Pandas efficient way to add values to a column if the element exists in another pandas series</t>
  </si>
  <si>
    <t>&lt;p&gt;I have two pandas dataframe(df1 and df2). df1 contains a column of strings who are to be matched with substrings from a column in df2 and saved to a seperate column. I can do this with apply but the computation is really slow. Is it possible to vectorize it? Or any other way to improve efficiency? Both the columns are large in size.&lt;/p&gt;
&lt;p&gt;Thanks&lt;/p&gt;
&lt;pre&gt;&lt;code&gt;def get_city(location, city_list):
    if(isinstance(location, str)):
        suspects_list = []
        location=location.lower()
        for city in city_list:
            if(city in location):
                suspects_list.append(city)
        if(suspects_list):
            return max(suspects_list, key=len)
        else:
            return np.nan
    else:
        return np.nan
df['city'] = df['location'].apply(
lambda element: get_city(element, world_cities_list))
&lt;/code&gt;&lt;/pre&gt;
&lt;p&gt;Location column contains strings that are not cleaned which may or may not contain name of city as substring. We need to extract the cities as store in a column named city. Cities are distributed worldwide so the whole dataset for cities is 40,000+. The length of location column is 150,000+.&lt;/p&gt;</t>
  </si>
  <si>
    <t>2018-06-15 00:00:42.923000+00:00</t>
  </si>
  <si>
    <t>2018-06-15 01:33:41.223000+00:00</t>
  </si>
  <si>
    <t>2018-06-15 01:03:15.313000+00:00</t>
  </si>
  <si>
    <t>python|pandas|vectorization</t>
  </si>
  <si>
    <t>Data Mapper: Is my interpretation correct?</t>
  </si>
  <si>
    <t>&lt;p&gt;I'm trying to confirm now, what I believe about the Data Mapper pattern. So here we go:&lt;/p&gt;
&lt;p&gt;&lt;strong&gt;Section A:&lt;/strong&gt;
A Data Mapper is a class which is used to create, update and delete objects of another Class. Example: A class called &lt;code&gt;Cat&lt;/code&gt;, and a Data Mapper called &lt;code&gt;CatDataMapper&lt;/code&gt;. And a database table called &lt;code&gt;cats&lt;/code&gt;. But it could also be an xml file called &lt;code&gt;cats.xml&lt;/code&gt;, or an hard-coded array called &lt;code&gt;cats&lt;/code&gt;. The whole point of that Data Mapper is to free the Business Logic which uses the Cat class from thinking about "how to get an exisiting cat", or "how to save a cat", "where to save a cat". As a user of the Data Mapper it looks like a blackbox with well-defined methods like getCat(int id), saveCat(Cat catObject), deleteCat(Cat catObject), and so on.&lt;/p&gt;
&lt;p&gt;&lt;strong&gt;Section B:&lt;/strong&gt;
First I thought it would be clever if Cat inherits from CatDataMapper, because calling such functions then is a bit more convenient. For example, methods like catWithId(int id) could be static (class method) and return an instance of a Cat, initialized with data from &lt;em&gt;anywhere&lt;/em&gt;. And when I work with a cat object in my code, I could simply call myCat-&gt;save(); to store it whereever the Data Mapper will store it (don't care where and how, the Data Mapper hides this complexity from the user).&lt;/p&gt;
&lt;p&gt;In conclusion, I'm a little bit confused now ;) 
Do you think that &lt;strong&gt;Section A&lt;/strong&gt; is valid for the Data Mapper pattern? And if I would do it additionaly as described in &lt;strong&gt;Section B&lt;/strong&gt;, would that be bad? Why?&lt;/p&gt;</t>
  </si>
  <si>
    <t>2009-12-28 18:54:26.420000+00:00</t>
  </si>
  <si>
    <t>2009-12-28 20:07:45.180000+00:00</t>
  </si>
  <si>
    <t>oop|datamapper</t>
  </si>
  <si>
    <t>Async/Await and Entity Framework SQL Procedure UI Thread Locking</t>
  </si>
  <si>
    <t>&lt;p&gt;I've been transitioning myself from BackGroundWorker to Async/Await programming. For the most part, it's been pretty simple. However, today I'm working with Entity Framework 6 and it's not playing nice. What I have here is a Procedure that I'm executing over a whole lot of entries. I want feedback to a progress bar since this is a lengthy process made up a somewhat lengthy processes.&lt;/p&gt;
&lt;p&gt;This is the background worker; that doesn't thread lock the UI, I was using;&lt;/p&gt;
&lt;pre&gt;&lt;code&gt;private void ButtonMRCUpdateAll(object sender, EventArgs e) {
    cmdMRCUpdateAllExcelSheets.Enabled = false;
    cmdMRCUpdateSingleClient.Enabled = false;
    tsStatusBar.Value = 0;
    tsStatusBar.Visible = true;
    var bw = new BackgroundWorker();
    bw.WorkerReportsProgress = true;
    bw.DoWork += delegate {
        DateTime YearAndMonth = new DateTime(dtpMRC.Value.Year, dtpMRC.Value.Month, 1);
        List&amp;lt;string&amp;gt; List = new List&amp;lt;string&amp;gt;();
        using (wotcDB DB = new wotcDB()) {
            var r = DB.client_main.
                Where(t =&amp;gt; t.Active == true).
                OrderBy(t =&amp;gt; t.CLIENTCODE).
                Select(t =&amp;gt; t.CLIENTCODE);
            List.AddRange(r.ToArray());
        }
        bw.ReportProgress(0, List.Count);
        int PercentComplete = 0;
        foreach (var Client in List) {
            using (wotcDB DB = new wotcDB()) {
                DB.system_MRC(Client, YearAndMonth);
            }
            PercentComplete++;
            bw.ReportProgress(PercentComplete);
        }
    };
    bw.ProgressChanged += delegate (object s, ProgressChangedEventArgs ex) {
        if (ex.UserState != null) { tsStatusBar.Maximum = (int)ex.UserState; }
        tsStatusBar.Value = ex.ProgressPercentage;
    };
    bw.RunWorkerCompleted += delegate {
        MessageBox.Show("Monthly Results and Changes - Task Complete");
        cmdMRCUpdateAllExcelSheets.Enabled = true;
        cmdMRCUpdateSingleClient.Enabled = true;
        tsStatusBar.Visible = false;
        tsStatusBar.Value = 0;
    };
    bw.RunWorkerAsync();
}
&lt;/code&gt;&lt;/pre&gt;
&lt;p&gt;This is the Async/Await that I'm trying to use. This thread locks the UI and I'm not sure why. I think it's the Entity Framework call since I've used foreach with other non EF functions and it's worked just fine.&lt;/p&gt;
&lt;pre&gt;&lt;code&gt;private async void ButtonMRCUpdateAllExcelSheetsClick(object sender, EventArgs e) {
    await ProcessEntries();
}
private async Task ProcessEntries() {
    cmdMRCUpdateAllExcelSheets.Enabled = false;
    cmdMRCUpdateSingleClient.Enabled = false;
    tsStatusBar.Value = 0;
    tsStatusBar.Visible = true;
    DateTime YearAndMonth = new DateTime(dtpMRC.Value.Year, dtpMRC.Value.Month, 1);
    List&amp;lt;string&amp;gt; List = new List&amp;lt;string&amp;gt;();
    using (wotcDB DB = new wotcDB()) {
        var r = DB.client_main.
            Where(t =&amp;gt; t.Active == true).
            OrderBy(t =&amp;gt; t.CLIENTCODE).
            Select(t =&amp;gt; t.CLIENTCODE);
        List.AddRange(await r.ToArrayAsync());
    }
    tsStatusBar.Maximum = List.Count;
    foreach (var Client in List) {
        await AsyncProcessEntry(Client, YearAndMonth);
        tsStatusBar.Value += 1;
    }
    cmdMRCUpdateAllExcelSheets.Enabled = true;
    cmdMRCUpdateSingleClient.Enabled = true;
    tsStatusBar.Visible = false;
    tsStatusBar.Value = 0;
    MessageBox.Show("Monthly Results and Changes - Task Complete");
}
private Task&amp;lt;string&amp;gt; AsyncProcessEntry(string Client, DateTime? YearAndMonth) {
    var tcs = new TaskCompletionSource&amp;lt;string&amp;gt;();
    using (wotcDB DB = new wotcDB()) {
       DB.system_MRC(Client, YearAndMonth);
    }
    tcs.SetResult("");
    return tcs.Task;
}
&lt;/code&gt;&lt;/pre&gt;
&lt;p&gt;What am I doing incorrectly in the Async/Await that is causing a UI thread lock?&lt;/p&gt;
&lt;p&gt;EDIT (system_MRC);&lt;/p&gt;
&lt;pre&gt;&lt;code&gt;ALTER PROCEDURE [dbo].[system_MRC]
    -- Add the parameters for the stored procedure here
    @CLIENTCODE AS VARCHAR(16),
    @Date AS DATE
AS
BEGIN
    -- SET NOCOUNT ON added to prevent extra result sets from
    -- interfering with SELECT statements.
    SET NOCOUNT ON;
    ~~ A whole lot of math stuff, then some inserts/updates based on if the entries exist already.
END
&lt;/code&gt;&lt;/pre&gt;</t>
  </si>
  <si>
    <t>2018-07-31 16:06:40.910000+00:00</t>
  </si>
  <si>
    <t>2018-08-01 13:41:09.737000+00:00</t>
  </si>
  <si>
    <t>c#|multithreading|tsql|asynchronous|entity-framework-6</t>
  </si>
  <si>
    <t>Don't show the UAC prompt when I run a program</t>
  </si>
  <si>
    <t>&lt;p&gt;Yesterday I asked a question on a Java Runtime. I resolved it myself, but now I'm insterested to don't show UAC prompt when I start my program.
This program is an exe and it has the Administrator manifest.&lt;/p&gt;
&lt;p&gt;Code :&lt;/p&gt;
&lt;pre&gt;&lt;code&gt;Runtime.getRuntime().exec("cmd /c \"C:\\Program Files (x86)\\CodFiscExtractor\\MySQLServer\\MySqlStart.exe\"");
&lt;/code&gt;&lt;/pre&gt;
&lt;p&gt;With this I start my program, but, how I said before, it displays me the uac prompt.&lt;/p&gt;
&lt;p&gt;What I should do?&lt;/p&gt;</t>
  </si>
  <si>
    <t>2018-04-24 14:31:06.027000+00:00</t>
  </si>
  <si>
    <t>2018-04-24 14:50:53.813000+00:00</t>
  </si>
  <si>
    <t>java|runtime|prompt|uac</t>
  </si>
  <si>
    <t>How to make sure NodeJS recovers after bad requests?</t>
  </si>
  <si>
    <t>&lt;p&gt;I was running a NodeJS app with Express 4, Mongoose, and MongoDB. Then I got a possibly bot GET request to which the response was 404. Usually the app carries on after that no problem, but this time it looked like it froze or stalled. And no page would load in my browser although the app was still technically running. It came back to normal after restarting.&lt;/p&gt;
&lt;p&gt;After testproxy.php it would just emit half empty lines.&lt;/p&gt;
&lt;p&gt;I know there is forever module that would restart your app if it crashes, not sure it would've been helpful in this case.&lt;/p&gt;
&lt;p&gt;&lt;a href="https://i.stack.imgur.com/rsVuz.png" rel="nofollow noreferrer"&gt;&lt;img src="https://i.stack.imgur.com/rsVuz.png" alt="enter image description here"&gt;&lt;/a&gt;&lt;/p&gt;
&lt;p&gt;EDIT:&lt;/p&gt;
&lt;p&gt;In my app.js (I was in dev mode):&lt;/p&gt;
&lt;pre&gt;&lt;code&gt;app.use(function(req, res, next) {
  var err = new Error('Not Found');
  err.status = 404;
  next(err);
});
if (app.get('env') === 'development') {
  app.use(function(err, req, res, next) {
    res.status(err.status || 500);
    res.render('error', {
      message: err.message,
      error: err
    });
  });
}
&lt;/code&gt;&lt;/pre&gt;
&lt;p&gt;It should've printed 500 Error, but it didn't because it thought it handled the 404 error and I don't think next(err) was ever fired in this case.&lt;/p&gt;</t>
  </si>
  <si>
    <t>2016-03-15 20:07:39.907000+00:00</t>
  </si>
  <si>
    <t>2016-03-24 17:36:05.410000+00:00</t>
  </si>
  <si>
    <t>2016-03-16 16:21:54.977000+00:00</t>
  </si>
  <si>
    <t>node.js|get|freeze</t>
  </si>
  <si>
    <t>How would you put an Image next to a text cell for only parent rows in an outline view?</t>
  </si>
  <si>
    <t>&lt;p&gt;I am looking to have an image next to a text cell for only the parent rows in my Outline View.
Like what they have in Xcode: &lt;a href="http://snapplr.com/snap/wsgp" rel="nofollow noreferrer"&gt;alt text http://snapplr.com/snap/wsgp&lt;/a&gt;
. How would you do this or would you need a Custom Cell?&lt;/p&gt;</t>
  </si>
  <si>
    <t>2009-06-08 16:39:35.263000+00:00</t>
  </si>
  <si>
    <t>2009-06-08 20:13:49.390000+00:00</t>
  </si>
  <si>
    <t>objective-c|cocoa|nsoutlineview</t>
  </si>
  <si>
    <t>Menu Item position appeared incorrectly. How to arrange that?</t>
  </si>
  <si>
    <t>&lt;p&gt;&lt;img src="https://i.stack.imgur.com/gVLg7.png" alt="how to arrange menu item properly"&gt;&lt;/p&gt;
&lt;p&gt;menu.xml&lt;/p&gt;
&lt;pre&gt;&lt;code&gt;&amp;lt;item android:id="@+id/ref" 
  android:title="Refresh"
  android:icon="@drawable/refe"/&amp;gt;
&amp;lt;item android:id="@+id/ser"
    android:title="Search" 
    android:icon="@drawable/ser"/&amp;gt;
 &amp;lt;item android:id="@+id/loc"
    android:title="Location" 
    android:icon="@drawable/yourlo"/&amp;gt;
&amp;lt;item android:id="@+id/logout" 
    android:title="Logout"
    android:icon="@drawable/log"/&amp;gt;
&lt;/code&gt;&lt;/pre&gt;
&lt;p&gt;activity.xml&lt;/p&gt;
&lt;pre&gt;&lt;code&gt;&amp;lt;RelativeLayout xmlns:android="http://schemas.android.com/apk/res/android"
xmlns:tools="http://schemas.android.com/tools"
android:layout_width="match_parent"
android:layout_height="match_parent"
android:paddingBottom="@dimen/activity_vertical_margin"
android:paddingLeft="@dimen/activity_horizontal_margin"
android:paddingRight="@dimen/activity_horizontal_margin"
android:paddingTop="@dimen/activity_vertical_margin"
tools:context=".MainActivity" &amp;gt;
&lt;/code&gt;&lt;/pre&gt;
&lt;p&gt;&lt;/p&gt;
&lt;p&gt;how can i arrange this menu item properly. I am beginner to android. I tried to create menu item. I created but not in proper order. I don't know what to do for getting arranged menu.&lt;/p&gt;</t>
  </si>
  <si>
    <t>2013-07-29 13:43:13.583000+00:00</t>
  </si>
  <si>
    <t>2013-07-29 13:49:57.833000+00:00</t>
  </si>
  <si>
    <t>android-layout|menu|optionmenu</t>
  </si>
  <si>
    <t>BigInt ModInverse function in Objective-C</t>
  </si>
  <si>
    <t>&lt;p&gt;Now I am using BigInt class. I would like to implement BigInt ModInverse function like &lt;code&gt;(deno.modInverse(P);)&lt;/code&gt;.Plz help if any body knows..&lt;/p&gt;</t>
  </si>
  <si>
    <t>2013-12-09 07:01:59.610000+00:00</t>
  </si>
  <si>
    <t>2014-01-08 14:05:22.170000+00:00</t>
  </si>
  <si>
    <t>2013-12-09 07:27:50.270000+00:00</t>
  </si>
  <si>
    <t>Get path from Environment.GetEnvironmentVariable Method in vb</t>
  </si>
  <si>
    <t>&lt;p&gt;I am using visual basic and Environment.GetEnvironmentVariable Method and I want to get the path of Environment.GetEnvironmentVariable(Program Files).How is that possible?
*I want to use that method instead of writing (C:/ProgramFiles), because some users  have Windows installed in D Drive.. I also want to get the path in textbox1.text .Thank's for help!&lt;/p&gt;</t>
  </si>
  <si>
    <t>2015-08-30 07:25:32.340000+00:00</t>
  </si>
  <si>
    <t>2015-08-30 08:00:50.783000+00:00</t>
  </si>
  <si>
    <t>vb.net|environment-variables|program-files</t>
  </si>
  <si>
    <t>2D Platformer in Java. Loading level not working</t>
  </si>
  <si>
    <t>&lt;p&gt;So, I made a platformer game. It uses multiple levels.&lt;/p&gt;
&lt;pre&gt;&lt;code&gt;public void switchLevel() {
    clearLevel();
    cam.setX(0);
    try {
        BufferedImage currentLevel = loader.loadImage("/level" + String.valueOf(Game.LEVEL + 1) + ".png");
        loadImageLevel(currentLevel);
        System.out.println("LOADED LEVEL " + (Game.LEVEL+1));
    } catch (Exception e) {
        System.out.println("LEVEL " + String.valueOf(Game.LEVEL + 1) + " NOT FOUND!");
    }
    Game.LEVEL++;
}
&lt;/code&gt;&lt;/pre&gt;
&lt;p&gt;This is my function for switching levels. Whenever it has to switch from level 3 to 4 it immediately loads another level. This happens only on level 4.&lt;/p&gt;
&lt;p&gt;This is part of my console output&lt;/p&gt;
&lt;pre&gt;&lt;code&gt;TEST&amp;gt;&amp;lt;TRYING TO LOAD LEVEL3
512 512
LOADED LEVEL 3
FPS: 1676 TICKS: 60
FPS: 2089 TICKS: 60
FPS: 2160 TICKS: 60
FPS: 2273 TICKS: 60
FPS: 2323 TICKS: 60
FPS: 2318 TICKS: 60
FPS: 2326 TICKS: 60
&amp;lt;&amp;lt;MORE FPS LOGS&amp;gt;&amp;gt;
TEST&amp;gt;&amp;lt;TRYING TO LOAD LEVEL4
512 512
LOADED LEVEL 4
TEST&amp;gt;&amp;lt;TRYING TO LOAD LEVEL5
512 512
LOADED LEVEL 5
FPS: 1458 TICKS: 60
FPS: 1364 TICKS: 59
FPS: 1342 TICKS: 61
FPS: 1366 TICKS: 60
&lt;/code&gt;&lt;/pre&gt;
&lt;p&gt;I can't see what is wrong with it.. 
Also sorry for my bad english&lt;/p&gt;
&lt;p&gt;EDIT:
The method gets called when the player collides with a Flag object.&lt;/p&gt;
&lt;p&gt;This is part of the Collision Method:&lt;/p&gt;
&lt;pre&gt;&lt;code&gt;case Flag: {
                if (getBounds().intersects(tempObject.getBounds())) {
                    handler.switchLevel();
                }
                break;
            }
&lt;/code&gt;&lt;/pre&gt;</t>
  </si>
  <si>
    <t>2016-04-06 13:36:32.900000+00:00</t>
  </si>
  <si>
    <t>2016-04-06 13:44:48.737000+00:00</t>
  </si>
  <si>
    <t>java|2d|game-physics</t>
  </si>
  <si>
    <t>Dropzone function is not working under jquery in Mac OS</t>
  </si>
  <si>
    <t>&lt;p&gt;I am using dropZone to drag and upload files but somehow it's not working.I am in Mac OS, I have given 777 permission to the uploaded folder, but still, it's not uploading Here is my code: &lt;/p&gt;
&lt;p&gt;&lt;div class="snippet" data-lang="js" data-hide="false" data-console="true" data-babel="false"&gt;_x000D_
&lt;div class="snippet-code"&gt;_x000D_
&lt;pre class="snippet-code-js lang-js prettyprint-override"&gt;&lt;code&gt;$(document).on('change','#type',function(){_x000D_
      var type = $('#type').val();_x000D_
      var course = $('#course').val();_x000D_
      alert(type); alert(course);_x000D_
      if(type != "" &amp;amp;&amp;amp; course!= ""){_x000D_
        $('#file_upload').show();_x000D_
        Dropzone.options.dropzoneForm = {_x000D_
            paramName: "uploadMultiple",_x000D_
            maxFilesize: 5,_x000D_
            dictDefaultMessage: "&amp;lt;strong&amp;gt;Drop files here or click to upload. &amp;lt;/strong&amp;gt;&amp;lt;/br&amp;gt;",_x000D_
            acceptedFiles: type,_x000D_
            renameFile: 'course',_x000D_
            url: "../files/course/"+course+"/",_x000D_
            init: function () {_x000D_
              this.on("complete", function (file) {_x000D_
                if (this.getUploadingFiles().length === 0 &amp;amp;&amp;amp; this.getQueuedFiles().length === 0) {_x000D_
                  alert('File Uploaded');_x000D_
                }_x000D_
              });_x000D_
            }_x000D_
        };_x000D_
      } else {_x000D_
        $('#file_upload').hide();_x000D_
      }_x000D_
    })&lt;/code&gt;&lt;/pre&gt;_x000D_
&lt;pre class="snippet-code-html lang-html prettyprint-override"&gt;&lt;code&gt;&amp;lt;script src="https://ajax.googleapis.com/ajax/libs/jquery/2.1.1/jquery.min.js"&amp;gt;&amp;lt;/script&amp;gt;_x000D_
&amp;lt;script src ="https://cdnjs.cloudflare.com/ajax/libs/dropzone/5.4.0/dropzone.js"&amp;gt;&amp;lt;/script&amp;gt;_x000D_
&amp;lt;select type="text" class="form-control" id="course" required&amp;gt;_x000D_
      &amp;lt;option value="" selected disabled&amp;gt;Select Course&amp;lt;/option&amp;gt;_x000D_
      &amp;lt;option value="1"&amp;gt;Development&amp;lt;/option&amp;gt;_x000D_
&amp;lt;/select&amp;gt;_x000D_
_x000D_
&amp;lt;select type="text" class="form-control" id="type" required&amp;gt;_x000D_
      &amp;lt;option value="" selected disabled&amp;gt;Select File Type&amp;lt;/option&amp;gt;_x000D_
      &amp;lt;option value="application/pdf"&amp;gt;PDF&amp;lt;/option&amp;gt;_x000D_
&amp;lt;/select&amp;gt;_x000D_
          _x000D_
&amp;lt;div id="file_upload"&amp;gt;          _x000D_
  &amp;lt;form action="#" class="dropzone" id="dropzoneForm"&amp;gt;_x000D_
   &amp;lt;div class="fallback"&amp;gt;_x000D_
        &amp;lt;input name="file" type="file" multiple /&amp;gt;_x000D_
     &amp;lt;/div&amp;gt;_x000D_
 &amp;lt;/form&amp;gt;_x000D_
&amp;lt;/div&amp;gt;&lt;/code&gt;&lt;/pre&gt;_x000D_
&lt;/div&gt;_x000D_
&lt;/div&gt;_x000D_
&lt;/p&gt;
&lt;p&gt;Can you help me what I am doing wrong here?&lt;/p&gt;</t>
  </si>
  <si>
    <t>2018-03-16 12:13:51.360000+00:00</t>
  </si>
  <si>
    <t>2018-03-16 12:29:37.100000+00:00</t>
  </si>
  <si>
    <t>php|jquery|dropzone</t>
  </si>
  <si>
    <t>counting multiple values in a row, going trugh columns twice in a row</t>
  </si>
  <si>
    <t>&lt;p&gt;I have a table that look like this:&lt;/p&gt;
&lt;pre&gt;&lt;code&gt;Name | date1   | date2   | date3   | etc..
per1 | status1 |         | status2 | etc
per4 | status2 | status3 |         | etc
&lt;/code&gt;&lt;/pre&gt;
&lt;p&gt;The number of the dates columns is not fixed. Their values can either be a status or they can be empty.&lt;/p&gt;
&lt;p&gt;I want to access the data of the dates columns for each row separately and process the data.&lt;/p&gt;
&lt;p&gt;The output I want to achieve: &lt;/p&gt;
&lt;pre&gt;&lt;code&gt;Name | field1 | status1  | status2  | etc..
per1 | value  | #ofstat1 | #ofstat2 | etc
&lt;/code&gt;&lt;/pre&gt;
&lt;p&gt;So for I got, accessing the table at the beginning of the question:&lt;/p&gt;
&lt;pre&gt;&lt;code&gt;$confirmed ="Confirmed";
$accepted ="Accepted";
while ($row = mysql_fetch_array($result)) {
    $confirmed_cnt =0;
    $accepted_cnt =0;
    foreach ($row as $value) {
        if (strcmp($value, $confirmed)) $confirmed_cnt++;
        else if (strcmp($value, $accepted)) $accepted_cnt++;
    }
print("&amp;lt;tr&amp;gt;");
print("&amp;lt;td&amp;gt;$row["Name"]&amp;lt;/td&amp;gt;"); // name   
print("&amp;lt;td&amp;gt;$confirmed&amp;lt;/td&amp;gt;"); // confirmed
print("&amp;lt;td&amp;gt;$accepted&amp;lt;/td&amp;gt;"); // accepted
print("&amp;lt;/tr&amp;gt;");
}
&lt;/code&gt;&lt;/pre&gt;
&lt;p&gt;As far as I know this should work, but for some reason it goes trough each column 2 times in a row. &lt;/p&gt;</t>
  </si>
  <si>
    <t>2012-12-10 16:50:33.217000+00:00</t>
  </si>
  <si>
    <t>2012-12-10 16:54:41.997000+00:00</t>
  </si>
  <si>
    <t>2012-12-10 16:51:59.427000+00:00</t>
  </si>
  <si>
    <t>PHPWord document - bbcode to formatted text</t>
  </si>
  <si>
    <t>&lt;p&gt;Any easy way to convert a bbcoded string (a paragraph with some bbcode tags inside, only B, U, S, IMG, URL bbcode tags) to PHPWord valid format using "addTextRun" or similar?&lt;/p&gt;
&lt;p&gt;I cannot use "addHTML" function. I've already tried it.&lt;/p&gt;
&lt;p&gt;Paragraph example:&lt;/p&gt;
&lt;pre&gt;&lt;code&gt;The name, [b]Buenos Aires[/b], means fair winds, or [u]literally good airs in [b]Spanish[/b][/u]. It is one of the largest cities in Latin America, with a lot of cultural offer, and it is the beginning point for most Argentinean Experiences.
[img]https://www.bbvaresearch.com/wp-content/uploads/2017/10/situacion-argentina.jpg[/img]
Inhabitants of Buenos Aires are called porte��os, "people from the port", implying that many of the inhabitants are immigrants in some ways or another. Buenos Aires is a singular, open, and integrating destination that allows the visitor not only to view the city but also to have an exceptional urban adventure.
&lt;/code&gt;&lt;/pre&gt;
&lt;p&gt;It should look like this&lt;/p&gt;
&lt;p&gt;&lt;a href="https://gyazo.com/0ad3259af801d88cabc6448c2686f93f" rel="nofollow noreferrer"&gt;https://gyazo.com/0ad3259af801d88cabc6448c2686f93f&lt;/a&gt;&lt;/p&gt;</t>
  </si>
  <si>
    <t>2018-10-23 19:47:50.757000+00:00</t>
  </si>
  <si>
    <t>php|phpword|phpoffice</t>
  </si>
  <si>
    <t>How can I implement a jQuery load callback function differently for .success and .fail?</t>
  </si>
  <si>
    <t>&lt;p&gt;I have read the jQuery API but I am still unclear. Here's an example of code that I have:&lt;/p&gt;
&lt;pre&gt;&lt;code&gt;        $.ajax({
            url: href,
            type: 'GET'
        })
        .success(function (content) {
            $('#content')
                .html("&amp;lt;div class='block-border'&amp;gt;" + content + "&amp;lt;/div&amp;gt;")
                .applyTemplateSetup()
                .buildTableOfContent();
            if ($('#cityLegend-1').length) {
                $('#cityLegend-1').html("Question " + html);
            }
            $('#article').css('visibility', 'visible');
            var editHref = "/Admin/Contents/Edit?pk=0003000&amp;amp;rk=" + href.substring(2,5);
            $('#editContent').attr('data-href', editHref);
        })
        .fail(function (ajaxContext) {
            ajaxOnFailure(ajaxContext)
        });
&lt;/code&gt;&lt;/pre&gt;
&lt;p&gt;I &lt;strong&gt;must&lt;/strong&gt; use jQuery .load for this as my template is already coded to do some effect and call jQuery .load(). But how can I make my callback do things differently as I have here with the functions that get executed if there is a .success or a .fail and how could I implement a .done function.  &lt;/p&gt;
&lt;p&gt;One more question. If I am able to use .load then will it be a problem if my content contains HTML mark up. This is very likely and I read in some places that this might be a problem.&lt;/p&gt;</t>
  </si>
  <si>
    <t>2012-09-11 17:27:53.010000+00:00</t>
  </si>
  <si>
    <t>2015-07-22 00:01:55.217000+00:00</t>
  </si>
  <si>
    <t>2012-09-11 17:52:47.557000+00:00</t>
  </si>
  <si>
    <t>Issue using Groups: How to set backcolor for specific column when the value is null</t>
  </si>
  <si>
    <t>&lt;p&gt;I have a  column called &lt;code&gt;totalhours&lt;/code&gt; in my report where I want to set back color to &lt;code&gt;yellow&lt;/code&gt; when value of column called &lt;code&gt;outtime&lt;/code&gt; is &lt;code&gt;null&lt;/code&gt;. So for that i have created a conditional style with following details :&lt;/p&gt;
&lt;pre class="lang-xml prettyprint-override"&gt;&lt;code&gt;&amp;lt;style name="TotalHoursBackColor" lineSpacing="Single"&amp;gt;
   &amp;lt;conditionalStyle&amp;gt;
      &amp;lt;conditionExpression&amp;gt;&amp;lt;![CDATA[new Boolean($F{Out_time}.equals( null ))]]&amp;gt;  &amp;lt;/conditionExpression&amp;gt;
      &amp;lt;style mode="Opaque" backcolor="#FFFF33" lineSpacing="Single"/&amp;gt;
   &amp;lt;/conditionalStyle&amp;gt;
&amp;lt;/style&amp;gt;
&lt;/code&gt;&lt;/pre&gt;
&lt;p&gt;The above code gives the following output&lt;/p&gt;
&lt;pre&gt;
SlNo.    empid       intime         outime    totalhours 
1         100         9:00           13:00       4:00
2         101         9:10           null       yellow
3         105         9:30           13:30
                      14:30          null     
4         103         9:30           18:30       9:00
5         107         9:40           13:40       8:00
                      14:40          18:40    
6         108         10:00          null        yellow
7         106         10:00          13:00
                      14:00          null             
&lt;/pre&gt;
&lt;p&gt;But, I want the output as follows :&lt;/p&gt;
&lt;pre&gt;
SlNo.    empid       intime         outime    totalhours 
1         100         9:00           13:00       4:00
2         101         9:10           null       yellow
3         105         9:30           13:30      yellow
                      14:30          null      
4         103         9:30           18:30       9:00
5         107         9:40           13:40       8:00
                      14:40          18:40    
6         108         10:00          null        yellow
7         106         10:00          13:00       yellow
                      14:00          null             
&lt;/pre&gt;
&lt;p&gt;Please find the jrxml file :&lt;/p&gt;
&lt;pre class="lang-xml prettyprint-override"&gt;&lt;code&gt;&amp;lt;?xml version="1.0" encoding="UTF-8"?&amp;gt;
&amp;lt;jasperReport xmlns="http://jasperreports.sourceforge.net/jasperreports"  
xmlns:xsi="http://www.w3.org/2001/XMLSchema-instance"   
xsi:schemaLocation="http://jasperreports.sourceforge.net/jasperreports  
http://jasperreports.sourceforge.net/xsd/jasperreport.xsd" name="HRIS Employee Time  
Sheet" language="groovy" pageWidth="595" pageHeight="842" columnWidth="555"  
leftMargin="20" rightMargin="20" topMargin="20" bottomMargin="20"&amp;gt;
&amp;lt;style name="TotalHoursBackColor" lineSpacing="Single"&amp;gt;
&amp;lt;conditionalStyle&amp;gt;
            &amp;lt;conditionExpression&amp;gt;&amp;lt;![CDATA[new Boolean($F{Out_time}.equals( null ))]]&amp;gt;&amp;lt;/conditionExpression&amp;gt;
            &amp;lt;style mode="Opaque" backcolor="#FFFF33" lineSpacing="Single"/&amp;gt;
        &amp;lt;/conditionalStyle&amp;gt;
    &amp;lt;/style&amp;gt;
    &amp;lt;parameter name="Date" class="java.sql.Timestamp"&amp;gt;
        &amp;lt;defaultValueExpression&amp;gt;&amp;lt;![CDATA[]]&amp;gt;&amp;lt;/defaultValueExpression&amp;gt;
    &amp;lt;/parameter&amp;gt;
    &amp;lt;queryString&amp;gt;
        &amp;lt;![CDATA[select hr.EmployeeID,convert(char(5), tr.In_Time, 108) as In_time,
       convert(char(5), tr.Out_Time, 108) as Out_time,
convert(varchar(5), sum(datediff(minute, trr.In_Time, isnull(trr.Out_Time, dateadd(hh, 18, DATEADD(dd, DATEDIFF(dd, 0, trr.In_Time), 0))))) / 60)
+ ':' +
convert(varchar(5),sum(datediff(minute, trr.In_Time, isnull(trr.Out_Time, dateadd(hh, 18, DATEADD(dd, DATEDIFF(dd, 0, trr.In_Time), 0))))) % 60)
as TotalHours,
       hr.FirstName, hr.LastName, hr.EmployeeNo
from HR_EMPLOYEES hr
     Left Join HR_EMPLOYEE_TIMESHEET tr
on (hr.EmployeeID=tr.EmployeeID)
     Left Join HR_EMPLOYEE_TIMESHEET trr
on (hr.EmployeeID=trr.EmployeeID)
     where (trr.In_Time BETWEEN $P{Date} AND DATEADD(DAY, 1, $P{Date})
     and  tr.In_Time BETWEEN $P{Date} AND DATEADD(DAY, 1, $P{Date}))
     and hr.locationID=1
group by hr.EmployeeID, tr.In_Time, tr.Out_Time, hr.FirstName,                     hr.LastName,
         hr.EmployeeNo, hr.JoiningDate
order by hr.JoiningDate ASC]]&amp;gt;
    &amp;lt;/queryString&amp;gt;
    &amp;lt;field name="EmployeeID" class="java.lang.Integer"/&amp;gt;
    &amp;lt;field name="In_time" class="java.lang.String"/&amp;gt;
    &amp;lt;field name="Out_time" class="java.lang.String"/&amp;gt;
    &amp;lt;field name="TotalHours" class="java.lang.String"/&amp;gt;
    &amp;lt;field name="FirstName" class="java.lang.String"/&amp;gt;
    &amp;lt;field name="LastName" class="java.lang.String"/&amp;gt;
    &amp;lt;field name="EmployeeNo" class="java.lang.String"/&amp;gt;
    &amp;lt;variable name="counter" class="java.lang.Integer" incrementType="Group" incrementGroup="EmployeeSerialNumber"&amp;gt;
        &amp;lt;variableExpression&amp;gt;&amp;lt;![CDATA[($V{EmployeeSerialNumber_COUNT} == 1) ? $V{counter} + 1 : $V{counter}]]&amp;gt;&amp;lt;/variableExpression&amp;gt;
        &amp;lt;initialValueExpression&amp;gt;&amp;lt;![CDATA[0]]&amp;gt;&amp;lt;/initialValueExpression&amp;gt;
    &amp;lt;/variable&amp;gt;
    &amp;lt;variable name="outtime_check" class="java.lang.Boolean" incrementType="Group" incrementGroup="EmployeeOutTime"&amp;gt;
        &amp;lt;variableExpression&amp;gt;&amp;lt;![CDATA[($F{Out_time}.equals(null)&amp;amp;&amp;amp; $V{EmployeeSerialNumber_COUNT}==1)?$V{outtime_check}:$F{TotalHours}]]&amp;gt;&amp;lt;/variableExpression&amp;gt;
    &amp;lt;/variable&amp;gt;
    &amp;lt;group name="EmployeeSerialNumber"&amp;gt;
        &amp;lt;groupExpression&amp;gt;&amp;lt;![CDATA[$F{EmployeeNo}]]&amp;gt;&amp;lt;/groupExpression&amp;gt;
    &amp;lt;/group&amp;gt;
    &amp;lt;group name="EmployeeOutTime"&amp;gt;
        &amp;lt;groupExpression&amp;gt;&amp;lt;![CDATA[$F{Out_time}]]&amp;gt;&amp;lt;/groupExpression&amp;gt;
    &amp;lt;/group&amp;gt;
    &amp;lt;background&amp;gt;
        &amp;lt;band splitType="Stretch"/&amp;gt;
    &amp;lt;/background&amp;gt;
    &amp;lt;title&amp;gt;
        &amp;lt;band height="79" splitType="Stretch"&amp;gt;
            &amp;lt;image&amp;gt;
                &amp;lt;reportElement x="466" y="19" width="89" height="32"/&amp;gt;
                &amp;lt;imageExpression class="java.lang.String"&amp;gt;&amp;lt;![CDATA["D:\\timesheet\\logo.png"]]&amp;gt;&amp;lt;/imageExpression&amp;gt;
            &amp;lt;/image&amp;gt;
        &amp;lt;/band&amp;gt;
    &amp;lt;/title&amp;gt;
    &amp;lt;pageHeader&amp;gt;
        &amp;lt;band height="38" splitType="Stretch"&amp;gt;
            &amp;lt;staticText&amp;gt;
                &amp;lt;reportElement x="125" y="0" width="204" height="20"/&amp;gt;
                &amp;lt;textElement textAlignment="Center" lineSpacing="Single"&amp;gt;
                    &amp;lt;font size="12" isBold="true"/&amp;gt;
                &amp;lt;/textElement&amp;gt;
                &amp;lt;text&amp;gt;&amp;lt;![CDATA[Employee Time Sheet - Bangalore]]&amp;gt;&amp;lt;/text&amp;gt;
            &amp;lt;/staticText&amp;gt;
            &amp;lt;textField pattern="dd MMMMM yyyy"&amp;gt;
                &amp;lt;reportElement x="455" y="-2" width="100" height="18"/&amp;gt;
                &amp;lt;textElement lineSpacing="Single"&amp;gt;
                    &amp;lt;font size="12" isBold="true"/&amp;gt;
                &amp;lt;/textElement&amp;gt;
                &amp;lt;textFieldExpression class="java.sql.Timestamp"&amp;gt;&amp;lt;![CDATA[$P{Date}]]&amp;gt;&amp;lt;/textFieldExpression&amp;gt;
            &amp;lt;/textField&amp;gt;
        &amp;lt;/band&amp;gt;
    &amp;lt;/pageHeader&amp;gt;
    &amp;lt;columnHeader&amp;gt;
        &amp;lt;band height="31" splitType="Stretch"&amp;gt;
            &amp;lt;staticText&amp;gt;
                &amp;lt;reportElement x="155" y="7" width="100" height="20"/&amp;gt;
                &amp;lt;textElement textAlignment="Center" lineSpacing="Single"&amp;gt;
                    &amp;lt;font isBold="true"/&amp;gt;
                &amp;lt;/textElement&amp;gt;
                &amp;lt;text&amp;gt;&amp;lt;![CDATA[Name]]&amp;gt;&amp;lt;/text&amp;gt;
            &amp;lt;/staticText&amp;gt;
            &amp;lt;staticText&amp;gt;
                &amp;lt;reportElement x="293" y="7" width="86" height="20"/&amp;gt;
                &amp;lt;textElement textAlignment="Center" lineSpacing="Single"&amp;gt;
                    &amp;lt;font isBold="true"/&amp;gt;
                &amp;lt;/textElement&amp;gt;
                &amp;lt;text&amp;gt;&amp;lt;![CDATA[In Time]]&amp;gt;&amp;lt;/text&amp;gt;
            &amp;lt;/staticText&amp;gt;
            &amp;lt;staticText&amp;gt;
                &amp;lt;reportElement x="385" y="7" width="76" height="20"/&amp;gt;
                &amp;lt;textElement textAlignment="Center" lineSpacing="Single"&amp;gt;
                    &amp;lt;font isBold="true"/&amp;gt;
                &amp;lt;/textElement&amp;gt;
                &amp;lt;text&amp;gt;&amp;lt;![CDATA[Out Time]]&amp;gt;&amp;lt;/text&amp;gt;
            &amp;lt;/staticText&amp;gt;
            &amp;lt;staticText&amp;gt;
                &amp;lt;reportElement x="474" y="7" width="59" height="20"/&amp;gt;
                &amp;lt;textElement textAlignment="Left" lineSpacing="Single"&amp;gt;
                    &amp;lt;font isBold="true"/&amp;gt;
                &amp;lt;/textElement&amp;gt;
                &amp;lt;text&amp;gt;&amp;lt;![CDATA[Total Hours ]]&amp;gt;&amp;lt;/text&amp;gt;
            &amp;lt;/staticText&amp;gt;
            &amp;lt;line&amp;gt;
                &amp;lt;reportElement x="54" y="1" width="1" height="29"/&amp;gt;
            &amp;lt;/line&amp;gt;
            &amp;lt;line&amp;gt;
                &amp;lt;reportElement x="466" y="2" width="1" height="29"/&amp;gt;
            &amp;lt;/line&amp;gt;
            &amp;lt;line&amp;gt;
                &amp;lt;reportElement x="14" y="1" width="527" height="1"/&amp;gt;
            &amp;lt;/line&amp;gt;
            &amp;lt;line&amp;gt;
                &amp;lt;reportElement x="289" y="1" width="1" height="29"/&amp;gt;
            &amp;lt;/line&amp;gt;
            &amp;lt;line&amp;gt;
                &amp;lt;reportElement x="380" y="2" width="1" height="28"/&amp;gt;
            &amp;lt;/line&amp;gt;
            &amp;lt;staticText&amp;gt;
                &amp;lt;reportElement x="57" y="7" width="67" height="20"/&amp;gt;
                &amp;lt;textElement textAlignment="Center" lineSpacing="Single"&amp;gt;
                    &amp;lt;font size="10" isBold="true"/&amp;gt;
                &amp;lt;/textElement&amp;gt;
                &amp;lt;text&amp;gt;&amp;lt;![CDATA[Employee No.]]&amp;gt;&amp;lt;/text&amp;gt;
            &amp;lt;/staticText&amp;gt;
            &amp;lt;line&amp;gt;
                &amp;lt;reportElement x="128" y="2" width="1" height="28"/&amp;gt;
            &amp;lt;/line&amp;gt;
            &amp;lt;line&amp;gt;
                &amp;lt;reportElement x="430" y="30" width="111" height="1"/&amp;gt;
            &amp;lt;/line&amp;gt;
            &amp;lt;staticText&amp;gt;
                &amp;lt;reportElement x="20" y="7" width="30" height="20"/&amp;gt;
                &amp;lt;textElement textAlignment="Center" lineSpacing="Single"&amp;gt;
                    &amp;lt;font size="10" isBold="true"/&amp;gt;
                &amp;lt;/textElement&amp;gt;
                &amp;lt;text&amp;gt;&amp;lt;![CDATA[Sl No.]]&amp;gt;&amp;lt;/text&amp;gt;
            &amp;lt;/staticText&amp;gt;
            &amp;lt;line&amp;gt;
                &amp;lt;reportElement x="14" y="2" width="1" height="29"/&amp;gt;
            &amp;lt;/line&amp;gt;
        &amp;lt;/band&amp;gt;
    &amp;lt;/columnHeader&amp;gt;
    &amp;lt;detail&amp;gt;
        &amp;lt;band height="22" splitType="Stretch"&amp;gt;
            &amp;lt;line&amp;gt;
                &amp;lt;reportElement x="54" y="0" width="1" height="22"/&amp;gt;
            &amp;lt;/line&amp;gt;
            &amp;lt;line&amp;gt;
                &amp;lt;reportElement x="466" y="0" width="1" height="22"/&amp;gt;
            &amp;lt;/line&amp;gt;
            &amp;lt;line&amp;gt;
                &amp;lt;reportElement x="13" y="-1" width="416" height="1"/&amp;gt;
            &amp;lt;/line&amp;gt;
            &amp;lt;line&amp;gt;
                &amp;lt;reportElement x="14" y="21" width="415" height="1"/&amp;gt;
            &amp;lt;/line&amp;gt;
            &amp;lt;line&amp;gt;
                &amp;lt;reportElement x="541" y="-29" width="1" height="50"/&amp;gt;
            &amp;lt;/line&amp;gt;
            &amp;lt;line&amp;gt;
                &amp;lt;reportElement x="289" y="0" width="1" height="21"/&amp;gt;
            &amp;lt;/line&amp;gt;
            &amp;lt;line&amp;gt;
                &amp;lt;reportElement x="380" y="-1" width="1" height="22"/&amp;gt;
            &amp;lt;/line&amp;gt;
            &amp;lt;textField&amp;gt;
                &amp;lt;reportElement isPrintRepeatedValues="false" x="68" y="1" width="44" height="20"/&amp;gt;
                &amp;lt;textElement textAlignment="Center" lineSpacing="Single"&amp;gt;
                    &amp;lt;font isBold="false"/&amp;gt;
                &amp;lt;/textElement&amp;gt;
                &amp;lt;textFieldExpression class="java.lang.String"&amp;gt;&amp;lt;![CDATA[$F{EmployeeNo}]]&amp;gt;&amp;lt;/textFieldExpression&amp;gt;
            &amp;lt;/textField&amp;gt;
            &amp;lt;textField&amp;gt;
                &amp;lt;reportElement isPrintRepeatedValues="false" x="134" y="1" width="148" height="20"/&amp;gt;
                &amp;lt;textElement textAlignment="Left" lineSpacing="Single"/&amp;gt;
                &amp;lt;textFieldExpression class="java.lang.String"&amp;gt;&amp;lt;![CDATA[$F{FirstName} + " " + $F{LastName}]]&amp;gt;&amp;lt;/textFieldExpression&amp;gt;
            &amp;lt;/textField&amp;gt;
            &amp;lt;line&amp;gt;
                &amp;lt;reportElement x="128" y="0" width="1" height="22"/&amp;gt;
            &amp;lt;/line&amp;gt;
            &amp;lt;line&amp;gt;
                &amp;lt;reportElement x="430" y="21" width="111" height="1"/&amp;gt;
            &amp;lt;/line&amp;gt;
            &amp;lt;textField&amp;gt;
                &amp;lt;reportElement x="293" y="1" width="76" height="20"/&amp;gt;
                &amp;lt;textElement textAlignment="Center" lineSpacing="Single"/&amp;gt;
                &amp;lt;textFieldExpression class="java.lang.String"&amp;gt;&amp;lt;![CDATA[$F{In_time}]]&amp;gt;&amp;lt;/textFieldExpression&amp;gt;
            &amp;lt;/textField&amp;gt;
            &amp;lt;textField pattern="" isBlankWhenNull="true"&amp;gt;
                &amp;lt;reportElement mode="Transparent" x="384" y="1" width="76" height="20"/&amp;gt;
                &amp;lt;textElement textAlignment="Center" lineSpacing="Single"/&amp;gt;
                &amp;lt;textFieldExpression class="java.lang.String"&amp;gt;&amp;lt;![CDATA[$F{Out_time}]]&amp;gt;&amp;lt;/textFieldExpression&amp;gt;
            &amp;lt;/textField&amp;gt;
            &amp;lt;textField&amp;gt;
                &amp;lt;reportElement style="TotalHoursBackColor" isPrintRepeatedValues="false" x="477" y="1" width="62" height="20"/&amp;gt;
                &amp;lt;textElement textAlignment="Left" lineSpacing="Single"/&amp;gt;
                &amp;lt;textFieldExpression class="java.lang.String"&amp;gt;&amp;lt;![CDATA[$F{TotalHours}]]&amp;gt;&amp;lt;/textFieldExpression&amp;gt;
            &amp;lt;/textField&amp;gt;
            &amp;lt;line&amp;gt;
                &amp;lt;reportElement x="14" y="1" width="1" height="20"/&amp;gt;
            &amp;lt;/line&amp;gt;
            &amp;lt;textField&amp;gt;
                &amp;lt;reportElement isPrintRepeatedValues="false" x="24" y="2" width="25" height="19"&amp;gt;
                    &amp;lt;printWhenExpression&amp;gt;&amp;lt;![CDATA[$V{EmployeeSerialNumber_COUNT}==1]]&amp;gt;&amp;lt;/printWhenExpression&amp;gt;
                &amp;lt;/reportElement&amp;gt;
                &amp;lt;textElement lineSpacing="Single"/&amp;gt;
                &amp;lt;textFieldExpression class="java.lang.Integer"&amp;gt;&amp;lt;![CDATA[$V{counter}]]&amp;gt;&amp;lt;/textFieldExpression&amp;gt;
            &amp;lt;/textField&amp;gt;
        &amp;lt;/band&amp;gt;
    &amp;lt;/detail&amp;gt;
    &amp;lt;columnFooter&amp;gt;
        &amp;lt;band height="45" splitType="Stretch"/&amp;gt;
    &amp;lt;/columnFooter&amp;gt;
    &amp;lt;pageFooter&amp;gt;
        &amp;lt;band height="54" splitType="Stretch"&amp;gt;
            &amp;lt;textField&amp;gt;
                &amp;lt;reportElement x="435" y="34" width="80" height="20"/&amp;gt;
                &amp;lt;textElement textAlignment="Right" lineSpacing="Single"/&amp;gt;
                &amp;lt;textFieldExpression class="java.lang.String"&amp;gt;&amp;lt;![CDATA["Page "+$V{PAGE_NUMBER}+" of"]]&amp;gt;&amp;lt;/textFieldExpression&amp;gt;
            &amp;lt;/textField&amp;gt;
            &amp;lt;textField evaluationTime="Report"&amp;gt;
                &amp;lt;reportElement x="515" y="34" width="40" height="20"/&amp;gt;
                &amp;lt;textElement lineSpacing="Single"/&amp;gt;
                &amp;lt;textFieldExpression class="java.lang.String"&amp;gt;&amp;lt;![CDATA[" " + $V{PAGE_NUMBER}]]&amp;gt;&amp;lt;/textFieldExpression&amp;gt;
            &amp;lt;/textField&amp;gt;
        &amp;lt;/band&amp;gt;
    &amp;lt;/pageFooter&amp;gt;
    &amp;lt;summary&amp;gt;
        &amp;lt;band height="41" splitType="Stretch"/&amp;gt;
    &amp;lt;/summary&amp;gt;
&amp;lt;/jasperReport&amp;gt;
&lt;/code&gt;&lt;/pre&gt;
&lt;p&gt;Could anybody please help me how to get it&lt;/p&gt;</t>
  </si>
  <si>
    <t>2013-07-16 10:01:24.727000+00:00</t>
  </si>
  <si>
    <t>2013-07-17 14:35:27.083000+00:00</t>
  </si>
  <si>
    <t>2013-07-16 12:54:01.790000+00:00</t>
  </si>
  <si>
    <t>jasper-reports</t>
  </si>
  <si>
    <t>foo(bar) and foo(bar, baz)</t>
  </si>
  <si>
    <t>&lt;p&gt;In ES6, is it possible to have some code like this:&lt;/p&gt;
&lt;pre&gt;&lt;code&gt;class MyClass
{
     foo(bar)
     {
          console.log(bar + "Bar")
     }
     foo(bar, baz)
     {
          console.log(bar + baz + "Bar baz")
     }
}
&lt;/code&gt;&lt;/pre&gt;
&lt;p&gt;so that when I did:&lt;/p&gt;
&lt;pre&gt;&lt;code&gt;MyClass.foo("Hello, ", "World and ")
&lt;/code&gt;&lt;/pre&gt;
&lt;p&gt;I would get:&lt;/p&gt;
&lt;pre&gt;&lt;code&gt;Hello, World and Bar baz
&lt;/code&gt;&lt;/pre&gt;
&lt;p&gt;And I would be able to do:&lt;/p&gt;
&lt;pre&gt;&lt;code&gt;MyClass.foo("Hello, world!")
&lt;/code&gt;&lt;/pre&gt;
&lt;p&gt;to get:&lt;/p&gt;
&lt;pre&gt;&lt;code&gt;Hello, world!Bar
&lt;/code&gt;&lt;/pre&gt;
&lt;p&gt;like in Java?&lt;/p&gt;</t>
  </si>
  <si>
    <t>2016-07-29 20:17:29.867000+00:00</t>
  </si>
  <si>
    <t>2016-07-29 20:29:32.507000+00:00</t>
  </si>
  <si>
    <t>javascript|ecmascript-6</t>
  </si>
  <si>
    <t>Function in Java that intelligently rounds up or down?</t>
  </si>
  <si>
    <t>&lt;p&gt;I am looking for a Java function that rounds up or down, but normally, like 3.2 to 3, and 3.6 to 4. There are a bunch of answers, but all of them either rounding up exclusively or rounding down exclusively. If there is not one then I guess I will have to create it, but just wanted to see if anyone else has ever wanted the same and found one. Thanks in advance!&lt;/p&gt;</t>
  </si>
  <si>
    <t>2012-06-08 23:53:39.543000+00:00</t>
  </si>
  <si>
    <t>2012-06-08 23:54:59.927000+00:00</t>
  </si>
  <si>
    <t>java|rounding</t>
  </si>
  <si>
    <t>Perform string comaparison ignoring the diacritics</t>
  </si>
  <si>
    <t>&lt;p&gt;I'm trying search in Arabic text in SQL Server and need to ignore the Arabic diacritics.
So I'm using &lt;code&gt;Arabic_100_CI_AI&lt;/code&gt; collation. but it's not work.&lt;/p&gt;
&lt;p&gt;For example for the below query I must get 1, but it has no result!&lt;/p&gt;
&lt;pre&gt;&lt;code&gt;select 1 
 where (N'����������������'  Collate Arabic_100_CI_AI) = (N'����������' Collate Arabic_100_CI_AI)
&lt;/code&gt;&lt;/pre&gt;
&lt;p&gt;What is the problem and how can I perform &lt;strong&gt;diacritics insensitive comparison in Arabic text&lt;/strong&gt;?&lt;/p&gt;</t>
  </si>
  <si>
    <t>2014-05-17 13:21:42.453000+00:00</t>
  </si>
  <si>
    <t>2014-05-19 15:08:32.143000+00:00</t>
  </si>
  <si>
    <t>2014-05-19 06:07:08.600000+00:00</t>
  </si>
  <si>
    <t>sql|sql-server|collation</t>
  </si>
  <si>
    <t>iOS app - storage method for local html</t>
  </si>
  <si>
    <t>&lt;p&gt;I am using UIWebView to display HTML, at the moment I have hard coded the HTML like so:&lt;/p&gt;
&lt;pre&gt;&lt;code&gt;NSString *data = @"&amp;lt;body style='border:5px solid silver;'&amp;gt;&amp;lt;h1&amp;gt;hello&amp;lt;/h1&amp;gt;&amp;lt;ul&amp;gt;&amp;lt;li&amp;gt;gfhgf&amp;lt;/li&amp;gt;&amp;lt;/ul&amp;gt;&amp;lt;img src='http://upload.wikimedia.org/wikipedia/en/c/c2/Tron_Legacy_poster.jpg'/&amp;gt;&amp;lt;/body&amp;gt;";
&lt;/code&gt;&lt;/pre&gt;
&lt;p&gt;However, I would now like to know how to store the HTML using a more practical and maintainable method as I will be serving HTML intensive data per view.&lt;/p&gt;
&lt;p&gt;Thanks.&lt;/p&gt;</t>
  </si>
  <si>
    <t>2012-06-03 22:43:48.273000+00:00</t>
  </si>
  <si>
    <t>2012-06-03 23:35:42.697000+00:00</t>
  </si>
  <si>
    <t>2012-06-03 23:02:46.767000+00:00</t>
  </si>
  <si>
    <t>ios|sqlite|core-data|uiwebview|plist</t>
  </si>
  <si>
    <t>Aurelia CLI and gulp notifications (Windows)</t>
  </si>
  <si>
    <t>&lt;p&gt;How do I disable the gulp toast notifications (Windows 10) when rebuilding my app using the aurelia-cli.  Extremely annoying.&lt;/p&gt;</t>
  </si>
  <si>
    <t>2016-11-24 17:04:19.337000+00:00</t>
  </si>
  <si>
    <t>2017-02-06 22:35:17.413000+00:00</t>
  </si>
  <si>
    <t>gulp|aurelia-cli</t>
  </si>
  <si>
    <t>Prototype based on speech recognition</t>
  </si>
  <si>
    <t>&lt;p&gt;I want to create a prototype that's based on automatic speech recognition in order to deal with reports.&lt;/p&gt;
&lt;p&gt;The requirements aren't sure right now, but at first I'll get some dummy data sets.
And at first I'll concentrate on the input of acoustic signals and the further processing.&lt;/p&gt;
&lt;p&gt;I don't really know how to start, which development environment, programming language, ...&lt;/p&gt;
&lt;p&gt;I would prefer to work with visual studio because I have already a license, but I'm open-minded to proposal.&lt;/p&gt;
&lt;p&gt;Do you have some tutorials, ideas, experience?&lt;/p&gt;</t>
  </si>
  <si>
    <t>2010-10-05 15:46:40.750000+00:00</t>
  </si>
  <si>
    <t>2012-06-17 17:06:52.367000+00:00</t>
  </si>
  <si>
    <t>speech-recognition</t>
  </si>
  <si>
    <t>ReactJS - Appending POST response</t>
  </si>
  <si>
    <t>&lt;p&gt;I'm fairly new to ReactJS and I'm trying to figure out the best way to append and present my recently created record without having to refresh my page. Currently my rout has a redirect which makes sense why the triggered post via &lt;code&gt;postComment()&lt;/code&gt; is refreshing the page, but I'm curious how I should 1) modify my successful POST route to send a JSON message for React use and not refresh and 2) update my comments section with the newly created comment. Should I convert my &lt;code&gt;Comments&lt;/code&gt; component into a state to handle the change?&lt;/p&gt;
&lt;p&gt;&lt;em&gt;(Note: The comment component is a module with &lt;code&gt;Comments&lt;/code&gt; being populated with an array being passed from separate file)&lt;/em&gt;&lt;/p&gt;
&lt;p&gt;&lt;strong&gt;Comments Logic:&lt;/strong&gt;&lt;/p&gt;
&lt;pre&gt;&lt;code&gt;import React from 'react';
import fetch from 'node-fetch';
//Record Comment - Comment
const Comment = props =&amp;gt; {
    return (
        &amp;lt;div className="row"&amp;gt;
            &amp;lt;div className="col-md-12"&amp;gt;
                &amp;lt;h5&amp;gt;{props.user_id}&amp;lt;/h5&amp;gt;
                &amp;lt;h4&amp;gt;{props.comment}&amp;lt;/h4&amp;gt;
                &amp;lt;h3&amp;gt;{props.app_user.fullNameSlug}&amp;lt;/h3&amp;gt;
            &amp;lt;/div&amp;gt;
        &amp;lt;/div&amp;gt;
    )
} 
//Record Comment - Comment Form
class CommentForm extends React.Component {
    constructor(props){
        super(props);
        this.state = {
            value: ''
        };
        this.onChange = this.onChange.bind(this);
        this.handleSubmit = this.handleSubmit.bind(this);
    }
    postComment(comment) {
        fetch('http://localhost:3000/record/:recordId/comment', { method: 'POST', body: comment})
            .then(res =&amp;gt; {
                return res.json();
            })  
            .then(data =&amp;gt; {
                console.log(data);
            }) 
            .catch(err =&amp;gt; {
                console.log(err);
            });
    }
    onChange(e){
        this.setState({
            value: e.target.value
        });
    }
    handleSubmit(e){
        alert('This is the submit ' + this.state.value);
        postComment();
        e.preventDefault();
    }
    render(){
        return (
            &amp;lt;div className="record-comment__form"&amp;gt;
                &amp;lt;div className="row"&amp;gt;
                    &amp;lt;div className="col-md-12"&amp;gt;
                        &amp;lt;label&amp;gt;Comment:&amp;lt;/label&amp;gt;
                    &amp;lt;/div&amp;gt;
                &amp;lt;/div&amp;gt;
                &amp;lt;div className="row"&amp;gt;
                        &amp;lt;form action={"/app/record/" + this.props.recordId + "/comment"} method="post" onSubmit={this.handleSubmit}&amp;gt;
                            &amp;lt;input type="hidden" name="_csrf" value={this.props.csrf}/&amp;gt;
                            &amp;lt;div className="col-md-9"&amp;gt;
                                &amp;lt;textarea name="comment" className="record-comment__form-text-area" onChange={e =&amp;gt; this.setState({ value: e.target.value })} value={this.state.value}&amp;gt;&amp;lt;/textarea&amp;gt;
                            &amp;lt;/div&amp;gt;
                            &amp;lt;div className="col-md-3"&amp;gt;
                                &amp;lt;button type="submit" className="record-comment__form-button" disabled={!this.state.value}&amp;gt;Comment&amp;lt;/button&amp;gt;
                            &amp;lt;/div&amp;gt;
                        &amp;lt;/form&amp;gt;
                &amp;lt;/div&amp;gt;
            &amp;lt;/div&amp;gt;
        )
    }
}
//Record Comment - Container
export default class Comments extends React.Component {
    render() {
        return (
            &amp;lt;div className="record-comment-container"&amp;gt;
                &amp;lt;CommentForm recordId={this.props.recordId} csrf={this.props.csrf}/&amp;gt;
                { this.props.record_comments.map((comment, i) =&amp;gt; 
                    &amp;lt;Comment {...comment} key={this.props.recordCommentId}/&amp;gt;
                )}
            &amp;lt;/div&amp;gt;
        );
    }
}
&lt;/code&gt;&lt;/pre&gt;
&lt;p&gt;&lt;strong&gt;ExpressJS Route:&lt;/strong&gt; &lt;/p&gt;
&lt;pre&gt;&lt;code&gt;//POST /record/:recordId/comment
exports.create = function(req, res){
    var hashids = new Hashids('record', 10);
    var decodedHash = hashids.decode(req.params.recordId);
    var annotationId = decodedHash[0];
    models.RecordComment.create({
        comment: req.body.comment,
        commentId: commentId,
        userId: req.user.userId
    }).then(function(){
        req.flash('success', 'Comment was successfully created');
        res.redirect(req.get('referer'));
    });
};
&lt;/code&gt;&lt;/pre&gt;</t>
  </si>
  <si>
    <t>2017-11-03 01:37:16.623000+00:00</t>
  </si>
  <si>
    <t>2017-11-06 17:47:23.667000+00:00</t>
  </si>
  <si>
    <t>reactjs|express</t>
  </si>
  <si>
    <t>Alert message is not displaying in alert dialog box?</t>
  </si>
  <si>
    <t>&lt;p&gt;I want to display the alert dialog box to device screen size. I got the solution through this link &lt;a href="https://stackoverflow.com/questions/2306503/how-to-make-an-alert-dialog-fill-90-of-screen-size"&gt;How to make an alert dialog fill 90% of screen size?&lt;/a&gt;  I use the solution given there, it works just fine but my alert message is displaying in very small size. we can't even make out the message in landscape orientation. I have used the following code.&lt;/p&gt;
&lt;pre&gt;&lt;code&gt;AlertDialog.Builder builder = new AlertDialog.Builder(this);
builder.setMessage(R.string.app_description).setPositiveButton(
                    "Ok", new DialogInterface.OnClickListener() {
                        public void onClick(DialogInterface dialog, int id) {
                            dialog.dismiss();
                        }
                    });
            builder.Title(title);
            Dialog d = builder.setView(new View(this)).create();
            WindowManager.LayoutParams lp = new WindowManager.LayoutParams();
            lp.copyFrom(d.getWindow().getAttributes());
            lp.width = WindowManager.LayoutParams.FILL_PARENT;
            lp.height = WindowManager.LayoutParams.FILL_PARENT;
            d.show();
            d.getWindow().setAttributes(lp);
&lt;/code&gt;&lt;/pre&gt;
&lt;p&gt;How to set the message, so that it will properly display in the  dialog window?&lt;/p&gt;
&lt;p&gt;Thanks in advance
Pushpa&lt;/p&gt;</t>
  </si>
  <si>
    <t>2012-05-03 13:15:10.557000+00:00</t>
  </si>
  <si>
    <t>2012-05-03 13:58:30.477000+00:00</t>
  </si>
  <si>
    <t>2017-05-23 12:04:50.413000+00:00</t>
  </si>
  <si>
    <t>android|android-layout|dialog|alertdialog</t>
  </si>
  <si>
    <t>Creating a two dimentional array in the Play! Framework</t>
  </si>
  <si>
    <t>&lt;p&gt;I'm trying to store a table of data in a two dimensional collection.
Whenever I:&lt;/p&gt;
&lt;pre&gt;&lt;code&gt;@OneToMany
public List&amp;lt;List&amp;lt;Cell&amp;gt;&amp;gt; cells;
&lt;/code&gt;&lt;/pre&gt;
&lt;p&gt;I get a JPA error:&lt;/p&gt;
&lt;p&gt;JPA error
A JPA error occurred (Unable to build EntityManagerFactory): Use of @OneToMany or @ManyToMany targeting an unmapped class: models.Table.cells[java.util.List]&lt;/p&gt;
&lt;p&gt;Cell is a class that I created, it's basically a String decorator.  Any ideas?  I just need a two dimensional matrix that i can store.&lt;/p&gt;
&lt;pre&gt;&lt;code&gt;@Entity public class Table extends Model {
    @OneToMany
    public List&amp;lt;Row&amp;gt; rows;
    public Table() {
        this.rows = new ArrayList&amp;lt;Row&amp;gt;();
        this.save();
    }
}
@Entity public class Row extends Model {
    @OneToMany
    public List&amp;lt;Cell&amp;gt; cells;
    public Row() {
        this.cells = new ArrayList&amp;lt;Cell&amp;gt;();
        this.save();
    }
}
@Entity public class Cell extends Model {
    public String content;
    public Cell(String content) {
        this.content = content;
        this.save();
    }
}
&lt;/code&gt;&lt;/pre&gt;</t>
  </si>
  <si>
    <t>2011-08-07 23:42:42.357000+00:00</t>
  </si>
  <si>
    <t>2011-08-10 08:36:29.193000+00:00</t>
  </si>
  <si>
    <t>2011-08-08 19:30:04.430000+00:00</t>
  </si>
  <si>
    <t>jpa|playframework</t>
  </si>
  <si>
    <t>Dynamic package loading like java in golang</t>
  </si>
  <si>
    <t>&lt;p&gt;How Will I import package dynamically and invoke its method in golang like java reflection package, there are solutions of how to invoke method in the same file using golang reflection but what about invoking from different package&lt;/p&gt;</t>
  </si>
  <si>
    <t>2018-01-09 01:13:34.437000+00:00</t>
  </si>
  <si>
    <t>2018-01-09 16:18:31.990000+00:00</t>
  </si>
  <si>
    <t>Calling Python function from Go and getting the function return value</t>
  </si>
  <si>
    <t>&lt;p&gt;I am writing a &lt;a href="http://golang.org/" rel="noreferrer"&gt;Go&lt;/a&gt; program.  From this Go program, I would like to call a Python function defined in another file and receive the function's return value so I can use it in subsequent processing in my Go program.  I am having trouble getting any returned data back in my Go program though.  Below is a minimum example of what I thought would work, but apparently doesn't:&lt;/p&gt;
&lt;p&gt;&lt;strong&gt;gofile.go&lt;/strong&gt;&lt;/p&gt;
&lt;pre&gt;&lt;code&gt;package main
import "os/exec"
import "fmt"
func main() {
     fmt.Println("here we go...")
     program := "python"
     arg0 := "-c"
     arg1 := fmt.Sprintf("'import pythonfile; print pythonfile.cat_strings(\"%s\", \"%s\")'", "foo", "bar")
     cmd := exec.Command(program, arg0, arg1)
     fmt.Println("command args:", cmd.Args)
     out, err := cmd.CombinedOutput()
     if err != nil {
         fmt.Println("Concatenation failed with error:", err.Error())
     return
     }
     fmt.Println("concatentation length: ", len(out))
     fmt.Println("concatenation: ", string(out))
     fmt.Println("...done")
}
&lt;/code&gt;&lt;/pre&gt;
&lt;p&gt;&lt;strong&gt;pythonfile.py&lt;/strong&gt;&lt;/p&gt;
&lt;pre&gt;&lt;code&gt;def cat_strings(a, b):
    return a + b
&lt;/code&gt;&lt;/pre&gt;
&lt;p&gt;If I call &lt;code&gt;go run gofile&lt;/code&gt; I get the following output:&lt;/p&gt;
&lt;pre&gt;&lt;code&gt;here we go...
command args: [python -c 'import pythonfile; print pythonfile.cat_strings("foo", "bar")']
concatentation length:  0
concatenation:  
...done
&lt;/code&gt;&lt;/pre&gt;
&lt;p&gt;A few notes:&lt;/p&gt;
&lt;ul&gt;
&lt;li&gt;I'm using the &lt;code&gt;-c&lt;/code&gt; flag in the Python invocation so I can call the function &lt;code&gt;cat_strings&lt;/code&gt; directly.  Assume &lt;code&gt;cat_strings&lt;/code&gt; is part of a Python file full of utility functions that are used by other Python programs, hence why I don't have any &lt;code&gt;if __name__ == __main__&lt;/code&gt; business.&lt;/li&gt;
&lt;li&gt;I don't want to modify the Python file to &lt;code&gt;print a + b&lt;/code&gt; (instead of &lt;code&gt;return a + b&lt;/code&gt;); see the prior point about the function being part of a set of utility functions that ought to be callable by other Python code.&lt;/li&gt;
&lt;li&gt;The &lt;code&gt;cat_strings&lt;/code&gt; function is fictional and for demonstration purposes; the real function is something I don't want to simply reimplement in Go.  I really am interested in how I can call a Python function from Go and get the return value.&lt;/li&gt;
&lt;/ul&gt;</t>
  </si>
  <si>
    <t>2013-10-16 07:56:06.510000+00:00</t>
  </si>
  <si>
    <t>2013-10-16 12:10:32.540000+00:00</t>
  </si>
  <si>
    <t>2013-10-16 11:24:21.173000+00:00</t>
  </si>
  <si>
    <t>python|go</t>
  </si>
  <si>
    <t>Numpy - Regrid with Averaging redux</t>
  </si>
  <si>
    <t>&lt;p&gt;I'm trying to implement something similar to what was answered in &lt;a href="https://stackoverflow.com/questions/15316985/numpy-regrid-by-averaging"&gt;this post&lt;/a&gt; about regridding in python.  The question in that post involved regridding an array such that an output cell would contain the average of all the input cells that contributed to it.  The catch was that each input cell only (I think) contributes to one output cell - that is, there's no real way to account for the case where an input cell overlaps with two output cells.&lt;/p&gt;
&lt;p&gt;I'm wondering if there's a way to generalize that method to account for cell overlap - if, for example, I have two input bins which span from 0 to 1 and 1 to 2 and an output cell that spans 0.75 to 2, I would want to take some sort of weighted average to calculate the value in the output cell which recognizes that the input cell that spanned 1 to 2 should contribute roughly 4x more to the output cell than the one that spanned 0 to 1.&lt;/p&gt;
&lt;p&gt;This isn't interpolation, per se, but pretty much every method I've seen attempting to do something similar uses it.  The problem with just straight up interpolating with, eg, &lt;code&gt;np.interp&lt;/code&gt; is that this routine just ignores some of the points if more than one input cell contributes to an output cell.&lt;/p&gt;</t>
  </si>
  <si>
    <t>2013-05-08 16:01:34.383000+00:00</t>
  </si>
  <si>
    <t>2013-05-09 16:17:39.597000+00:00</t>
  </si>
  <si>
    <t>2017-05-23 10:32:09.900000+00:00</t>
  </si>
  <si>
    <t>python|numpy|average|weighted-average</t>
  </si>
  <si>
    <t>Aptana IDE - Add New Language</t>
  </si>
  <si>
    <t>&lt;p&gt;I'm starting to investigate Aptana's features. I come from a Dreamweaver background.&lt;br&gt;
Both have great qualities I need.  But Dreamweaver doesn't quite allow me to add a new development language into their list.  &lt;/p&gt;
&lt;p&gt;There's syntax highlighting for most of the coding languages I see: PHP, HTML, etc....
But I don't see all languages I need.  Like LUA.  &lt;/p&gt;
&lt;p&gt;Is it possible to add a new language type into Aptana, from a Preferences side?
Seems most IDE's don't allow for that kind of extensibility.  Which forces me to use multiple IDE's.   &lt;/p&gt;
&lt;p&gt;I'm not expecting a perfect IDE, but I would like to know if Aptana can go that far.&lt;/p&gt;</t>
  </si>
  <si>
    <t>2012-07-03 04:46:33.303000+00:00</t>
  </si>
  <si>
    <t>2012-07-11 05:28:39.317000+00:00</t>
  </si>
  <si>
    <t>aptana</t>
  </si>
  <si>
    <t>Level designing with Cocos2d and Box2d</t>
  </si>
  <si>
    <t>&lt;p&gt;I want to learn how to make levels using cocos2d and box2d (for iOS).&lt;br&gt;
I am talking about a 2d platformer such as Limbo or Braid or something like that. How can I design and build levels like this?&lt;/p&gt;
&lt;p&gt;I have seen Level Helper for cocos2d but its not free and I don't think it makes physic objects for box2d.  How is this accomplished in real games?&lt;/p&gt;
&lt;p&gt;How to make camera move with character and so on. Any starting points would be much appreciated.&lt;/p&gt;</t>
  </si>
  <si>
    <t>2012-11-02 10:58:46.017000+00:00</t>
  </si>
  <si>
    <t>2012-11-02 11:03:59.153000+00:00</t>
  </si>
  <si>
    <t>objective-c|ios|cocos2d-iphone|box2d|game-physics</t>
  </si>
  <si>
    <t>How to configure watch tasks in tasks.json?</t>
  </si>
  <si>
    <t>&lt;p&gt;How do I configure the following tasks to watch, rather than build?&lt;/p&gt;
&lt;p&gt;I'm quite new to this, and currently reading &lt;a href="https://code.visualstudio.com/docs/editor/tasks" rel="nofollow noreferrer"&gt;https://code.visualstudio.com/docs/editor/tasks&lt;/a&gt; which doesn't quite clearly state how to configure watch tasks in tasks.json. Then again, maybe watch tasks shouldn't be placed in tasks.json at all?&lt;/p&gt;
&lt;pre&gt;&lt;code&gt;{
    // See https://go.microsoft.com/fwlink/?LinkId=733558
    // for the documentation about the tasks.json format
    "version": "2.0.0",
    "tasks": [
        {
            "label": "Sass Compile",
            "type": "shell",
            "command": "node-sass popup.scss popup.css",
            "group": "build",
            "problemMatcher": [
                "$node-sass"
            ]
        },
        {
            "type": "typescript",
            "tsconfig": "tsconfig.json",
            "group": "build",
            "problemMatcher": [
                "$tsc"
            ]
        }
    ]
}
&lt;/code&gt;&lt;/pre&gt;
&lt;p&gt;Visual Studio Code version information:&lt;/p&gt;
&lt;pre&gt;&lt;code&gt;Version: 1.27.2
Commit: f46c4c469d6e6d8c46f268d1553c5dc4b475840f
Date: 2018-09-12T07:11:15.873Z
Electron: 2.0.7
Chrome: 61.0.3163.100
Node.js: 8.9.3
V8: 6.1.534.41
Architecture: x64
&lt;/code&gt;&lt;/pre&gt;</t>
  </si>
  <si>
    <t>2018-10-12 15:30:03.447000+00:00</t>
  </si>
  <si>
    <t>visual-studio-code</t>
  </si>
  <si>
    <t>Rest partial response using CXF 3 and Jackson</t>
  </si>
  <si>
    <t>&lt;p&gt;Has anyone implemented Rest partial response (&lt;a href="https://blog.apigee.com/detail/restful_api_design_can_your_api_give_developers_just_the_information" rel="nofollow"&gt;https://blog.apigee.com/detail/restful_api_design_can_your_api_give_developers_just_the_information&lt;/a&gt;) using JAX-RS 2 (CXF 3 and Jackson) ?&lt;/p&gt;</t>
  </si>
  <si>
    <t>2014-11-05 10:10:48.350000+00:00</t>
  </si>
  <si>
    <t>json|rest|jackson|cxf|jax-rs</t>
  </si>
  <si>
    <t>Activate Python program every 5 minutes?</t>
  </si>
  <si>
    <t>&lt;p&gt;Is there an easy way to get a python code segment to run every 5 minutes?&lt;/p&gt;
&lt;p&gt;I know I could do it using time.sleep() but was there any other way?&lt;/p&gt;
&lt;p&gt;For example I want to run this every 5 minutes:&lt;/p&gt;
&lt;pre&gt;&lt;code&gt;x = 0
def run_5():
    print "5 minutes later"
    global x += 5
    print x, "minutes since start"
&lt;/code&gt;&lt;/pre&gt;
&lt;p&gt;That's only a fake example but the idea is there.&lt;/p&gt;
&lt;p&gt;Any ideas?&lt;/p&gt;
&lt;p&gt;I am on linux and would happily use cron but was just wondering if there was a python alternative?&lt;/p&gt;</t>
  </si>
  <si>
    <t>2010-10-11 06:53:12.307000+00:00</t>
  </si>
  <si>
    <t>2010-10-11 07:09:04.713000+00:00</t>
  </si>
  <si>
    <t>2010-10-11 07:08:01.813000+00:00</t>
  </si>
  <si>
    <t>python|time</t>
  </si>
  <si>
    <t>Is it possible to combine recompose and react-apollo flow types</t>
  </si>
  <si>
    <t>&lt;p&gt;I use recompose &lt;code&gt;compose&lt;/code&gt; function to combine HOCs. Now I want to types this using flow type. As I'm not only use recompose function with &lt;code&gt;compose&lt;/code&gt; but also HOCs from other libraries I wonder if its even possible to type this: &lt;/p&gt;
&lt;pre&gt;&lt;code&gt;export type Response = { user: User }
export type Props = { user: User}
const userQuery: OperationComponent&amp;lt;
    Response,
    {},
    {},
    Props
&amp;gt; = graphql(UserQuery, {
    props: ({ data: { user } }) =&amp;gt; ({
        user,
    }),
})
const enhance: HOC&amp;lt;*, Props &amp;amp; {test: 'test'}&amp;gt; = compose(
  userQuery, 
  withProps()=&amp;gt; ({test: 'test'}
)
&lt;/code&gt;&lt;/pre&gt;
&lt;p&gt;At the moment I got :&lt;/p&gt;
&lt;pre&gt;&lt;code&gt;[flow] Cannot assign `compose(...)` to `enhance` because property `user`
is missing in object type [1] but exists in `Props` [2] in type 
argument `Props` [3] of the return value. (References: [1] [2] [3])
&lt;/code&gt;&lt;/pre&gt;
&lt;p&gt;&lt;code&gt;OperationComponent&lt;/code&gt; from react-apollo is defined like this: &lt;/p&gt;
&lt;pre&gt;&lt;code&gt;declare export interface OperationComponent&amp;lt;
    TResult: Object = {},
    TOwnProps: Object = {},
    TVariables: Object = {},
    TMergedProps: Object = ChildProps&amp;lt;TOwnProps, TResult, TVariables&amp;gt;
  &amp;gt; {
    (
      component: React$ComponentType&amp;lt;TMergedProps&amp;gt;
    ): React$ComponentType&amp;lt;TOwnProps&amp;gt;;
  }
&lt;/code&gt;&lt;/pre&gt;</t>
  </si>
  <si>
    <t>2018-08-09 07:17:14.903000+00:00</t>
  </si>
  <si>
    <t>flowtype|react-apollo|recompose|flow-typed</t>
  </si>
  <si>
    <t>Invalid syntax with else statement in python3</t>
  </si>
  <si>
    <t>&lt;p&gt;When I try to run my code it says I have invalid syntax with my else statement, but I can't figure out what's wrong.&lt;/p&gt;
&lt;pre&gt;&lt;code&gt;import random
import time
username = input("Hello.  Please enter your name, then press 'enter'.  
After you type something, you will need to /n"
                 "click the 'enter' key to send it")
print ("Hello " + username)
time.sleep(3)
game_tutorial_input = input("Do you wish to see the tutorial? (y/n)")
if game_tutorial_input == "y":
    print ("Great!  Press enter after each instruction to move /n" 
"onto the next one.")
    else
        print("Are you sure? (y/n")
&lt;/code&gt;&lt;/pre&gt;</t>
  </si>
  <si>
    <t>2018-09-02 01:26:06.207000+00:00</t>
  </si>
  <si>
    <t>2018-09-02 01:41:18.247000+00:00</t>
  </si>
  <si>
    <t>python|python-3.x|syntax</t>
  </si>
  <si>
    <t>Flagging records that meet a specific condition using SQL on a Firebird Database</t>
  </si>
  <si>
    <t>&lt;p&gt;I am currently working with a Firebird database and I am trying to identify/flag records&lt;br&gt;
that have a zero pos_buildcount value and where the previous record to the zero record   has a pos_buildcount value that is not 255. I can do it in excel but I want to do it in    a SQL query as excel can only deal with a certain amount of records. Essentially I want   my results to look like the following image:&lt;/p&gt;
&lt;p&gt;&lt;img src="https://i.stack.imgur.com/ttpCb.jpg" alt="Required Results"&gt;&lt;/p&gt;
&lt;p&gt;I have tried the following links to try select individual records but most solutions use   a id number which my database doesn't have (I don't know why) or the solutions use the   row_number() command which Firebird does not have.  &lt;/p&gt;
&lt;p&gt;&lt;a href="https://dba.stackexchange.com/questions/146657/selecting-the-last-record-that-meets-a-condition"&gt;Selecting the last record that meets a condition&lt;/a&gt;&lt;/p&gt;
&lt;p&gt;&lt;a href="https://stackoverflow.com/questions/710212/is-there-a-way-to-access-the-previous-row-value-in-a-select-statement"&gt;Is there a way to access the ���previous row��� value in a SELECT statement?&lt;/a&gt;&lt;/p&gt;</t>
  </si>
  <si>
    <t>2018-10-11 09:38:19.440000+00:00</t>
  </si>
  <si>
    <t>2018-10-12 16:27:50.453000+00:00</t>
  </si>
  <si>
    <t>2018-10-11 09:45:06.503000+00:00</t>
  </si>
  <si>
    <t>sql|firebird</t>
  </si>
  <si>
    <t>how to create a .cs file programmatically and use it at runtime</t>
  </si>
  <si>
    <t>&lt;pre&gt;&lt;code&gt;I want to create a .cs file and use it at same time. I tried using the StreamWriter like below code:
using (StreamWriter file = new StreamWriter(@"D:Sample\abc.cs"))
{
   file.WriteLine("Console.WriteLine(\"File created\")");
}
&lt;/code&gt;&lt;/pre&gt;
&lt;p&gt;But the problem here is I want to use this file(abc.cs) later in my code. This file has to be added specifically by right clicking the Project in solution explorer and then add existing item. Is there any way where I can create the file as well as use it in one go.? &lt;/p&gt;</t>
  </si>
  <si>
    <t>2018-02-06 05:57:46.220000+00:00</t>
  </si>
  <si>
    <t>file|runtime|creation</t>
  </si>
  <si>
    <t>Extreme performance degradation with JQuery and IE</t>
  </si>
  <si>
    <t>&lt;p&gt;I used the following query to select 2 elements by content:&lt;/p&gt;
&lt;pre&gt;&lt;code&gt;$('.a .b:contains("Padding Before"), .a .b:contains("Padding After")');
&lt;/code&gt;&lt;/pre&gt;
&lt;p&gt;This query was extremely slow and takes 2 seconds on my pc to execute. Without &lt;code&gt;:contains&lt;/code&gt; it will return a data set with only 11 elements.&lt;/p&gt;
&lt;p&gt;Then I tried to optimize it:&lt;/p&gt;
&lt;pre&gt;&lt;code&gt;$('.a .b:contains("Padding")'); // or similiar query, but the result set is the same - 2 elements
&lt;/code&gt;&lt;/pre&gt;
&lt;p&gt;I used internet explorer 10 for tests and I expected that after modification it will be executed 2 times faster.&lt;/p&gt;
&lt;p&gt;Instead of this, now it executed dozens or hundred times faster.&lt;/p&gt;
&lt;p&gt;So, how is it possible, that query concatenation have a such extreme impact on query performance?&lt;/p&gt;
&lt;p&gt;I can just make the same query 50-100 times faster if I do the same but with 2 queries:&lt;/p&gt;
&lt;pre&gt;&lt;code&gt;var n = $('.a .b:contains("Padding After")')
var m = $('.a .b:contains("Padding Before")');
&lt;/code&gt;&lt;/pre&gt;
&lt;p&gt;Is this a bug in JQuery 1.8.23 / IE or what is the reason for this performance degradation? On Chrome there is no such problems.&lt;/p&gt;</t>
  </si>
  <si>
    <t>2013-04-09 19:48:05.920000+00:00</t>
  </si>
  <si>
    <t>2013-04-09 20:53:07.817000+00:00</t>
  </si>
  <si>
    <t>javascript|jquery|performance|internet-explorer</t>
  </si>
  <si>
    <t>binding segmented button with master view list in sapui5</t>
  </si>
  <si>
    <t>&lt;p&gt;I want to bind segmented button in the master view list in the split container of SAPUI5 Apllication.&lt;/p&gt;
&lt;p&gt;This is my view :&lt;/p&gt;
&lt;pre&gt;&lt;code&gt;&amp;lt;SegmentedButton&amp;gt;
    &amp;lt;Button press="onSegButtonPress" selected="true" text="Products"/&amp;gt;
    &amp;lt;Button press="add_cust" text="Customer"/&amp;gt;
&amp;lt;/SegmentedButton&amp;gt;
&amp;lt;List id="list1" items="{path:'/CustomerMaster'}"&amp;gt;
    &amp;lt;items&amp;gt;
        &amp;lt;ObjectListItem type="Active" press="onListItemPress" number="{price}" title="{name}"/&amp;gt;
    &amp;lt;/items&amp;gt;
&amp;lt;/List&amp;gt;
&lt;/code&gt;&lt;/pre&gt;
&lt;p&gt;This is my code snippet from my controller at present.&lt;/p&gt;
&lt;p&gt;What do I write in the controller for event onSegButtonPress? And what changes do I need to make in the existing methods?&lt;/p&gt;
&lt;pre&gt;&lt;code&gt;onInit: function() {
    var omodel = new sap.ui.model.json.JSONModel();
    omodel.loadData("model/model.json");
    this.getView().byId("list1").setModel(omodel);
},
onSegButtonPress: function() {
},
onListItemPress: function(oEvent) {
    this.showDetails1(oEvent.getSource().getBindingContext().getPath());
},
showDetails1: function(detailPath) {
    var omodel = new sap.ui.model.json.JSONModel();
    omodel.loadData("model/model.json");
    this.getView().setModel(omodel);
    this.getView().bindElement({
        path: detailPath
    });
}
&lt;/code&gt;&lt;/pre&gt;</t>
  </si>
  <si>
    <t>2016-02-24 11:41:23.797000+00:00</t>
  </si>
  <si>
    <t>2016-02-24 13:16:58.070000+00:00</t>
  </si>
  <si>
    <t>javascript|xml|model-view-controller|sapui5</t>
  </si>
  <si>
    <t>Excel Sorting issue with cell references</t>
  </si>
  <si>
    <t>&lt;p&gt;I am having an issue where sorting on a sheet is causing an issue on another sheet where the data is referenced.
Here is an example to make it easy to understand:
Sheet 1!A1 has a list of random names, Sheet2!A1's formula is "=Sheet1!A1". I am adding new columns to Sheet2 such as B, C and D.
When I sort the values of Column A in Sheet 1, I see the sort order in Sheet2!A reflects the change, but not the columns B,C and D. How can I tie the Columns B,C and D, to column A in Sheet2?
&lt;a href="https://i.stack.imgur.com/TeqOZ.png" rel="nofollow noreferrer"&gt;&lt;img src="https://i.stack.imgur.com/TeqOZ.png" alt="enter image description here"&gt;&lt;/a&gt;&lt;/p&gt;
&lt;p&gt;Thank you in advance,
Gokalp&lt;/p&gt;</t>
  </si>
  <si>
    <t>2017-01-08 16:08:52.630000+00:00</t>
  </si>
  <si>
    <t>2017-01-08 19:14:52.593000+00:00</t>
  </si>
  <si>
    <t>2017-01-08 18:13:24.950000+00:00</t>
  </si>
  <si>
    <t>excel|sorting</t>
  </si>
  <si>
    <t>Get ASCII from char from string</t>
  </si>
  <si>
    <t>&lt;p&gt;I have a loop with &lt;code&gt;i&lt;/code&gt; incrementing through a string, and I want to print that character, but its ASCII code.&lt;/p&gt;
&lt;pre&gt;&lt;code&gt;myString = "90210";
for (int i = 0; i &amp;lt; myString.length(); i++) {
    System.out.println(myString.charAt(i));
}
&lt;/code&gt;&lt;/pre&gt;
&lt;p&gt;To output:&lt;/p&gt;
&lt;pre&gt;&lt;code&gt;57
48
50
49
48
&lt;/code&gt;&lt;/pre&gt;
&lt;p&gt;Obviously &lt;code&gt;charAt()&lt;/code&gt; doesn't do this, but I need another method to append to it to get my desired result.&lt;/p&gt;</t>
  </si>
  <si>
    <t>2014-03-09 00:12:37.130000+00:00</t>
  </si>
  <si>
    <t>2014-03-09 00:26:07.413000+00:00</t>
  </si>
  <si>
    <t>java|string|ascii</t>
  </si>
  <si>
    <t>Copy AD user's OU path for new user</t>
  </si>
  <si>
    <t>&lt;p&gt;So I've been creating a new user this way over active directory.  And I want to copy the OU path from the CName variable when the new user is created?  Is there a way I can replicate that OU path for the new user? &lt;/p&gt;
&lt;pre&gt;&lt;code&gt;$Props = (Get-ADUser -identity $CName -Properties MemberOf).MemberOf
    New-ADUser -SamAccountName $SName -UserPrincipalName ($Sname+" "+"@"+$Domain)  -GivenName $Fname -Name ($FName+" "+$LName) -Surname $LName -Email "$Email" -Path "OU=Administrators,OU=Domain,DC=domain,DC=local" -ChangePasswordAtLogon $true
&lt;/code&gt;&lt;/pre&gt;</t>
  </si>
  <si>
    <t>2015-03-27 10:53:45.787000+00:00</t>
  </si>
  <si>
    <t>2015-03-27 16:03:28.727000+00:00</t>
  </si>
  <si>
    <t>powershell|powershell-v3.0</t>
  </si>
  <si>
    <t>CodeIgniter Pagination Result Issues</t>
  </si>
  <si>
    <t>&lt;p&gt;I am trying to get this working but it's failing. &lt;/p&gt;
&lt;p&gt;I have orders that output onto the dashboard and wish to split into active orders &amp;amp; complete orders, which I have tabs to toggle between and need the pagination to treat them individually.&lt;/p&gt;
&lt;p&gt;Controller:&lt;/p&gt;
&lt;pre&gt;&lt;code&gt;public function index($offset = 0) 
{
    $total_rows_active = $this-&amp;gt;orders_m-&amp;gt;where_in('`status`', array('pending', 'processing', 'processed', 'shipping'))-&amp;gt;count_all();
    $total_rows_complete = $this-&amp;gt;orders_m-&amp;gt;where_in('`status`', array('complete'))-&amp;gt;count_all();
    $this-&amp;gt;data-&amp;gt;pagination_active = create_pagination('admin/store/index', $total_rows_active);
    $this-&amp;gt;data-&amp;gt;pagination_complete = create_pagination('admin/store/index', $total_rows_complete);
    // Using this data, get the relevant results
    $this-&amp;gt;data-&amp;gt;items_active = $this-&amp;gt;orders_m-&amp;gt;limit($this-&amp;gt;data-&amp;gt;pagination_active['limit'], $this-&amp;gt;data-&amp;gt;pagination_active['offset'])-&amp;gt;order_by('order_date','desc')-&amp;gt;get_all();
    $this-&amp;gt;data-&amp;gt;items_complete = $this-&amp;gt;orders_m-&amp;gt;limit($this-&amp;gt;data-&amp;gt;pagination_complete['limit'], $this-&amp;gt;data-&amp;gt;pagination_complete['offset'])-&amp;gt;order_by('order_date','desc')-&amp;gt;get_all();
    // here we use MY_Model's get_all() method to fetch everything
    //$this-&amp;gt;data-&amp;gt;items = $this-&amp;gt;orders_m-&amp;gt;limit(Settings::get('records_per_page'))-&amp;gt;offset($offset * Settings::get('records_per_page'))-&amp;gt;order_by('order_date','desc')-&amp;gt;get_all();
    //$this-&amp;gt;data-&amp;gt;pagination = create_pagination('admin/store/index', $this-&amp;gt;orders_m-&amp;gt;count_all());
    $this-&amp;gt;data-&amp;gt;check_stock_levels = $this-&amp;gt;stock_levels_m-&amp;gt;get_all();
    $this-&amp;gt;data-&amp;gt;stats = $this-&amp;gt;stats_m-&amp;gt;get_all();
    // Build the view with store/views/admin/items.php
    $this-&amp;gt;template-&amp;gt;title($this-&amp;gt;module_details['name'])
        /*-&amp;gt;append_metadata('&amp;lt;script type="text/javascript" src="https://www.google.com/jsapi"&amp;gt;&amp;lt;/script&amp;gt;')*/
        -&amp;gt;append_js('jquery/jquery.flot.js')
        -&amp;gt;append_js('module::stats.js')
        -&amp;gt;build('admin/dashboard', $this-&amp;gt;data);
}
&lt;/code&gt;&lt;/pre&gt;
&lt;p&gt;Model:&lt;/p&gt;
&lt;pre&gt;&lt;code&gt;public function get_all() 
{
    $this-&amp;gt;db-&amp;gt;select('store_orders.*, inv.email as customer_email');
    $this-&amp;gt;db-&amp;gt;select('trans.amount as payment, trans.status as payment_status, history.status as status', FALSE);
    $this-&amp;gt;db-&amp;gt;select('CONCAT(inv.first_name, " ", inv.last_name) as customer_name', FALSE);
    $this-&amp;gt;db-&amp;gt;select('CONCAT(ship.zip, ", ", ship.city, ", ", ship.address1, " ", ship.address2) AS shipping_address', FALSE);
    $this-&amp;gt;db-&amp;gt;select('CONCAT(inv.zip, ", ", inv.city, ", ", inv.address1, " ", inv.address2) AS billing_address', FALSE);
    $this-&amp;gt;db-&amp;gt;join('(SELECT `status`, `amount`, `order_id` FROM `'.$this-&amp;gt;db-&amp;gt;dbprefix('store_transactions').'` ORDER BY `timestamp` DESC) trans', $this-&amp;gt;db-&amp;gt;dbprefix('store_orders').'.id =     trans.`order_id`', 'left', FALSE);
    $this-&amp;gt;db-&amp;gt;join('(SELECT `status`, `date_added`, `order_id` FROM `'.$this-&amp;gt;db-&amp;gt;dbprefix('store_order_history').'` ORDER BY `date_added` DESC) history', $this-&amp;gt;db-&amp;gt;    dbprefix('store_orders').'.id = history.`order_id`', 'left', FALSE);
    $this-&amp;gt;db-&amp;gt;join('store_addresses ship', 'store_orders.delivery_address_id = ship.id', 'left');
    $this-&amp;gt;db-&amp;gt;join('store_addresses inv', 'store_orders.billing_address_id = inv.id', 'left');
    $this-&amp;gt;db-&amp;gt;group_by('store_orders.id');
    return parent::get_all();
}
&lt;/code&gt;&lt;/pre&gt;
&lt;p&gt;View:&lt;/p&gt;
&lt;pre&gt;&lt;code&gt;&amp;lt;div class="tabs"&amp;gt;
    &amp;lt;ul class="tab-menu"&amp;gt;
        &amp;lt;li&amp;gt;&amp;lt;a href="#active_orders"&amp;gt;&amp;lt;span&amp;gt;Active Orders&amp;lt;/span&amp;gt;&amp;lt;/a&amp;gt;&amp;lt;/li&amp;gt;
        &amp;lt;li&amp;gt;&amp;lt;a href="#complete_orders"&amp;gt;&amp;lt;span&amp;gt;Completed Orders&amp;lt;/span&amp;gt;&amp;lt;/a&amp;gt;&amp;lt;/li&amp;gt;
    &amp;lt;/ul&amp;gt;
    &amp;lt;div id="active_orders"&amp;gt;&amp;lt;?php print_r($items_active); ?&amp;gt;&amp;lt;?php if(!empty($pagination_active['links'])): ?&amp;gt;
        &amp;lt;div class="paginate"&amp;gt;
          &amp;lt;?php echo $pagination_active['links'];?&amp;gt;
        &amp;lt;/div&amp;gt;
    &amp;lt;?php endif; ?&amp;gt;
    &amp;lt;/div&amp;gt;
    &amp;lt;div id="complete_orders"&amp;gt;&amp;lt;?php print_r($items_complete); ?&amp;gt;&amp;lt;?php if(!empty($pagination_complete['links'])): ?&amp;gt;
        &amp;lt;div class="paginate"&amp;gt;
            &amp;lt;?php echo $pagination_complete['links'];?&amp;gt;
        &amp;lt;/div&amp;gt;
        &amp;lt;?php endif; ?&amp;gt;
    &amp;lt;/div&amp;gt;
&amp;lt;/div&amp;gt;
&lt;/code&gt;&lt;/pre&gt;</t>
  </si>
  <si>
    <t>2014-07-30 01:06:10.383000+00:00</t>
  </si>
  <si>
    <t>2014-07-31 14:50:01.903000+00:00</t>
  </si>
  <si>
    <t>2014-07-30 23:20:01.763000+00:00</t>
  </si>
  <si>
    <t>php|codeigniter|pagination</t>
  </si>
  <si>
    <t>multiple or conditions in if else statements best way oracle pl sql</t>
  </si>
  <si>
    <t>&lt;p&gt;I have below scenario where i have to check multiple or conditions to check if local varibale should not be equal to A, B, C, D and so on. Obviously real values are different than I refered here. I want to know which one is the best from below or any other possible way:&lt;/p&gt;
&lt;pre&gt;&lt;code&gt;IF(condition1 AND (myLocalVAr NOT IN ('A','B','C','D','E','F') ) ) THEN
----
--
END IF;
&lt;/code&gt;&lt;/pre&gt;
&lt;p&gt;or &lt;/p&gt;
&lt;pre&gt;&lt;code&gt;IF(condition1 AND (myLocalVAr &amp;lt;&amp;gt; 'A' AND myLocalVAr &amp;lt;&amp;gt; 'B' AND myLocalVAr &amp;lt;&amp;gt; 'C'--'D'--'E'--'F' --so on) ) ) THEN
----
--
END IF; 
&lt;/code&gt;&lt;/pre&gt;</t>
  </si>
  <si>
    <t>2016-08-29 14:08:42.063000+00:00</t>
  </si>
  <si>
    <t>2016-08-29 23:18:06.620000+00:00</t>
  </si>
  <si>
    <t>2016-08-29 14:55:36.510000+00:00</t>
  </si>
  <si>
    <t>oracle|if-statement|plsql</t>
  </si>
  <si>
    <t>Testing Django model choices in templates</t>
  </si>
  <si>
    <t>&lt;p&gt;Say I have a model like:&lt;/p&gt;
&lt;pre&gt;&lt;code&gt;from django.db import models
USER_TYPE_CHOICES = (
    (1, 'Free'),
    (2, 'Paid'),
)
class Account(models.Model):
    name = models.CharField(max_length=20)
    user_type = models.IntegerField(default=1, choices=TYPE_CHOICES)
&lt;/code&gt;&lt;/pre&gt;
&lt;p&gt;and in a template I want to test the user_type to show a special section if the user is of type 'Paid'.&lt;/p&gt;
&lt;p&gt;I'd like to do something similar to a C #define or constant to test user_type.  So my template code would look like:&lt;/p&gt;
&lt;pre&gt;&lt;code&gt;{% ifequal user_type PAID_ACCOUNT %}
&lt;/code&gt;&lt;/pre&gt;
&lt;p&gt;instead of using a magic number like:&lt;/p&gt;
&lt;pre&gt;&lt;code&gt;{% ifequal user_type 2 %}
&lt;/code&gt;&lt;/pre&gt;
&lt;p&gt;What is the most elegant way to do this in Django?  Should I just define a custom context processor with FREE_ACCOUNT and PAID_ACCOUNT in it?  Perhaps a template tag?&lt;/p&gt;
&lt;p&gt;Thank you!&lt;/p&gt;</t>
  </si>
  <si>
    <t>2010-01-10 00:45:19.577000+00:00</t>
  </si>
  <si>
    <t>2011-02-27 22:20:16.493000+00:00</t>
  </si>
  <si>
    <t>django|django-models|django-templates</t>
  </si>
  <si>
    <t>PostAsync after execution immediately returns from where inherited</t>
  </si>
  <si>
    <t>&lt;p&gt;I'm trying to add a face to the faceset in Face++ API. But when I try to make an HTTP post request, it fails on PostAsync method. It just immediately returns to where it was inherited from. As in my example, after executing &lt;code&gt;var response = await client.PostAsync(addUrl, formData)&lt;/code&gt;, it immediately returns to the Main method, giving me no response at all. Tried to &lt;code&gt;.ConfigureAwait(false)&lt;/code&gt;, but it didn't help. Maybe you have some ideas why this is happening?&lt;/p&gt;
&lt;p&gt;Documentation of the API: &lt;a href="https://console.faceplusplus.com/documents/40622182" rel="nofollow noreferrer"&gt;https://console.faceplusplus.com/documents/40622182&lt;/a&gt;&lt;/p&gt;
&lt;p&gt;API:&lt;/p&gt;
&lt;pre&gt;&lt;code&gt;   public async Task&amp;lt;string&amp;gt; AddFace(string faceToken)
    {
        try
        {
            HttpContent keyContent = new StringContent(Keys.apiKey);
            HttpContent secretContent = new StringContent(Keys.apiSecret);
            HttpContent facesetTokenContent = new StringContent(facesetToken);
            HttpContent faceTokenContent = new StringContent(faceToken);
            using (var formData = new MultipartFormDataContent())
            {
                formData.Add(keyContent, "api_key");
                formData.Add(secretContent, "api_secret");
                formData.Add(facesetTokenContent, "faceset_token");
                formData.Add(faceTokenContent, "face_tokens");
                var response = await client.PostAsync(addUrl, formData).ConfigureAwait(false);
                string responseString = await response.Content.ReadAsStringAsync().ConfigureAwait(false);
                return responseString;
            }
        }
        catch (Exception e)
        {
            Console.WriteLine(e);
            return null;
        }
    }
&lt;/code&gt;&lt;/pre&gt;
&lt;p&gt;MAIN:&lt;/p&gt;
&lt;pre&gt;&lt;code&gt;    static void Main()
    {
        Bitmap b = new Bitmap(@"C:\dev\ProtingaVizija\SmartVision\d.jpg");
        FaceRecognition fr = new FaceRecognition();
        var face = JsonConvert.DeserializeObject&amp;lt;AnalyzedFaces&amp;gt;(fr.AnalyzeImage(b));
        string faceToken = face.faces[0].face_token;
        Faceset fs = new Faceset("d8d6679e5b37c2612e420f94f0225159");
        fs.AddFace(faceToken);
        string x = fs.GetDetail().Result;
        Application.EnableVisualStyles();
        Application.SetCompatibleTextRenderingDefault(false);
        Application.Run(new FormFaceDetection());
    }
&lt;/code&gt;&lt;/pre&gt;</t>
  </si>
  <si>
    <t>2018-10-01 16:17:24.293000+00:00</t>
  </si>
  <si>
    <t>2018-10-01 16:30:15.713000+00:00</t>
  </si>
  <si>
    <t>c#|multithreading|async-await|face-recognition</t>
  </si>
  <si>
    <t>Get alias of model association alias in CakePHP</t>
  </si>
  <si>
    <t>&lt;p&gt;I'm using CakePHP 2.6.3.&lt;/p&gt;
&lt;p&gt;I have multiple associations to the same model and I'd like to apply some slightly different beforeValidate() logic depending on which association it is. I thought that in the model &lt;code&gt;$this-&amp;gt;alias&lt;/code&gt; would update with the alias name of the association, but it only seems to be the class name.&lt;/p&gt;
&lt;p&gt;Using the &lt;a href="http://book.cakephp.org/2.0/en/models/associations-linking-models-together.html#multiple-relations-to-the-same-model" rel="nofollow"&gt;Multiple Relations to Same Model&lt;/a&gt; example in the cookbook, how could I tell whether the Sender (User model) or the Recipient (User model) is being validated?&lt;/p&gt;
&lt;pre&gt;&lt;code&gt;function beforeValidate($options = array()) {
    if ($association == 'Sender') {
        // do something
    } else {
        // do something different
    }
}
&lt;/code&gt;&lt;/pre&gt;</t>
  </si>
  <si>
    <t>2015-04-27 18:02:18.493000+00:00</t>
  </si>
  <si>
    <t>2015-04-27 18:43:42.937000+00:00</t>
  </si>
  <si>
    <t>cakephp</t>
  </si>
  <si>
    <t>Url Encode issue in coldfusion</t>
  </si>
  <si>
    <t>&lt;p&gt;I am working on a project that I need to pass a string as a url variable. The issue I am haveing is when the strings are being pulled from a database, and contain characters that have to be encoded. When decoding on the other side they drop off after characters like &amp;amp; and +&lt;/p&gt;
&lt;p&gt;I can get it to encode and decode properly if I set the string manually... is there a fix or am I doing something wrong.&lt;/p&gt;
&lt;p&gt;So for instance If on my encoding page I enter this:&lt;/p&gt;
&lt;pre&gt;&lt;code&gt;&amp;lt;a href="javascript:ColdFusion.navigate('/jobs/jobTypes.cfm?desc=#encodeForUrl(jobList.list_desc)#', 'center')"&amp;gt;Type |&amp;lt;/a&amp;gt;
&lt;/code&gt;&lt;/pre&gt;
&lt;p&gt;joblist.list_desc is pulling the desc from a cfc that gets the description of a job type and lets say that the description its pulling is "Excavation &amp;amp; Plumbing"&lt;/p&gt;
&lt;p&gt;And My recieving page is set up like this:&lt;/p&gt;
&lt;pre&gt;&lt;code&gt;&amp;lt;cfoutput&amp;gt;
    &amp;lt;table&amp;gt;
         &amp;lt;tr&amp;gt;
            &amp;lt;td width="60%" valign="top" class="subpagetitle"&amp;gt;
                 #decodeFromUrl(url.desc)#
            &amp;lt;/td&amp;gt;
         &amp;lt;/tr&amp;gt;
    &amp;lt;/table&amp;gt;
&amp;lt;/cfoutput&amp;gt;
&lt;/code&gt;&lt;/pre&gt;
&lt;p&gt;It just outputs "Excavation "&lt;/p&gt;
&lt;p&gt;Now if I set the string manually like this:&lt;/p&gt;
&lt;pre&gt;&lt;code&gt;&amp;lt;a href="javascript:ColdFusion.navigate('/jobs/jobTypes.cfm?desc=#encodeForUrl(Excavation &amp;amp; Plumbing)#', 'center')"&amp;gt;Type |&amp;lt;/a&amp;gt;
&lt;/code&gt;&lt;/pre&gt;
&lt;p&gt;Then the url will decode that and out put it like it should be. "Excavation &amp;amp; Plumbing"&lt;/p&gt;
&lt;p&gt;If I have it pull a description with out the &amp;amp; in the description it works fine. It will encode and decode spaces, - _ '" all kinds of symbols... I only have this issue when someone has saved a description with the + and &amp;amp; and only when it pulls from the database.&lt;/p&gt;</t>
  </si>
  <si>
    <t>2018-09-19 18:35:45.567000+00:00</t>
  </si>
  <si>
    <t>2018-09-24 07:12:00.963000+00:00</t>
  </si>
  <si>
    <t>coldfusion|urlencode|urldecode</t>
  </si>
  <si>
    <t>How to compare a file with a commit from X versions ago</t>
  </si>
  <si>
    <t>&lt;p&gt;To compare a file with a certain commit that is not the current HEAD, I call &lt;code&gt;git log&lt;/code&gt;, note the commit hash and then call &lt;code&gt;git diff &amp;lt;hash&amp;gt; filename&lt;/code&gt;. &lt;/p&gt;
&lt;p&gt;Is there a way to use the diff command like this: &lt;code&gt;git diff -&amp;lt;x_commits_back&amp;gt; filename&lt;/code&gt; and compare the file with a version from &lt;code&gt;x&lt;/code&gt; versions ago?&lt;/p&gt;
&lt;p&gt;Thank you  &lt;/p&gt;</t>
  </si>
  <si>
    <t>2012-07-19 11:06:45.160000+00:00</t>
  </si>
  <si>
    <t>2012-07-19 11:18:50.390000+00:00</t>
  </si>
  <si>
    <t>git|diff</t>
  </si>
  <si>
    <t>Wordpress while loop to only get certain term from a custom taxonomy</t>
  </si>
  <si>
    <t>&lt;p&gt;I am trying to create a custom page template that pulls through a list of posts under a single taxonomy term.&lt;/p&gt;
&lt;p&gt;I have a custom post type (download)
and a custom taxonomy (download_type)&lt;/p&gt;
&lt;p&gt;I want the following code to only pull through posts within the term 'mockup' from the download_type taxonomy.&lt;/p&gt;
&lt;pre&gt;&lt;code&gt;&amp;lt;?php $args = array (
'post_type' =&amp;gt; 'download'
);
$the_query = new WP_Query($args);
?&amp;gt;
&amp;lt;?php $i = 1; ?&amp;gt;
&amp;lt;?php  if ($the_query-&amp;gt;have_posts() ): while ($the_query-&amp;gt;have_posts() &amp;amp;&amp;amp; $i &amp;lt; 5) :$the_query-&amp;gt;the_post(); ?&amp;gt;
&amp;lt;a href="&amp;lt;?php the_permalink(); ?&amp;gt;"&amp;gt;
&amp;lt;div class="fullwidth_download" style="background-image: url('&amp;lt;?php the_post_thumbnail_url(); ?&amp;gt;')"&amp;gt;
&amp;lt;div class="item_meta"&amp;gt;
&amp;lt;h2&amp;gt;&amp;lt;?php the_title(); ?&amp;gt;&amp;lt;/h2&amp;gt;
&amp;lt;h3 class="item_price"&amp;gt;��&amp;lt;?php the_field('item_price'); ?&amp;gt;&amp;lt;/h3&amp;gt;
&amp;lt;?php
// vars 
$file_type = get_field('file_type');
// check
if( $file_type ): ?&amp;gt;
&amp;lt;ul class="file_types"&amp;gt;
&amp;lt;?php foreach( $file_type as $file_type ): ?&amp;gt;
&amp;lt;li&amp;gt;&amp;lt;?php echo $file_type; ?&amp;gt;&amp;lt;/li&amp;gt;
&amp;lt;?php endforeach; ?&amp;gt;
&amp;lt;/ul&amp;gt;
&amp;lt;/div&amp;gt;
&amp;lt;?php endif; ?&amp;gt;
&lt;/code&gt;&lt;/pre&gt;</t>
  </si>
  <si>
    <t>2018-04-26 15:16:04.830000+00:00</t>
  </si>
  <si>
    <t>2018-04-26 15:22:22.933000+00:00</t>
  </si>
  <si>
    <t>php|wordpress|taxonomy</t>
  </si>
  <si>
    <t>Reverse array with recursion in C programming</t>
  </si>
  <si>
    <t>&lt;p&gt;I was having some problem when trying to do a reverse array using recursion. Here is the function prototype:&lt;/p&gt;
&lt;pre&gt;&lt;code&gt;void rReverseAr(int ar[ ], int size); 
&lt;/code&gt;&lt;/pre&gt;
&lt;p&gt;And here is my code:&lt;/p&gt;
&lt;pre&gt;&lt;code&gt;int main()
{
    int ar[10], size, i;
    printf("Enter array size: ");
    scanf("%d", &amp;amp;size);
    printf("Enter %d numbers: ", size);
    for (i = 0; i&amp;lt;size; i++)
        scanf("%d", &amp;amp;ar[i]);
    rReverseAr(ar, size);
    printf("rReverseAr(): ");
    for (i = 0; i&amp;lt;size; i++)
        printf("%d ", ar[i]);
    return 0;
}
void rReverseAr(int ar[], int size) {
    int start = 0, end = size - 1, temp;
    if (start &amp;lt; end) {
        temp = ar[start];
        ar[start] = ar[end];
        ar[end] = temp;
        start++;
        end--;
        rReverseAr(ar, size - 1);
    }       
}
&lt;/code&gt;&lt;/pre&gt;
&lt;p&gt;The expected output should be when user entered &lt;code&gt;1 2 3&lt;/code&gt; and it supposed to return &lt;code&gt;3 2 1&lt;/code&gt;. However, with these code, the output that I am getting is &lt;code&gt;2 3 1&lt;/code&gt;. &lt;/p&gt;
&lt;p&gt;Any ideas?&lt;/p&gt;</t>
  </si>
  <si>
    <t>2015-09-26 11:41:21.050000+00:00</t>
  </si>
  <si>
    <t>2017-12-27 13:48:35.253000+00:00</t>
  </si>
  <si>
    <t>2015-09-26 11:43:52.563000+00:00</t>
  </si>
  <si>
    <t>c|arrays|recursion|reverse</t>
  </si>
  <si>
    <t>Changing HTML in WordPress footer widget</t>
  </si>
  <si>
    <t>&lt;p&gt;My WordPress theme &lt;code&gt;Lumin&lt;/code&gt; will not allow the footer widget to show on the index page so I went into the editor and copied and pasted the footer code, ok that's fine. I found out that one of the links that is in the 'Links' widget in the footer widget is not pointing to the right page so I changed it in the footer.php file and it only updated the footer on my main page.&lt;/p&gt;
&lt;p&gt;The rest of my pages are still going off of the footer widget, not the footer.php file. I used Firebug to get the code that I needed to change footer.php so that was easy, but now I can't figure out where the code of the actual widget is so that I can update that one link.&lt;/p&gt;
&lt;p&gt;I have tried updating all the files in the editor where it says &lt;code&gt;&amp;lt;? php get_footer(); ?&amp;gt;&lt;/code&gt; and replacing it with the actual footer html I got from firebug and nothing is happening on any of my pages.&lt;/p&gt;
&lt;p&gt;My WordPress site is &lt;a href="http://www.onlinefxdealer.com" rel="nofollow"&gt;http://www.onlinefxdealer.com&lt;/a&gt; if you want to check it out yourself. It is that first footer that says &lt;code&gt;Contributors&lt;/code&gt;....the 2nd link for &lt;code&gt;FX Market Commentary&lt;/code&gt;. I need it to point to &lt;code&gt;http://feeds.feedburner.com/FxMarketCommentary&lt;/code&gt; and on every page, but the index, it points to &lt;code&gt;www.cmegroup.comcommentary-fx.rss&lt;/code&gt;&lt;/p&gt;
&lt;p&gt;Any ideas?&lt;/p&gt;</t>
  </si>
  <si>
    <t>2011-12-15 16:07:15.297000+00:00</t>
  </si>
  <si>
    <t>2011-12-15 17:07:31.390000+00:00</t>
  </si>
  <si>
    <t>2011-12-15 16:18:51.697000+00:00</t>
  </si>
  <si>
    <t>html|wordpress|widget</t>
  </si>
  <si>
    <t>gem cleanup unable to remove bundler</t>
  </si>
  <si>
    <t>&lt;p&gt;Should I just ignore this error, while performing a gem cleanup?&lt;/p&gt;
&lt;pre&gt;&lt;code&gt;gem cleanup
Cleaning up installed gems...
Attempting to uninstall bundler-1.2.3
Unable to uninstall bundler-1.2.3:
    Gem::InstallError: gem "bundler" is not installed
Clean Up Complete
&lt;/code&gt;&lt;/pre&gt;</t>
  </si>
  <si>
    <t>2013-03-02 17:27:51.163000+00:00</t>
  </si>
  <si>
    <t>2013-08-01 21:01:03.120000+00:00</t>
  </si>
  <si>
    <t>ruby-on-rails|gem</t>
  </si>
  <si>
    <t>How to add a path with spaces as an arguments to CreateProcess batch file?</t>
  </si>
  <si>
    <t>&lt;p&gt;I am trying to pass an argument with a space in i to a batch file I run via CreateProcess(). How do I specify that the entire object is an argument?&lt;/p&gt;
&lt;pre&gt;&lt;code&gt;std::wstring args = TEXT("/C \"C:\\setup.bat\" C:\\TEST TEST");
&lt;/code&gt;&lt;/pre&gt;
&lt;p&gt;In the example above, my batch file reads the first argument as C:\TEST.&lt;/p&gt;
&lt;p&gt;And, this does not work (batch file exits immediately and does not run):&lt;/p&gt;
&lt;pre&gt;&lt;code&gt;std::wstring args = TEXT("/C \"C:\\setup.bat\" \"C:\\TEST TEST\"");
&lt;/code&gt;&lt;/pre&gt;
&lt;p&gt;Here is the entire code:&lt;/p&gt;
&lt;pre&gt;&lt;code&gt;#include &amp;lt;iostream&amp;gt;
#define WINDOWS_LEAN_AND_MEAN
#include &amp;lt;Windows.h&amp;gt;
#include &amp;lt;strsafe.h&amp;gt;
#include &amp;lt;string&amp;gt;
#include &amp;lt;UserEnv.h&amp;gt;
#include &amp;lt;vector&amp;gt;
#define BUFSIZE 4096
#pragma comment(lib, "userenv.lib")
std::wstring GetEnvString()
{
    wchar_t* env = GetEnvironmentStrings();
    if (!env)
    {
        abort();
    }
    const wchar_t* var = env;
    size_t total_len = 0;
    size_t len;
    while ((len = wcslen(var)) &amp;gt; 0)
    {
        total_len += len + 1;
        var += len + 1;
    }
    std::wstring result(env, total_len);
    FreeEnvironmentStrings(env);
    return result;
}
int main()
{
    LPVOID env;
    if (!CreateEnvironmentBlock(&amp;amp;env, NULL, FALSE))
    {
        std::cout &amp;lt;&amp;lt; "FAILURE" &amp;lt;&amp;lt; std::endl;
        system("PAUSE");
        abort();
    }
    PROCESS_INFORMATION pi;
    memset(&amp;amp;pi, 0, sizeof(pi));
    STARTUPINFO si;
    memset(&amp;amp;si, 0, sizeof(si));
    si.cb = sizeof(si);
    std::wstring program = TEXT("C:\\Windows\\System32\\cmd.exe");
    std::wstring args = TEXT("/C");
    args.append(TEXT(" \"C:\\setup.bat\""));
    args.append(TEXT(" C:\TEST TEST"));
    std::vector&amp;lt;wchar_t&amp;gt; buf(args.begin(), args.end());
    buf.push_back(0);
    if (!CreateProcess(program.c_str(), buf.data(), NULL, NULL, FALSE, CREATE_UNICODE_ENVIRONMENT, env, NULL, &amp;amp;si, &amp;amp;pi))
    {
        std::cout &amp;lt;&amp;lt; "FAILURE" &amp;lt;&amp;lt; std::endl;
        system("pause");
        abort();
    }
    WaitForSingleObject(pi.hProcess, INFINITE);
    CloseHandle(pi.hProcess);
    CloseHandle(pi.hThread);
    DestroyEnvironmentBlock(env);
    if (!CreateEnvironmentBlock(&amp;amp;env, NULL, FALSE))
    {
        std::cout &amp;lt;&amp;lt; "FAILURE" &amp;lt;&amp;lt; std::endl;
        abort();
    }
    return 0;
}
&lt;/code&gt;&lt;/pre&gt;</t>
  </si>
  <si>
    <t>2014-09-19 18:23:59.593000+00:00</t>
  </si>
  <si>
    <t>2014-09-19 20:08:11.603000+00:00</t>
  </si>
  <si>
    <t>2014-09-19 19:06:40.983000+00:00</t>
  </si>
  <si>
    <t>c++|batch-file|arguments|createprocess</t>
  </si>
  <si>
    <t>Are there any nearest neighbor data structures using a user provided hint?</t>
  </si>
  <si>
    <t>&lt;p&gt;I am looking for a data structure holding vectors in &lt;code&gt;R^n&lt;/code&gt; which could perform nearest neighbor queries using a user provided hint as to which vector is likely to be close to the query. For example:&lt;/p&gt;
&lt;pre&gt;&lt;code&gt;class NearestNeighborStructure;
...
NearestNeighborStructure structure;
Vector vec1 = {1,0,0};
Vector vec2 = {1,1,0};
Vector vec3 = {1,1,1};
structure.insert(vec1);
structure.insert(vec2);
structure.insert(vec3);
&lt;/code&gt;&lt;/pre&gt;
&lt;p&gt;Now let us suppose that I want to find the nearest neighbor to &lt;/p&gt;
&lt;pre&gt;&lt;code&gt;Vector query = {0,0,0};
&lt;/code&gt;&lt;/pre&gt;
&lt;p&gt;and for some cryptic reason I believe that &lt;code&gt;vec2&lt;/code&gt; is quite close to &lt;code&gt;query&lt;/code&gt;. So I call:&lt;/p&gt;
&lt;pre&gt;&lt;code&gt;Vector nn = structure.findNNusingHint(query, vec2);  // vec2 is a hint
assert(nn == vec1); // vec1 is the correct nearest neighbor
&lt;/code&gt;&lt;/pre&gt;
&lt;p&gt;The data structure should make use of the hint I provided. It should improve upon it until it gets the true nearest neighbor.&lt;/p&gt;
&lt;p&gt;Bonus points if the structure supports insertions and deletions.&lt;/p&gt;
&lt;p&gt;EDIT:&lt;/p&gt;
&lt;p&gt;I am looking for structures that can compute the nearest neighbor in sublinear time. At least in some cases. Something like &lt;a href="http://en.wikipedia.org/wiki/K-d_tree" rel="nofollow"&gt;k-d trees&lt;/a&gt; or &lt;a href="http://en.wikipedia.org/wiki/Cover_tree" rel="nofollow"&gt;cover trees&lt;/a&gt;.&lt;/p&gt;
&lt;p&gt;My problem has these characteristics:&lt;/p&gt;
&lt;ol&gt;
&lt;li&gt;Dimensionality too high for k-d trees (5 - 50 dimensions)&lt;/li&gt;
&lt;li&gt;Frequent insertions and deletions&lt;/li&gt;
&lt;li&gt;I always have a good guess as to which vector is near to the query&lt;/li&gt;
&lt;/ol&gt;
&lt;p&gt;I want to use this structure in an &lt;a href="http://en.wikipedia.org/wiki/Evolutionary_algorithm" rel="nofollow"&gt;evolutionary algorithm&lt;/a&gt; used for continuous &lt;a href="http://en.wikipedia.org/wiki/Mathematical_optimization" rel="nofollow"&gt;mathematical optimization&lt;/a&gt;. The algorithm contains a large population of candidate solutions. Each solution should be aware of its surroundings in this algorithm. &lt;/p&gt;
&lt;p&gt;New candidate solutions are created by slightly modifying existing solutions. That is the existing solution out of which the new solution is created is the hint I want to use.&lt;/p&gt;</t>
  </si>
  <si>
    <t>2013-08-23 07:02:07.447000+00:00</t>
  </si>
  <si>
    <t>2013-08-24 13:53:32.280000+00:00</t>
  </si>
  <si>
    <t>2013-08-23 08:36:14.667000+00:00</t>
  </si>
  <si>
    <t>c++|algorithm|data-structures|computational-geometry|nearest-neighbor</t>
  </si>
  <si>
    <t>context not calling performblock</t>
  </si>
  <si>
    <t>&lt;p&gt;&lt;a href="http://www.fileconvoy.com/dfl.php?id=g021ae486d8d8acb3999343609097fcba7f7befa53" rel="nofollow"&gt;http://www.fileconvoy.com/dfl.php?id=g021ae486d8d8acb3999343609097fcba7f7befa53&lt;/a&gt;&lt;/p&gt;
&lt;p&gt;this is the link to an assignment app which i got for my homework it most of its concepts taken from the stanford cs193p course as iam studing that too, this app has 3 modules 
1 camera
2 map
3 contacts&lt;/p&gt;
&lt;p&gt;the camera and map modules are working fine not as hoped but fine cut in the contacts module I
am using core data model to store contacts from contacts directory which you'll see when you run the app.&lt;/p&gt;
&lt;p&gt;Now the problem is that my view adds the contacts to the core data but they are not showing in the table so when i tried to debug the application i saw that the method
[self.managedObjectContext performBlockAndWait:^{}];&lt;/p&gt;
&lt;p&gt;is not calling the block of code inside it thats why the data is not even getting saved in the data model let alone show in table.&lt;/p&gt;
&lt;p&gt;very very thanks in advance...&lt;/p&gt;
&lt;pre&gt;&lt;code&gt;NSURL *url = [[[NSFileManager defaultManager] URLsForDirectory:NSDocumentDirectory inDomains:NSUserDomainMask] lastObject];
url = [url URLByAppendingPathComponent:@"Demo Document"];
UIManagedDocument *document = [[UIManagedDocument alloc] initWithFileURL:url];
if (![[NSFileManager defaultManager] fileExistsAtPath:[url path]]) {
    [document saveToURL:url
       forSaveOperation:UIDocumentSaveForCreating
      completionHandler:^(BOOL success) {
          if (success) {
              self.managedObjectContext = document.managedObjectContext;
          }
      }];
} else if (document.documentState == UIDocumentStateClosed) {
    [document openWithCompletionHandler:^(BOOL success) {
        if (success) {
            self.managedObjectContext = document.managedObjectContext;
        }
    }];
} else {
    self.managedObjectContext = document.managedObjectContext;
}
if(self.managedObjectContext==nil)
    NSLog(@"nil object");
&lt;/code&gt;&lt;/pre&gt;</t>
  </si>
  <si>
    <t>2013-08-04 21:09:18.960000+00:00</t>
  </si>
  <si>
    <t>2013-08-04 21:25:29.920000+00:00</t>
  </si>
  <si>
    <t>iphone|ios|objective-c|xcode|core-data</t>
  </si>
  <si>
    <t>Convert milliseconds into day,hour,minute and second iOS?</t>
  </si>
  <si>
    <t>&lt;p&gt;I need to convert an milliseconds into Days, Hours, Minutes Second.&lt;/p&gt;
&lt;p&gt;ex: 5 Days, 4 hours, 13 minutes, 1 second.&lt;/p&gt;
&lt;p&gt;Thanks&lt;/p&gt;</t>
  </si>
  <si>
    <t>2016-03-03 11:51:35.080000+00:00</t>
  </si>
  <si>
    <t>2016-03-03 14:52:27.737000+00:00</t>
  </si>
  <si>
    <t>ios|date|date-arithmetic</t>
  </si>
  <si>
    <t>how to create visual qr code in php and not simple qr code</t>
  </si>
  <si>
    <t>&lt;p&gt;Dont know is this possible or not ? how to create visual qr code in php. Main thing i am asking visual qr code not Simple qr code..&lt;/p&gt;
&lt;p&gt;I know how to create simple qr code. But I want to create visual qr code&lt;/p&gt;</t>
  </si>
  <si>
    <t>2017-03-21 08:05:15.477000+00:00</t>
  </si>
  <si>
    <t>php|qr-code</t>
  </si>
  <si>
    <t>Interpolate single value from time series</t>
  </si>
  <si>
    <t>&lt;p&gt;I have a relatively large (~300 MB) set of geolocation data, where the format is&lt;/p&gt;
&lt;pre&gt;&lt;code&gt;Timestamp, id, type, x, y
&lt;/code&gt;&lt;/pre&gt;
&lt;p&gt;With the following data types:&lt;/p&gt;
&lt;pre&gt;&lt;code&gt;In[7]: df.dtypes
Out[7]: 
Timestamp    datetime64[ns]
id                    int64
type                 object
X                     int64
Y                     int64
dtype: object
&lt;/code&gt;&lt;/pre&gt;
&lt;p&gt;Each id corresponds to a particular user, and each person has several hundred points recorded across the day.&lt;/p&gt;
&lt;p&gt;I want to create a plot showing where everyone is at a certain second. So I need 1 point for every id. However, the data is somewhat sparse, and it's unlikely there's a data point that correlates precisely with that second. I want to approximate by interpolating between the closest two points.&lt;/p&gt;
&lt;p&gt;Between data points, I'm assuming people move linearly, so that if we know the location at 8:31:10 and 8:31:50, then at 8:31:30 they should be exactly halfway between the two locations, and at 8:31:11 they should be 1/40th of the way between the points (so interpolating as described here: &lt;a href="https://stackoverflow.com/questions/25246842/pandas-data-frame-resample-with-linear-interpolation?lq=1"&gt;Pandas data frame: resample with linear interpolation&lt;/a&gt;)&lt;/p&gt;
&lt;p&gt;I'm thinking the basic process would be:&lt;/p&gt;
&lt;ul&gt;
&lt;li&gt;loop through each id:
&lt;ul&gt;
&lt;li&gt;get filter data for that id&lt;/li&gt;
&lt;li&gt;get last location before time (e.g. the last recorded location before 8:31:11, or whatever time is used)&lt;/li&gt;
&lt;li&gt;get first location after time (e.g. the first recorded location after 8:31:11, or whatever time is used)&lt;/li&gt;
&lt;li&gt;interpolate to figure out where they are at that second&lt;/li&gt;
&lt;li&gt;add location to list&lt;/li&gt;
&lt;/ul&gt;&lt;/li&gt;
&lt;li&gt;plot list of each id's location&lt;/li&gt;
&lt;/ul&gt;
&lt;p&gt;I know I can loop through each id with&lt;/p&gt;
&lt;pre&gt;&lt;code&gt;for name, group in df.groupby('id'):
&lt;/code&gt;&lt;/pre&gt;
&lt;p&gt;and plotting isn't a problem, but I'm not sure about the rest.&lt;/p&gt;
&lt;p&gt;After a bit of searching I haven't found any good way to do this for a single value from each group. Other answers suggest using the resample and interpolate functions, but that will take way too long with the size of data I have, and does a lot of unnecessary calculations seeing as I only need one point.&lt;/p&gt;</t>
  </si>
  <si>
    <t>2015-12-01 02:19:56.017000+00:00</t>
  </si>
  <si>
    <t>2015-12-01 05:46:51.330000+00:00</t>
  </si>
  <si>
    <t>2017-05-23 10:27:11.053000+00:00</t>
  </si>
  <si>
    <t>python|numpy|pandas|matplotlib|gis</t>
  </si>
  <si>
    <t>Compiler Error: 'C:\Windows\Microsoft.NET\Framework\v4.0.30319\Temporary ASP.NET Files\root\014679fc\1b393534\App_Web_glpoum5i.dll' could not be found</t>
  </si>
  <si>
    <t>&lt;p&gt;I'm getting this compilation error again and again. i'm not able to resolve it permanently.&lt;/p&gt;
&lt;p&gt;for debugging this error i clean the solution and rebuild the solution, sometimes it's working and sometimes it's again showing same compilation error.&lt;/p&gt;
&lt;p&gt;please tell me the permanent solution for this problem.&lt;/p&gt;
&lt;p&gt;&lt;strong&gt;Server Error in '/' Application.&lt;/strong&gt;&lt;/p&gt;
&lt;hr&gt;
&lt;pre&gt;&lt;code&gt;Compilation Error
Description: An error occurred during the compilation of a resource required to service this request. Please review the following specific error details and modify your source code appropriately. 
Compiler Error Message: CS0006: Metadata file 'C:\Windows\Microsoft.NET\Framework\v4.0.30319\Temporary ASP.NET Files\root\014679fc\1b393534\App_Web_glpoum5i.dll' could not be found
&lt;/code&gt;&lt;/pre&gt;</t>
  </si>
  <si>
    <t>2015-06-10 09:57:43.027000+00:00</t>
  </si>
  <si>
    <t>2015-08-16 12:02:14.177000+00:00</t>
  </si>
  <si>
    <t>2015-06-10 10:12:02.547000+00:00</t>
  </si>
  <si>
    <t>c#|asp.net|metadata</t>
  </si>
  <si>
    <t>subscribe does not exist on type 'AngularFireObject&lt;Profile&gt;'</t>
  </si>
  <si>
    <t>&lt;p&gt;so i'm following this tutorial on udemy. The application has a profile page where you can see the user's name and stuff.&lt;/p&gt;
&lt;p&gt;In my provider I do: &lt;/p&gt;
&lt;pre&gt;&lt;code&gt;profileObject: AngularFireObject 
constructor(private database: 
AngularFireDatabase ) { }
async saveProfile(user: User, profile: Profile) { 
   this.profileObject= this.database.object(/profiles/${user.uid}); 
   try { 
      this.profileObject.set(profile); 
      return true 
   } catch (e) { 
      console.error(e); 
      return false; 
   } 
}
&lt;/code&gt;&lt;/pre&gt;
&lt;p&gt;And in my profile view component i go:&lt;/p&gt;
&lt;pre&gt;&lt;code&gt;ngOnInit(): void {
this.auth.getAuthenticatedUser().subscribe((user: User) =&amp;gt; {
  this.data.getProfile(user).subscribe((profile: Profile) =&amp;gt; {
    this.userProfile = profile;
  })
})
&lt;/code&gt;&lt;/pre&gt;
&lt;p&gt;But i get error subscribe does not exist on type 'AngularFireObject.
Any workaround?&lt;/p&gt;</t>
  </si>
  <si>
    <t>2017-11-29 10:36:05.030000+00:00</t>
  </si>
  <si>
    <t>2017-11-29 10:58:19.617000+00:00</t>
  </si>
  <si>
    <t>angular|typescript|firebase|ionic-framework|angularfire2</t>
  </si>
  <si>
    <t>Select random string in drop down list in c#</t>
  </si>
  <si>
    <t>&lt;p&gt;I am trying to figure out how to have my method randomly select an account type from a drop down list. Basically in my web application the user will choose: active, inactive, prospect, or suspended from a drop down list. What I am trying to do is test this functionality and have my method randomly select a value when I run the test.&lt;/p&gt;
&lt;p&gt;I am having a hard time referencing the method to the string value in the code if this makes sense. Any help would be great and if you need additional information let me know!&lt;/p&gt;
&lt;p&gt;Here is what I have so far:&lt;/p&gt;
&lt;pre&gt;&lt;code&gt;   public void RandomStatusTypes()
     {
         List&amp;lt;string&amp;gt; statusTypes = new List&amp;lt;string&amp;gt; { "ACTIVE", "INACTIVE", "PROSPECT", "SUSPENDED" };
         Random randStatus = new Random();
         int index = randStatus.Next(0, 6);
         string value = statusTypes[index];
     }
&lt;/code&gt;&lt;/pre&gt;
&lt;p&gt;The code will have a line saying &lt;code&gt;StatusTyp = _Status,&lt;/code&gt; and hopefully I can assign a random status to the value so everytime I run the program it randomly picks a value.&lt;/p&gt;
&lt;p&gt;Thank you!&lt;/p&gt;</t>
  </si>
  <si>
    <t>2013-02-04 13:49:37.757000+00:00</t>
  </si>
  <si>
    <t>2013-02-04 15:02:00.240000+00:00</t>
  </si>
  <si>
    <t>2013-02-04 13:52:47.130000+00:00</t>
  </si>
  <si>
    <t>c#|random|names</t>
  </si>
  <si>
    <t>replace/ encode &lt; and &gt; with jquery/ ajax before submitting</t>
  </si>
  <si>
    <t>&lt;p&gt;I have the following code which is part of a comment form in a page.&lt;/p&gt;
&lt;pre&gt;&lt;code&gt; $.ajax({
    type: "POST",
    url: "path/to/script.php",
    data: $(form).serialize(),
    success: function(data) {
        $('#comment_form').fadeOut(1000);
        var url = 'path/to/script.php';
        $('#commenti').load(url + ' .comment');    
    }
});
&lt;/code&gt;&lt;/pre&gt;
&lt;p&gt;On server side all characters like &lt;code&gt;&amp;lt;&lt;/code&gt; and &lt;code&gt;&amp;gt;&lt;/code&gt; get stripped but i need them to allow displaying code snippets inside the &lt;code&gt;&amp;lt;code&amp;gt;&amp;lt;/code&amp;gt;&lt;/code&gt; tags.&lt;/p&gt;
&lt;p&gt;Is there any way with jquery to convert the &lt;code&gt;&amp;lt;&lt;/code&gt; to &lt;code&gt;&amp;amp;lt;&lt;/code&gt; and &lt;code&gt;&amp;gt;&lt;/code&gt; to &lt;code&gt;&amp;amp;gt;&lt;/code&gt; &lt;em&gt;before&lt;/em&gt; submitting so the comments will display without stripped characters?&lt;/p&gt;</t>
  </si>
  <si>
    <t>2014-10-20 23:54:55.430000+00:00</t>
  </si>
  <si>
    <t>2014-11-02 11:57:29.540000+00:00</t>
  </si>
  <si>
    <t>2014-10-21 00:29:01.373000+00:00</t>
  </si>
  <si>
    <t>javascript|php|jquery|ajax</t>
  </si>
  <si>
    <t>XAML throwing error - 'content' set more than once</t>
  </si>
  <si>
    <t>&lt;p&gt;I am trying to set my XAML up in order to work with some code that i have researched and added to my project. i want my XAML code to contain the following:&lt;/p&gt;
&lt;pre&gt;&lt;code&gt;        &amp;lt;!--TitlePanel contains the name of the application and page title--&amp;gt;
    &amp;lt;StackPanel x:Name="TitlePanel" Grid.Row="0" Margin="12,17,0,28"&amp;gt;
        &amp;lt;TextBlock x:Name="ApplicationTitle" Text="Sample twitter app" Style="{StaticResource PhoneTextNormalStyle}"/&amp;gt;
        &amp;lt;TextBlock x:Name="PageTitle" Text="main page" Margin="9,-7,0,0" Style="{StaticResource PhoneTextTitle1Style}"/&amp;gt;
    &amp;lt;/StackPanel&amp;gt;
    &amp;lt;!--ContentPanel - place additional content here--&amp;gt;
    &amp;lt;Grid x:Name="ContentPanel" Grid.Row="1" Margin="12,0,12,0"&amp;gt;
        &amp;lt;Grid.RowDefinitions&amp;gt;
            &amp;lt;RowDefinition Height="*"/&amp;gt;                            
        &amp;lt;/Grid.RowDefinitions&amp;gt;
        &amp;lt;phone:WebBrowser Grid.Row="0" Margin="-6,3,0,1" Name="loginBrowserControl" Visibility="Collapsed"
                          Navigated="loginBrowserControl_Navigated" Navigating="loginBrowserControl_Navigating"/&amp;gt;
        &amp;lt;Grid x:Name="TweetPanel" Grid.Row="0" Visibility="Collapsed"&amp;gt;
            &amp;lt;TextBlock x:Name="txtUserName" VerticalAlignment="Center" HorizontalAlignment="Center" FontSize="26" FontFamily="Segoe WP Bold" Foreground="Red"/&amp;gt;
       &amp;lt;/Grid&amp;gt;
    &amp;lt;/Grid&amp;gt;
&lt;/code&gt;&lt;/pre&gt;
&lt;p&gt;However, when i try to use it visual studio gives me the error 'the property 'content' is set more than once'. Anybody know what changes i need to make?&lt;/p&gt;
&lt;p&gt;Thank you&lt;/p&gt;</t>
  </si>
  <si>
    <t>2014-01-16 16:04:43.170000+00:00</t>
  </si>
  <si>
    <t>2014-01-16 21:28:24.497000+00:00</t>
  </si>
  <si>
    <t>visual-studio-2010|xaml|windows-phone-7</t>
  </si>
  <si>
    <t>Problem with Ruby Gem and Sanitize</t>
  </si>
  <si>
    <t>&lt;p&gt;I'm trying to install the Ruby gem sanitize. I've already installed nokogiri:&lt;/p&gt;
&lt;pre&gt;&lt;code&gt;&amp;gt;gem list nokogiri
*** LOCAL GEMS ***
nokogiri (1.4.0)
&lt;/code&gt;&lt;/pre&gt;
&lt;p&gt;but when I try and install sanitize I get the following error:&lt;/p&gt;
&lt;pre&gt;&lt;code&gt;&amp;gt;gem install rgrove-sanitize
ERROR:  Error installing rgrove-sanitize:
rgrove-sanitize requires nokogiri (~&amp;gt; 1.3.3, runtime)
&lt;/code&gt;&lt;/pre&gt;</t>
  </si>
  <si>
    <t>2009-11-04 17:24:57.943000+00:00</t>
  </si>
  <si>
    <t>2009-11-04 17:56:46.710000+00:00</t>
  </si>
  <si>
    <t>ruby|gem|sanitize</t>
  </si>
  <si>
    <t>Target image map to move on mousemove</t>
  </si>
  <si>
    <t>&lt;p&gt;i want to animate  different parts of image on &lt;code&gt;mousemove event&lt;/code&gt; . I've divided image in 4 parts like this 
&lt;/p&gt;
&lt;pre&gt;&lt;code&gt;&amp;lt;map name="Map" id="Map"&amp;gt;
    &amp;lt;area alt="" title="" href="#" shape="poly" coords="58,158,304,188,224,268" /&amp;gt;
    &amp;lt;area alt="" title="" href="#" shape="poly" coords="714,62,724,59,721,74,715,178,696,168,676,155,652,150,635,150,762,36" /&amp;gt;
    &amp;lt;area alt="" title="" href="#" shape="poly" coords="264,352,185,478,444,356,294,378" /&amp;gt;
    &amp;lt;area alt="" title="" href="#" shape="poly" coords="720,209,867,243,418,133,458,162,455,167" /&amp;gt;
    [...]
&amp;lt;/map&amp;gt;
&lt;/code&gt;&lt;/pre&gt;
&lt;p&gt;these parts are clickable but how do i target them separately and move animate them i  need help with this  &lt;/p&gt;</t>
  </si>
  <si>
    <t>2016-04-05 07:16:36.583000+00:00</t>
  </si>
  <si>
    <t>2016-04-05 07:31:35.023000+00:00</t>
  </si>
  <si>
    <t>javascript|jquery|html|jquery-animate</t>
  </si>
  <si>
    <t>How to write correct PHP echo tag for WordPress work?</t>
  </si>
  <si>
    <t>&lt;p&gt;I am new to PHP and was writing a condition while making WordPress website. I have writing the correct tag syntax but when I am converting it into PHP echo then it is showing error.&lt;/p&gt;
&lt;p&gt;Both the tags are present in the jsfiddle link below.&lt;/p&gt;
&lt;p&gt;&lt;a href="https://jsfiddle.net/zxa4qu4j/" rel="nofollow"&gt;&lt;code&gt;Jsfiddle link&lt;/code&gt;&lt;/a&gt;&lt;/p&gt;
&lt;p&gt;Please let me know how to convert correct HTML code of the jsfiddle link to correct and working PHP code.&lt;/p&gt;</t>
  </si>
  <si>
    <t>2016-03-21 18:44:44.283000+00:00</t>
  </si>
  <si>
    <t>2016-03-21 20:51:46.160000+00:00</t>
  </si>
  <si>
    <t>2016-03-21 20:17:26.777000+00:00</t>
  </si>
  <si>
    <t>php|wordpress|echo</t>
  </si>
  <si>
    <t>Can't assign properties to window.event (or data property) in Internet Explorer</t>
  </si>
  <si>
    <t>&lt;p&gt;So,
I'm using event bubbling to capture child DOM events...  I'm attaching click events to a &lt;code&gt;div&lt;/code&gt; wrapper and also attaching click events to that wrapper's children... like so:&lt;/p&gt;
&lt;pre&gt;&lt;code&gt;&amp;lt;div onclick="foo();"&amp;gt;
    &amp;lt;div onclick="bar();"&amp;gt;
        Hello World!
    &amp;lt;/div&amp;gt;
&amp;lt;/div&amp;gt;
function foo() {
    alert(window.event.abc.one);
};
function bar() {
    window.event.abc = {one: "23"};   
};
&lt;/code&gt;&lt;/pre&gt;
&lt;p&gt;As you can see, I'm assigning a custom object to &lt;code&gt;abc&lt;/code&gt;.  I'm using this as a way to send messages to click handlers further up the chain... and avoid using closures on every child element.  In other browsers, you can assign whatever you like to the &lt;code&gt;event&lt;/code&gt; object... and this works very well.  &lt;/p&gt;
&lt;p&gt;However (of course), this does not work in IE.  I tried using the "data" property on the event object, but this only allows strings.&lt;/p&gt;
&lt;p&gt;Any other way I can accomplish this same functionality without using a closure on every child object?&lt;/p&gt;</t>
  </si>
  <si>
    <t>2011-04-05 00:50:50.807000+00:00</t>
  </si>
  <si>
    <t>2011-04-05 01:35:52.597000+00:00</t>
  </si>
  <si>
    <t>javascript|html|dom</t>
  </si>
  <si>
    <t>Android Show dialog when Runnable with Progress Dialog finishes</t>
  </si>
  <si>
    <t>&lt;p&gt;I have a Fragment. When the Fragment is created I want to show a Progress Dialog for 3 seconds, then dismiss it and show a pop up dialog. I attach below my code.&lt;/p&gt;
&lt;p&gt;From the onCreate() of my Fragment:&lt;/p&gt;
&lt;pre&gt;&lt;code&gt;final ProgressDialog myPd_ring=ProgressDialog.show(context, "Please wait", "text..", true);
myPd_ring.setCancelable(false);
new Thread(new Runnable() {
        @Override
        public void run() {
            try
            {
                Thread.sleep(3000);
            } catch(Exception e)
            {
            }
            myPd_ring.dismiss();
        }
    }).start();
showPopup(0, 8, 1, "Next photo");
&lt;/code&gt;&lt;/pre&gt;
&lt;p&gt;And my popup method:&lt;/p&gt;
&lt;pre&gt;&lt;code&gt;public void showPopup(final int type, int photoNo, int currPhoto, String message) {
    final Dialog dialog = new Dialog(context);
    dialog.requestWindowFeature(Window.FEATURE_NO_TITLE);
    dialog.setContentView(R.layout.popup_erroare);
    dialog.setCancelable(false);
    TextView textHeader;
    TextView textContent;
    textHeader = (TextView) dialog.findViewById(R.id.text_titlu);
    textContent = (TextView) dialog.findViewById(R.id.text_error);
    textHeader.setText("Procedura fotografiere");
    textContent.setText("Poza nr. " + currPhoto+ " of" + noPhoto+
            ". " + message);
    if (type == 0) {
    }
    Button btn_nu = (Button) dialog.findViewById(R.id.button_nu);
    if (type == 0) {
        btn_nu.setText("NU");
    }
    btn_nu.setOnClickListener(new View.OnClickListener() {
        @Override
        public void onClick(View v) {
            dialog.dismiss();
        }
    });
    btn_nu.setVisibility(View.GONE);
    Button btn_da = (Button) dialog.findViewById(R.id.button_da);
    btn_da.setText("Fotografiere");
    btn_da.setOnClickListener(new View.OnClickListener() {
        @Override
        public void onClick(View v) {
            if (type == 0) {
                captureImage();
            }
            dialog.dismiss();
        }
    });
    dialog.show();
}
&lt;/code&gt;&lt;/pre&gt;
&lt;p&gt;The problem is that my &lt;code&gt;ProgressDialog&lt;/code&gt; doesn't appear, the popup appears directly. If I put my pop up invoking method in the new &lt;code&gt;Thread()&lt;/code&gt; body I get an error. It seems that you can invoke a dialog from a &lt;code&gt;Runnable&lt;/code&gt;.&lt;/p&gt;</t>
  </si>
  <si>
    <t>2015-01-12 09:46:40.237000+00:00</t>
  </si>
  <si>
    <t>2015-05-04 22:38:56.870000+00:00</t>
  </si>
  <si>
    <t>I am trying to create a automated script using windows powershell</t>
  </si>
  <si>
    <t>&lt;p&gt;I am trying to convert one of my queries into an automated script using windows powershell and I'm having issues with certain errors.  Below is an example of the error I am getting: &lt;/p&gt;
&lt;pre&gt;&lt;code&gt;Exception calling "Fill" with "1" argument(s): "Incorrect syntax near the keyword 'Declare'.
    Incorrect syntax near '='."
    At C:\Users\vwebster\Documents\Canada\GetCASMGSTD.ps1:60 char:17
    +                 $a = $SqlAdapter.Fill($DataSet)
    +                 ~~~~~~~~~~~~~~~~~~~~~~~~~~~~~~~
        + CategoryInfo          : NotSpecified: (:) [], MethodInvocationException
        + FullyQualifiedErrorId : SqlException
&lt;/code&gt;&lt;/pre&gt;
&lt;p&gt;What I am trying to do is query the database for the MINIMUM DATE and use that MIN Date to retrieve the data.  Seems to be an issue with my syntax.&lt;/p&gt;
&lt;p&gt;Below is the xml query I wrote to query the database.  Can someone hlep me understand what I am doing wrong here ? This is 1 aspect of my query but there are actually a total of about 3 individual queries I am trying to run at once and UNION ALL the results to compile them all into 1 result. Below you will see the full query I am trying to use.  Can someone help me understand how to write this query and get it to work in powershell ?&lt;/p&gt;
&lt;p&gt;&lt;strong&gt;FIRST PART OF QUERY&lt;/strong&gt;&lt;/p&gt;
&lt;pre&gt;&lt;code&gt;SQLQuery ="
    Declare @monthfrom varchar
    select @monthfrom = CAST(REPLACE( CONVERT(VARCHAR(7), DATEADD(mm,-36,GETDATE()), 120),'-','') AS int)FROM [mediao0].[dbo].[SPSBUYLINESPOT]
select
'DDS-A-CA' as LocalMediaSystemName,
'CA' as SourceCountry,
unit.agency as AgencyCode,
'STARCOM WORLDWIDE' as AgencyName,
unit.client as ClientCode,
client.name as ClientName,
'' as ClientBrandCode,
'' as ClientBrandName,
BUYLINESPOT.product as ProductCode,
product.name as ProductName,
'' as FolioCode,
'' as FolioName,
'' as ParentVendorCode,
'' as ParentVendorName,
unit.station as VendorCode,
'' as VendorName,
unit.estimate as CampaignCode,
' ' as CampaignName,
'' as CampaignType,
unit.media as MediaTypeCode,
'Radio'as MediaTypeName,
'' as SubMediaTypeCode,
'' as SubMediaTypeName,
unit.market as MarketCode,
market.name as MarketName,
'' as ProgramCode,
unit.programname as ProgramName,
unit.daypartcode as Daypart,
'' as TargetAudience,
'' as BuyID,
cast(unit.seconds as NCHAR) as UnitSizeCode,
cast(unit.seconds as NCHAR) UnitSizeName,
'' as DigitalAdFormat,
'' as Position,
convert(varchar(10), buylinespot.spotdate,120)as ScheduledRunDateStart,
'' as ScheduledRunDateEnd,
convert ( varchar(8), buylinespot.AffidavitDateTime,108) as ScheduledStartTime,
'' as ScheduledEndTime,
convert(varchar(10), buylinespot.affidavitdatetime,120)as ActualRunDateStart,
'' as ActualRunDateEnd,
convert ( varchar(8), buylinespot.AffidavitDateTime,108) as ActualStartTime,
'UTC-4' as TimeSMGne,
'' as URL,
'' as PlacementID,
'' as PlacementName,
'' as AdServerName,
'' as AdServerSiteID,
'' as AdServerPlacementID,
'' as AdServerCampaignID,
'' as IsBilled,
'' as BillDate,
'' as IsPaid,
'' as PaidDate,
'CAD' as CurrencyCode,
buylinespot.Cost as GrossSpend,
buylinespot.Cost * .85 as NetSpend,
'' as NWMFlag,
'' as VPVH,
'' as HouseholdAvgRating,
'' as CPM,
'' as EstimatedImpressions,
'' as EstimatedGRPs,
'' as ActualImpressions,
'' as ActualGRPs,
'' as GenericField1,
'' as GenericField2,
'' as GenericField3,
'' as GenericField4,
'' as GenericField5,
'' as GenericField6
from mediao0.dbo.SPSBUYLINE UNIT,
mediao0.dbo.SPSBUYLINESPOT BUYLINESPOT,
mediao0.dbo.SPSCLIENT client,
mediao0.dbo.SPSPRODUCT product,
mediao0.dbo.SPSMARKET market
WHERE UNIT.AGENCY = BUYLINESPOT.AGENCY
AND UNIT.BuyID = BUYLINESPOT.BuyID
and buylinespot.agency = client.AGENCY
and unit.Media = client.MEDIA
and unit.Client = client.CLIENT
and unit.agency = product.agency
and unit.media = product.media
and unit.client = product.client
and BUYLINESPOT.product = product.product
and unit.agency = market.agency
and unit.media = market.media
and unit.market = market.market
and unit.media = 'r'
and buylinespot.Cost &amp;amp;lt; &amp;amp;gt; 0
and convert(varchar(10), buylinespot.spotdate,120) &amp;gt;= @monthfrom 
&lt;/code&gt;&lt;/pre&gt;
&lt;p&gt;&lt;strong&gt;FULL QUERY&lt;/strong&gt;&lt;/p&gt;
&lt;pre&gt;&lt;code&gt;    SQLQuery ="
    Declare @monthfrom varchar
   Select @monthfrom = CAST(REPLACE( CONVERT(VARCHAR(7), DATEADD(mm,-36,GETDATE()),      120),'-','') AS int)FROM [mediao0].[dbo].[SPSBUYLINESPOT]
    select
  'DDS-A-CA' as LocalMediaSystemName,
  'CA' as SourceCountry,
  unit.agency as AgencyCode,
  'STARCOM WORLDWIDE' as AgencyName,
  unit.client as ClientCode,
  client.name as ClientName,
  '' as ClientBrandCode,
  '' as ClientBrandName,
   BUYLINESPOT.product as ProductCode,
  product.name as ProductName,
   '' as FolioCode,
'' as FolioName,
'' as ParentVendorCode,
'' as ParentVendorName,
unit.station as VendorCode,
'' as VendorName,
unit.estimate as CampaignCode,
' ' as CampaignName,
'' as CampaignType,
unit.media as MediaTypeCode,
'Radio'as MediaTypeName,
'' as SubMediaTypeCode,
'' as SubMediaTypeName,
unit.market as MarketCode,
market.name as MarketName,
'' as ProgramCode,
unit.programname as ProgramName,
unit.daypartcode as Daypart,
'' as TargetAudience,
'' as BuyID,
cast(unit.seconds as NCHAR) as UnitSizeCode,
cast(unit.seconds as NCHAR) UnitSizeName,
'' as DigitalAdFormat,
'' as Position,
convert(varchar(10), buylinespot.spotdate,120)as ScheduledRunDateStart,
'' as ScheduledRunDateEnd,
convert ( varchar(8), buylinespot.AffidavitDateTime,108) as ScheduledStartTime,
'' as ScheduledEndTime,
convert(varchar(10), buylinespot.affidavitdatetime,120)as ActualRunDateStart,
'' as ActualRunDateEnd,
convert ( varchar(8), buylinespot.AffidavitDateTime,108) as ActualStartTime,
'UTC-4' as TimeSMGne,
'' as URL,
'' as PlacementID,
'' as PlacementName,
'' as AdServerName,
'' as AdServerSiteID,
'' as AdServerPlacementID,
'' as AdServerCampaignID,
'' as IsBilled,
'' as BillDate,
'' as IsPaid,
'' as PaidDate,
'CAD' as CurrencyCode,
buylinespot.Cost as GrossSpend,
buylinespot.Cost * .85 as NetSpend,
'' as NWMFlag,
'' as VPVH,
'' as HouseholdAvgRating,
'' as CPM,
'' as EstimatedImpressions,
'' as EstimatedGRPs,
'' as ActualImpressions,
'' as ActualGRPs,
'' as GenericField1,
'' as GenericField2,
'' as GenericField3,
'' as GenericField4,
'' as GenericField5,
'' as GenericField6
from mediao0.dbo.SPSBUYLINE UNIT,
mediao0.dbo.SPSBUYLINESPOT BUYLINESPOT,
mediao0.dbo.SPSCLIENT client,
mediao0.dbo.SPSPRODUCT product,
mediao0.dbo.SPSMARKET market
WHERE UNIT.AGENCY = BUYLINESPOT.AGENCY
AND UNIT.BuyID = BUYLINESPOT.BuyID
and buylinespot.agency = client.AGENCY
and unit.Media = client.MEDIA
and unit.Client = client.CLIENT
and unit.agency = product.agency
and unit.media = product.media
and unit.client = product.client
and BUYLINESPOT.product = product.product
and unit.agency = market.agency
and unit.media = market.media
and unit.market = market.market
and unit.media = 'r'
and buylinespot.Cost &amp;amp;lt; &amp;amp;gt; 0
and convert(varchar(10), buylinespot.spotdate,120) &amp;amp;gt;= @monthfrom
UNION ALL 
select 
'DDS-A-CA' as LocalMediaSystemName,
'CA' as SourceCountry,
unit.agency as AgencyCode,
'STARCOM WORLDWIDE' as AgencyName,
unit.client as ClientCode,
client.name as ClientName,
'' as ClientBrandCode,
'' as ClientBrandName,
BUYLINESPOT.product as ProductCode,
product.name as ProductName,
'' as FolioCode,
'' as FolioName,
'' as ParentVendorCode,
'' as ParentVendorName,
unit.station as VendorCode,
'' as VendorName,
unit.estimate as CampaignCode,
'' as CampaignName,
'' as CampaignType,
unit.media as MediaTypeCode,
'Spot TV' as MediaTypeName,
'' as SubMediaTypeCode,
'' as SubMediaTypeName,
unit.market as MarketCode,
market.name as MarketName,
'' as ProgramCode,
unit.programname as ProgramName,
unit.daypartcode as Daypart,
'' as TargetAudience,
'' as BuyID,
cast(unit.seconds as NCHAR) as UnitSizeCode,
cast(unit.seconds as NCHAR) UnitSizeName,
'' as DigitalAdFormat,
'' as Position,
convert(varchar(10), buylinespot.spotdate,120)as ScheduledRunDateStart,
'' as ScheduledRunDateEnd,
convert ( varchar(8), buylinespot.AffidavitDateTime,108) as ScheduledStartTime,
'' as ScheduledEndTime,
convert(varchar(10), buylinespot.affidavitdatetime,120)as ActualRunDateStart,
'' as ActualRunDateEnd,
convert ( varchar(8), buylinespot.AffidavitDateTime,108) as ActualStartTime,
'UTC-4' as TimeSMGne,
'' as URL,
'' as PlacementID,
'' as PlacementName,
'' as AdServerName,
'' as AdServerSiteID,
'' as AdServerPlacementID,
'' as AdServerCampaignID,
'' as IsBilled,
'' as BillDate,
'' as IsPaid,
'' as PaidDate,
'CAD' as CurrencyCode,
buylinespot.Cost as GrossSpend,
buylinespot.Cost * .85 as NetSpend,
'' as NWMFlag,
'' as VPVH,
'' as HouseholdAvgRating,
'' as CPM,
'' as EstimatedImpressions,
'' as EstimatedGRPs,
'' as ActualImpressions,
'' as ActualGRPs,
'' as GenericField1,
'' as GenericField2,
'' as GenericField3,
'' as GenericField4,
'' as GenericField5,
'' as GenericField6
from mediao0.dbo.SPSBUYLINE UNIT,
mediao0.dbo.SPSBUYLINESPOT BUYLINESPOT,
mediao0.dbo.SPSCLIENT client,
mediao0.dbo.SPSPRODUCT product,
mediao0.dbo.SPSMARKET market
WHERE UNIT.AGENCY = BUYLINESPOT.AGENCY
AND UNIT.BuyID = BUYLINESPOT.BuyID
and buylinespot.agency = client.AGENCY
and unit.Media = client.MEDIA
and unit.Client = client.CLIENT
and unit.agency = product.agency
and unit.media = product.media
and unit.client = product.client
and BUYLINESPOT.product = product.product
and unit.agency = market.agency
and unit.media = market.media
and unit.market = market.market
and unit.media = 'T'
and buylinespot.Cost &amp;amp;lt; &amp;amp;gt; 0
and convert(varchar(10), buylinespot.spotdate,120) &amp;amp;gt;= @monthfrom
union all
select 
'DDS-A-CA' as LocalMediaSystemName,
'CA' as SourceCountry,
unit.agency as AgencyCode,
'STARCOM WORLDWIDE' as AgencyName,
unit.client as ClientCode,
client.name as ClientName,
'' as ClientBrandCode,
'' as ClientBrandName,
BUYLINESPOT.product as ProductCode,
product.name as ProductName,
'' as FolioCode,
'' as FolioName,
'' as ParentVendorCode,
'' as ParentVendorName,
unit.station as VendorCode,
'' as VendorName,
unit.estimate as CampaignCode,
'' as CampaignName,
'' as CampaignType,
unit.media as MediaTypeCode,
'Network TV' as MediaTypeName,
'' as SubMediaTypeCode,
'' as SubMediaTypeName,
unit.market as MarketCode,
market.name as MarketName,
'' as ProgramCode,
unit.programname as ProgramName,
unit.daypartcode as Daypart,
'' as TargetAudience,
'' as BuyID,
cast(unit.seconds as NCHAR) as UnitSizeCode,
cast(unit.seconds as NCHAR) UnitSizeName,
'' as DigitalAdFormat,
'' as Position,
convert(varchar(10), buylinespot.spotdate,120)as ScheduledRunDateStart,
'' as ScheduledRunDateEnd,
convert ( varchar(8), buylinespot.AffidavitDateTime,108) as ScheduledStartTime,
'' as ScheduledEndTime,
convert(varchar(10), buylinespot.affidavitdatetime,120)as ActualRunDateStart,
'' as ActualRunDateEnd,
convert ( varchar(8), buylinespot.AffidavitDateTime,108) as ActualStartTime,
'UTC-4' as TimeSMGne,
'' as URL,
'' as PlacementID,
'' as PlacementName,
'' as AdServerName,
'' as AdServerSiteID,
'' as AdServerPlacementID,
'' as AdServerCampaignID,
'' as IsBilled,
'' as BillDate,
'' as IsPaid,
'' as PaidDate,
'CAD' as CurrencyCode,
buylinespot.Cost as GrossSpend,
buylinespot.Cost * .85 as NetSpend,
'' as NWMFlag,
'' as VPVH,
'' as HouseholdAvgRating,
'' as CPM,
'' as EstimatedImpressions,
'' as EstimatedGRPs,
'' as ActualImpressions,
'' as ActualGRPs,
'' as GenericField1,
'' as GenericField2,
'' as GenericField3,
'' as GenericField4,
'' as GenericField5,
'' as GenericField6
from mediao0.dbo.SPSBUYLINE UNIT,
mediao0.dbo.SPSBUYLINESPOT BUYLINESPOT,
mediao0.dbo.SPSCLIENT client,
mediao0.dbo.SPSPRODUCT product,
mediao0.dbo.SPSMARKET market
WHERE UNIT.AGENCY = BUYLINESPOT.AGENCY
AND UNIT.BuyID = BUYLINESPOT.BuyID
and buylinespot.agency = client.AGENCY
and unit.Media = client.MEDIA
and unit.Client = client.CLIENT
and unit.agency = product.agency
and unit.media = product.media
and unit.client = product.client
and BUYLINESPOT.product = product.product
and unit.agency = market.agency
and unit.media = market.media
and unit.market = market.market
and unit.media = 'n'
and buylinespot.Cost &amp;amp;lt; &amp;amp;gt; 0
and convert(varchar(10), buylinespot.spotdate,120) &amp;amp;gt;= @monthfrom
union all
select 
'DDS-A-CA' as LocalMediaSystemName,
'CA' as SourceCountry,
unit.agency as AgencyCode,
'STARCOM WORLDWIDE' as AgencyName,
unit.client as ClientCode,
client.name as ClientName,
'' as ClientBrandCode,
'' as ClientBrandName,
unit.product as ProductCode,
product.name as ProductName,
'' as FolioCode,
'' as FolioName,
'' as ParentVendorCode,
'' as ParentVendorName,
unit.PUBNUMBER + unit.PUBEDITION + unit.PUBZONE as VendorCode,
pub.name as VendorName,
unit.estimate as CampaignCode,
'' as CampaignName,
'' as CampaignType,
unit.media as MediaTypeCode,
media.medianame as MediaTypeName,
'' as SubMediaTypeCode,
'' as SubMediaTypeName,
'' as MarketCode,
pub.city + ' ' + pub.state as MarketName,
'' as ProgramCode,
'' as ProgramName,
'' as Daypart,
'' as TargetAudience,
'' as BuyID,
'' as UnitSizeCode,
unit.SPACEDESCRIPTION as UnitSizeName,
'' as DigitalAdFormat,
'' as Position,
convert(varchar(10), unit.INSERTIONDATE,120)as ScheduledRunDateStart,
'' as ScheduledRunDateEnd,
'' as ScheduledStartTime,
'' as ScheduledEndTime,
'' as ActualRunDateStart,
'' as ActualRunDateEnd,
'' as ActualStartTime,
'UTC-4' as TimeSMGne,
'' as URL,
'' as PlacementID,
'' as PlacementName,
'' as AdServerName,
'' as AdServerSiteID,
'' as AdServerPlacementID,
'' as AdServerCampaignID,
'' as IsBilled,
'' as BillDate,
'' as IsPaid,
'' as PaidDate,
'CAD' as CurrencyCode,
SUMM.gross as GrossSpend,
summ.gross * .85 as NetSpend,
'' as NWMFlag,
'' as VPVH,
'' as HouseholdAvgRating,
'' as CPM,
'' as EstimatedImpressions,
'' as EstimatedGRPs,
'' as ActualImpressions,
'' as ActualGRPs,
'' as GenericField1,
'' as GenericField2,
'' as GenericField3,
'' as GenericField4,
'' as GenericField5,
'' as GenericField6
from mediao0.dbo.PPSBUY UNIT,
mediao0.dbo.PPSBUYSUMMARY SUMM,
mediao0.dbo.PPSCLIENT client,
mediao0.dbo.PPSMEDIA media,
mediao0.dbo.PPSPRODUCT product,
mediao0.dbo.PPSPUB PUB
WHERE UNIT.AGENCY = SUMM.AGENCY
AND UNIT.media = SUMM.media
and UNIT.client = SUMM.client
AND UNIT.serial = SUMM.SERIAL
and unit.PRODUCT = summ.PRODUCT
and summ.ISBUYLINETOTAL = 'y'
and unit.agency = client.AGENCY
and unit.Media = client.MEDIA
and unit.Client = client.CLIENT
and unit.agency = media.agency
and unit.media = media.media
and unit.agency = product.agency
and unit.media = product.media
and unit.client = product.client
and unit.product = product.product
and unit.agency = PUB.agency
and unit.media = PUB.media
and unit.pubnumber = PUB.pubnumber 
and unit.pubzone = pub.pubzone
and unit.PUBEDITION = pub.PUBEDITION
and unit.ISDELETED = 'n'
and unit.ISTEST = 'n'
and convert(varchar(10), unit.INSERTIONDATE,120) &amp;amp;gt;= @monthfrom;
"                               
                /&amp;gt;
&amp;lt;/Query_this&amp;gt;  
&lt;/code&gt;&lt;/pre&gt;
&lt;p&gt;&lt;strong&gt;.ps1 script&lt;/strong&gt;&lt;/p&gt;
&lt;pre&gt;&lt;code&gt;$cfgFile = ".\CASMGSTD (3).xml"
$root = "Query_this"
$cfg = [xml] ( gc $cfgFile )
$datestr = Get-Date -format  yyyyMMdd
$startdate =[datetime]::today.Addmonths(-13)
$Date="'"+$startdate.tostring()+"'"
$startdatestr= '{0:yyyyMMdd}' -f $startdate
$SqlServer = $cfg.$root.SQL.Server
$User= $cfg.$root.SQL.User
$PWD =  $cfg.$root.SQL.PWD
$FTPUser = $cfg.$root.SQL.FTPu
$FTPpw = $cfg.$root.SQL.FTPpw
$Database = $cfg.$root.SQL.DataBase
$FileLocation = $cfg.$root.SQL.FileLocation
$SQLQuery = $cfg.$root.SQL.SQLQuery
$SQLQuery = $SQLQuery.replace("@monthfrom",$monthfrom)
$File = "CA_DDS_A_"+$startdatestr+"_"+$datestr+"_"+$datestr+".txt"
$FileName = $FileLocation+$File
$writer = new-object System.IO.StreamWriter($FileName)
function Run-Query()
{
                param (
                $SqlQuery,
                $SqlServer,
                $SqlCatalog, 
                $SqlUser,
                $SqlPass
                )
                if ($SqlUser)
                {
                                $SqlConnString = "Server=$SqlServer;Database=$SqlCatalog;user=$SqlUser;password=$SqlPass"
                } else 
                {
                                $SqlConnString = "Server=$SqlServer;Database=$SqlCatalog;Integrated Security=SSPI" 
                }
                $SqlConnection = New-Object System.Data.SqlClient.SqlConnection
                $SqlConnection.ConnectionString = $SqlConnString
                $SqlCmd = New-Object System.Data.SqlClient.SqlCommand
                $SqlCmd.CommandText = $SqlQuery
                $SqlCmd.Connection = $SqlConnection
                $SqlCmd.CommandTimeout= 0
                $SqlAdapter = New-Object System.Data.SqlClient.SqlDataAdapter
                $SqlAdapter.SelectCommand = $SqlCmd
                $DataSet = New-Object System.Data.DataSet
                $a = $SqlAdapter.Fill($DataSet)
                $SqlConnection.Close()
                #$DataSet.Tables | Select-Object -ExpandProperty Rows
                return ,$DataSet.Tables[0]
}
$dt = new-object System.Data.DataTable
$dt = Run-Query -SqlQuery $SQLQuery -SqlServer $SqlServer -SqlCatalog $Database -SqlUser $User -SqlPass $PWD
##$dt | export-csv .\$FileName -notypeinformation 
$columns =@()
foreach ($col in $dt.columns)
{
##$col | GET-member 
 $columns = $columns + $col.ColumnName
}
$header = [string]::join("`t",$columns)
##Write-Output  $header
$writer.writeline($header)
foreach ($row in $dt.rows)
{
$data = @()
foreach ($col in $dt.columns)
{
if([DBNULL]::Value -eq $row[$col]) 
 { $point ="NULL"} 
 ELSE {$point =$row[$col]}
$data = $data + $point
}
$line =  [string]::join("`t",$data)
$writer.writeline($line)
##Write-Output  $line
}
$writer.Close()
$ftp = "ftp://@ftp.vivakiondemand.com/rootdir/$File"
$ftp
$webclient = New-Object System.Net.WebClient
$webclient.Credentials = New-Object System.Net.NetworkCredential($FTPuser,$FTPpw)
$uri = New-Object System.Uri($ftp)
"Uploading $File..."
$webclient.UploadFile($uri, $FileName)
&lt;/code&gt;&lt;/pre&gt;</t>
  </si>
  <si>
    <t>2014-09-11 17:47:52.567000+00:00</t>
  </si>
  <si>
    <t>2014-09-12 01:43:11.573000+00:00</t>
  </si>
  <si>
    <t>sql|sql-server|powershell</t>
  </si>
  <si>
    <t>Combining Update Queries in 1 SQL statement</t>
  </si>
  <si>
    <t>&lt;p&gt;I am trying to combine two update queries into one sql statement. I thought I could use a union query to combine the queries but I was not able to. Any advice? The queries I want to combine are as follows: &lt;/p&gt;
&lt;pre&gt;&lt;code&gt;UPDATE PromotionDatabase
  SET PromotionDatabase.PromotionWeekEndingSunday = [PromotionDatabase]![Start Date]+-(Weekday([PromotionDatabase]![Start Date])-1)+7 
UPDATE PromotionDatabase
  SET PromotionDatabase.PromotionEndingWeekEndingSunday = [PromotionDatabase]![End Date]+-(Weekday([PromotionDatabase]![End Date])-1)+7;
&lt;/code&gt;&lt;/pre&gt;</t>
  </si>
  <si>
    <t>2013-03-22 23:34:48.920000+00:00</t>
  </si>
  <si>
    <t>2013-03-23 01:20:04.130000+00:00</t>
  </si>
  <si>
    <t>2013-03-22 23:37:23.150000+00:00</t>
  </si>
  <si>
    <t>sql|union|updates</t>
  </si>
  <si>
    <t>Google Analytics API: How to get all Report ID</t>
  </si>
  <si>
    <t>&lt;p&gt;I want to select all the Report ID of all the added URLs in the Google Analytics account.
How can I do something like this? &lt;/p&gt;
&lt;pre&gt;&lt;code&gt;SELECT report_id FROM google_analytics_account
&lt;/code&gt;&lt;/pre&gt;
&lt;p&gt;Example URLs in the Google Analytics account:&lt;/p&gt;
&lt;pre&gt;&lt;code&gt;https://www.google.com/analytics/web/?hl=en#home/a3456789w2345678p1234567/
https://www.google.com/analytics/web/?hl=en#home/a3456789w2345678p9876543/
&lt;/code&gt;&lt;/pre&gt;
&lt;p&gt;Where the Report IDs there are 1234567 and 9876543.&lt;/p&gt;
&lt;p&gt;Can I do that using the GAPI class only? How?&lt;/p&gt;
&lt;p&gt;I have a gapi class.&lt;/p&gt;
&lt;pre&gt;&lt;code&gt;&amp;lt;!-- language: lang-php --&amp;gt;
    require_once 'gapi.class.php';
    $ga = new gapi('my_test_email@gmail.com', 'my_test_email_password');
    $report_id = 1234567;
    $dimensions = array('browser', 'browserVersion');
    $metrics = array('pageviews', 'visits');
    $sort_metric = null;
    $filter = null;
    $start_date = null;
    $end_date = null;
    $start_index = 1;
    $max_results = 30;
    $ga-&amp;gt;requestReportData(
        $report_id, 
        $dimensions, 
        $metrics, 
        $sort_metric, 
        $filter, 
        $start_date, 
        $end_date, 
        $start_index, 
        $max_results
    );
    foreach ($ga-&amp;gt;getResults() as $result) {
        echo '&amp;lt;strong&amp;gt;'.$result.'&amp;lt;/strong&amp;gt;&amp;lt;br /&amp;gt;';
        echo 'Pageviews: ' . $result-&amp;gt;getPageviews() . ' ';
        echo 'Visits: ' . $result-&amp;gt;getVisits() . '&amp;lt;br /&amp;gt;';
    }
    echo '&amp;lt;p&amp;gt;Total pageviews: ' . $ga-&amp;gt;getPageviews() . ' total visits: ' . $ga-&amp;gt;getVisits() . '&amp;lt;/p&amp;gt;';
    echo '&amp;lt;font color="blue"&amp;gt;&amp;lt;pre&amp;gt;',print_r($ga-&amp;gt;getResults()),'&amp;lt;/pre&amp;gt;&amp;lt;/font&amp;gt;';
    echo '&amp;lt;hr /&amp;gt;';
&lt;/code&gt;&lt;/pre&gt;
&lt;p&gt;Thanks! :)&lt;/p&gt;</t>
  </si>
  <si>
    <t>2013-09-19 02:15:21.940000+00:00</t>
  </si>
  <si>
    <t>2013-09-19 12:09:30.373000+00:00</t>
  </si>
  <si>
    <t>2013-09-19 02:24:47.883000+00:00</t>
  </si>
  <si>
    <t>php|google-analytics|google-analytics-api</t>
  </si>
  <si>
    <t>qmake: How do I copy .dll/.so's to the output directory?</t>
  </si>
  <si>
    <t>&lt;p&gt;I have a Qt-project that builds a dll/shared-library and another Qt-project that tests the library.&lt;/p&gt;
&lt;p&gt;Is there any good way to have qmake copy the dll to the output-folder of the test-project?&lt;/p&gt;</t>
  </si>
  <si>
    <t>2009-11-16 07:01:35.690000+00:00</t>
  </si>
  <si>
    <t>2013-06-15 11:41:16.720000+00:00</t>
  </si>
  <si>
    <t>qt|qmake</t>
  </si>
  <si>
    <t>Laravel impossible where query</t>
  </si>
  <si>
    <t>&lt;p&gt;I'm working on a filter for some products. I have the majority of it working however I am encountering an error with an impossible &lt;code&gt;where&lt;/code&gt; clause. &lt;/p&gt;
&lt;p&gt;The table contains multiple rows for a single product and I am trying to match multiple criteria per product, which is causing it to fail.&lt;/p&gt;
&lt;p&gt;If you have an opinion on this, or possibly a way to fix this, I would greatly appreciate it.&lt;/p&gt;
&lt;p&gt;The database table looks like this:&lt;/p&gt;
&lt;pre&gt;
    --------------------------------------------
    |id | FilterKey | filterValue | product_id |
    --------------------------------------------
    |1  | Colour    | Gunmetal    | 1          |
    |2  | Colour    | Silver      | 1          |
    |3  | Size      | 750cc       | 1          |
    |4  | Size      | 1000cc      | 1          |
    |5  | Colour    | Red         | 2          |
    |6  | Colour    | Blue        | 2          |
    |7  | Size      | 750cc       | 2          |
    |8  | Size      | 1000cc      | 2          |
    --------------------------------------------
&lt;/pre&gt;
&lt;p&gt;And the filter looks like this:&lt;/p&gt;
&lt;pre&gt;&lt;code&gt;public function scopeFilterProduct($query, $filters)
{
    $this-&amp;gt;filters = $filters;
    if (count ($this-&amp;gt;filters) === 1 &amp;amp;&amp;amp; isset($this-&amp;gt;filters[0]))
    {
        return $query;
    }
    $query-&amp;gt;join('product_filters', 'products.id', '=', 'product_filters.product_id')-&amp;gt;Where(function($query){
        foreach ($this-&amp;gt;filters as $filter =&amp;gt; $vals)
        {
            $this-&amp;gt;filter = $filter;
            $this-&amp;gt;vals = $vals;
            $query-&amp;gt;Where(function ($query){
                $query-&amp;gt;Where('filterKey', $this-&amp;gt;filter); 
                $query-&amp;gt;Where(function($query){
                    foreach ($this-&amp;gt;vals as $val){
                        $query-&amp;gt;orWhere('filterValue', $val); 
                    }
                    $this-&amp;gt;vals = null;
                });
            });
            $this-&amp;gt;filter = null;
        };
    }); 
    return $query;
}
&lt;/code&gt;&lt;/pre&gt;
&lt;p&gt;This then outputs the following SQL statement:&lt;/p&gt;
&lt;pre&gt;&lt;code&gt;select
  distinct
    `products`.`id`
  , `product_id`
from
 `products`
inner join
 `product_filters`
on
 `products`.`id` = `product_filters`.`product_id`
where 
     (
         (`filterKey` = 'Colour' and (`filterValue` = 'gunmetal'))
       and
         (`filterKey` = 'Size' and (`filterValue` = '750cc'))
     )
     and
       `products`.`deleted_at` is null
&lt;/code&gt;&lt;/pre&gt;
&lt;p&gt;&lt;img src="https://i.stack.imgur.com/zjsfT.png"&gt;&lt;/p&gt;
&lt;p&gt;If selected, as in the screenshot, then only 'product one' should be present on the page.&lt;/p&gt;</t>
  </si>
  <si>
    <t>2017-10-19 13:52:56.457000+00:00</t>
  </si>
  <si>
    <t>2017-10-19 16:43:03.283000+00:00</t>
  </si>
  <si>
    <t>2017-10-19 14:16:42.567000+00:00</t>
  </si>
  <si>
    <t>php|mysql|laravel</t>
  </si>
  <si>
    <t>Is it possible to set the UITextField deleage and set its delegate as itself?</t>
  </si>
  <si>
    <t>&lt;p&gt;I am trying to create a self contained customised &lt;code&gt;UITextField&lt;/code&gt; class who's main responsibility would be to turn text into &lt;code&gt;Tokens&lt;/code&gt; the same way &lt;code&gt;NSTokenField&lt;/code&gt; works on Mac OS X. This way if someone requires a Tokens like textfield they would just instantiate an instance of uitextfield and have it subclass my class.&lt;/p&gt;
&lt;p&gt;&lt;strong&gt;My question is about delegate control.&lt;/strong&gt;&lt;/p&gt;
&lt;p&gt;The goal is that I'm trying to receive the textfield delegate methods for when a user interacts with my custom textfield. How can I do this without passing the delegate to anyone else.&lt;/p&gt;
&lt;p&gt;Or do I have to observe for notifications instead?&lt;/p&gt;
&lt;p&gt;This is what I have done so far in an attempt to make a self contained class:&lt;/p&gt;
&lt;pre&gt;&lt;code&gt;//PKTokenTextField.h
@interface PKTokenTextField : UITextField&amp;lt;UITextFieldDelegate&amp;gt;
//PkTokenTextField.m
&lt;/code&gt;&lt;/pre&gt;
&lt;p&gt;And in the &lt;code&gt;.m&lt;/code&gt; file I have:&lt;/p&gt;
&lt;pre&gt;&lt;code&gt;#import "PKTokenTextField.h"
@implementation PKTokenTextField
- (id)initWithFrame:(CGRect)frame
{
    self = [super initWithFrame:frame];
    if (self) {
        // Initialization code
        [self commonSetup];
    }
    return self;
}
/*
// Only override drawRect: if you perform custom drawing.
// An empty implementation adversely affects performance during animation.
- (void)drawRect:(CGRect)rect
{
    // Drawing code
}
*/
-(void)commonSetup{
    self.delegate = self;
}
- (void)textFieldDidBeginEditing:(UITextField *)textField{
    NSLog(@"description field did become responder");
}
-(BOOL)textField:(UITextField *)textField shouldChangeCharactersInRange:(NSRange)range replacementString:(NSString *)string{
    NSLog(@"LOL OF COURSE");
    return YES;
}
@end
&lt;/code&gt;&lt;/pre&gt;</t>
  </si>
  <si>
    <t>2014-08-23 20:57:09.373000+00:00</t>
  </si>
  <si>
    <t>2014-08-23 21:05:22.580000+00:00</t>
  </si>
  <si>
    <t>ios|objective-c|iphone|ios7|uitextfield</t>
  </si>
  <si>
    <t>Which game engine allows you to add a c++ compiler within a game?</t>
  </si>
  <si>
    <t>&lt;p&gt;I was thinking of writing a game that teaches you the basics of c++, but in order for me to do that, I need to add a compiler that takes the input of the user and checks the correctness of the solved problem by using a set of predefined tests.&lt;/p&gt;</t>
  </si>
  <si>
    <t>2018-09-10 04:43:40.620000+00:00</t>
  </si>
  <si>
    <t>2018-09-10 09:00:42.200000+00:00</t>
  </si>
  <si>
    <t>game-engine|game-development</t>
  </si>
  <si>
    <t>Jquery dialog getting closed after button click</t>
  </si>
  <si>
    <t>&lt;p&gt;I have issue, Jquery dailog is getting closed after button click, I want to keep it open, When I use modal true option in jquery dialog it does't allow to click button inside the pop, seems like some zindex problem.Please see the code and suggest a solution.&lt;/p&gt;
&lt;p&gt;On click of btnSave the dialog is getting close I want to keep it open even after button until user click close button.&lt;/p&gt;
&lt;p&gt;&lt;/p&gt;
&lt;pre&gt;&lt;code&gt;&amp;lt;script src="Scripts/jquery-1.10.2.min.js" type="text/javascript"&amp;gt;&amp;lt;/script&amp;gt;
&amp;lt;link href="Content/jquery-ui.css" rel="Stylesheet" type="text/css" /&amp;gt;
&amp;lt;script type="text/javascript" src="Scripts/jquery-ui.js"&amp;gt;&amp;lt;/script&amp;gt;
&amp;lt;script type="text/javascript"&amp;gt;
    function ShowProcessPopup() {
        var dlg = $("#divDetails").dialog({
            title: "Show Details",
            width: 'auto',
            maxWidth: ' 500',
            height: 'auto',
            fluid: true, 
            resizable: false,
            buttons: {}, 
            open: function () {
                {
                    $(this).parent().appendTo($("form:first"));
                }
            },
            modal: true
        });
    }
&amp;lt;/script&amp;gt;
&amp;lt;asp:UpdatePanel ID="UpdatePanel1" UpdateMode="Always" runat="server"&amp;gt;
    &amp;lt;ContentTemplate&amp;gt;
         &amp;lt;asp:Button runat="server" ID="btnShowPopUp" Text="Show Dailog"  OnClick="btnShowPopUp_OnClick"/&amp;gt;
        &amp;lt;/ContentTemplate&amp;gt;
    &amp;lt;/asp:UpdatePanel&amp;gt;
&amp;lt;div id="divDetails" title="Details" style="display: none; z-index: 100000"&amp;gt;
    &amp;lt;asp:TextBox runat="server" ID="txtName"&amp;gt;&amp;lt;/asp:TextBox&amp;gt;
    &amp;lt;asp:TextBox runat="server" ID="txtDescription"&amp;gt;&amp;lt;/asp:TextBox&amp;gt;
    &amp;lt;asp:Button runat="server" ID="btnSave" Text="Save" OnClick="btnSave_OnClick" UseSubmitBehavior="false"/&amp;gt;
&amp;lt;/div&amp;gt;
&lt;/code&gt;&lt;/pre&gt;
&lt;p&gt;&lt;/p&gt;
&lt;pre&gt;&lt;code&gt; protected void btnSave_OnClick(object sender, EventArgs e)
{
}
protected void btnShowPopUp_OnClick(object sender, EventArgs e)
{
    ScriptManager.RegisterClientScriptBlock(this, GetType(), "none", "&amp;lt;script&amp;gt;ShowProcessPopup();&amp;lt;/script&amp;gt;", false);
}
&lt;/code&gt;&lt;/pre&gt;</t>
  </si>
  <si>
    <t>2016-09-26 13:41:05.653000+00:00</t>
  </si>
  <si>
    <t>How to get a part of string which separated by forward slash in Javascript Regular expression</t>
  </si>
  <si>
    <t>&lt;p&gt;I have a string something like this &lt;strong&gt;1006 / HKD-undefined-000002&lt;/strong&gt; format and I also need both of it part sometime I need the right and then left one.
But I dont know how to call in JS.&lt;/p&gt;</t>
  </si>
  <si>
    <t>2016-03-20 19:03:34.827000+00:00</t>
  </si>
  <si>
    <t>2016-03-20 19:33:52.463000+00:00</t>
  </si>
  <si>
    <t>How can we guarantee that onPause will be called?</t>
  </si>
  <si>
    <t>&lt;p&gt;Going of this question 
&lt;a href="https://stackoverflow.com/questions/9186769/android-save-game-state-in-onpause-or-ondestroy"&gt;android save game state in onPause or onDestroy?&lt;/a&gt;&lt;/p&gt;
&lt;p&gt;The answer highlighted that the person asking the question should save game state in onPause because the onDestroy documentation says "There are situations where the system will simply kill the activity's hosting process without calling this method (or any others) in it, so it should not be used to do things that are intended to remain around after the process goes away." In these situations, how can we ensure onPause will be called? Is it possible to control what methods are called in these situations? Seems unpredictable&lt;/p&gt;</t>
  </si>
  <si>
    <t>2014-09-01 07:39:41.103000+00:00</t>
  </si>
  <si>
    <t>2018-02-05 01:56:38.373000+00:00</t>
  </si>
  <si>
    <t>android|onpause|ondestroy</t>
  </si>
  <si>
    <t>Java - Windows MMC - Private key is null for a certificate when a different user is logged in</t>
  </si>
  <si>
    <t>&lt;p&gt;I have installed a pfx certificate file in Windows Trusted store with a Master user. Then I have switched the user to a standard user and accessed the certificate from JAVA. But the certificate's private key is null.
I think it may be a permission issue.Please help me. But for the same user(here master user) the certificate is having private key and my RMI over SSL connection passes.&lt;/p&gt;
&lt;p&gt;I am not able to pass RMI connection over SSL because of this issue.Handshake failure message is coming.&lt;/p&gt;</t>
  </si>
  <si>
    <t>2017-01-17 14:26:03.507000+00:00</t>
  </si>
  <si>
    <t>What are the pros and cons of object databases?</t>
  </si>
  <si>
    <t>&lt;p&gt;There is a lot of information out there on object-relational mappers and how to best avoid impedance mismatch, all of which seem to be moot points if one were to use an object database.  My question is why isn't this used more frequently?  Is it because of performance reasons or because object databases cause your data to become proprietary to your application or is it due to something else?  &lt;/p&gt;</t>
  </si>
  <si>
    <t>2008-09-14 18:04:57.543000+00:00</t>
  </si>
  <si>
    <t>2009-09-25 20:58:32.513000+00:00</t>
  </si>
  <si>
    <t>2008-09-14 18:08:54.477000+00:00</t>
  </si>
  <si>
    <t>Soeren Kuklau</t>
  </si>
  <si>
    <t>Kevin Pang</t>
  </si>
  <si>
    <t>database|oop|rdbms|relational|oodbms</t>
  </si>
  <si>
    <t>unifying const T&amp; and T&amp;&amp; overloads</t>
  </si>
  <si>
    <t>&lt;p&gt;I have the following two function template overloads:&lt;/p&gt;
&lt;pre&gt;&lt;code&gt;template&amp;lt;typename T&amp;gt;
optional&amp;lt;T&amp;gt; some(const T&amp;amp; x)
{
    return optional&amp;lt;T&amp;gt;(x);
}
template&amp;lt;typename T&amp;gt;
typename std::enable_if&amp;lt;std::is_rvalue_reference&amp;lt;T&amp;amp;&amp;amp;&amp;gt;::value, optional&amp;lt;T&amp;gt; &amp;gt;::type
some(T&amp;amp;&amp;amp; x)
{
    return optional&amp;lt;T&amp;gt;(std::move(x));
}
&lt;/code&gt;&lt;/pre&gt;
&lt;p&gt;My first attempt at unifying the overloads via perfect forwarding failed:&lt;/p&gt;
&lt;pre&gt;&lt;code&gt;template&amp;lt;typename T&amp;gt;
optional&amp;lt;T&amp;gt; some(T&amp;amp;&amp;amp; x)
{
    return optional&amp;lt;T&amp;gt;(std::forward&amp;lt;T&amp;gt;(x));
}
error: forming pointer to reference type 'const std::basic_string&amp;lt;char&amp;gt;&amp;amp;'
&lt;/code&gt;&lt;/pre&gt;
&lt;p&gt;As did my second attempt:&lt;/p&gt;
&lt;pre&gt;&lt;code&gt;template&amp;lt;typename T&amp;gt;
optional&amp;lt;typename std::remove_reference&amp;lt;T&amp;gt;::type&amp;gt; some(T&amp;amp;&amp;amp; x)
{
    return optional&amp;lt;typename std::remove_reference&amp;lt;T&amp;gt;::type&amp;gt;(std::forward&amp;lt;T&amp;gt;(x));
}
error: no matching function for call to
'std::basic_string&amp;lt;char&amp;gt;::basic_string(gpa::optional&amp;lt;const std::basic_string&amp;lt;char&amp;gt; &amp;gt;)'
&lt;/code&gt;&lt;/pre&gt;
&lt;p&gt;Is there a clean way to unify the overloads, or should I just live with having them?&lt;/p&gt;</t>
  </si>
  <si>
    <t>2012-04-18 14:54:54.073000+00:00</t>
  </si>
  <si>
    <t>2012-04-18 18:36:16.713000+00:00</t>
  </si>
  <si>
    <t>c++|templates|rvalue-reference|move-semantics|perfect-forwarding</t>
  </si>
  <si>
    <t>frama-c usage on windows 7</t>
  </si>
  <si>
    <t>&lt;p&gt;I have installed Boron version of windows installer from frame-c website &lt;a href="http://frama-c.com/download.html" rel="nofollow"&gt;http://frama-c.com/download.html&lt;/a&gt;&lt;/p&gt;
&lt;p&gt;when I try to run the val plugin, I am getting an error about preprocessor varaible CPP not being set as below:
&lt;code&gt;&lt;/p&gt;
&lt;pre&gt;&lt;code&gt;C:\Frama-C\bin&amp;gt;frama-c.exe -val filename.cpp
[kernel] user error: failed to run: gcc -C -E -I.  -o "C:\Users\akandoor\AppData\Local\Temp\filename.cpp4f5d23.i" "filename.cpp"
you may set the CPP environment variable to select the proper preprocessor command or use the option "-cpp-command".
[kernel] user error: skipping file "filename.cpp" that has errors.
[kernel] Frama-C aborted because of an invalid user input.
&lt;/code&gt;&lt;/pre&gt;
&lt;p&gt;&lt;/code&gt;&lt;/p&gt;
&lt;p&gt;with the -cpp-command I get the following error:
&lt;code&gt;&lt;/p&gt;
&lt;pre&gt;&lt;code&gt;C:\Frama-C\bin&amp;gt;frama-c.exe -cpp-command 'C:\utils\cygwin\bin\gcc.exe -C -E -I. -
x c' filename.cpp
[kernel] user error: option `-C' is unknown.
                     use `frama-c.exe -help' for more information.
[kernel] Frama-C aborted because of an invalid user input.
&lt;/code&gt;&lt;/pre&gt;
&lt;p&gt;&lt;/code&gt;&lt;/p&gt;
&lt;p&gt;ANy clues/suggestions?&lt;/p&gt;</t>
  </si>
  <si>
    <t>2014-03-12 21:18:11.617000+00:00</t>
  </si>
  <si>
    <t>2014-03-12 21:22:33.140000+00:00</t>
  </si>
  <si>
    <t>windows|gcc|cygwin|frama-c</t>
  </si>
  <si>
    <t>sqoop export from hive table to postgresql copies duplicate rows</t>
  </si>
  <si>
    <t>&lt;p&gt;We are trying to copy about 900 million rows from Hive tables to Aurora PostgreSQL (AWS). Since we had a primary key constraint on the target table, it threw constraint violation errors and the copy failed.
So, we tried removing the constraint until the copy is complete. Exact number of rows got copied successfully in 30 mins.
But, when we examine the data, it has several duplicates and several rows from source missing.
Meaning, say we had row-a, row-b, row-c, row-d in source. Now, the destination has exactly 4 rows, but it has row-a, &lt;strong&gt;row-b, row-b&lt;/strong&gt;, row-d. That is row-b copied twice and row-c skipped.&lt;/p&gt;
&lt;p&gt;With this issue, 1. we cannot add primary key. and 2. We are losing about 1 million original rows in this process.&lt;/p&gt;
&lt;p&gt;Below is our export command:&lt;/p&gt;
&lt;blockquote&gt;
  &lt;p&gt;sqoop export  \
  -libjars /usr/hdp/current/sqoop-client/lib/RedshiftJDBC42-1.2.12.1017.jar \
  --driver com.amazon.redshift.jdbc42.Driver \
  --connect jdbc:postgresql://myClusterEndpoint.rds.amazonaws.com:5455/DB_NAME?sslmode=require&amp;amp;ssl=true
  \
  --table myTable   \
  --export-dir /data/external/myDataFile   \
  --input-fields-terminated-by "," \
  --username  myUserNamer  \
  --password  myPassword  \
  -m  500  \&lt;/p&gt;
&lt;/blockquote&gt;
&lt;p&gt;Has anybody faced such issue or know about the cause, please do share your experience and help us resolve this.
Thanks in advance.&lt;/p&gt;</t>
  </si>
  <si>
    <t>2018-08-24 19:44:08.733000+00:00</t>
  </si>
  <si>
    <t>2018-08-24 20:13:55.520000+00:00</t>
  </si>
  <si>
    <t>postgresql|hive|duplicates|export|sqoop</t>
  </si>
  <si>
    <t>My page is broken, I don't know why their is a horizontal scroll when there should be none</t>
  </si>
  <si>
    <t>&lt;p&gt;This is my first bootstrap design and I think I am doing pretty well but my friend just pointed out that I have a horizontal scroll in browser. Where is this happening and why is it happening? *Horizontal Scroll -&gt; Scroll bar left to right in the browser. If you want to check out the site directly here is the link: &lt;a href="https://affattraction.com" rel="nofollow noreferrer"&gt;https://affattraction.com&lt;/a&gt;&lt;/p&gt;
&lt;blockquote&gt;
  &lt;p&gt;HTML&lt;/p&gt;
&lt;/blockquote&gt;
&lt;pre&gt;&lt;code&gt;&amp;lt;!DOCTYPE html&amp;gt;
&amp;lt;html&amp;gt;
&amp;lt;head&amp;gt;
    &amp;lt;meta charset="utf-8"&amp;gt;
    &amp;lt;meta name="viewport" content="width=device-width, initial-scale=1"&amp;gt;
    &amp;lt;title&amp;gt;AffAttraction | Performance Based Marketing Network&amp;lt;/title&amp;gt;
    &amp;lt;link rel="stylesheet" type="text/css" href="css/bootstrap.css"&amp;gt;
    &amp;lt;link rel="stylesheet" type="text/css" href="css/bootstrap.mini.css"&amp;gt;
    &amp;lt;link rel="stylesheet" type="text/css" href="css/style.css"&amp;gt;
&amp;lt;/head&amp;gt;
&amp;lt;body&amp;gt;
&amp;lt;!-- Header --&amp;gt;
    &amp;lt;header&amp;gt;
        &amp;lt;nav class="navbar navbar-default"&amp;gt;
            &amp;lt;div class="container"&amp;gt;
                &amp;lt;div class="navbar-header"&amp;gt;
                    &amp;lt;button type="button" class="navbar-toggle" data-toggle="collapse" data-target="#myNavbar"&amp;gt;
                        &amp;lt;span class="icon-bar"&amp;gt;&amp;lt;/span&amp;gt;
                        &amp;lt;span class="icon-bar"&amp;gt;&amp;lt;/span&amp;gt;
                        &amp;lt;span class="icon-bar"&amp;gt;&amp;lt;/span&amp;gt;
                    &amp;lt;/button&amp;gt;
                    &amp;lt;a class="navbar-brand" href="index.html"&amp;gt;AffAttraction&amp;lt;/a&amp;gt;
                &amp;lt;/div&amp;gt;
                &amp;lt;div class="collapse navbar-collapse" id="myNavbar"&amp;gt;
                &amp;lt;ul class="nav navbar-nav"&amp;gt;
                    &amp;lt;li&amp;gt;&amp;lt;a href="index.html"&amp;gt;Home&amp;lt;/a&amp;gt;&amp;lt;/li&amp;gt;
                    &amp;lt;li&amp;gt;&amp;lt;a href="advertisers.html"&amp;gt;Advertisers&amp;lt;/a&amp;gt;&amp;lt;/li&amp;gt;
                    &amp;lt;li&amp;gt;&amp;lt;a href="publishers.html"&amp;gt;Publishers&amp;lt;/a&amp;gt;&amp;lt;/li&amp;gt;
                    &amp;lt;li&amp;gt;&amp;lt;a href="blog.html"&amp;gt;Blog&amp;lt;/a&amp;gt;&amp;lt;/li&amp;gt;
                    &amp;lt;li&amp;gt;&amp;lt;a href="about.html"&amp;gt;About Us&amp;lt;/a&amp;gt;&amp;lt;/li&amp;gt;
                    &amp;lt;li&amp;gt;&amp;lt;a href="contact.html"&amp;gt;Contact Us&amp;lt;/a&amp;gt;&amp;lt;/li&amp;gt;
                &amp;lt;/ul&amp;gt;
                &amp;lt;form class="navbar-form navbar-right"&amp;gt;
                &amp;lt;input type="email" name="email" class="form-control" placeholder="Email" required=""&amp;gt;
                &amp;lt;input type="password" name="password" class="form-control" placeholder="Password" required=""&amp;gt;
                &amp;lt;button type="submit" class="btn btn-green"&amp;gt;Login &amp;lt;span class="glyphicon glyphicon-log-in"&amp;gt;&amp;lt;/span&amp;gt;&amp;lt;/button&amp;gt;
                &amp;lt;/form&amp;gt;
                &amp;lt;/div&amp;gt;
            &amp;lt;/div&amp;gt;
        &amp;lt;/nav&amp;gt;
    &amp;lt;/header&amp;gt;
&amp;lt;!-- Header -- &amp;gt;
&amp;lt;!-- Showcase --&amp;gt;
    &amp;lt;div id="showcase"&amp;gt;
        &amp;lt;div class="container"&amp;gt;
            &amp;lt;div class="row"&amp;gt;
                &amp;lt;div class="col-sm-12"&amp;gt;
                &amp;lt;h1&amp;gt;&amp;lt;span class="highlight"&amp;gt;Performance&amp;lt;/span&amp;gt; Based Marketing&amp;lt;/h1&amp;gt;
                &amp;lt;p&amp;gt;Do you have traffic? Do you want to monetize it? AffAttraction can help you earn more from your websites, apps, games, blogs, and more!&amp;lt;/p&amp;gt;
                &amp;lt;center&amp;gt;&amp;lt;a href="advertisers.html"&amp;gt;&amp;lt;button class="btn btn-showcase"&amp;gt;Advertisers&amp;lt;/button&amp;gt;&amp;lt;/a&amp;gt;
                &amp;lt;a href="publishers.html"&amp;gt;&amp;lt;button class="btn btn-showcase"&amp;gt;Publishers&amp;lt;/button&amp;gt;&amp;lt;/a&amp;gt;&amp;lt;/center&amp;gt;
                &amp;lt;/div&amp;gt;
            &amp;lt;/div&amp;gt;
        &amp;lt;/div&amp;gt;
    &amp;lt;/div&amp;gt;
&amp;lt;!-- Showcase --&amp;gt;
&amp;lt;!-- Overview --&amp;gt;
    &amp;lt;div id="overview"&amp;gt;
        &amp;lt;div class="contianer"&amp;gt;
            &amp;lt;div class="row"&amp;gt;
                &amp;lt;div class="col-sm-6"&amp;gt;
                    &amp;lt;h1&amp;gt;What is AffAttraction?&amp;lt;/h1&amp;gt;
                    &amp;lt;p&amp;gt;AffAttraction is a CPA (Cost-Per-Action) Affiliate Network consisting of the top converting and highest paying ad campaigns around the globe. We offer a easy-to-use custom tracking platform with advanced tracking, advanced tools, and top support.&amp;lt;/p&amp;gt;
                &amp;lt;/div&amp;gt;
                &amp;lt;div class="col-sm-6"&amp;gt;
                    &amp;lt;h1&amp;gt;Why Choose AffAttraction?&amp;lt;/h1&amp;gt;
                    &amp;lt;p&amp;gt;We strive to provide the latest tools and features for our advertisers and publishers to bring you the best experience in CPA Marketing. We also offer the top converting and highest paying ad campaigns around the globe.&amp;lt;/p&amp;gt;
                &amp;lt;/div&amp;gt;
            &amp;lt;/div&amp;gt;
        &amp;lt;/div&amp;gt;
    &amp;lt;/div&amp;gt;
&amp;lt;!-- Overview --&amp;gt;
&amp;lt;!-- Features --&amp;gt;
    &amp;lt;div id="features"&amp;gt;
        &amp;lt;div class="container"&amp;gt;
            &amp;lt;div class="row"&amp;gt;
                &amp;lt;div class="col-sm-6"&amp;gt;
                    &amp;lt;h1&amp;gt;���Customizable Payouts&amp;lt;/h1&amp;gt;
                    &amp;lt;p&amp;gt;Every affiliate has customizable payouts depending on your revenue stream. If your traffic is good and you exceed the minimum amount for that month/week, contact us and we can re-schedule your payment dates.&amp;lt;/p&amp;gt;
                &amp;lt;/div&amp;gt;
                &amp;lt;div class="col-sm-6"&amp;gt;
                    &amp;lt;h1&amp;gt;���Detailed Reports and Statistics&amp;lt;/h1&amp;gt;
                    &amp;lt;p&amp;gt;Our custom tracking platform although very easy-to-use is very complex and tracks every detail of a click. Generate reports in real-time in the reports seciton of your publisher panel.&amp;lt;/p&amp;gt;
                &amp;lt;/div&amp;gt;
            &amp;lt;/div&amp;gt;
            &amp;lt;div class="row"&amp;gt;
                &amp;lt;div class="col-sm-6"&amp;gt;
                    &amp;lt;h1&amp;gt;���Highest Conversion Rates&amp;lt;/h1&amp;gt;
                    &amp;lt;p&amp;gt;We don't waste our time adding offers that do not convert. Every offer on our network has been hand tested to make sure it converts correctly. Higher conversion rates means more revenue oppourtunities!
                &amp;lt;/div&amp;gt;
                &amp;lt;div class="col-sm-6"&amp;gt;
                    &amp;lt;h1&amp;gt;���Daily Support&amp;lt;/h1&amp;gt;
                    &amp;lt;p&amp;gt;Our Dedicated Affiliate Managers are here 7 days a week to help you through any encounters you may have while working with AffAttraction!&amp;lt;/p&amp;gt;
                &amp;lt;/div&amp;gt;
            &amp;lt;/div&amp;gt;
            &amp;lt;div class="row"&amp;gt;
                &amp;lt;div class="col-sm-6"&amp;gt;
                    &amp;lt;h1&amp;gt;���Exclusive Tools&amp;lt;/h1&amp;gt;
                    &amp;lt;p&amp;gt;Postback and API are a some of the tools you will be able to use while working with AffAttraction. Don't forget, we will be adding more in the future!&amp;lt;/p&amp;gt;
                &amp;lt;/div&amp;gt;
                &amp;lt;div class="col-sm-6"&amp;gt;
                    &amp;lt;h1&amp;gt;���User Privacy&amp;lt;/h1&amp;gt;
                    &amp;lt;p&amp;gt;Don't worry, we will never share your information with 3rd Parties. Your personal information is secure when entering anything our our domain. User protection is high priority with AffAttraction!&amp;lt;/p&amp;gt;
                &amp;lt;/div&amp;gt;
            &amp;lt;/div&amp;gt;
            &amp;lt;div class="row"&amp;gt;
                &amp;lt;div class="col-sm-12"&amp;gt;
                    &amp;lt;a href="publishers/register.php"&amp;gt;&amp;lt;button class="btn btn-get-started"&amp;gt;Get Started&amp;lt;/button&amp;gt;&amp;lt;/a&amp;gt;
                &amp;lt;/div&amp;gt;
            &amp;lt;/div&amp;gt;
        &amp;lt;/div&amp;gt;
    &amp;lt;/div&amp;gt;
&amp;lt;!-- Features --&amp;gt;
&amp;lt;!-- Footer --&amp;gt;
    &amp;lt;div class="footer-header"&amp;gt;
            &amp;lt;div class="container-fluid"&amp;gt;
                &amp;lt;div class="row"&amp;gt;
                    &amp;lt;div class="col-sm-4"&amp;gt;
                        &amp;lt;h1&amp;gt;About Us&amp;lt;/h1&amp;gt;
                        &amp;lt;p&amp;gt;AffAttraction is a Performance Based Marketing Network helping publishers earn more from thier traffic by offering advanced tracking, exclusive tools, top support and the highest paying ad campaigns around the globe.&amp;lt;/p&amp;gt;&amp;lt;br&amp;gt;
                        &amp;lt;p&amp;gt;&amp;lt;b&amp;gt;Join our Network &amp;lt;br&amp;gt;and Start Earning from your Traffic!&amp;lt;/b&amp;gt;&amp;lt;/p&amp;gt;
                    &amp;lt;/div&amp;gt;
                    &amp;lt;div class="col-sm-4"&amp;gt;
                        &amp;lt;h1&amp;gt;Network&amp;lt;/h1&amp;gt;
                        &amp;lt;p&amp;gt;&amp;lt;a href="blog.html"&amp;gt;-&amp;gt;Blog&amp;lt;/a&amp;gt;&amp;lt;/p&amp;gt;
                        &amp;lt;p&amp;gt;&amp;lt;a href="publishers/login.php"&amp;gt;-&amp;gt;Login&amp;lt;/a&amp;gt;&amp;lt;/p&amp;gt;
                        &amp;lt;p&amp;gt;&amp;lt;a href="terms.html"&amp;gt;-&amp;gt;Terms of Service&amp;lt;/a&amp;gt;&amp;lt;/p&amp;gt;
                        &amp;lt;p&amp;gt;&amp;lt;a href="privacy.html"&amp;gt;-&amp;gt;Privacy Policy&amp;lt;/a&amp;gt;&amp;lt;/p&amp;gt;
                        &amp;lt;p&amp;gt;&amp;lt;a href="contact.html"&amp;gt;-&amp;gt;Contact Us&amp;lt;/a&amp;gt;&amp;lt;/p&amp;gt;
                    &amp;lt;/div&amp;gt;
                    &amp;lt;div class="col-sm-4"&amp;gt;
                        &amp;lt;h1&amp;gt;AffAttraction&amp;lt;/h1&amp;gt;
                        &amp;lt;p&amp;gt;RR1 Box 3010 Rock Branch Road&amp;lt;br&amp;gt;
                        Poca, WV 25159 - United States&amp;lt;/p&amp;gt;&amp;lt;br&amp;gt;
                        &amp;lt;a href="contact.html"&amp;gt;Contact Us:&amp;lt;/a&amp;gt;
                        &amp;lt;a href="mailto:affiliate@affattraction.com"&amp;gt;affiliate@affattraction.com&amp;lt;/a&amp;gt;
                    &amp;lt;/div&amp;gt;
                &amp;lt;/div&amp;gt;
            &amp;lt;/div&amp;gt;
        &amp;lt;/div&amp;gt;
    &amp;lt;footer&amp;gt;
        &amp;lt;div class="container"&amp;gt;
            &amp;lt;div class="row"&amp;gt;
            &amp;lt;/div&amp;gt;
            &amp;lt;div class="row"&amp;gt;
                &amp;lt;div class="col-sm-12"&amp;gt;
                &amp;lt;p&amp;gt;&amp;amp;copy; 2017 AffAttraction. All Rights Reserved.&amp;lt;/p&amp;gt;
                &amp;lt;/div&amp;gt;
            &amp;lt;/div&amp;gt;
        &amp;lt;/div&amp;gt;
    &amp;lt;/footer&amp;gt;
&amp;lt;!-- footer --&amp;gt;
&amp;lt;script src="js/jquery.js"&amp;gt;&amp;lt;/script&amp;gt;
&amp;lt;script src="js/jquery.mini.js"&amp;gt;&amp;lt;/script&amp;gt;
&amp;lt;script src="js/bootstrap.js"&amp;gt;&amp;lt;/script&amp;gt;
&amp;lt;script src="js/bootstrap.mini.js"&amp;gt;&amp;lt;/script&amp;gt;
&amp;lt;/body&amp;gt;
&amp;lt;/html&amp;gt;
&lt;/code&gt;&lt;/pre&gt;
&lt;blockquote&gt;
  &lt;p&gt;CSS&lt;/p&gt;
&lt;/blockquote&gt;
&lt;pre&gt;&lt;code&gt;body {
    font-family: Helvetica, sans-serif;
    background-color: #F4F4F4;
}
/* Global */
.btn-green {
    background-color: #00FF00;
    border: none;
}
.btn-green:hover {
    background-color: #32CD32;
    border: none;
}
.highlight {
    color: #32CD32;
}
.btn-showcase {
    height: 50px;
    width: 140px;
    margin: 10px;
    background-color: #00FF00;
    border: none;
    font-size: 16px;
    color: black;
    transition: all 0.3s ease-in-out;
}
.btn-showcase:hover {
    height: 50px;
    width: 140px;
    margin: 10px;
    background-color: #32CD32;
    border: none;
    font-size: 16px;
    color: black;
}
.btn-get-started {
    height: 50px;
    width: 100%;
    margin: 10px;
    background-color: white;
    border: black 3px solid;
    border-radius: 0;
    font-size: 16px;
    color: black;
    transition: all 0.5s linear;
}
.btn-get-started:hover {
    height: 50px;
    width: 100%;
    margin: 10px;
    background-color: black;
    border: white 3px solid;
    border-radius: 0;
    font-size: 16px;
    color: white;
}
/* Header */
.navbar-default {
    background-color: #418DD9;
    border: none;
    border-radius: 0px;
    min-height: 60px;
}
.navbar a {
    color: white !important;
    border-top: #418DD9 3px solid;
}
.navbar-nav a:hover {
    color: white !important;
    border-top: #00FF00 3px solid;
}
.navbar-brand {
    font-size: 25px !important;
}
.navbar-form {
    padding-top: 5px;
}
.navbar-default .navbar-toggle .icon-bar {
    background-color: white !important;
}
/* Showcase */
#showcase {
    margin-top: -20px;
    min-height: 400px;
    color: #FFFFFF !important;
    background: url('../img/showcase.jpg') fixed;
    border: none;
    position: relative;
}
#showcase h1 {
    font-size: 60px;
    text-align: center;
    padding-top: 40px;
}
#showcase p {
    font-size: 20px;
    text-align: center;
    padding-top: 15px;
}
/* Overview */
#overview {
    padding: 10px;
    background-color: #DCDCDC;
}
#overview h1 {
    font-size: 35px;
    text-align: center;
    color: black;
}
#overview p {
    font-size: 16px;
    text-align: center;
    color: black;
}
/* Footer Bottom */
footer {
    background-color: #4169E1;
    color: #FFFFFF;
    min-height: 60px;
}
footer p {
    font-size: 15px;
    padding-top: 20px;
}
.footer-header {
    background-color: #418DD9;
    color: #FFFFFF;
}
.footer-header h1 {
    font-size: 20px;
}
.footer-header a {
    color: #FFFFFF;
    text-decoration: none;
    transition: all 0.3s linear;
}
.footer-header a:hover {
    color: #00FF00;
}
/* Features */
#features {
    padding-top: 10px;
    padding-bottom: 10px;
}
#features h1 {
    font-size: 25px;
    font-weight: bold;
}
&lt;/code&gt;&lt;/pre&gt;
&lt;p&gt;Also, I am using bootstrap (latest version) so it could be something in their files but I wouldn't think so. I didn't notice this so I don't know where it started.&lt;/p&gt;</t>
  </si>
  <si>
    <t>2017-07-27 15:46:45.593000+00:00</t>
  </si>
  <si>
    <t>2017-07-28 02:50:38.617000+00:00</t>
  </si>
  <si>
    <t>html5|twitter-bootstrap|css3</t>
  </si>
  <si>
    <t>How to prevent routing in Backbone.js?</t>
  </si>
  <si>
    <t>&lt;p&gt;When I click 'Cancel' from First page - it's ok. But 'Cancel' doesn't work when I
move to 'Second page'. In this case router redirects application to "" route.
I need to prevent this redirection.&lt;/p&gt;
&lt;p&gt;"Cancel" - hide links, "Second page" - move to Second page&lt;/p&gt;
&lt;pre&gt;&lt;code&gt;&amp;lt;script type="text/html" id="template"&amp;gt;
    &amp;lt;a href="#" class="cancel"&amp;gt;Cancel&amp;lt;/a&amp;gt;
    &amp;lt;a href="#second"&amp;gt;Second page&amp;lt;/a&amp;gt;
&amp;lt;/script&amp;gt;
&amp;lt;div id="container"&amp;gt;&amp;lt;/div&amp;gt;    
&amp;lt;script&amp;gt;
var View = Backbone.View.extend({
    template: $('#template').html(),
    events: {
        "click .cancel": "cancel"
    },
    cancel: function () {
        this.$el.hide();
    },
    render: function () {
        this.$el.html(this.template);
        return this;
    }
});
var AppRouter = Backbone.Router.extend({
    routes: {
        "": "first",
        "second": "second"
    },
&lt;/code&gt;&lt;/pre&gt;
&lt;p&gt;Create view and replace container's html&lt;/p&gt;
&lt;pre&gt;&lt;code&gt;    links: function () {
        var view = new View;
        $('#container').html(view.render().el);
    },
    second: function () {
        this.links();
        $('#container').prepend("&amp;lt;h1&amp;gt;Second page&amp;lt;/h1&amp;gt;");
    },
    first: function () {
        this.links();
        $('#container').prepend("&amp;lt;h1&amp;gt;First page&amp;lt;/h1&amp;gt;");
    }
});
$(document).ready(function () {
    app = new AppRouter;
    Backbone.history.start();
});
&amp;lt;/script&amp;gt;
&lt;/code&gt;&lt;/pre&gt;</t>
  </si>
  <si>
    <t>2012-06-26 11:59:17.910000+00:00</t>
  </si>
  <si>
    <t>2014-08-04 06:04:27.830000+00:00</t>
  </si>
  <si>
    <t>javascript|backbone.js|backbone-events|backbone-routing</t>
  </si>
  <si>
    <t>How to get common tag pattern for sentences list in python with NLTK</t>
  </si>
  <si>
    <t>&lt;p&gt;Here I have a list of sentences.With NLTK I can tag the sentence and get the tag pattern of that sentences. So as like this I can get the tag patterns for the whole list.But what I wanted is to identify the common tag patterns which most sentences get matched.For example:&lt;/p&gt;
&lt;ul&gt;
&lt;li&gt;&lt;p&gt;What is encapsulation&lt;br&gt;&lt;/p&gt;
&lt;pre&gt;&lt;code&gt;tag pattern : {&amp;lt;WP&amp;gt;&amp;lt;VBZ&amp;gt;&amp;lt;NN&amp;gt;}
&lt;/code&gt;&lt;/pre&gt;&lt;/li&gt;
&lt;li&gt;&lt;p&gt;How was your wedding&lt;/p&gt;
&lt;pre&gt;&lt;code&gt;tag pattern : {&amp;lt;WRB&amp;gt;&amp;lt;VBD&amp;gt;&amp;lt;PRP$&amp;gt;&amp;lt;NN&amp;gt;}
&lt;/code&gt;&lt;/pre&gt;&lt;/li&gt;
&lt;li&gt;&lt;p&gt;What is your plan today&lt;/p&gt;
&lt;pre&gt;&lt;code&gt;tag pattern : {&amp;lt;WP&amp;gt;&amp;lt;VBZ&amp;gt;&amp;lt;PRP$&amp;gt;&amp;lt;NN&amp;gt;&amp;lt;NN&amp;gt;}
&lt;/code&gt;&lt;/pre&gt;&lt;/li&gt;
&lt;/ul&gt;
&lt;p&gt;So the common tag pattern(Combining regexp tagger) for above threes sentences is:&lt;br&gt;&lt;/p&gt;
&lt;pre&gt;&lt;code&gt;{&amp;lt;W.+&amp;gt;&amp;lt;V.+&amp;gt;&amp;lt;PRP.?&amp;gt;?&amp;lt;NN&amp;gt;+} - One "Wh" word,one verb,zero or one pronoun,one or many nouns
&lt;/code&gt;&lt;/pre&gt;
&lt;p&gt;So I want to generalize the tag patterns of sentences to common ones.This is the thing what I wanted to do..&lt;/p&gt;
&lt;p&gt;So can someone tell me how to do that? &lt;/p&gt;</t>
  </si>
  <si>
    <t>2015-10-24 13:53:58.593000+00:00</t>
  </si>
  <si>
    <t>2015-10-26 14:57:38.900000+00:00</t>
  </si>
  <si>
    <t>2015-10-25 03:23:13.567000+00:00</t>
  </si>
  <si>
    <t>python|nltk|tagging</t>
  </si>
  <si>
    <t>Cannot convert to Excel in Python 3.X, however works in Python 2.X</t>
  </si>
  <si>
    <t>&lt;p&gt;In the code snippet below, I am trying to open and excel worksheet in Python and then carryout some calculations.  The code works with Python 2.X, but I am having problems with the Python 3.0 implementation.  While trying to run the code, I get the error &lt;code&gt;ValueError: Cannot convert &amp;lt;Cell 'Sheet1'.A1&amp;gt; to Excel&lt;/code&gt;&lt;/p&gt;
&lt;p&gt;Can you tell me how to fix this code to work with Python 3.6&lt;/p&gt;
&lt;p&gt;Here is the code that I have so far:&lt;/p&gt;
&lt;pre&gt;&lt;code&gt;import openpyxl
from openpyxl import load_workbook
import os
# import pandas as pd
import xlwings as xw
os.chdir("C:/Users/boss/Desktop/for_Interns/Code")
wb= openpyxl.load_workbook("F2_copy.xlsx")
wb.create_sheet(index=0,title='Summary')
sumsheet= wb.get_sheet_by_name('Summary')
print('Creating Summary Sheet')
for sheet in wb.worksheets:
    for row in  sheet.iter_rows():
        for cell in row:
           if cell.value=='failed':
               my_values= xw.Range('14_Messsage','A1:A6').options(ndim=2).value
               xw.Range('Summary','A1:A6').value = my_values
#loop through worksheets
print("Looping Worksheets")
for sheet in wb.worksheets:
    for row in  sheet.iter_rows():
        for cell.value in row:
           if cell.value=='LowLimit':
                lowCol=cell.column
            if cell.value=='HighLimit':
                highCol=cell.column
            if cell.value=='MeasValue':
                measCol=cell.column
       ....
&lt;/code&gt;&lt;/pre&gt;</t>
  </si>
  <si>
    <t>2017-06-28 20:39:48.443000+00:00</t>
  </si>
  <si>
    <t>2017-06-30 17:09:09.733000+00:00</t>
  </si>
  <si>
    <t>Page first load, options did not update, how to solve?</t>
  </si>
  <si>
    <t>&lt;p&gt;I have two selection fields;&lt;/p&gt;
&lt;pre&gt;&lt;code&gt;&amp;lt;label&amp;gt;Color:&amp;lt;/label&amp;gt;    
&amp;lt;select id="color"&amp;gt;
    &amp;lt;option value="red"&amp;gt;Red&amp;lt;/option&amp;gt;
    &amp;lt;option value="blue"&amp;gt;Blue&amp;lt;/option&amp;gt;
&amp;lt;/select&amp;gt;
&amp;lt;label&amp;gt;Car:&amp;lt;/label&amp;gt;
&amp;lt;select id="car"&amp;gt;&amp;lt;/select&amp;gt;
&lt;/code&gt;&lt;/pre&gt;
&lt;p&gt;I would like to implement the feature that if color "&lt;strong&gt;red&lt;/strong&gt;" is selected, update the &lt;code&gt;car&lt;/code&gt; selection options to be &lt;strong&gt;"red car 1"&lt;/strong&gt; and &lt;strong&gt;"red car 2"&lt;/strong&gt;. If color "&lt;strong&gt;Blue&lt;/strong&gt;" is selected, update the &lt;code&gt;car&lt;/code&gt; options to be &lt;strong&gt;"blue car 1"&lt;/strong&gt; and &lt;strong&gt;"blue car 2"&lt;/strong&gt;.&lt;/p&gt;
&lt;p&gt;I implement this feature in the following way:&lt;/p&gt;
&lt;pre&gt;&lt;code&gt;var updateOptions = function(carField, options) {
    carField.empty();
    for (var i = 0; i &amp;lt; options.length; i++) {
        carField.append("&amp;lt;option value=" + options[i] + "&amp;gt;" + options[i] + "&amp;lt;/option&amp;gt;");
    }
};
var colorField = $('#color');
var carField = $('#car');
colorField.change(function() {
    if (colorField.val() === 'red') updateOptions(carField, ['red car 1', 'red car 2']);
    else if (colorField.val() === 'blue') updateOptions(carField, ['blue car 1', 'blue car 2']);
});
&lt;/code&gt;&lt;/pre&gt;
&lt;p&gt;Things are fine here. The only problem is, the &lt;code&gt;car&lt;/code&gt; selection options get updated only if user select the &lt;code&gt;color&lt;/code&gt;. The page first load &lt;strong&gt;will not&lt;/strong&gt; update the &lt;code&gt;car&lt;/code&gt; selection options. For example, "&lt;strong&gt;red&lt;/strong&gt;" color is the default selected color when page loaded, but the car field is empty after page get loaded.  How to get rid of this efficiently?&lt;/p&gt;</t>
  </si>
  <si>
    <t>2011-04-26 11:46:24.880000+00:00</t>
  </si>
  <si>
    <t>2011-04-26 12:26:29.820000+00:00</t>
  </si>
  <si>
    <t>javascript|jquery|javascript-events|jquery-selectors</t>
  </si>
  <si>
    <t>How do i find out the disabled receiver's intent-filter?</t>
  </si>
  <si>
    <t>&lt;p&gt;for example&lt;/p&gt;
&lt;pre&gt;&lt;code&gt;&amp;lt;receiver android:name=".BootReceiver" android:enabled="true"&amp;gt;
    &amp;lt;intent-filter&amp;gt;    
        &amp;lt;action android:name="android.intent.action.BOOT_COMPLETED"/&amp;gt; 
    &amp;lt;/intent-filter&amp;gt;
&amp;lt;/receiver&amp;gt;
&lt;/code&gt;&lt;/pre&gt;
&lt;p&gt;An app has a receiver,and it set &lt;code&gt;android:enabled="true"&lt;/code&gt;.&lt;/p&gt;
&lt;p&gt;I tried the code below,but it does not work.&lt;/p&gt;
&lt;pre&gt;&lt;code&gt;Intent intent = new Intent(Intent.ACTION_BOOT_COMPLETED);
List&amp;lt;ResolveInfo&amp;gt; resolveInfoList = mPackageManager.queryBroadcastReceivers(intent, PackageManager.GET_RESOLVED_FILTER);
&lt;/code&gt;&lt;/pre&gt;
&lt;p&gt;but the BootReceiver is not in the resolveInfoList.&lt;/p&gt;
&lt;p&gt;And i also have tried these code.&lt;/p&gt;
&lt;pre&gt;&lt;code&gt;PackageInfo packageInfo = mPackageManager.getPackageInfo(applicationInfo.packageName, PackageManager.GET_RECEIVERS);
ActivityInfo[] receivers = packageInfo.receivers;
&lt;/code&gt;&lt;/pre&gt;
&lt;p&gt;Some of the receivers are null.&lt;/p&gt;
&lt;p&gt;So how do I find out the disabled receiver's intent-filter?&lt;/p&gt;</t>
  </si>
  <si>
    <t>2012-09-11 03:26:53.130000+00:00</t>
  </si>
  <si>
    <t>2015-01-12 22:40:12.590000+00:00</t>
  </si>
  <si>
    <t>android|intentfilter</t>
  </si>
  <si>
    <t>selfhosted gitlab data transfer to mysql data table.</t>
  </si>
  <si>
    <t>&lt;p&gt;im using self-hosted Gitlab server, I wanted to pass the JSON data of repository into another server MySQL table. is there any method to achieve this method? online I have found only following method, &lt;a href="https://www.stitchdata.com/docs/integrations/saas/gitlab#main" rel="nofollow noreferrer"&gt;https://www.stitchdata.com/docs/integrations/saas/gitlab#main&lt;/a&gt; .   &lt;/p&gt;</t>
  </si>
  <si>
    <t>2018-09-25 02:56:21.433000+00:00</t>
  </si>
  <si>
    <t>mysql|json|gitlab</t>
  </si>
  <si>
    <t>how to send dummy data on gpio pins of arduino uno.?</t>
  </si>
  <si>
    <t>&lt;p&gt;I am working with dht11 sensor and  arduino . I found the code from arduino site itself. Now I add few things like "&lt;/p&gt;
&lt;pre&gt;&lt;code&gt; if (temperature&amp;gt;70){
   //do something   
}
&lt;/code&gt;&lt;/pre&gt;
&lt;p&gt;Now I want to test my code without sensor attached on gpio pins. How can I dump the dummy data ex. (0,50,70 Celcius)on the arduino pin through programming so that I can test the code.&lt;/p&gt;</t>
  </si>
  <si>
    <t>2016-05-09 04:52:07.533000+00:00</t>
  </si>
  <si>
    <t>2016-05-10 11:10:58.340000+00:00</t>
  </si>
  <si>
    <t>2016-05-09 05:06:48.983000+00:00</t>
  </si>
  <si>
    <t>arduino-uno</t>
  </si>
  <si>
    <t>Pthread and C language</t>
  </si>
  <si>
    <t>&lt;p&gt;Here is my code:&lt;/p&gt;
&lt;pre&gt;&lt;code&gt;static long x = 0;
void * thread_func(void *arg){
while(1){
    printf("Thread 2 says %ld\n",++x);
    sleep(1);
}
}
int main(){
pthread_t tid;
pthread_create(&amp;amp;tid,NULL,thread_func,NULL);
while(x &amp;lt; 10)   {
    printf("Thread 1 says %ld\n",++x);
    sleep(2);
}
return 0;
}
&lt;/code&gt;&lt;/pre&gt;
&lt;p&gt;Now what shall be the output, the book says it will be:&lt;/p&gt;
&lt;pre&gt;&lt;code&gt;OUTPUT
Thread 1 says 1
Thread 2 says 2
Thread 2 says 3
Thread 1 says 4
Thread 2 says 5
Thread 2 says 6
Thread 1 says 7
Thread 2 says 8
Thread 2 says 9
Thread 1 says 10
Thread 2 says 11
Thread 2 says 12
&lt;/code&gt;&lt;/pre&gt;
&lt;p&gt;Now shall not the first one should be Thread 2 says 1, since the &lt;code&gt;pthread_create()&lt;/code&gt; is before the while loop in main.
Also how does sleep work here?
Like what exactly is a thread sleeping for, and what process executes when the executing thread sleeps.?&lt;/p&gt;
&lt;p&gt;i.e  sleep(1) and sleep(2)  what does 1 and 2 signify?&lt;/p&gt;</t>
  </si>
  <si>
    <t>2011-11-25 16:35:08.363000+00:00</t>
  </si>
  <si>
    <t>2011-11-25 19:04:32.277000+00:00</t>
  </si>
  <si>
    <t>c|pthreads</t>
  </si>
  <si>
    <t>Can't pass some fields from one method to another</t>
  </si>
  <si>
    <t>&lt;p&gt;I've tried to create a parser using python scrapy which is supposed to extract some fields from a webpage. The issue I'm facing here is that I can't pass the parameter in the right way to the "target_page" method in spider class. I know the way I passed "caption" and "value" fields from "parse" method to "target_page" is not at all pythonic. However, I did it cause I don't really have any idea how to pass the aforesaid fields in the "target_page" method in a proper way. How can I do it? Thanks in advance.&lt;/p&gt;
&lt;pre&gt;&lt;code&gt;import scrapy
class BrokerSpider(scrapy.Spider):
    name = "brokersp"
    start_urls = ["https://www.mql5.com/en/signals/mt4/page{0}".format(page_num) for page_num in range(1,10)]
    def parse(self, response):
        for links in response.css("div#signals-table div.signal"):
            caption = links.css('span.name::text').extract_first()
            value = links.css('div.col-price::text').extract_first()
            link = links.css('a.signal-avatar::attr(href)').extract_first()
            yield scrapy.Request(caption, value, url = link, callback = self.target_page)
    def target_page(self, title, price, response):
        jobber = response.css('div.header span a::text').extract_first()
        profit = response.css('div.cell.total a.blue::text').extract_first()
        yield {'title':title,'price':price,'jobber':jobber,'profit':profit}
&lt;/code&gt;&lt;/pre&gt;</t>
  </si>
  <si>
    <t>2017-08-20 20:36:08.663000+00:00</t>
  </si>
  <si>
    <t>2017-08-20 22:01:09.490000+00:00</t>
  </si>
  <si>
    <t>python|python-3.x|web-scraping|scrapy|scrapy-spider</t>
  </si>
  <si>
    <t>set cookie in php directly from form input</t>
  </si>
  <si>
    <t>&lt;p&gt;The code below is a simple experiment.Here i am trying to create a name input form which will be set as a cookie in the browser.But it appears that it is not working at all.Where might be the problem here.I am a beginner in php.So,it would be great if someone point out the mistakes i have made&lt;/p&gt;
&lt;pre&gt;&lt;code&gt;&amp;lt;?php
if(isset($_POST['name']) &amp;amp;&amp;amp; !empty($_POST['name'])){
$cookie_value=$_POST['name'];
setcookie('user',$cookie_value, time() + 3600, '/');
}
?&amp;gt;
&amp;lt;html&amp;gt;
&amp;lt;body&amp;gt;
&amp;lt;?php
if(isset($cookie_value)&amp;amp;&amp;amp; !empty($cookie_value)) {
    echo "user is".$cookie_value;
} else {
    echo "Cookies are not set";
}
?&amp;gt;
&amp;lt;form action=&amp;lt;?php echo $_SERVER['PHP_SELF'] ?&amp;gt; method='post'&amp;gt;
&amp;lt;input type='text' name='text'&amp;gt;
&amp;lt;input type='submit' value='submit'&amp;gt;
&amp;lt;/form&amp;gt;
&amp;lt;/body&amp;gt;
&amp;lt;/html&amp;gt;
&lt;/code&gt;&lt;/pre&gt;</t>
  </si>
  <si>
    <t>2015-02-10 15:36:59.297000+00:00</t>
  </si>
  <si>
    <t>2015-02-10 15:51:05.870000+00:00</t>
  </si>
  <si>
    <t>2015-02-10 15:42:30.323000+00:00</t>
  </si>
  <si>
    <t>php|html|cookies</t>
  </si>
  <si>
    <t>Update item in ko.ObservableArray</t>
  </si>
  <si>
    <t>&lt;p&gt;I have a small question that i want to find one item by its property and i want to update the same item , also it should reflect in collection. &lt;/p&gt;
&lt;p&gt;&lt;strong&gt;I am not using knockout util library.&lt;/strong&gt;&lt;/p&gt;
&lt;pre&gt;&lt;code&gt; Choice = function (id, text, order, selected) {
            this.Text = ko.observable(text);
            this.ID = ko.observable(id);
            this.Order = ko.observable(order);
            this.Selected = ko.observable(selected);
        },
Question = function (questiontext, id, order) {
            this.QuestionName = ko.observable(questiontext);
            this.QuestionId = ko.observable(id);
            this.QuestionOrder = ko.observable(order);
            this.Choices = ko.observableArray([]);
            this.UserResponse = ko.observable();
            this.Inputs = ko.observable(new Input());
        },
&lt;/code&gt;&lt;/pre&gt;
&lt;p&gt;i want to find question no 3 and i want to update items choice information and added to Questions.&lt;/p&gt;
&lt;p&gt;Any help on this.&lt;/p&gt;</t>
  </si>
  <si>
    <t>2013-12-06 05:53:24.053000+00:00</t>
  </si>
  <si>
    <t>2014-02-07 16:36:41.403000+00:00</t>
  </si>
  <si>
    <t>jquery|knockout.js|durandal|single-page-application</t>
  </si>
  <si>
    <t>custom URLProtocol cannot work with AVPlayer</t>
  </si>
  <si>
    <t>&lt;p&gt;goal: network flow collection in my app.&lt;/p&gt;
&lt;p&gt;For collecting all network flow, i custom URLProtocol. it all work fine with normal GET, or POST request of Json. But it makes audio playing part not working. My Audio playing part is based on AVPlayer and AVPlayerItem. 
If i unregister custom protocol, audio playing works again. Does it has some connections between two of them ? &lt;/p&gt;
&lt;p&gt;According to &lt;a href="https://forums.developer.apple.com/thread/75328" rel="nofollow noreferrer"&gt;https://forums.developer.apple.com/thread/75328&lt;/a&gt; AVPlayer does go through the URL loading system, but those requests are made in a helper process (mediaserverd) and thus don���t ���see��� custom NSURLProtocol subclass.&lt;/p&gt;
&lt;p&gt;Here post my implementation of custom protocol.&lt;a href="https://github.com/JimmyOu/JODevelop/blob/master/JODevelop/Tool/performance_Monitor/Network/NEHTTPMonitor.m" rel="nofollow noreferrer"&gt;https://github.com/JimmyOu/JODevelop/blob/master/JODevelop/Tool/performance_Monitor/Network/NEHTTPMonitor.m&lt;/a&gt;&lt;/p&gt;
&lt;p&gt;Thanks all.&lt;/p&gt;</t>
  </si>
  <si>
    <t>2018-09-03 11:29:19.330000+00:00</t>
  </si>
  <si>
    <t>2018-09-13 08:41:09.070000+00:00</t>
  </si>
  <si>
    <t>ios|objective-c|avplayer|nsurlprotocol</t>
  </si>
  <si>
    <t>Alert on FTP file server upload</t>
  </si>
  <si>
    <t>&lt;p&gt;How to scan network directories / or a FTP server and alert me via email each day saying what new files have been upload to the server?&lt;/p&gt;
&lt;p&gt;I have about 20+ directories at work with images that get updated by external parties, but rarely get told that they put the files there. Would make things easier if I had an alert along those lines.&lt;/p&gt;</t>
  </si>
  <si>
    <t>2011-08-29 11:58:37.867000+00:00</t>
  </si>
  <si>
    <t>2011-08-29 12:08:45.573000+00:00</t>
  </si>
  <si>
    <t>java|.net</t>
  </si>
  <si>
    <t>Can a NativeScript viewModel have "computed" properties?</t>
  </si>
  <si>
    <t>&lt;p&gt;Say I had a simple viewModel where the property &lt;code&gt;foo&lt;/code&gt; should be just like any other, only that it's generated/computed with the value of another property and updates whenever the other one updates:&lt;/p&gt;
&lt;pre&gt;&lt;code&gt;const observableModule = require("tns-core-modules/data/observable");
function HomeViewModel() {
    const viewModel = observableModule.fromObject({
        name: 'John',
        foo() {
            return 'Hello ' + viewModel.name; //not really what I'm looking for
        }
    });
    return viewModel;
}
&lt;/code&gt;&lt;/pre&gt;
&lt;p&gt;Knockout.js has these "computed" observables, which I find very handy in many places. This is what it would look like with Knockout.js:&lt;/p&gt;
&lt;pre&gt;&lt;code&gt;function HomeViewModel() {
    const viewModel = {
        name: ko.observable('John'),
        foo: ko.pureComputed(() =&amp;gt; 'Hello ' + viewModel.name())
    };
    return viewModel;
}
&lt;/code&gt;&lt;/pre&gt;
&lt;p&gt;Is there something similar in NativeScript?&lt;/p&gt;</t>
  </si>
  <si>
    <t>2018-11-25 13:09:18.660000+00:00</t>
  </si>
  <si>
    <t>2018-11-25 14:30:27.907000+00:00</t>
  </si>
  <si>
    <t>2018-11-25 13:36:08.373000+00:00</t>
  </si>
  <si>
    <t>javascript|mvvm|knockout.js|observable|nativescript</t>
  </si>
  <si>
    <t>How to always run some code when a promise is fulfilled in Angular.js</t>
  </si>
  <si>
    <t>&lt;p&gt;In my Angular.js application, I'm running some asynchronous operation. Before it starts I cover the application with a modal div, then once the operation is complete, I need to remove the div, whether the operation was successful or not.&lt;/p&gt;
&lt;p&gt;Currently I have this:&lt;/p&gt;
&lt;pre class="lang-js prettyprint-override"&gt;&lt;code&gt;LoadingOverlay.start(); 
Auth.initialize().then(function() {
    LoadingOverlay.stop();
}, function() {
    LoadingOverlay.stop(); // Code needs to be duplicated here
})
&lt;/code&gt;&lt;/pre&gt;
&lt;p&gt;It works well, however I would prefer to have something cleaner like this pseudo-code:&lt;/p&gt;
&lt;pre class="lang-js prettyprint-override"&gt;&lt;code&gt;LoadingOverlay.start(); 
Auth.initialize().finally(function() { // *pseudo-code* - some function that is always executed on both failure and success.
    LoadingOverlay.stop();
})
&lt;/code&gt;&lt;/pre&gt;
&lt;p&gt;I assume it's quite a common problem, so I was thinking it could be done but cannot find anything in the doc. Any idea if it can be done?&lt;/p&gt;</t>
  </si>
  <si>
    <t>2013-04-16 14:52:43.010000+00:00</t>
  </si>
  <si>
    <t>2017-11-06 10:49:50.547000+00:00</t>
  </si>
  <si>
    <t>javascript|angularjs|promise|deferred|finally</t>
  </si>
  <si>
    <t>UIScrollView inset not working</t>
  </si>
  <si>
    <t>&lt;p&gt;I need a scroll view that will start from the edge of the screen (left to right) to have the  content inset initially &lt;/p&gt;
&lt;pre&gt;&lt;code&gt;    frame.origin.y += topPadding;
    frame.size.height -= topPadding;
    self.scrollView.frame = frame;
    self.scrollView.contentInset = UIEdgeInsetsMake(0, leftPadding, 0, 0);
&lt;/code&gt;&lt;/pre&gt;
&lt;p&gt;This code should do it but it doesn't ... the content still starts from the edge of the screen, after scrolling a bit and returning to the beginning it looks ok, but not when the view is first presented .. 
Why is that?&lt;/p&gt;</t>
  </si>
  <si>
    <t>2014-03-05 12:09:45.800000+00:00</t>
  </si>
  <si>
    <t>2014-03-05 12:38:58.313000+00:00</t>
  </si>
  <si>
    <t>g++ fails with "undefined reference" errors to the standard C++ library</t>
  </si>
  <si>
    <t>&lt;p&gt;I have built and installed g++ and tested it on a simple "Hello World" program and it appears to work. &lt;/p&gt;
&lt;p&gt;However, for our larger code, the compile fails with errors such as: &lt;/p&gt;
&lt;pre&gt;&lt;code&gt;CMakeFiles/gaim_convert.dir/GaimConvert.cpp.o: In function `Output(std::string const&amp;amp;, std::ostream&amp;amp;)':GaimConvert.cpp:(.text._Z6OutputRKSsRSo[_Z6OutputRKSsRSo]+0x12): undefined reference to `std::basic_ostream&amp;lt;char, std::char_traits&amp;lt;char&amp;gt; &amp;gt;&amp;amp; st d::__ostream_insert&amp;lt;char, std::char_traits&amp;lt;char&amp;gt; &amp;gt;(std::basic_ostream&amp;lt;char, std::char_traits&amp;lt;char&amp;gt; &amp;gt;&amp;amp;, char const*, long)'
&lt;/code&gt;&lt;/pre&gt;
&lt;p&gt;The program that works correctly is:&lt;/p&gt;
&lt;pre&gt;&lt;code&gt;#include &amp;lt;iostream&amp;gt;
int main() {
  std::cout &amp;lt;&amp;lt; "Hello World!" &amp;lt;&amp;lt; std::endl;
  std::cin.get();
  return 0;
}
&lt;/code&gt;&lt;/pre&gt;
&lt;p&gt;So clearly certain parts of the C++ standard library are installed correctly. This is not simply an "obvious" installation bug that does not have libstdc++ installed. &lt;/p&gt;
&lt;p&gt;The code will compile with a different version of the compiler, so it's not the code. &lt;/p&gt;
&lt;p&gt;What is a way to debug the installation so that this error message is removed? The library path is &lt;code&gt;LD_LIBRARY_PATH&lt;/code&gt;: &lt;/p&gt;
&lt;pre&gt;&lt;code&gt;/tec/mannucci/gccBuild/lib64:/tec/mannucci/gccBuild/lib:/usr/local/gmp510/lib:/usr/local/mpfr311/lib:/usr/local/mpc101/lib:/usr/local/ppl011/lib:/usr/local/cloog0162/lib:/usr/local/lib64:/usr/lib64:...
&lt;/code&gt;&lt;/pre&gt;
&lt;p&gt;Thanks to a user comment, I looked at the link command, and there's clearly a problem. This is likely a cmake issue. Here is the link command:&lt;/p&gt;
&lt;p&gt;/tec/mannucci/gccBuild/bin/g++    -fmessage-length=0 -O3 -DNDEBUG    CMakeFiles/gaim_convert.dir/GaimConvert.cpp.o  -o gaim_convert  -L/usr/lib/gcc/x86_64-redhat-linux/4.1.2 -rdynamic ../../lib/geometry/libgeometry.a ../../lib/util/libutil.a ../../ctimetrans/libtimetrans.a ../../libversion.a&lt;/p&gt;
&lt;p&gt;Note the '-L' links to an older version of gcc. The question then is how to tell cmake where the libraries are. I have no idea how to do that. That was the point of using LD_LIBRARY_PATH. I thought that would address the issue. &lt;/p&gt;
&lt;p&gt;On a related note, it is somewhat disconcerting to me that cmake did not find the g++ compiler that is in the $path, but reverted to /usr/bin/c++. I then had to edit the CMakeCache.txt file to get it to use the g++ that is in fact on the path instead of /usr/bin/c++. &lt;/p&gt;</t>
  </si>
  <si>
    <t>2015-06-28 12:07:24.543000+00:00</t>
  </si>
  <si>
    <t>2015-06-29 13:23:15.220000+00:00</t>
  </si>
  <si>
    <t>2015-06-28 16:23:47.643000+00:00</t>
  </si>
  <si>
    <t>c++|linux|gcc</t>
  </si>
  <si>
    <t>How to optionally pass an parameter to django logging?</t>
  </si>
  <si>
    <t>&lt;p&gt;In my django logging settings under formatter - I have a var: &lt;/p&gt;
&lt;pre&gt;&lt;code&gt;%(new_line_number)s
&lt;/code&gt;&lt;/pre&gt;
&lt;p&gt;I have a logging function in my views that calls logger.debug at the end, and so in this case I want to pass newlinenumber.&lt;/p&gt;
&lt;pre&gt;&lt;code&gt;logger.debug('context for %s: %s', product, tool, extra={'newlinenumber':newlinenumber} )
&lt;/code&gt;&lt;/pre&gt;
&lt;p&gt;I do NOT want to have to pass in extra={'newlinenumber':None} everytime I call the logger.  As that looks very messy and is redundant.  How can I accomplish this?  Currently if I do not include&lt;/p&gt;
&lt;pre&gt;&lt;code&gt;extra={'newlinenumber':None}
&lt;/code&gt;&lt;/pre&gt;
&lt;p&gt;The logger errors out anytime it has been called without newlinenumber.
The only time I am trying to pass in a newlinenumber is when I call it from my logging function.&lt;/p&gt;</t>
  </si>
  <si>
    <t>2018-06-21 23:32:24.813000+00:00</t>
  </si>
  <si>
    <t>2018-06-22 04:45:04.357000+00:00</t>
  </si>
  <si>
    <t>2018-06-21 23:40:15.890000+00:00</t>
  </si>
  <si>
    <t>python|django|logging</t>
  </si>
  <si>
    <t>Allow user-defined script in Ruby/Rails application</t>
  </si>
  <si>
    <t>&lt;p&gt;A predefined set of objects has to be aggregated into a new object. However I want the users to specify a custom function for that.&lt;/p&gt;
&lt;p&gt;Now the naive approach would be&lt;/p&gt;
&lt;pre&gt;&lt;code&gt;def foo; end
objects = [1,2,3]
# result = eval(user_script)
result = eval("objects.inject {|sum, n| sum + n }")
&lt;/code&gt;&lt;/pre&gt;
&lt;p&gt;What I &lt;strong&gt;obviously&lt;/strong&gt; do not want to do! I read about &lt;code&gt;$SAFE = 4&lt;/code&gt; (see &lt;a href="http://www.rubycentral.com/pickaxe/taint.html" rel="nofollow noreferrer"&gt;here&lt;/a&gt;), but I'm not sure that this is enough. Especially because the user-defined script will still be able to call other functions like &lt;code&gt;foo&lt;/code&gt;. I only want to allow access to basic non-dangerous Ruby core-functions.&lt;/p&gt;
&lt;p&gt;Are there any facilities for Ruby to allow safe execution of user-defined scripts? I doesn't need to be Ruby syntax. It would be nice, though.&lt;/p&gt;</t>
  </si>
  <si>
    <t>2009-10-18 12:49:59.627000+00:00</t>
  </si>
  <si>
    <t>2009-10-18 17:55:51.730000+00:00</t>
  </si>
  <si>
    <t>ruby-on-rails|ruby|security|scripting|eval</t>
  </si>
  <si>
    <t>Log4J Rolling Log Give Access To Windows "Everyone"</t>
  </si>
  <si>
    <t>&lt;p&gt;I'm using log4j to do a daily rolling log. &lt;/p&gt;
&lt;p&gt;I'm trying to find a way to set permissions on the new log files, when they are created, which would give read and write access to "Everyone".&lt;/p&gt;
&lt;p&gt;This program will only be ran on Win7 and WinXP.&lt;/p&gt;
&lt;p&gt;Any help/pointers would be appreciated.&lt;/p&gt;</t>
  </si>
  <si>
    <t>2012-07-13 17:19:30.217000+00:00</t>
  </si>
  <si>
    <t>2012-07-13 17:23:41.113000+00:00</t>
  </si>
  <si>
    <t>java|windows-7|permissions|log4j</t>
  </si>
  <si>
    <t>How to do Spring Persistence Exception Translation with AspectJ</t>
  </si>
  <si>
    <t>&lt;p&gt;I am using Spring 3.0 with AspectJ and like use AspectJ more than AOP Proxies.
That seams to work for almost every concern, but not for the Persistence Exception Translation. - My Question is how to use AspectJ for Persistence Exception Translation instead of Spring JDK AOP Proxies?&lt;/p&gt;
&lt;p&gt;The relevant parts of my configuration are:&lt;/p&gt;
&lt;pre&gt;&lt;code&gt; &amp;lt;context:spring-configured/&amp;gt;
 ...
 &amp;lt;context:component-scan /&amp;gt;
 ....
 &amp;lt;tx:annotation-driven mode="aspectj" transaction-manager="transactionManager" /&amp;gt;   
&lt;/code&gt;&lt;/pre&gt;</t>
  </si>
  <si>
    <t>2011-07-22 09:53:02.657000+00:00</t>
  </si>
  <si>
    <t>2011-07-29 11:21:11.050000+00:00</t>
  </si>
  <si>
    <t>2011-07-22 12:57:26.263000+00:00</t>
  </si>
  <si>
    <t>java|spring|jpa|aop|aspectj</t>
  </si>
  <si>
    <t>Java for loop to create n amount of object</t>
  </si>
  <si>
    <t>&lt;p&gt;I need some help. I want to create a for loop that creates n number of objects of a class, and then adds them into an arraylist. Something like this:&lt;/p&gt;
&lt;pre&gt;&lt;code&gt;//Player is a custom class 
ArrayList&amp;lt;Player&amp;gt; numberofPlayersArray;
numberofPlayersArray = new ArrayList&amp;lt;Player&amp;gt;();
//n is a variable for the number of Player class objects that I want to create
  for(int i = 0; i &amp;lt; n; i++)
  {
    //this is what I can come up with but I am missing something 
     Player p;
     p = new Player
     numberofPlayersArray.add(p);
    }
&lt;/code&gt;&lt;/pre&gt;
&lt;p&gt;Any help would be appreciated&lt;/p&gt;</t>
  </si>
  <si>
    <t>2009-11-29 16:22:49.810000+00:00</t>
  </si>
  <si>
    <t>2009-11-29 17:33:48.530000+00:00</t>
  </si>
  <si>
    <t>2009-11-29 17:30:27.727000+00:00</t>
  </si>
  <si>
    <t>Simple state machine example in C#?</t>
  </si>
  <si>
    <t>&lt;p&gt;&lt;strong&gt;Update:&lt;/strong&gt;  &lt;/p&gt;
&lt;p&gt;Again thanks for the examples, they have been very helpful and with the following I don't mean 
to take anything away from them.&lt;/p&gt;
&lt;p&gt;Aren't the currently given examples, as far as I understand them &amp;amp; state-machines, only half of what we usually understand by a state-machine?&lt;br&gt;
In the sense that the examples do change state but that's only represented by changing the value of a variable (and allowing different value- changes in different states), while usually a state machine should also change it's behavior, and behavior not (only) in the sense of allowing different value changes for a variable depending on state, but in the sense of allowing different methods to be executed for different states.&lt;/p&gt;
&lt;p&gt;Or do I have a misconception of state machines and their common use?&lt;/p&gt;
&lt;p&gt;Best regards&lt;/p&gt;
&lt;hr&gt;
&lt;p&gt;&lt;strong&gt;Original question:&lt;/strong&gt;  &lt;/p&gt;
&lt;p&gt;I found this discussion about &lt;a href="https://stackoverflow.com/questions/1406986/does-c-include-finite-state-machines"&gt;state machines &amp;amp; iterator blocks in c#&lt;/a&gt; and tools to create state machines and what not for C#, so I found a lot of abstract stuff but as a noob all of this is a little confusing.&lt;/p&gt;
&lt;p&gt;So it would be great if someone could provide a C# source code-example that realizes a simple state machine with perhaps 3,4 states, just to get the gist of it.&lt;/p&gt;
&lt;hr&gt;</t>
  </si>
  <si>
    <t>2011-05-07 20:22:39.280000+00:00</t>
  </si>
  <si>
    <t>2018-06-05 09:42:09.187000+00:00</t>
  </si>
  <si>
    <t>2017-05-23 12:10:44.230000+00:00</t>
  </si>
  <si>
    <t>c#|state-machines</t>
  </si>
  <si>
    <t>MySQL group by min() and limit output</t>
  </si>
  <si>
    <t>&lt;p&gt;This is the current SQL query I am working with:&lt;/p&gt;
&lt;pre&gt;&lt;code&gt;SELECT Merchant.Product, Merchant.Name, Merchant.Price
FROM a_table AS Merchant
JOIN
(
SELECT Product, MIN(Price) AS MinPrice
FROM a_table
GROUP BY Product
) AS Price
ON Merchant.Product = Price.Product
AND Merchant.Price = Price.MinPrice
&lt;/code&gt;&lt;/pre&gt;
&lt;p&gt;From this data set:&lt;/p&gt;
&lt;pre&gt;&lt;code&gt;Product    Name         Price   
11          Merch1      19.00   
11          Merch2      20.00
11          Merch3      19.00
11          Merch4      19.50
12          Merch1      20.00   
12          Merch2      20.00
13          Merch1      17.00
13          Merch3      15.00
&lt;/code&gt;&lt;/pre&gt;
&lt;p&gt;The current SQL outputs multiple product records when prices are the same like this:&lt;/p&gt;
&lt;pre&gt;&lt;code&gt;Product    Name         Price   
11          Merch1      19.00
11          Merch3      19.00   
12          Merch1      20.00
12          Merch2      20.00   
13          Merch3      15.00
&lt;/code&gt;&lt;/pre&gt;
&lt;p&gt;I want to Group By product and display the lowest price with corresponding row data. If two prices are the same on a product, use first record found.&lt;/p&gt;
&lt;p&gt;Trying to get this result:&lt;/p&gt;
&lt;pre&gt;&lt;code&gt;Product    Name         Price   
11          Merch1      19.00   
12          Merch1      20.00   
13          Merch3      15.00
&lt;/code&gt;&lt;/pre&gt;</t>
  </si>
  <si>
    <t>2015-11-16 21:17:57.160000+00:00</t>
  </si>
  <si>
    <t>2015-11-17 18:26:58.877000+00:00</t>
  </si>
  <si>
    <t>2015-11-17 17:19:53.830000+00:00</t>
  </si>
  <si>
    <t>mysql|group-by|limit|min</t>
  </si>
  <si>
    <t>Grab HTML tag value and assign to PHP variable</t>
  </si>
  <si>
    <t>&lt;p&gt;I have JavaScript to change the value of an input tag whenever I open my popup in which it all executes successfully. When I inspect the tag, the value is exactly what it should be every time. Now within that popup I have, I just want to echo out the value using my PHP variable but this doesn't seem to work. I understand the whole concept of PHP is server side and JavaScript it client side but because the value is changed it should not matter as the value is there and PHP should be able to pick it up even when I reopen the popup.&lt;/p&gt;
&lt;p&gt;Any idea how to achieve this?&lt;/p&gt;
&lt;p&gt;My code is below. I can't have the page reload (e.g., use post methods and such).&lt;/p&gt;
&lt;p&gt;HTML input tag:&lt;/p&gt;
&lt;pre&gt;&lt;code&gt;&amp;lt;td class="alarmvalue" style=""&amp;gt;
    &amp;lt;input type="checkbox" name="tracknameneeds" id="tracknameneeds" style="text-align:center;" class="form-control" value=""&amp;gt;
&amp;lt;/td&amp;gt;
&lt;/code&gt;&lt;/pre&gt;
&lt;p&gt;Code trying to echo input tags value:&lt;/p&gt;
&lt;pre&gt;&lt;code&gt;&amp;lt;?php 
$trackname = "&amp;lt;script&amp;gt;document.getElementByID('tracknameneeds').value;&amp;lt;/script&amp;gt;";
?&amp;gt;   
&amp;lt;!-- Play Options localstorage etc --&amp;gt;
&amp;lt;div class="context-menu"&amp;gt;
    &amp;lt;div id="modal-pl-playpopup" class="modal fade" tabindex="-1" role="dialog" aria-labelledby="modal-pl-playpopup-label" aria-hidden="true"&amp;gt;
        &amp;lt;div class="modal-dialog"&amp;gt;
            &amp;lt;div class="modal-content"&amp;gt;
                &amp;lt;div class="modal-header"&amp;gt;
                    &amp;lt;button type="button" class="close" data-dismiss="modal" aria-hidden="true"&amp;gt;&amp;amp;times;&amp;lt;/button&amp;gt;
                    &amp;lt;h3 class="modal-title" id="modal-pl-clear-label"&amp;gt;Play Options&amp;lt;/h3&amp;gt;
                &amp;lt;/div&amp;gt;
                &amp;lt;div class="modal-body"&amp;gt;
                    Choose from the following...&amp;lt;br&amp;gt;
                    &amp;lt;p&amp;gt;You Chose: &amp;lt;?php echo $trackname;?&amp;gt;&amp;lt;/p&amp;gt;
                    &amp;lt;br&amp;gt; 
                    &amp;lt;br&amp;gt;
                    &amp;lt;a href="javascript:;" class="btn btn-default btn-lg" style="width:100%" data-cmd="add" data-dismiss="modal"&amp;gt;&amp;lt;i class="fa fa-plus-circle sx"&amp;gt;&amp;lt;/i&amp;gt; Add To Queue&amp;lt;/a&amp;gt;&amp;lt;br&amp;gt; &amp;lt;div style="padding-top:5px"&amp;gt;&amp;lt;/div&amp;gt;
                    &amp;lt;a href="javascript:;" class="btn btn-default btn-lg" style="width:100%" data-cmd="addplay" data-dismiss="modal"&amp;gt;&amp;lt;i class="fa fa-play sx"&amp;gt;&amp;lt;/i&amp;gt; Add And Play&amp;lt;/a&amp;gt;&amp;lt;br&amp;gt;&amp;lt;div style="padding-top:5px"&amp;gt;&amp;lt;/div&amp;gt;
                    &amp;lt;a href="javascript:;" class="btn btn-default btn-lg" style="width:100%" data-cmd="addreplaceplay" data-dismiss="modal"&amp;gt;&amp;lt;i class="fa fa-share-square-o sx"&amp;gt;&amp;lt;/i&amp;gt; Add, Replace And Play&amp;lt;/a&amp;gt;
                &amp;lt;/div&amp;gt;
            &amp;lt;/div&amp;gt;
        &amp;lt;/div&amp;gt;
    &amp;lt;/div&amp;gt;
&amp;lt;/div&amp;gt;
&lt;/code&gt;&lt;/pre&gt;
&lt;p&gt;My JS:&lt;/p&gt;
&lt;pre&gt;&lt;code&gt;var tracknamepopup;
tracknamepopup = o.data("path"); //assign song name to variable
document.getElementById('tracknameneeds').value = tracknamepopup; //assign the grabbed song name to inputs value to try grab that in php
&lt;/code&gt;&lt;/pre&gt;</t>
  </si>
  <si>
    <t>2016-09-12 09:30:50.387000+00:00</t>
  </si>
  <si>
    <t>2016-09-26 12:07:19.697000+00:00</t>
  </si>
  <si>
    <t>user6655984</t>
  </si>
  <si>
    <t>How to make gridview show the all data column within templated fields?</t>
  </si>
  <si>
    <t>&lt;p&gt;I have a project in Asp.net that someone insert data into a SQL Server database, and when he wants to recall the latest inserted data (for this item I have written a stored procedure so I will use it in gridview) he has to press a button that a gridview to show them all.&lt;/p&gt;
&lt;p&gt;In the gridview I would like to add my own template(because i have some items as well as Jquery Calendar which has to be added by myself) and bind it to server and select stored procedure to read it. So the code I have to read data from DB is here:&lt;/p&gt;
&lt;pre&gt;&lt;code&gt;protected void Button2_Click(object sender, EventArgs e)
{
        SqlDataReader dr = DataProvider.ExecuteDataReader("[dbo].[Get_LastIdHowzeEducationFinishDate_SP]", CommandType.StoredProcedure);
        GridView1.DataSource = dr;
        SqlDataReader dr2 = DataProvider.ExecuteDataReader("[dbo].[Get_LastIdHowzeEducationField_SP]", CommandType.StoredProcedure);
        GridView1.DataSource = dr2;
        GridView1.DataBind();
}
&lt;/code&gt;&lt;/pre&gt;
&lt;p&gt;but I don't know why only one of them is shown (the second one) meanwhile I want to show some other data column inside gridview.&lt;/p&gt;
&lt;p&gt;This is the first stored procedure I wrote:&lt;/p&gt;
&lt;pre&gt;&lt;code&gt;ALTER PROCEDURE [dbo].[Get_LastInsertedRowHowzeEducation_SP]
AS
BEGIN 
    SELECT
        he.FieldName as '�������� ������������',
        he.SchoolName as '������ ���������� ������������',
        he.StudyCityDescribtion as '������ ����������',
        he.Average as '��������',
        he.ThesisTitle as '���������� ���������� ��������',
        he.Describtion as '��������������' 
    FROM
        PersonHowEducation prh 
    INNER JOIN
        HowzeEducation he ON prh.HowzeEducationId = he.HowzeEducationId
    WHERE
        prh.IdCode = (SELECT IdCode FROM Persons 
                      WHERE IdCode = IDENT_CURRENT('persons'))
END
&lt;/code&gt;&lt;/pre&gt;
&lt;p&gt;but by this code I can not add the Jquery Calendar into the gridview, so I decided to separated them and for each column write a procedure and to recall them inside the gridview by select statement and within gridview templated fields.these are two of separated stored procedures :&lt;/p&gt;
&lt;pre&gt;&lt;code&gt;ALTER PROCEDURE [dbo].[Get_LastIdHowzeEducationFinishDate_SP]
AS
BEGIN 
select he.FinishLevelDate as '���������� ���������� ������'
   from PersonHowEducation prh inner join HowzeEducation he on 
          prh.HowzeEducationId=he.HowzeEducationId
          where prh.IdCode=
          (Select IdCode from Persons where IdCode=IDENT_CURRENT('persons'))
END
&lt;/code&gt;&lt;/pre&gt;
&lt;p&gt;and the other:&lt;/p&gt;
&lt;pre&gt;&lt;code&gt; ALTER PROCEDURE [dbo].[Get_LastInsertedRowHowzeEducation_SP]
AS
BEGIN 
select he.FieldName as '�������� ������������',he.SchoolName as '������ ���������� ������������',
   he.StudyCityDescribtion as '������ ����������',he.Average as '��������',
   he.ThesisTitle as '���������� ���������� ��������',
   he.Describtion as '��������������' 
   from PersonHowEducation prh inner join HowzeEducation he on 
          prh.HowzeEducationId=he.HowzeEducationId
          where prh.IdCode=
          (Select IdCode from Persons where IdCode=IDENT_CURRENT('persons'))
END
&lt;/code&gt;&lt;/pre&gt;</t>
  </si>
  <si>
    <t>2012-10-14 05:35:30.700000+00:00</t>
  </si>
  <si>
    <t>2016-06-29 16:24:16.020000+00:00</t>
  </si>
  <si>
    <t>How to add Synchronization Filter to outlook folder with c#</t>
  </si>
  <si>
    <t>&lt;p&gt;I want to add automatically Synchronization Filters to Outlook folders.
I'm using Outlook 2015, and .NET Framework 5.0&lt;/p&gt;
&lt;p&gt;I know how to the outlook instance and go over folders, but I can't find how to access a folder's Sync Filter.&lt;/p&gt;
&lt;p&gt;This is done from within an AddIn I'm writing:
    In the AddIn class:
    Outlook.NameSpace outlookNameSpace;&lt;/p&gt;
&lt;pre&gt;&lt;code&gt;From the startup method:
outlookNameSpace = this.Application.GetNamespace("MAPI");
outlook.Folder folder = outlookNameSpace.GetDefaultFolder(Outlook.OlDefaultFolders.olFolderInbox);
&lt;/code&gt;&lt;/pre&gt;
&lt;p&gt;But I'm not sure how to access most of "folder" properties. &lt;/p&gt;</t>
  </si>
  <si>
    <t>2015-12-15 12:52:30.400000+00:00</t>
  </si>
  <si>
    <t>2015-12-16 20:03:33.207000+00:00</t>
  </si>
  <si>
    <t>c#|filter|outlook|synchronization|add-in</t>
  </si>
  <si>
    <t>Polymorphic | Self Referentials | Rails Active record models</t>
  </si>
  <si>
    <t>&lt;blockquote&gt;
  &lt;p&gt;PG::ForeignKeyViolation: ERROR: update or delete on table "users"
  violates foreign key constraint "fk_rails_fd01e11a00" on table
  "user_tasks" DETAIL: Key (id)=(4) is still referenced from table
  "user_tasks". : DELETE FROM "users" WHERE "users"."id" = $1&lt;/p&gt;
&lt;/blockquote&gt;
&lt;p&gt;A user can assign task to another user. there for I created a through table which joins the task table and self joins the users table. the table look like this:&lt;/p&gt;
&lt;p&gt;&lt;strong&gt;| user_id | task_id | to_user_id |&lt;/strong&gt;&lt;/p&gt;
&lt;p&gt;&lt;strong&gt;UserTask&lt;/strong&gt; (migration):&lt;/p&gt;
&lt;pre&gt;&lt;code&gt;class CreateUserTasks  &amp;lt; ActiveRecord::Migration[5.0]
  def change
    create_table :user_tasks do |t|
      t.references :user, index: true, foreign_key: true
      t.references :task, foreign_key: true, unique: true
      t.references :to_user, index: true
      t.timestamps
    end
    add_foreign_key :user_tasks, :users, column: :to_user_id
    add_index :user_tasks, [:user_id, :to_user_id], unique: false
  end
end
&lt;/code&gt;&lt;/pre&gt;
&lt;p&gt;and models are as follow:&lt;/p&gt;
&lt;p&gt;&lt;strong&gt;User&lt;/strong&gt;:&lt;/p&gt;
&lt;pre&gt;&lt;code&gt;class User &amp;lt; ApplicationRecord
  has_many :user_tasks
  has_many :tasks, through: :user_tasks, dependent: :destroy
end
&lt;/code&gt;&lt;/pre&gt;
&lt;p&gt;&lt;strong&gt;UserTask&lt;/strong&gt;:&lt;/p&gt;
&lt;pre&gt;&lt;code&gt;class UserTask &amp;lt; ApplicationRecord
  belongs_to :user
  belongs_to :task
  belongs_to :to_user, class_name: "User"
end
&lt;/code&gt;&lt;/pre&gt;
&lt;p&gt;&lt;strong&gt;Task&lt;/strong&gt;:&lt;/p&gt;
&lt;pre&gt;&lt;code&gt;class Task &amp;lt; ApplicationRecord
    has_many :user_tasks
    has_many :users, through: :user_tasks, dependent: :destroy
    has_many :to_users, through: :user_tasks, dependent: :destroy
end
&lt;/code&gt;&lt;/pre&gt;
&lt;p&gt;the problem is when I try to delete user it produces error &lt;strong&gt;foreign key constraints error that the key is still references from users table&lt;/strong&gt;
please help guide me what I am doing wrong here.&lt;/p&gt;</t>
  </si>
  <si>
    <t>2017-08-03 19:41:42.097000+00:00</t>
  </si>
  <si>
    <t>2017-08-09 06:59:34.170000+00:00</t>
  </si>
  <si>
    <t>2017-08-03 19:48:01.220000+00:00</t>
  </si>
  <si>
    <t>mysql|ruby-on-rails|postgresql|activerecord</t>
  </si>
  <si>
    <t>Replace [url=URL] regex</t>
  </si>
  <si>
    <t>&lt;p&gt;looking for a way to remove any text that is&lt;/p&gt;
&lt;pre&gt;&lt;code&gt;[url=]
&lt;/code&gt;&lt;/pre&gt;
&lt;p&gt;That would be easy, but the url itself is a URL I dont have control of.&lt;/p&gt;
&lt;p&gt;e.g or urls:&lt;/p&gt;
&lt;p&gt;[url=wqffqwfq]
   [url=qwfwqfqf]&lt;/p&gt;
&lt;p&gt;etc.&lt;/p&gt;
&lt;p&gt;Looking for a preg replace, currently have this:&lt;/p&gt;
&lt;pre&gt;&lt;code&gt;$post_text = preg_replace('%\[URL[^\]]*\][^\[\]]*|\[/URL[^\]]*\]%i', '', $post_text);
&lt;/code&gt;&lt;/pre&gt;
&lt;p&gt;But that removes the image that comes after the url.&lt;/p&gt;
&lt;p&gt;Thanks.&lt;/p&gt;</t>
  </si>
  <si>
    <t>2014-12-27 23:43:49.860000+00:00</t>
  </si>
  <si>
    <t>2014-12-27 23:58:12.683000+00:00</t>
  </si>
  <si>
    <t>php|regex|preg-replace</t>
  </si>
  <si>
    <t>Database Design/Structure -- Collecting Data over time</t>
  </si>
  <si>
    <t>&lt;p&gt;currently I am in the process of structuring a database for a site I am creating. However, I have come across a problem. I want to log the amount of times a user has logged in each day, and then be able to keep track of that info over large periods of time such as a 8 months, a year, 2 years, etc.&lt;/p&gt;
&lt;p&gt;The only way I can think of right now, is to just have a column for each day of the year/automatically create a column each day. This idea however, just seems plain stupid to me. I'm sure there has to be a better way to do this, I just can't think of one.&lt;/p&gt;
&lt;p&gt;Any suggestions?&lt;/p&gt;
&lt;p&gt;Thanks,
Rob&lt;/p&gt;</t>
  </si>
  <si>
    <t>2011-10-24 20:08:36.343000+00:00</t>
  </si>
  <si>
    <t>2011-10-24 20:20:05.837000+00:00</t>
  </si>
  <si>
    <t>php|mysql|database|data-collection</t>
  </si>
  <si>
    <t>Error code 255 when trying to kick off a TFS2013 team build via a PostBuildEvent</t>
  </si>
  <si>
    <t>&lt;p&gt;I'm trying to kick off a team build when another team build finishes, so I've added this to the .csproj of the project being built:&lt;/p&gt;
&lt;pre&gt;&lt;code&gt;&amp;lt;PropertyGroup Condition=" $(IsDesktopBuild) == 'false' "&amp;gt;
&amp;lt;PostBuildEvent&amp;gt;
  &amp;lt;command&amp;gt;
    cmd /c "C:\Program Files (x86)\Microsoft Visual Studio 12.0\Common7\IDE\tfsbuild.exe" start /collection:http://Server/CollectionName /builddefinition:\BuildDefinitionName
  &amp;lt;/command&amp;gt;
&amp;lt;/PostBuildEvent&amp;gt;
&lt;/code&gt;&lt;/pre&gt;
&lt;p&gt;&lt;/p&gt;
&lt;p&gt;I've tried it without the cmd /c and that doesn't help. I also tried it without the command /command around it, but I get the same error no matter which option I choose. If I simply copy and paste the command into a DOS window it works fine. The error is:&lt;/p&gt;
&lt;pre&gt;&lt;code&gt;C:\Program Files (x86)\MSBuild\12.0\bin\Microsoft.Common.CurrentVersion.targets (4548): The command "&amp;lt;command xmlns="http://schemas.microsoft.com/developer/msbuild/2003"&amp;gt;
    cmd /c "C:\Program Files (x86)\Microsoft Visual Studio 12.0\Common7\IDE\tfsbuild.exe" start /collection:Server/Collection /builddefinition:\BuildDefinitionName
  &amp;lt;/command&amp;gt;" exited with code 255.
&lt;/code&gt;&lt;/pre&gt;
&lt;p&gt;I took @Andy-MSFT's advice and wrote a powershell script to do a REST call to the server and I get the same result:&lt;/p&gt;
&lt;p&gt;&lt;a href="https://i.stack.imgur.com/AwYRs.jpg" rel="nofollow noreferrer"&gt;&lt;img src="https://i.stack.imgur.com/AwYRs.jpg" alt="enter image description here"&gt;&lt;/a&gt;&lt;/p&gt;
&lt;p&gt;Here's the call to the script:
&lt;a href="https://i.stack.imgur.com/cHQvq.jpg" rel="nofollow noreferrer"&gt;&lt;img src="https://i.stack.imgur.com/cHQvq.jpg" alt="enter image description here"&gt;&lt;/a&gt;&lt;/p&gt;
&lt;p&gt;Here's the PowerShell script I wrote:
&lt;a href="https://i.stack.imgur.com/Pixna.jpg" rel="nofollow noreferrer"&gt;&lt;img src="https://i.stack.imgur.com/Pixna.jpg" alt="enter image description here"&gt;&lt;/a&gt;&lt;/p&gt;
&lt;p&gt;When I run the script from the command line it works fine. And I can run it twice in succession, so it's not a case of not being able to run it while a build is running.&lt;/p&gt;
&lt;p&gt;&lt;strong&gt;Update 7/29/17&lt;/strong&gt;&lt;/p&gt;
&lt;p&gt;I took @Andy-MSFT's latest advice and added an exit as the last line of the PowerShell script and I still get this error:&lt;/p&gt;
&lt;p&gt;&lt;a href="https://i.stack.imgur.com/NuJ3N.jpg" rel="nofollow noreferrer"&gt;&lt;img src="https://i.stack.imgur.com/NuJ3N.jpg" alt=""&gt;&lt;/a&gt;&lt;/p&gt;
&lt;p&gt;Notice the command at the end of the error message, so I took out the command /command xml and now I get this:&lt;/p&gt;
&lt;p&gt;&lt;a href="https://i.stack.imgur.com/Hgiqw.jpg" rel="nofollow noreferrer"&gt;&lt;img src="https://i.stack.imgur.com/Hgiqw.jpg" alt=""&gt;&lt;/a&gt;&lt;/p&gt;
&lt;p&gt;The error changed from a 255 to a 123. Any ideas what that means?&lt;/p&gt;
&lt;p&gt;&lt;strong&gt;UPDATE 7/31/17&lt;/strong&gt;
@Eddie - MSFT I added tfsbuild to the PostBuildEvent as you suggested and I get this:&lt;/p&gt;
&lt;p&gt;&lt;a href="https://i.stack.imgur.com/oGK87.jpg" rel="nofollow noreferrer"&gt;&lt;img src="https://i.stack.imgur.com/oGK87.jpg" alt=""&gt;&lt;/a&gt;&lt;/p&gt;
&lt;p&gt;Here's what my PostBuildEvent looks like:&lt;/p&gt;
&lt;p&gt;&lt;a href="https://i.stack.imgur.com/2tGtY.jpg" rel="nofollow noreferrer"&gt;&lt;img src="https://i.stack.imgur.com/2tGtY.jpg" alt=""&gt;&lt;/a&gt;&lt;/p&gt;
&lt;p&gt;&lt;strong&gt;UPDATE 2 - 1/31/17 to @Andy-MSFT &amp;amp; @Eddie - MSFT&lt;/strong&gt;
I got the initial build to run using the following AfterBuild target, but it doesn't actually do anything (it doesn't kick off the build). There's no mention of it in the log either:&lt;/p&gt;
&lt;p&gt;&lt;a href="https://i.stack.imgur.com/eU3BF.jpg" rel="nofollow noreferrer"&gt;&lt;img src="https://i.stack.imgur.com/eU3BF.jpg" alt=""&gt;&lt;/a&gt;&lt;/p&gt;
&lt;p&gt;&lt;strong&gt;Update 3  - 7/31/17&lt;/strong&gt;
I tried adding some debugging info to my powershell script (see below), so I write to a text file when the script starts and again I try to write the result of the call to kick off the build. In all cases it writes the first file so I know that the script is starting. If I run it from the command-line the file result.txt is full of text from the resulting build, but when run from the AfterBuild target the file is empty. Not sure if that helps, but I thought it was relevant:&lt;/p&gt;
&lt;p&gt;&lt;a href="https://i.stack.imgur.com/XQwIC.jpg" rel="nofollow noreferrer"&gt;&lt;img src="https://i.stack.imgur.com/XQwIC.jpg" alt=""&gt;&lt;/a&gt;&lt;/p&gt;
&lt;p&gt;&lt;strong&gt;UPDATE 8/1/17 in response to the latest comment by @Eddie - MSFT&lt;/strong&gt;&lt;/p&gt;
&lt;p&gt;Yes - I tried that. It builds, but the call doesn't seem to work. No error messages, but no build kicked off. Here's the call:&lt;/p&gt;
&lt;p&gt;&lt;a href="https://i.stack.imgur.com/pBhTU.jpg" rel="nofollow noreferrer"&gt;&lt;img src="https://i.stack.imgur.com/pBhTU.jpg" alt="enter image description here"&gt;&lt;/a&gt;&lt;/p&gt;
&lt;p&gt;And here's the log that shows it presumably being kicked off, but it is not:&lt;/p&gt;
&lt;p&gt;&lt;a href="https://i.stack.imgur.com/polRQ.jpg" rel="nofollow noreferrer"&gt;&lt;img src="https://i.stack.imgur.com/polRQ.jpg" alt=""&gt;&lt;/a&gt;&lt;/p&gt;
&lt;p&gt;&lt;strong&gt;UPDATE 8/1/17 8:51am PT&lt;/strong&gt;
I got the build to appear to kick off (I captured the result from the call in my PowerShell script and wrote it to a file &lt;a href="https://www.dropbox.com/s/ba0z58nn9m48qkl/Build%20call%20result%20from%20powershell%20REST%20call.txt?dl=0" rel="nofollow noreferrer"&gt;here&lt;/a&gt;, but the build still doesn't actually get kicked off.&lt;/p&gt;</t>
  </si>
  <si>
    <t>2017-07-27 21:21:03.243000+00:00</t>
  </si>
  <si>
    <t>2017-08-01 20:13:51.260000+00:00</t>
  </si>
  <si>
    <t>2017-08-01 15:53:20.120000+00:00</t>
  </si>
  <si>
    <t>tfsbuild|tfs2013|powershell-v1.0</t>
  </si>
  <si>
    <t>Can Python program developed on 64-bit Windows run on all version of Windows?</t>
  </si>
  <si>
    <t>&lt;p&gt;I have developed a python application with 64-bit Windows 8 &lt;em&gt;(the non metro version which looks like Windows 7 interface)&lt;/em&gt;. I want to distribute it to all version of 64-bit Windows such as Windows XP, Windows 7 and etc. Is it possible for program developed with python to do that? Also, can the software run on 32-bit Windows os as well?&lt;/p&gt;</t>
  </si>
  <si>
    <t>2013-10-04 05:03:55.523000+00:00</t>
  </si>
  <si>
    <t>2013-10-04 05:29:51.890000+00:00</t>
  </si>
  <si>
    <t>Examples of Loopback Applications for Testing?</t>
  </si>
  <si>
    <t>&lt;p&gt;I think it's useful to test relations and there's virtually no documentation or standard way of approaching testing in loopback. I'm wondering if there's an example applications of any size that go into testing. &lt;/p&gt;
&lt;p&gt;Is there a set of tools that is recommended?&lt;/p&gt;
&lt;p&gt;Thanks!&lt;/p&gt;</t>
  </si>
  <si>
    <t>2016-09-16 05:53:46.900000+00:00</t>
  </si>
  <si>
    <t>2016-10-17 20:51:21.317000+00:00</t>
  </si>
  <si>
    <t>2016-09-16 06:02:29.857000+00:00</t>
  </si>
  <si>
    <t>javascript|node.js|loopback</t>
  </si>
  <si>
    <t>operator + cannot be applied to java.lang.charsequence</t>
  </si>
  <si>
    <t>&lt;p&gt;Trying to make a calculator, here's the button method when the line with the * is ran it comes up with the error "operator + cannot be applied to java.lang.charsequence". If any one know's a way around this please help.&lt;/p&gt;
&lt;pre&gt;&lt;code&gt;    public void Button_Click(View view) {
    TextView result = (TextView) findViewById(R.id.result);
    Button b = (Button)view;
    if ((result.getText() == "0")||(operation_pressed))
        result.setText("");
    operation_pressed = false;
    if (b.getText() == ".") {
        result.getText() = result.getText() + b.getText()); ***
    }
}    
&lt;/code&gt;&lt;/pre&gt;
&lt;p&gt;Thanks&lt;/p&gt;</t>
  </si>
  <si>
    <t>2014-11-11 08:10:57.990000+00:00</t>
  </si>
  <si>
    <t>2014-11-11 08:21:45.370000+00:00</t>
  </si>
  <si>
    <t>button|operators|charsequence</t>
  </si>
  <si>
    <t>Python Function returning string with quotes</t>
  </si>
  <si>
    <t>&lt;p&gt;I have a function and returning three values, The return value for my function is&lt;/p&gt;
&lt;pre&gt;&lt;code&gt;(1, 3, "&amp;lt;class 'int'&amp;gt;")
&lt;/code&gt;&lt;/pre&gt;
&lt;p&gt;while I want to return&lt;/p&gt;
&lt;pre&gt;&lt;code&gt;(1, 3, &amp;lt;class 'int'&amp;gt;)
&lt;/code&gt;&lt;/pre&gt;
&lt;p&gt;How do I remove the quotes from my &lt;code&gt;return value.str(type(element))&lt;/code&gt; is the value which is returning the 3rd value&lt;/p&gt;
&lt;pre&gt;&lt;code&gt;def is_list_permutation(L1, L2):
    L1set = set(L1)
    L2set = set(L2)
    count = 0
    element = ''
    if L1 == [] and L2 == []:
        return(None,None,None)    
    elif len(L1) == len(L2) and L1set == L2set:
       for a in L1:
          if L1.count(a) == L2.count(a):
              if L1.count(a) &amp;gt; count:
                  count = L1.count(a)
                  element = a
                  return(element,count,str(type(element)))
          else:
              return False
              break
    else:
       return False
&lt;/code&gt;&lt;/pre&gt;
&lt;p&gt;so if i give&lt;/p&gt;
&lt;pre&gt;&lt;code&gt;L1 = [1, 'b', 1, 'c', 'c', 1]
L2 = ['c', 1, 'b', 1, 1, 'c']
&lt;/code&gt;&lt;/pre&gt;
&lt;p&gt;then the result is &lt;code&gt;(1, 3, "&amp;lt;class 'int'&amp;gt;")&lt;/code&gt; while I want &lt;code&gt;(1, 3, &amp;lt;class 'int'&amp;gt;)&lt;/code&gt;&lt;/p&gt;</t>
  </si>
  <si>
    <t>2017-07-03 21:48:12.960000+00:00</t>
  </si>
  <si>
    <t>2017-07-03 22:39:58.957000+00:00</t>
  </si>
  <si>
    <t>2017-07-03 22:37:57.413000+00:00</t>
  </si>
  <si>
    <t>Removing NAs from data frame columns. Different length of columns after removal</t>
  </si>
  <si>
    <t>&lt;p&gt;That's how my data looks like:&lt;/p&gt;
&lt;pre&gt;&lt;code&gt;structure(list(`Name1` = c("Mark", 
                                                           NA, NA, NA, NA, NA), Name2 = c(NA, "Stefan", 
                                                                                                                   "Clara", NA, NA, NA), `Name3` = c(NA, NA, 
                                                                                                                                                                           NA, "Max", "Pete", "Gabe"), `Name4` = c("Titan", 
                                                                                                                                                                                                                                                     NA_character_, NA_character_, NA_character_, NA_character_, NA_character_
                                                                                                                                                                           ), `Name5` = c(NA_character_, NA_character_, 
                                                                                                                                                                                                              NA_character_, NA_character_, "Tom", NA_character_), 
               Name6 = c(NA_character_, "Narq", NA_character_, 
                                        NA_character_, "Seba", NA_character_), Name7 = c(NA_character_, 
                                                                                                                      NA_character_, "Greg", NA_character_, NA_character_, 
                                                                                                                      NA_character_), Name8 = c(NA_character_, 
                                                                                                                                                                            NA_character_, NA_character_, "Terry", NA_character_, 
                                                                                                                                                                            NA_character_), Name9 = c(NA_character_, 
                                                                                                                                                                                                                                NA_character_, NA_character_, NA_character_, "Coaty", 
                                                                                                                                                                                                                                NA_character_), Name10 = c(NA_character_, 
                                                                                                                                                                                                                                                                                                           NA_character_, "Meg", NA_character_, NA_character_, 
                                                                                                                                                                                                                                                                                                           NA_character_)), .Names = c("Name1", 
                                                                                                                                                                                                                                                                                                                                       "Name2", "Name3", 
                                                                                                                                                                                                                                                                                                                                       "Name4", "Name5", "Name6", 
                                                                                                                                                                                                                                                                                                                                       "Name7", "Name8", 
                                                                                                                                                                                                                                                                                                                                       "Name9", "Name10"
                                                                                                                                                                                                                                                                                                           ), row.names = c("1", "2", "3", "4", "5", "6"), class = "data.frame")
&lt;/code&gt;&lt;/pre&gt;
&lt;p&gt;So I would like to remove all NAs from this data frame even it will create a data frame with different columns length.&lt;/p&gt;
&lt;p&gt;Desired output:&lt;/p&gt;
&lt;pre&gt;&lt;code&gt;  Name1  Name2 Name3 Name4 Name5 Name6 Name7 Name8 Name9 Name10
1  Mark Stefan   Max Titan   Tom  Narq  Greg Terry Coaty    Meg
2        Clara  Pete              Seba         
3               Gabe            
&lt;/code&gt;&lt;/pre&gt;</t>
  </si>
  <si>
    <t>2015-10-28 11:42:25.663000+00:00</t>
  </si>
  <si>
    <t>2015-10-28 12:31:53.657000+00:00</t>
  </si>
  <si>
    <t>Get buttons foreground color</t>
  </si>
  <si>
    <t>&lt;p&gt;Tried many combinations such as:&lt;/p&gt;
&lt;pre&gt;&lt;code&gt;        SolidColorBrush b = (SolidColorBrush)myButton.Foreground;
        b.Color.ToString();
&lt;/code&gt;&lt;/pre&gt;
&lt;p&gt;It returns:
Windows.Ui.Xaml.Media.SolidColorBrush&lt;/p&gt;
&lt;p&gt;But I need to know the color, ex: White.&lt;/p&gt;</t>
  </si>
  <si>
    <t>2014-06-01 20:12:41.383000+00:00</t>
  </si>
  <si>
    <t>2014-06-01 23:06:58.970000+00:00</t>
  </si>
  <si>
    <t>c#|windows|xaml|windows-8.1|brush</t>
  </si>
  <si>
    <t>Why is there disparity between execution time for the same code of arrays?</t>
  </si>
  <si>
    <t>&lt;p&gt;If I run the following program and then run it again after swapping of i and j in sum+=arr[i][j], the execution time is very different i.e. 9.8 secs compared to 2.7 secs for before the swap. I just cannot understand why it is like this. Can someone please give me any idea about why it is so?&lt;/p&gt;
&lt;pre&gt;&lt;code&gt;#include&amp;lt;iostream&amp;gt;
#include&amp;lt;time.h&amp;gt;
using namespace std;
int main()
{
    int long sum=0;
    int size = 1024;
    clock_t start, end;
    double msecs;
    start = clock();
    int **arr = new int*[size];
    for (int i = 0; i &amp;lt; size; i++) 
    {
        arr[i] = new int[size];
    }
    for(int kk=0; kk&amp;lt;1000; kk++) 
    {
        sum = 0;
        for (int i = 0; i &amp;lt; size; i++)
        {
            for (int j = 0; j &amp;lt; size ; j++)
            {
                sum += arr[i][j];
            }
        }
    }
    end = clock();  
    msecs = ((double) (end - start)) * 1000 / CLOCKS_PER_SEC;
    cout&amp;lt;&amp;lt;msecs&amp;lt;&amp;lt;endl&amp;lt;&amp;lt;endl;
    return 0;
}
&lt;/code&gt;&lt;/pre&gt;</t>
  </si>
  <si>
    <t>2014-04-02 22:46:13.990000+00:00</t>
  </si>
  <si>
    <t>2014-04-03 03:03:32.580000+00:00</t>
  </si>
  <si>
    <t>c++|arrays|time|execution|localityofreference</t>
  </si>
  <si>
    <t>Error requesting API "failed to establish a new connection"</t>
  </si>
  <si>
    <t>&lt;p&gt;Got an interesting error that could very easily be user problem. &lt;/p&gt;
&lt;p&gt;I'm trying to access an API used by the Washington Public Disclosure Commission. It uses Socrata and because I'm using Python I'm using the sodapy package.&lt;/p&gt;
&lt;p&gt;The error first:&lt;/p&gt;
&lt;pre&gt;&lt;code&gt;requests.exceptions.ConnectionError: HTTPSConnectionPool(host='https', port=443): Max retries exceeded with url: //data.wa.gov/resource/dgis-xpmb.json?%24limit=2000 (Caused by NewConnectionError('&amp;lt;requests.packages.urllib3.connection.VerifiedHTTPSConnection object at 0x7f9da657d110&amp;gt;: Failed to establish a new connection: [Errno -2] Name or service not known',))
&lt;/code&gt;&lt;/pre&gt;
&lt;p&gt;Here's the code, which is almost a carbon copy of the Code Snippet listed on the docs. &lt;/p&gt;
&lt;pre&gt;&lt;code&gt;import pandas as pd
from sodapy import Socrata
MyAppToken = "###############"
client = Socrata("https://data.wa.gov", 
    MyAppToken, 
    username="########@######.###", 
    password="##############")
results = client.get("dgis-xpmb", limit=2000)
results_df = pd.DataFrame.from_records(result_list)
&lt;/code&gt;&lt;/pre&gt;
&lt;p&gt;In my own experimentation I've taken off the bottom line but the error stays the same, because the error gets caught at the &lt;code&gt;client.get&lt;/code&gt; command.&lt;/p&gt;
&lt;p&gt;I know it's not the server's problem because using curl -i, Chrome and Postman can all get the pertinent data no problem.&lt;/p&gt;
&lt;p&gt;The token I'm using is also registered with Socrata so that should feasibly be OK.&lt;/p&gt;
&lt;p&gt;I've tried running the python in Python 2.7.6 and 3.4.3 with the required packages. Still no go.&lt;/p&gt;
&lt;p&gt;Any help appreciated.&lt;/p&gt;</t>
  </si>
  <si>
    <t>2017-10-22 02:30:40.577000+00:00</t>
  </si>
  <si>
    <t>python|api|socrata</t>
  </si>
  <si>
    <t>How to import a method from an external package in Golang?</t>
  </si>
  <si>
    <t>&lt;p&gt;Sorry if this question is a bit basic however I have not been able to find any documentation on it.
I am trying to &lt;strong&gt;import&lt;/strong&gt; the following method from &lt;code&gt;example.com/User/project/controllers&lt;/code&gt; package &lt;/p&gt;
&lt;pre&gt;&lt;code&gt;func (env *Env) Index(ctx *fasthttp.RequestCtx, ps fasthttprouter.Params){
   fmt.Fprintf(ctx, "Hi there! RequestURI is %q", ctx.RequestURI())
}
&lt;/code&gt;&lt;/pre&gt;
&lt;p&gt;Into the following file to be used in a router as follows&lt;/p&gt;
&lt;pre&gt;&lt;code&gt;db, err := db.Conn()
    if err != nil {
        log.Panic(err)
    }
    env := &amp;amp;Env{db}
    ...
   router.GET("/", env.controllers.Index)///this import is not valid
&lt;/code&gt;&lt;/pre&gt;
&lt;p&gt;I have tried to use &lt;code&gt;controllers.env.Index&lt;/code&gt; &lt;code&gt;env.controllers.Index&lt;/code&gt; I have also tried importing with a &lt;code&gt;.&lt;/code&gt; before the import .etc
How would one in this instance import a method from another package whereby a struct (&lt;code&gt;ENV&lt;/code&gt;) can be passed to it? To clarify the problem here is using method on top of the package ontop of the helper e.g. &lt;code&gt;method.package.helper&lt;/code&gt; how would I resolve the above code so that I can pass a method to a helper from an external package
Thanks&lt;/p&gt;</t>
  </si>
  <si>
    <t>2016-10-20 01:56:41.687000+00:00</t>
  </si>
  <si>
    <t>2016-10-20 14:55:05.470000+00:00</t>
  </si>
  <si>
    <t>2016-10-20 02:20:26.247000+00:00</t>
  </si>
  <si>
    <t>go|methods|struct|import</t>
  </si>
  <si>
    <t>Centralize connection strings for multiple projects within the same solution</t>
  </si>
  <si>
    <t>&lt;p&gt;I currently have three projects in my solution that all have their own App.config file with the same exact connection string.&lt;/p&gt;
&lt;p&gt;Is there a way to consolidate the connections strings / app.config files so that I only need to make changes to one location?&lt;/p&gt;</t>
  </si>
  <si>
    <t>2013-04-22 19:02:01.013000+00:00</t>
  </si>
  <si>
    <t>2017-06-14 08:16:21.980000+00:00</t>
  </si>
  <si>
    <t>c#|connection-string|app-config</t>
  </si>
  <si>
    <t>ExtJS - Combobox with Date Picker</t>
  </si>
  <si>
    <t>&lt;p&gt;How would one configure a combobox component to contain both store-bound items, as well as a calendar picker in the display field (for manual entry)?&lt;/p&gt;</t>
  </si>
  <si>
    <t>2013-12-02 16:22:05.400000+00:00</t>
  </si>
  <si>
    <t>2013-12-05 08:26:35.963000+00:00</t>
  </si>
  <si>
    <t>extjs|combobox|datepicker|extjs4|xtype</t>
  </si>
  <si>
    <t>What time should we must be use invert a projection matrix in opengl programing</t>
  </si>
  <si>
    <t>&lt;p&gt;## Rencently I saw has someone to invert a projectionMatrix to draw their 3D scene using webgl programming, I don't know the function of to invert a projectionMatrix to project the scene. I don't know what happen when you invert a projectionMatrix, &lt;/p&gt;
&lt;pre&gt;&lt;code&gt; mat4.perspective(perspectiveMatrix, Math.PI/2, ratio, 0.1, 10);
 mat4.invert(projectionInverse, projectionMatrix);
 .....
 mat4.multiply(modelViewProjectMatrix, modelViewMatrix, projectionInverse);
 webGL.gl.uniformMatrix4fv(shader.uniforms['proj_inv'], false, modelViewProjectMatrix);
&lt;/code&gt;&lt;/pre&gt;
&lt;p&gt;Is anyone could tell me what exactly happen when you invert a projectionMatrix,&lt;/p&gt;</t>
  </si>
  <si>
    <t>2016-05-26 04:07:28.870000+00:00</t>
  </si>
  <si>
    <t>2016-05-26 06:21:42.950000+00:00</t>
  </si>
  <si>
    <t>javascript|webgl</t>
  </si>
  <si>
    <t>Redirect user input to /dev/null</t>
  </si>
  <si>
    <t>&lt;p&gt;Hi I'm trying to implement a chat client - server, and want all client's entered text to not be printed locally on the client. 
So once the user hits enter, the data should be sent to the server only and not to STDOUT. The server then should send this data back to me and all other clients, and only then display this data.&lt;/p&gt;
&lt;p&gt;Is this possible ? &lt;/p&gt;
&lt;p&gt;When not doing any manipulation on FD I just get duplicate data, and when trying to redirect STDOUT to /dev/null - I still see the user input data on the screen.(after enter key is hit I just want it to clear the screen, maybe?)&lt;/p&gt;
&lt;p&gt;With this code I get two lines of output:&lt;/p&gt;
&lt;pre&gt;&lt;code&gt;void * rcv_from_srv_thread(void * sock_fd_ptr)
{
    char recv_buf[BUF_SIZE] = {};
    int len = 0;
    int sock_fd = *(int *)sock_fd_ptr;
    while (1)
    {
        if ((len = recv(sock_fd, recv_buf, BUF_SIZE, 0)) &amp;lt; 0)
        {
            perror("recv failed");
            return NULL;
        }
        recv_buf[len] = '\0';
        printf("%s", recv_buf);
    }
    assert(0);
    return NULL;
}
void * send_to_srv_thread(void * sock_fd_ptr)
{
    char send_buf[BUF_SIZE] = {};
    int len;
    int sock_fd = *(int *)sock_fd_ptr;
    do
    {
        fgets(send_buf, BUF_SIZE, stdin);
        if ((len = send(sock_fd, send_buf, strlen(send_buf), 0)) &amp;lt; 0)
        {
            perror("send failed");
            return NULL;
        }
    } while(1);
    assert(0);
    return NULL;
}
&lt;/code&gt;&lt;/pre&gt;
&lt;p&gt;When running the client:&lt;/p&gt;
&lt;pre&gt;&lt;code&gt;root@sergey-VirtualBox:~/chat/client# ./client
aaaa
got server IP - 127.0.0.1
asdasd
asdasd
ddd
ddd
&lt;/code&gt;&lt;/pre&gt;</t>
  </si>
  <si>
    <t>2017-11-25 11:48:49.110000+00:00</t>
  </si>
  <si>
    <t>2017-11-25 12:49:07.743000+00:00</t>
  </si>
  <si>
    <t>c|file-descriptor</t>
  </si>
  <si>
    <t>SQL - invalid column name</t>
  </si>
  <si>
    <t>&lt;p&gt;I have the following query:&lt;/p&gt;
&lt;pre&gt;&lt;code&gt;SELECT o.outcode AS lead_postcode, v.outcode AS venue_postcode, 6 * o.lat AS distance 
FROM venue_postcodes v, uk_postcodes o 
WHERE o.outcode = 'CF3' 
GROUP BY v.outcode 
HAVING SUM(distance)&amp;gt;100 
ORDER BY distance
&lt;/code&gt;&lt;/pre&gt;
&lt;p&gt;This stopped working when I added the part &lt;code&gt;GROUP BY v.outcode HAVING SUM(distance)&amp;gt;100&lt;/code&gt;&lt;/p&gt;
&lt;p&gt;It says &lt;strong&gt;Server was unable to process request. ---&gt; Invalid column name 'distance'&lt;/strong&gt;.&lt;/p&gt;
&lt;p&gt;Any ideas why?&lt;/p&gt;</t>
  </si>
  <si>
    <t>2011-03-24 10:32:30.033000+00:00</t>
  </si>
  <si>
    <t>2011-03-24 10:41:54.700000+00:00</t>
  </si>
  <si>
    <t>2011-03-24 10:36:58.987000+00:00</t>
  </si>
  <si>
    <t>vim easymotion can only paste the first character of the clipboard</t>
  </si>
  <si>
    <t>&lt;p&gt;in my vimrc&lt;/p&gt;
&lt;pre&gt;&lt;code&gt;map / &amp;lt;Plug&amp;gt;(easymotion-sn)\v\c
&lt;/code&gt;&lt;/pre&gt;
&lt;p&gt;but when I want to search something, I copy it with &lt;code&gt;y&lt;/code&gt; command or &lt;code&gt;command + c&lt;/code&gt;, then I want to paste it, but only paste the first character&lt;/p&gt;</t>
  </si>
  <si>
    <t>2017-09-17 06:46:11.153000+00:00</t>
  </si>
  <si>
    <t>2017-09-17 07:24:03.607000+00:00</t>
  </si>
  <si>
    <t>vim</t>
  </si>
  <si>
    <t>Smarter word wrap with Smarty?</t>
  </si>
  <si>
    <t>&lt;p&gt;I'm trying to find a way to wrap a long headline after a specific number of words, based on the total character count of the headline.  My purpose is to make the bottom line of the wrapped text longer than the top line to increase readability.&lt;/p&gt;
&lt;p&gt;I'd like to use Smarty to find the character count of the headline, then decide how long to make the first line based on the default font size and the width of the containing element. But I'm not a coder and don't know the best way to make arrays, foreach loops, iteration counts, and other stuff that's probably necessary to pull this off. &lt;/p&gt;
&lt;p&gt;I'm basically trying to:&lt;/p&gt;
&lt;ol&gt;
&lt;li&gt;&lt;p&gt;Find the total character count of the headline using &lt;code&gt;{$item.name|count_characters:true}&lt;/code&gt;&lt;/p&gt;&lt;/li&gt;
&lt;li&gt;&lt;p&gt;If the total character count is between 60 and 100 characters, add a br tag at the end of the first word that ends past 30 characters.&lt;/p&gt;&lt;/li&gt;
&lt;/ol&gt;</t>
  </si>
  <si>
    <t>2009-02-17 23:58:50.963000+00:00</t>
  </si>
  <si>
    <t>2011-11-15 11:45:19.820000+00:00</t>
  </si>
  <si>
    <t>Mike</t>
  </si>
  <si>
    <t>php|smarty|word-wrap</t>
  </si>
  <si>
    <t>Linux OS Execution Command in Lua to Shutdown OS - Help a Newbie to Understand</t>
  </si>
  <si>
    <t>&lt;p&gt;I'm using the following command string in Lua to shutdown my Linux system if the user fails to access the system properly:&lt;/p&gt;
&lt;pre&gt;&lt;code&gt;os.execute 'sleep 5 &amp;amp;&amp;amp; echo password | sudo -S poweroff'
&lt;/code&gt;&lt;/pre&gt;
&lt;p&gt;I know the following:&lt;/p&gt;
&lt;p&gt;&lt;strong&gt;os.execute&lt;/strong&gt; = simple Lua command to execute an OS command.
&lt;strong&gt;sleep 5&lt;/strong&gt; = pause "X" amount of time prior to doing next command.
&lt;strong&gt;&amp;amp;&amp;amp;&lt;/strong&gt; = AND (simple enough and has numerous meanings but this instance, do both sides of &amp;amp;&amp;amp;).
&lt;strong&gt;echo&lt;/strong&gt; = Linux's version of "print" in Lua.&lt;/p&gt;
&lt;p&gt;But please help me understand the rest.  I know what sudo means, but why is the root password &lt;strong&gt;&lt;em&gt;before&lt;/em&gt;&lt;/strong&gt; "sudo"?  Why the pipe deliminator?  Why use "-S" with sudo which means Stdin in Linux?&lt;/p&gt;
&lt;p&gt;Is there another way to have a script in Lua to shutdown/reboot an OS?&lt;/p&gt;</t>
  </si>
  <si>
    <t>2014-02-06 18:54:10.867000+00:00</t>
  </si>
  <si>
    <t>2014-02-06 19:02:21.787000+00:00</t>
  </si>
  <si>
    <t>linux|lua</t>
  </si>
  <si>
    <t>Read https body in SWI-Prolog</t>
  </si>
  <si>
    <t>&lt;p&gt;Another question from me.. 
Overall I have been trying to define &lt;code&gt;authenticate_alexa/1&lt;/code&gt;.&lt;/p&gt;
&lt;p&gt;This (I think) is providing the same feature as this java code by amazon: &lt;a href="https://github.com/amzn/alexa-skills-kit-java/blob/master/src/com/amazon/speech/speechlet/authentication/SpeechletRequestSignatureVerifier.java" rel="nofollow noreferrer"&gt;https://github.com/amzn/alexa-skills-kit-java/blob/master/src/com/amazon/speech/speechlet/authentication/SpeechletRequestSignatureVerifier.java&lt;/a&gt;&lt;/p&gt;
&lt;p&gt;The instructions for what this needs to do are at: &lt;a href="https://developer.amazon.com/public/solutions/alexa/alexa-skills-kit/docs/developing-an-alexa-skill-as-a-web-service" rel="nofollow noreferrer"&gt;https://developer.amazon.com/public/solutions/alexa/alexa-skills-kit/docs/developing-an-alexa-skill-as-a-web-service&lt;/a&gt;&lt;/p&gt;
&lt;p&gt;The problem I am now up to is that I need to read the full httpsbody request and find its hash value in order to verify it works with the key from the chain that we get.(Step 7 of validating the signature).&lt;/p&gt;
&lt;p&gt;So I need to define &lt;code&gt;httpsbody/2&lt;/code&gt; that will return the body exactly and then have the correct code for verifying the hash values.&lt;/p&gt;
&lt;p&gt;My current code is : &lt;/p&gt;
&lt;pre&gt;&lt;code&gt;alexa(Request):-
    authenticate_alexa(Request),
    %http_read_json_dict(Request,DictIn),
    %handle_dict(DictIn,DictOut),
    my_json_answer(hello,DictOut),
    reply_json(DictOut).
authenticate_alexa(Request):-
    check_sigchainurl(Request,URL),
    portray_clause(user_error,URL),
    get_certs(URL,[ACert|CertsRest]),
    checkcertvalid_time(ACert),
    checkchain([ACert|CertsRest]),
    memberchk(key(Key),ACert),
    base64decodesig_encryptedSig(Request,ESig),
%   httpsbody(Request,Body), %how do we read the body of the request?
        httpsbodybytes(Request,Body),
        portray_clause(user_error,'Http Body from httpsbody(Request,Body) :'),
        portray_clause(user_error,Body),
    crypto_data_hash(Body,Hash,[algorithm(sha1),encoding(octet)]),
    portray_clause(user_error,'Serviced signed Hash:'),
    portray_clause(user_error,Hash),
        atom_string(Hash,HashString),
    string_concat("0x",HashString,HashString2),
    number_string(HashNumber,HashString2),
    portray_clause(user_error,'Hash as Dec'),
    portray_clause(user_error,HashNumber),
    signature_pow(ESig,0x010001,Key,ClpfdHash),
    portray_clause(user_error,'clpfdhash:'),
    portray_clause(user_error,ClpfdHash),
        %rsa_verify(Key,Hash,ESig,[type(sha1)]),
    portray_clause(user_error,done).
get_certs(URL,Certs):-
   setup_call_cleanup(
        http_open(URL,Stream,[]),
        ssl_peer_certificate_chain(Stream,Certs),
        close(Stream)
          ).
signature_pow(Sig, Exp, P, Pow) :-
        portray_clause(user_error,'ESig:'),
    portray_clause(user_error,Sig),
    (atom(Sig) -&amp;gt; portray_clause(user_error,'it is an atom');portray_clause(user_error,'it is not an atom')),
    (number(Sig) -&amp;gt; portray_clause(user_error,'it is a number');portray_clause(user_error,'it is not a number')),
    atom_string(Sig,Sigstring),
    string_concat("0x",Sigstring,SigString2),
    number_string(SigNumber,SigString2),
    portray_clause(user_error,'Exp:'),
    portray_clause(user_error,Exp),
    portray_clause(user_error,'P:'),
    portray_clause(user_error,P),
    P =public_key(rsa(P2,EXP2,_,_,_,_,_,_)),
    portray_clause(user_error,'P just number:'),
        portray_clause(user_error,P2),
    (string(P2) -&amp;gt; portray_clause(user_error,'String hex P number');portray_clause(user_error,notstring)),
    string_concat("0x",P2,NewString),
    portray_clause(user_error,NewString),
    number_string(P3,NewString),
    portray_clause(user_error,'P number as dec:'),
    portray_clause(user_error,P3),  
        Pow #= SigNumber^Exp mod P3,
    portray_clause(user_error,'Pow'),
    portray_clause(user_error,Pow),
    portray_clause(user_error,verified).
check_sigchainurl(Request,URL):-
    memberchk(signaturecertchainurl(URL),Request),
    parse_url(URL,P), %what about normalise url? I dont think it is needed
    memberchk(protocol(https),P),%should make case insenstive
    memberchk(host('s3.amazonaws.com'),P), %should make case insenstive
    memberchk(path(Path),P),
    string_concat('/echo.api/',_,Path),
    (memberchk(port(Port),P) -&amp;gt; Port =443 ; true).
checkcertvalid_time(Acert):-
    memberchk(notbefore(NotBefore),Acert),
    memberchk(notafter(NotAfter),Acert),
    get_time(NowA),
    Now is round(NowA),
    Now #&amp;gt;NotBefore,
    Now #&amp;lt;NotAfter.
checkchain(Chain):-
        length(Chain,L),
    L#&amp;gt;1.           %Insure chain has more than one cert
    %portray_clause(user_error,Chain),
    checkchain_h(Chain).
checkchain_h([_]). %Reached the root.
checkchain_h(Chain):-
        Chain =[C1,C2|Rest],
        memberchk(signature(Sig),C1),
    memberchk(to_be_signed(Signed),C1),
    memberchk(key(Key),C2),
    hex_bytes(Signed,Bytes),
    crypto_data_hash(Bytes,Hash,[algorithm(sha256),encoding(octet)]),
    rsa_verify(Key,Hash,Sig,[type(sha256)]),
    checkchain_h([C2|Rest]).
base64decodesig_encryptedSig(Request,Hex):-
    memberchk(signature(B64Sig),Request),
    portray_clause(user_error,'base64 encoded sig:'),
    portray_clause(user_error,B64Sig),
    base64(ESig,B64Sig),
    atom_codes(ESig,Bytes),
    hex_bytes(Hex,Bytes).
    %portray_clause(user_error,'Esig is base64 sig decoded using base64//2:'),
    %portray_clause(user_error,ESig).
        %portray_clause(user_error,'Can not print esig').
httpsbodybytes(Request,BodyBytes2):-
    memberchk(input(In),Request),
    portray_clause(user_error,"Bytes:"),
    mygetbody2(In,BodyBytes,0),
    list_butlast(BodyBytes,BodyBytes2).
mygetbody2(_Stream,[],-1).
mygetbody2(Stream,[Byte|Bytes],Check):-
    dif(Check,-1),
    get_byte(Stream,Byte),
    %portray_clause(user_error,Byte),
    mygetbody2(Stream,Bytes,Byte).
list_butlast([X|Xs], Ys) :-                 % use auxiliary predicate ...
   list_butlast_prev(Xs, Ys, X).            % ... which lags behind by one item
list_butlast_prev([], [], _).
list_butlast_prev([X1|Xs], [X0|Ys], X0) :-  
   list_butlast_prev(Xs, Ys, X1).
&lt;/code&gt;&lt;/pre&gt;
&lt;p&gt;Which upon receiving a request outputs:&lt;/p&gt;
&lt;pre&gt;&lt;code&gt;'https://s3.amazonaws.com/echo.api/echo-api-cert-4.pem'.
'base64 encoded sig:'.
'Nu2v3C8hWNSF7G7N/B5WWqFnhuGMPJeMGi76FanbF8D4so+AiRSWVaehPXoaiLZpCiEb5Ysd+QFCBEt5/5a6MoLh4JTAhwGcnGUs+GbZo7rkk12t6meUTldnBNZ4/1boUNGurWCmPy1pkCWyHIt7udWj2zCdHx+4cFCKy8GVWfjOtZ3n52LWzGd+HO0RF0GQ25cSoFQGr2I5bT060Bodt3PrZob/nWnPxqayC+y53Itt/I0YUtM2QnPYByx/GJuyzMUuA0/v0PH15oGOE+wwYszr1C6mmEKMRdkCzFEO6z4kuw6UeXDaECS9ak04XCp+gsYkHQjJYpoB3s8T6qeNGQ=='.
"Bytes:".
'Http Body from httpsbody(Request,Body) :'.
[123, 34, 118, 101, 114, 115, 105, 111, 110, 34, 58, 34, 49, 46, 48, 34, 44, 34, 115, 101, 115, 115, 105, 111, 110, 34, 58, 123, 34, 110, 101, 119, 34, 58, 102, 97, 108, 115, 101, 44, 34, 115, 101, 115, 115, 105, 111, 110, 73, 100, 34, 58, 34, 83, 101, 115, 115, 105, 111, 110, 73, 100, 46, 99, 55, 99, 54, 49, 55, 51, 100, 45, 98, 98, 102, 52, 45, 52, 56, 57, 101, 45, 97, 48, 98, 97, 45, 52, 54, 55, 102, 101, 56, 48, 51, 100, 97, 101, 99, 34, 44, 34, 97, 112, 112, 108, 105, 99, 97, 116, 105, 111, 110, 34, 58, 123, 34, 97, 112, 112, 108, 105, 99, 97, 116, 105, 111, 110, 73, 100, 34, 58, 34, 97, 109, 122, 110, 49, 46, 97, 115, 107, 46, 115, 107, 105, 108, 108, 46, 97, 50, 55, 101, 98, 53, 48, 53, 45, 102, 99, 101, 102, 45, 52, 57, 98, 102, 45, 56, 57, 55, 53, 45, 51, 101, 49, 97, 54, 100, 55, 98, 55, 99, 55, 52, 34, 125, 44, 34, 97, 116, 116, 114, 105, 98, 117, 116, 101, 115, 34, 58, 123, 125, 44, 34, 117, 115, 101, 114, 34, 58, 123, 34, 117, 115, 101, 114, 73, 100, 34, 58, 34, 97, 109, 122, 110, 49, 46, 97, 115, 107, 46, 97, 99, 99, 111, 117, 110, 116, 46, 65, 71, 77, 77, 80, 53, 85, 81, 73, 81, 80, 89, 52, 69, 75, 90, 90, 72, 88, 71, 68, 52, 86, 72, 55, 89, 72, 80, 55, 88, 65, 51, 54, 84, 65, 79, 50, 82, 54, 76, 87, 79, 77, 89, 73, 88, 75, 78, 52, 68, 72, 88, 88, 51, 66, 73, 83, 53, 87, 83, 82, 78, 84, 53, 65, 55, 86, 79, 75, 86, 82, 76, 50, 77, 75, 65, 78, 77, 86, 51, 75, 50, 68, 77, 79, 66, 50, 87, 75, 85, 68, 84, 72, 73, 74, 86, 87, 73, 77, 83, 65, 51, 76, 81, 75, 82, 73, 73, 83, 72, 71, 55, 80, 71, 55, 77, 89, 70, 65, 53, 50, 72, 77, 73, 67, 81, 87, 53, 53, 76, 50, 73, 90, 65, 76, 70, 90, 80, 77, 82, 54, 67, 74, 83, 74, 54, 74, 55, 90, 82, 75, 54, 54, 77, 87, 82, 55, 66, 89, 88, 69, 76, 66, 73, 50, 75, 79, 69, 90, 81, 73, 72, 68, 88, 79, 72, 72, 90, 70, 71, 90, 50, 81, 83, 90, 82, 87, 52, 75, 55, 79, 55, 53, 82, 50, 89, 88, 74, 54, 85, 87, 65, 86, 70, 77, 53, 65, 34, 125, 125, 44, 34, 114, 101, 113, 117, 101, 115, 116, 34, 58, 123, 34, 116, 121, 112, 101, 34, 58, 34, 73, 110, 116, 101, 110, 116, 82, 101, 113, 117, 101, 115, 116, 34, 44, 34, 114, 101, 113, 117, 101, 115, 116, 73, 100, 34, 58, 34, 69, 100, 119, 82, 101, 113, 117, 101, 115, 116, 73, 100, 46, 101, 54, 98, 56, 102, 101, 101, 100, 45, 101, 99, 101, 51, 45, 52, 101, 97, 97, 45, 97, 102, 50, 100, 45, 99, 52, 55, 102, 54, 53, 55, 53, 57, 50, 49, 54, 34, 44, 34, 116, 105, 109, 101, 115, 116, 97, 109, 112, 34, 58, 34, 50, 48, 49, 55, 45, 48, 54, 45, 49, 57, 84, 48, 57, 58, 52, 54, 58, 51, 53, 90, 34, 44, 34, 108, 111, 99, 97, 108, 101, 34, 58, 34, 101, 110, 45, 71, 66, 34, 44, 34, 105, 110, 116, 101, 110, 116, 34, 58, 123, 34, 110, 97, 109, 101, 34, 58, 34, 103, 101, 116, 65, 78, 101, 119, 70, 97, 99, 116, 34, 125, 125, 125].
'Serviced signed Hash:'.
'64f1329a1f707809174ee50a6df9f65099bba371'.
'Hash as Dec'.
576277964734800966164187927075551858658582963057.
'ESig:'.
'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'.
'it is an atom'.
'it is not a number'.
'Exp:'.
65537.
'String hex P number'.
'P number as dec:'.
23367091749731801702903258951332579149824717752403036738901918995576378221876991769215986117060832205938888292020670601919717320529579897428555756633750717630113812467159229456710215094841206836055184753491046351652384568208399197333334554354625485949013821994244854426626217946383766717620084958916568639573896625634280251135248126961353512501885364402868885624724204807768627558428281558589460261611023934365963620820837651899784648073096603839587883308136461448176498481934437054583664797923342609641294880521414948881981392762983173267396409953920339084175033120756130451537931813023420728016059287928243275252817.
'Pow'.
12996685404671854237337597057543403676067050401691031855263389356566563793267812208256044577937494803172529297811694697178075070962940655950099948830185429064594023055861430145065585159411714852185690089480769442404348006975883315459440182824265725834630838968686976962484449232569444592352993640898180649431183234665232203068528805991370779087967630073792656438871568328046165107095895856647485355472888016164031315511155737623289424119686691313121050647697592969024984185347837785283636035540443593041046047481149874499335289745021686457982828945403796990195913021023926745047308779421759663632404133499645864797253.
verified.
'clpfdhash:'.
12996685404671854237337597057543403676067050401691031855263389356566563793267812208256044577937494803172529297811694697178075070962940655950099948830185429064594023055861430145065585159411714852185690089480769442404348006975883315459440182824265725834630838968686976962484449232569444592352993640898180649431183234665232203068528805991370779087967630073792656438871568328046165107095895856647485355472888016164031315511155737623289424119686691313121050647697592969024984185347837785283636035540443593041046047481149874499335289745021686457982828945403796990195913021023926745047308779421759663632404133499645864797253.
done.
xxxxxxxxxxxxxxxxxxxxxxxxxxxxxxxxxxxx
&lt;/code&gt;&lt;/pre&gt;
&lt;p&gt;The two hash values are not the same. So it is currently not working.&lt;/p&gt;</t>
  </si>
  <si>
    <t>2017-06-17 11:25:56.943000+00:00</t>
  </si>
  <si>
    <t>2017-06-21 07:12:30.283000+00:00</t>
  </si>
  <si>
    <t>http|prolog|swi-prolog|alexa|alexa-skill</t>
  </si>
  <si>
    <t>git Error: Permission denied (publickey) appeared</t>
  </si>
  <si>
    <t>&lt;p&gt;Good day,
Problem  with git is:&lt;/p&gt;
&lt;pre&gt;&lt;code&gt;git push
Agent admitted failure to sign using the key.
Permission denied (publickey).
fatal: The remote end hung up unexpectedly
&lt;/code&gt;&lt;/pre&gt;
&lt;p&gt;I can't say that i altered my system (it used to work perfectly fine)
When i compare &lt;code&gt;ssh-add -l&lt;/code&gt; and my key on &lt;a href="https://github.com/settings/ssh" rel="nofollow"&gt;https://github.com/settings/ssh&lt;/a&gt; i see that there are two keys attached to my account, one of them is identical to prev output.&lt;/p&gt;
&lt;p&gt;Update 1
Generating new key didn't solve the problem&lt;/p&gt;</t>
  </si>
  <si>
    <t>2012-08-13 15:10:56.327000+00:00</t>
  </si>
  <si>
    <t>2012-08-14 07:41:31.303000+00:00</t>
  </si>
  <si>
    <t>2012-08-13 15:23:03.237000+00:00</t>
  </si>
  <si>
    <t>github</t>
  </si>
  <si>
    <t>Getting a handle on Object Properties through Link Templates in AutoCAD from SQL</t>
  </si>
  <si>
    <t>&lt;p&gt;I have searched high and low for some help regarding AutoCAD Link Templates.&lt;/p&gt;
&lt;p&gt;I have managed to create a connection between AutoCAD and my SQL server. I am able to view the servers tables from AutoCAD. &lt;/p&gt;
&lt;p&gt;My next task is to find a way to create a link between the properties of an Object in my drawing (eg. The text of a Label) to a row in my SQL table, To the point where I could change the value of that row in SQL, and it would change the text value of the object within my AutoCAD.&lt;/p&gt;
&lt;p&gt;Like I said i am struggling to find sources of information or any help at all with achieving this. Which is why I am here now asking if anyone could give me and help or advice with how I would achieve this. &lt;/p&gt;
&lt;p&gt;Anything is appreciated, thank you in advance.&lt;/p&gt;</t>
  </si>
  <si>
    <t>2015-10-01 12:47:35.980000+00:00</t>
  </si>
  <si>
    <t>2015-10-02 13:26:18.647000+00:00</t>
  </si>
  <si>
    <t>sql|sql-server|properties|autocad</t>
  </si>
  <si>
    <t>XML attributes function error say Called on a non-object</t>
  </si>
  <si>
    <t>&lt;p&gt;I have XML file I want to retrieve the attribute names from it by using this code below. the code work and retrieve all attribute names but under the last attribute names also show this error&lt;/p&gt;
&lt;pre&gt;&lt;code&gt; Fatal error: Call to a member function attributes() on a non-object in C:\wamp\www\php\xml\EnglishArabic\new.php on line 13
 &amp;lt;?php
    $en = simplexml_load_file('ENstrings.xml');
    $enlen = sizeof($en-&amp;gt;string);
    for ($i=0; $i&amp;lt;=$enlen ; $i++) { 
        foreach ($en-&amp;gt;string[$i]-&amp;gt;attributes() as $key =&amp;gt; $value) {
           echo $value. '&amp;lt;br \&amp;gt;';
        }
    }
?&amp;gt;
&lt;/code&gt;&lt;/pre&gt;</t>
  </si>
  <si>
    <t>2017-03-28 22:19:42.360000+00:00</t>
  </si>
  <si>
    <t>2017-03-29 02:36:30.200000+00:00</t>
  </si>
  <si>
    <t>2017-03-28 22:35:14.203000+00:00</t>
  </si>
  <si>
    <t>php|xml</t>
  </si>
  <si>
    <t>How to read an excel file from fileInputNode in IIB?</t>
  </si>
  <si>
    <t>&lt;p&gt;I want to read and process an excel file from a fileInputNode. What has preprocessing has to be done. WHat message format should I use. what property settings have to be applied on the fileInputNode. &lt;/p&gt;
&lt;p&gt;The other solution is to create a java application and read the file ,create 1 message for every row and put in the queue. That is a lenghty process,I want to read it directly from the IIB FileInput Node.&lt;/p&gt;
&lt;p&gt;Please suggest something&lt;/p&gt;</t>
  </si>
  <si>
    <t>2017-08-14 08:06:01.020000+00:00</t>
  </si>
  <si>
    <t>2018-01-13 07:16:37.573000+00:00</t>
  </si>
  <si>
    <t>ibm-integration-bus</t>
  </si>
  <si>
    <t>Translating binary machine code to MIPS assembly instructions</t>
  </si>
  <si>
    <t>&lt;p&gt;I would appreciate some help with this question.&lt;/p&gt;
&lt;p&gt;The 32 bit numbers below represent a MIPS instruction. identify the different fields and state which instruction it is. give the assembler source code that can be converted into this instruction.&lt;/p&gt;
&lt;p&gt;001000|10001|10010|0000000000001111&lt;/p&gt;
&lt;p&gt;I separated the bits and I know the first 6 bits are the opcode and given the opcode it means Addi. The last 16 bits are the immediate value which I have converted to 15. I do need help with the registers and converting the binary into the register number. I have looked everywhere and can not find an explanation. Any help would be appreciated. i know the structure takes this format:&lt;/p&gt;
&lt;p&gt;Addi, t,s, 15&lt;/p&gt;</t>
  </si>
  <si>
    <t>2018-08-31 18:27:55.310000+00:00</t>
  </si>
  <si>
    <t>binary|mips|machine-code</t>
  </si>
  <si>
    <t>format date from 1990-04-07 to 07th April 1990</t>
  </si>
  <si>
    <t>&lt;p&gt;I have retrieved date from contact database and the value is 1990-04-07 that is &lt;code&gt;yy-MM-dd&lt;/code&gt; .
How to format the date to 07th April 1990&lt;/p&gt;
&lt;p&gt;Please suggest me ....&lt;/p&gt;</t>
  </si>
  <si>
    <t>2013-11-29 16:36:56.043000+00:00</t>
  </si>
  <si>
    <t>2013-11-29 16:49:54.587000+00:00</t>
  </si>
  <si>
    <t>2013-11-29 16:48:30.053000+00:00</t>
  </si>
  <si>
    <t>Cross Origin Resource Sharing (CORS) and Javascript</t>
  </si>
  <si>
    <t>&lt;p&gt;As an example case let's take this url: &lt;code&gt;http://api.duckduckgo.com/?q=computer&amp;amp;format=json&lt;/code&gt; (CORS not enabled on this server!)&lt;/p&gt;
&lt;ol&gt;
&lt;li&gt;&lt;p&gt;We can access the contents from this URL from any popular browser as a normal URL, browser has no issues opening this URL nor the server returns any error.&lt;/p&gt;&lt;/li&gt;
&lt;li&gt;&lt;p&gt;A server-side language like PHP/RoR can fetch the contents from this URL without adding any additional headers or special server settings. I used following PHP code and it simply worked.&lt;/p&gt;
&lt;pre&gt;&lt;code&gt;$url='http://api.duckduckgo.com/?q=computer&amp;amp;format=json';
$json = file_get_contents($url);
echo $json;
&lt;/code&gt;&lt;/pre&gt;&lt;/li&gt;
&lt;li&gt;&lt;p&gt;I just started working in javascript framework, AngularJS. I used following code...&lt;/p&gt;
&lt;pre&gt;&lt;code&gt;delete $http.defaults.headers.common['X-Requested-With'];
var url="http://api.duckduckgo.com/?q=computer&amp;amp;format=json";
$http.get(url)
     .success(function(data) {
         $scope.results=data;
      })
&lt;/code&gt;&lt;/pre&gt;
&lt;p&gt;With above AngularJS code, I received following error:&lt;/p&gt;
&lt;blockquote&gt;
  &lt;p&gt;XMLHttpRequest cannot load http://api.duckduckgo.com/?q=computer&amp;amp;format=json. No 'Access-Control-Allow-Origin' header is present on the requested resource. Origin 'http://localhost:63342' is therefore not allowed access.&lt;/p&gt;
&lt;/blockquote&gt;&lt;/li&gt;
&lt;li&gt;&lt;p&gt;AngularJS uses JQuery so I tried the same in JQuery with following code:&lt;/p&gt;
&lt;pre&gt;&lt;code&gt;var url="http://api.duckduckgo.com/?q=computer&amp;amp;format=json";
$.getJSON(url , function( data ) {
    console.log(data);
});
&lt;/code&gt;&lt;/pre&gt;
&lt;p&gt;This also produced the same error as did AngularJS code.&lt;/p&gt;&lt;/li&gt;
&lt;li&gt;&lt;p&gt;Then my further research brought me to the point that it's actually not specific to JQuery and AngularJS. Both of these inherit this issue from Javascript!&lt;/p&gt;&lt;/li&gt;
&lt;/ol&gt;
&lt;hr&gt;
&lt;ul&gt;
&lt;li&gt;Here is an excellent resource with explanation of what CORS is and how to handle with it: &lt;a href="http://enable-cors.org/index.html" rel="nofollow"&gt;http://enable-cors.org/index.html&lt;/a&gt;. &lt;/li&gt;
&lt;li&gt;And also W3C has it official CORS specification: &lt;a href="http://www.w3.org/TR/cors/" rel="nofollow"&gt;http://www.w3.org/TR/cors/&lt;/a&gt;&lt;/li&gt;
&lt;/ul&gt;
&lt;hr&gt;
&lt;p&gt;So my question is not what CORS is. My question is&lt;/p&gt;
&lt;ol&gt;
&lt;li&gt;&lt;p&gt;My understanding is that whether it is a web browser or it is PHP/RoR or it is Javascript frameworks, all make requests to a URL via the same http or https, right? Certainly, yes. Then why http has to be more secure when requests come from javascript? How does http and server know that request is coming from javascript?&lt;/p&gt;&lt;/li&gt;
&lt;li&gt;&lt;p&gt;When a web browser can open a URL and PHP/RoR (or any server-side language) can access that URL without any extra settings/headers, why can't AngularJS, JQuery (or in a single word javascript) access that URL unless the server has set &lt;code&gt;Access-Control-Allow-Origin&lt;/code&gt; header for requesting root?&lt;/p&gt;&lt;/li&gt;
&lt;li&gt;&lt;p&gt;What's that special feature (that PHP/RoR have and) that is missing in Javascript so that it can't access the same URL in the same browsers that can open that URL without any issue from their address bars?&lt;/p&gt;&lt;/li&gt;
&lt;/ol&gt;
&lt;p&gt;Just to mention that I am basically an iOS developer and recently started to learn web development, specially AngularJS. So I am curious about what's all this going on and why!&lt;/p&gt;</t>
  </si>
  <si>
    <t>2014-02-19 15:59:26.100000+00:00</t>
  </si>
  <si>
    <t>2014-02-19 18:16:26.557000+00:00</t>
  </si>
  <si>
    <t>2014-02-19 16:51:36.783000+00:00</t>
  </si>
  <si>
    <t>javascript|jquery|angularjs|cors</t>
  </si>
  <si>
    <t>Jquery plug-in not loading when ajax has loaded the page</t>
  </si>
  <si>
    <t>&lt;p&gt;I've been working on this code for awhile. I'm trying to implement the SmoothDivScroll jquery plug-in once the gallery page has been loaded with ajax. Here is my js with ajax. Please note that the smoothdivscroll works fine without loading the gallery with ajax.&lt;/p&gt;
&lt;pre&gt;&lt;code&gt;$(document).ready(function(){
    $('.more').live('click',function(){
        var href = $(this).attr('href');
        if ($('#ajax').is(':visible')) {
            $('#ajax').css('display','block').animate({height:'1px'}).empty();
        }
        $('#ajax').css('display','block').animate({height:'380px'},function(){
            $('#ajax').html('&amp;lt;img class="loader" src="images/loader.gif" alt=""&amp;gt;');
            $('#ajax').load('content.php #'+href, function(){
                $('#ajax').hide().fadeIn().highlightFade({color:'#717171'});
            });
        });
        return true;
    });
    $("div#makeMeScrollable").smoothDivScroll({
        mousewheelScrolling: true,
        manualContinuousScrolling: true,
        visibleHotSpotBackgrounds: "always",
        autoScrollingMode: "onstart"
    });
});
&lt;/code&gt;&lt;/pre&gt;
&lt;p&gt;UPDATE: although @Mathletics answer did get the plug-in to load by calling it in the callback, the smoothscrollingdiv is not so smooth. The pictures are not inline and the sliding is very jerky. It works perfectly fine without loading it by ajax. Below I provided links, of how it looks like with ajax and without.&lt;/p&gt;
&lt;p&gt;Ajax Loaded: &lt;a href="http://mobile.sheridanc.on.ca/~nguyen9/final/#gallery" rel="nofollow"&gt;select gallery from the menu&lt;/a&gt;&lt;/p&gt;
&lt;p&gt;No Ajax: &lt;a href="http://mobile.sheridanc.on.ca/~nguyen9/final/content.php" rel="nofollow"&gt;This is how the gallery is supposed to be&lt;/a&gt;&lt;/p&gt;</t>
  </si>
  <si>
    <t>2012-08-02 18:16:05.333000+00:00</t>
  </si>
  <si>
    <t>2012-08-02 22:01:39.037000+00:00</t>
  </si>
  <si>
    <t>ajax|jquery|jquery-plugins|smooth-scrolling</t>
  </si>
  <si>
    <t>how to use port 8080 instead of port 80 when IP address entered</t>
  </si>
  <si>
    <t>&lt;p&gt;I have a domain name and I have connected a domain name to my IP address but when I enter a domain name, by default port 80 is used and to see the jsp page. I have to write domain-name:8080. So how do I make 8080 port a default port so that when domain name is entered it directly goes to port 8080.&lt;/p&gt;</t>
  </si>
  <si>
    <t>2016-07-29 15:14:34.610000+00:00</t>
  </si>
  <si>
    <t>2016-08-04 07:54:11.343000+00:00</t>
  </si>
  <si>
    <t>jsp|ip|port</t>
  </si>
  <si>
    <t>Simulate a POST request</t>
  </si>
  <si>
    <t>&lt;p&gt;I am developing a node.js app using express. I'm listening on port 3000 of localhost for POST requests. The only way I know how to simulate a POST request is using &lt;code&gt;jQuery.ajax()&lt;/code&gt;:&lt;/p&gt;
&lt;pre&gt;&lt;code&gt;$.ajax({
    url: 'localhost:3000',
    type: 'POST',
    data: {hello: 1},
    success: function (data) {
        console.log(data);
    },
    error: function (data) {
        console.log(data);
    }
});
&lt;/code&gt;&lt;/pre&gt;
&lt;p&gt;Unfortunately, I get a the error message:&lt;/p&gt;
&lt;p&gt;"XMLHttpRequest cannot load localhost:3000. Cross origin requests are only supported for HTTP."&lt;/p&gt;
&lt;p&gt;What am I doing stupidly? Is there a better approach I should consider?&lt;/p&gt;</t>
  </si>
  <si>
    <t>2011-11-30 23:47:56.207000+00:00</t>
  </si>
  <si>
    <t>2011-12-01 07:05:01.680000+00:00</t>
  </si>
  <si>
    <t>jquery|post|node.js|express</t>
  </si>
  <si>
    <t>Generics in Java, universal function</t>
  </si>
  <si>
    <t>&lt;p&gt;I've got two classes, both of them contains ObservableList but filled with different objects. In other logic class I have the function which returns me appropriate object of the list:&lt;/p&gt;
&lt;pre&gt;&lt;code&gt;public CarTableView findCarTableView( Button button) {
    for(CarTableView carnet : carTableViewModel.getObservableList()) {
        if(carnet.getActionButton().equals(button)) {
            return carnet;
        }
    }
    return null;
}
&lt;/code&gt;&lt;/pre&gt;
&lt;p&gt;1st Class:&lt;/p&gt;
&lt;pre&gt;&lt;code&gt;public class CustomerTableView extends Customer{
    private ObservableList&amp;lt;CustomerTableView&amp;gt; list = FXCollections.observableArrayList(); //HERE
    private Button actionButton;
    public CustomerTableView(String name, String surname, String city, 
                             String postCode, String street,
                             String localNumber, Button actionButton) {
        super(name, surname, city, postCode, street, localNumber);
        this.actionButton=actionButton;
    }
}
&lt;/code&gt;&lt;/pre&gt;
&lt;p&gt;2nd Class:&lt;/p&gt;
&lt;pre&gt;&lt;code&gt;public class CarTableView  extends Car{
    private ObservableList&amp;lt;CarTableView&amp;gt; list = FXCollections.observableArrayList(); //HERE
    private  Button actionButton;
    public CarTableView(String brand, String engine, String yearOfProduction, 
                        boolean navi, boolean available, int power, 
                        Button actionButton) {
        super(brand, engine, yearOfProduction, navi, available, power);
        this.actionButton=actionButton;
    }
}
&lt;/code&gt;&lt;/pre&gt;
&lt;p&gt;But this function works only for one object from specific class. I found out the Generics functonality, but i came across one problem. In this function I have to use specific methods with both of these classes have (&lt;code&gt;getActionButton()&lt;/code&gt; ,&lt;code&gt;getObservableList()&lt;/code&gt;)&lt;/p&gt;
&lt;p&gt;I came across such code, but compiler inform me about lack of these functions, how can I do it better?&lt;/p&gt;
&lt;pre&gt;&lt;code&gt;public &amp;lt;T&amp;gt; T findCarTableView(T t, Button button) {
    for(T carnet : t.getObservableList()) {
        if(carnet.getActionButton().equals(button)) {
            return carnet;
        }
    }
    return null;
}
&lt;/code&gt;&lt;/pre&gt;</t>
  </si>
  <si>
    <t>2017-08-01 14:14:49.400000+00:00</t>
  </si>
  <si>
    <t>2017-08-01 15:26:18.763000+00:00</t>
  </si>
  <si>
    <t>External to OSGI bundle - blueprint.xml file</t>
  </si>
  <si>
    <t>&lt;p&gt;Karaf bundle with camel routes defined with blueprint.xml.&lt;/p&gt;
&lt;p&gt;Is there a way to make the blueprint.xml configurable, that is, not be part of the bundle jar?&lt;/p&gt;
&lt;p&gt;I tried "import resource" but it seems to not be supported by blueprint.
Bundle-Blueprint in the manifest cannot point to a file external to the bundle jar.&lt;/p&gt;
&lt;p&gt;The purpose is to be able to change routes dynamically and also have variable number of choice-when content based routing.&lt;/p&gt;
&lt;p&gt;The only way that seems to work for me is using java code with RouteBuilder - RouteDefinition, WhenDefinition... and specifying the routes in an external config file. &lt;/p&gt;</t>
  </si>
  <si>
    <t>2015-08-26 21:53:23.980000+00:00</t>
  </si>
  <si>
    <t>2016-04-08 10:38:36.460000+00:00</t>
  </si>
  <si>
    <t>java|apache-camel|karaf|blueprint-osgi</t>
  </si>
  <si>
    <t>Hibernate second level cache problems</t>
  </si>
  <si>
    <t>&lt;p&gt;I have many to one relation, let's say User has a Company. Company entity does not have any other relations.&lt;/p&gt;
&lt;p&gt;If I enable second level cache for findAll hibernate query of Company, the second time I reload page (which means that User is loaded and then also list of all Companies is loaded) I get select for each existing company (select ... from company where id=?) in hibernate output. 
This happens when calling findAll for Company, it looks like this (this is generic method in class which is extended with appropriate type):&lt;/p&gt;
&lt;pre&gt;&lt;code&gt;return (List&amp;lt;T&amp;gt;) getHibernateTemplate().execute(new HibernateCallback() {
            public Object doInHibernate(Session session)
                    throws HibernateException, SQLException {
                Criteria c = session.createCriteria(persistentClass);
                c.setCacheable(cacheFindAll);
                return c.list();
            }
        });
&lt;/code&gt;&lt;/pre&gt;
&lt;p&gt;I am using Jboss TreeCacheProvider in read-only strategy. If I use &lt;code&gt;setCacheable(false)&lt;/code&gt; there are no "unwanted" selects.&lt;/p&gt;
&lt;p&gt;Why is this happening and how can I eliminate this behavior? &lt;/p&gt;</t>
  </si>
  <si>
    <t>2011-03-24 21:00:45.363000+00:00</t>
  </si>
  <si>
    <t>2011-03-24 23:03:21.093000+00:00</t>
  </si>
  <si>
    <t>java|hibernate|caching</t>
  </si>
  <si>
    <t>Docker Selenium Configuration not working properly on default bridge</t>
  </si>
  <si>
    <t>&lt;p&gt;If I create a separate network then this commands work properly but on the default bridge not working. Commands are given below&lt;/p&gt;
&lt;pre&gt;&lt;code&gt;docker run -d -p 4444:4444 --net bridge --name selenium-hub selenium/hub:3.14.0-beryllium
docker run -d --net bridge -e HUB_HOST=selenium-hub -v /dev/shm:/dev/shm selenium/node-chrome:3.14.0-beryllium
&lt;/code&gt;&lt;/pre&gt;
&lt;ol&gt;
&lt;li&gt;Why this is happened?&lt;/li&gt;
&lt;/ol&gt;
&lt;p&gt;Another question I am using the Docker Compose for selenium docker&lt;/p&gt;
&lt;p&gt;So I create the docker compose file as below&lt;/p&gt;
&lt;pre&gt;&lt;code&gt;# To execute this docker-compose yml file use `docker-compose -f &amp;lt;file_name&amp;gt; up`
# Add the `-d` flag at the end for detached execution
version: "3.6"
services:
    selenium-hub:
      image: selenium/hub
      network_mode: bridge
      container_name: hub
      ports:
        - "4446:4444"
    firefox:
      image: selenium/node-firefox
      network_mode: bridge
      container_name: firefox-node
      ports:
        - "5557:5555"
        - "49339:5900"
      environment:
        - NODE_MAX_INSTANCES=5
        - NODE_MAX_SESSION=5
      links:
        - "selenium-hub:hub"
    chrome:
      image: selenium/node-chrome
      network_mode: bridge
      container_name: chrome-node
      ports:
        - "5556:5555"
        - "49338:5900"
      environment:
        - NODE_MAX_INSTANCES=5
        - NODE_MAX_SESSION=5
      links:
        - "selenium-hub:hub"
&lt;/code&gt;&lt;/pre&gt;
&lt;p&gt;But here I faced the problem that If we want to scale up the node then port conflict will happen. I need to expose the node ports as well for debugging the selenium script on the node using VNC.&lt;/p&gt;
&lt;ol start="2"&gt;
&lt;li&gt;&lt;p&gt;So is it possible to publish the port randomly from docker compose like -P option as we used from Docker run.&lt;/p&gt;&lt;/li&gt;
&lt;li&gt;&lt;p&gt;We mentioned Selenium Grid container name from Docker compose. Is it possible to mention the Node name even if we scale up the node it will be not conflicted with other custom containers.&lt;/p&gt;&lt;/li&gt;
&lt;/ol&gt;</t>
  </si>
  <si>
    <t>2018-09-01 08:32:48.080000+00:00</t>
  </si>
  <si>
    <t>2018-09-01 11:02:34.600000+00:00</t>
  </si>
  <si>
    <t>selenium|docker|docker-compose|selenium-grid</t>
  </si>
  <si>
    <t>Wicked_pdf - Googlevisualr donut chart not working</t>
  </si>
  <si>
    <t>&lt;p&gt;I am working in rails 3 application and displaying donut chart with pieHole option. It's displaying on my web page but it's doesn't work on PDF. I wants to print donut chart on PDF file. Anybody know what is the issue? Please help.&lt;/p&gt;
&lt;p&gt;For PDF, I am using wicked_pdf gem.&lt;/p&gt;
&lt;p&gt;Gemfile&lt;/p&gt;
&lt;pre&gt;&lt;code&gt;gem 'wkhtmltopdf-binary'
gem 'wicked_pdf'
gem "google_visualr", "&amp;gt;= 2.1"
&lt;/code&gt;&lt;/pre&gt;
&lt;p&gt;model.rb&lt;/p&gt;
&lt;pre&gt;&lt;code&gt;  opts = { :title =&amp;gt; chart_name, fontName: 'Open Sans', :legend =&amp;gt; 'bottom', colors: IM_CHART_COLORS, pieHole: 0.4 }
  if !interactive.present?
    chart = GoogleVisualr::Interactive::PieChart.new(data_table, opts)
  else
    chart = GoogleVisualr::Image::PieChart.new(data_table, opts)
  end
&lt;/code&gt;&lt;/pre&gt;</t>
  </si>
  <si>
    <t>2015-02-13 10:31:30.817000+00:00</t>
  </si>
  <si>
    <t>2015-02-13 11:06:41.980000+00:00</t>
  </si>
  <si>
    <t>2015-02-13 10:37:13.447000+00:00</t>
  </si>
  <si>
    <t>ruby-on-rails-3.2|google-visualization|wicked-pdf</t>
  </si>
  <si>
    <t>Symfony2: how to call templating service in a formHandler?</t>
  </si>
  <si>
    <t>&lt;p&gt;I'm trying to do a contact form with Symfony 2 (version 2.4.1). My form is without an entity because it doesn't have to store informations in a database (just to send mails). I have a problem to call the templating render (or maybe renderView?) method for the mail template in the form handler class : &lt;/p&gt;
&lt;pre&gt;&lt;code&gt;&amp;lt;?php
// src/Open/OpcBundle/Form/Handler/Handler.php
namespace Open\OpcBundle\Form\Handler;
use Symfony\Component\Form\Form;
use Symfony\Component\HttpFoundation\Request;
use Symfony\Component\Templating\EngineInterface;
class ContactHandler {
    protected $request;
    protected $form;
    protected $mailer;
    protected $templating;
public function __construct(Form $form, Request $request, $mailer, EngineInterface $templating) {
  $this-&amp;gt;form = $form;
  $this-&amp;gt;request = $request;
  $this-&amp;gt;mailer = $mailer;
  $this-&amp;gt;templating = $templating;
}
public function process() {
   if ('POST' == $this-&amp;gt;request-&amp;gt;getMethod()) {
       $this-&amp;gt;form-&amp;gt;handleRequest($this-&amp;gt;request);
       $data = $this-&amp;gt;form-&amp;gt;getData();
       $this-&amp;gt;onSuccess($data);
       return true;
   }
   return false;
}
protected function onSuccess($data) {
    $message = \Swift_Message::newInstance()
               -&amp;gt;setContentType('text/html')
               -&amp;gt;setSubject($data['sujet'])
               -&amp;gt;setFrom($data['courriel'])
               -&amp;gt;setTo('me@gmail.com')
                -&amp;gt;setBody($this-&amp;gt;templating-&amp;gt;renderView('OpcOpenBundle:Opc:Mails/contact.html.twig',
                                           array('ip' =&amp;gt; $request-&amp;gt;getClientIp(),
                                           'nom' =&amp;gt; $data['nom'],
                                           'msg' =&amp;gt; $data['msg'])
                                          )
                         );
   $this-&amp;gt;get('mailer')-&amp;gt;send($message);
   $request-&amp;gt;getSession()-&amp;gt;getFlash()-&amp;gt;add('success', 'Your email has been sent! Thanks!');
   return $this-&amp;gt;redirect($this-&amp;gt;generateUrl('contact'));
}
}
&lt;/code&gt;&lt;/pre&gt;
&lt;p&gt;This produce the following error: &lt;/p&gt;
&lt;pre&gt;&lt;code&gt;ContextErrorException: Catchable Fatal Error: Argument 4 passed to Open\OpcBundle\Form\Handler\ContactHandler::__construct() must be an instance of Symfony\Component\Templating\EngineInterface, none given, called in C:\Program Files\wamp\www\sf2\src\Open\OpcBundle\Controller\OpcController.php on line 135 and defined in C:\Program Files\wamp\www\sf2\src\Open\OpcBundle\Form\Handler\ContactHandler.php line 18
&lt;/code&gt;&lt;/pre&gt;
&lt;p&gt;So I tried to put the templating argument in the FormHandler call in the controller:&lt;/p&gt;
&lt;pre&gt;&lt;code&gt;&amp;lt;?php
// src/Open/OpcBundle/Controller/OpcController.php
namespace Open\OpcBundle\Controller;
use Symfony\Bundle\FrameworkBundle\Controller\Controller;
use Symfony\Component\HttpFoundation\Request;
use Open\OpcBundle\Form\Type\ContactType;
use Open\OpcBundle\Form\Handler\ContactHandler;
class OpcController extends Controller {
   public function contactAction(Request $request) {      
       $form = $this-&amp;gt;get('form.factory')-&amp;gt;create(new ContactType());
       $request = $this-&amp;gt;get('request');
       $formHandler = new ContactHandler($form, $request, $this-&amp;gt;get('mailer'), $this-&amp;gt;get('templating'));
       $process = $formHandler-&amp;gt;process();
      if ($process) {
         $this-&amp;gt;get('session')-&amp;gt;setFlash('notice', 'Merci de nous avoir contact��, nous r��pondrons �� vos questions dans les plus brefs d��lais.');
  }
  return $this-&amp;gt;render("OpenOpcBundle:Opc:contact.html.twig",
        array("form" =&amp;gt; $form-&amp;gt;createView(),
                "hasError" =&amp;gt; $request-&amp;gt;getMethod() == 'POST' &amp;amp;&amp;amp; !$form-&amp;gt;isValid()
        )
  );      
&lt;/code&gt;&lt;/pre&gt;
&lt;p&gt;} // -- contactAction()&lt;br&gt;
} // -- class&lt;/p&gt;
&lt;p&gt;But this produce another error, no more $request: &lt;/p&gt;
&lt;pre&gt;&lt;code&gt;ContextErrorException: Notice: Undefined variable: request in C:\Program Files\wamp\www\sf2\src\Open\OpcBundle\Form\Handler\ContactHandler.php line 43
&lt;/code&gt;&lt;/pre&gt;
&lt;p&gt;Any idea ? Maybe I should use another method (more simple, without handler) to do my contact form with Symfony 2?&lt;/p&gt;</t>
  </si>
  <si>
    <t>2014-04-16 16:50:39.270000+00:00</t>
  </si>
  <si>
    <t>2014-04-17 08:05:30.967000+00:00</t>
  </si>
  <si>
    <t>symfony</t>
  </si>
  <si>
    <t>How do I read a file in Node.js without using callback?</t>
  </si>
  <si>
    <t>&lt;p&gt;I am trying to read a file in node.js but I am getting tired of writing so many callbacks. Is there a way I can just read a file in one line?&lt;/p&gt;</t>
  </si>
  <si>
    <t>2013-12-10 21:05:52.500000+00:00</t>
  </si>
  <si>
    <t>2013-12-10 21:09:53.627000+00:00</t>
  </si>
  <si>
    <t>node.js|file|sync</t>
  </si>
  <si>
    <t>How to POST Json object in JQuery's load method?</t>
  </si>
  <si>
    <t>&lt;p&gt;I am using jQuery's load method to invoke controller action. However the controller not able to serialize the object.&lt;/p&gt;
&lt;p&gt;&lt;strong&gt;Controller&lt;/strong&gt;&lt;/p&gt;
&lt;pre&gt;&lt;code&gt;    [HttpPost]
    public ActionResult GetInformation(FilterModel[] filters)
    {
       // do something
    }
&lt;/code&gt;&lt;/pre&gt;
&lt;p&gt;&lt;strong&gt;Model&lt;/strong&gt;&lt;/p&gt;
&lt;pre&gt;&lt;code&gt;public class FilterModel
{
    public string Field { get; set; }
    public string Operator { get; set; }
    public string Value { get; set; }
}
&lt;/code&gt;&lt;/pre&gt;
&lt;p&gt;&lt;strong&gt;Javascript&lt;/strong&gt;&lt;/p&gt;
&lt;pre&gt;&lt;code&gt;$("#btnSave").click(function () {
    var data = [];
    data.push({
        field: 'field 1',
        operator: 'eq',
        value: '1'
    });
    data.push({
        field: 'field 2',
        operator: 'eq',
        value: '2'
    });       
    $('#mycontainer').load("Home/GetInformation", data, function (response)
    {
      // do something
    })
&lt;/code&gt;&lt;/pre&gt;
&lt;p&gt;As per jQuery's documentation &lt;/p&gt;
&lt;blockquote&gt;
  &lt;p&gt;The POST method is used if data is provided as an object; otherwise,
  GET is assumed.&lt;/p&gt;
&lt;/blockquote&gt;
&lt;p&gt;So since i'm passing object, jquery is making POST request as expected however server is not able to serialize the object.&lt;/p&gt;
&lt;p&gt;&lt;strong&gt;Note&lt;/strong&gt;   &lt;/p&gt;
&lt;p&gt;&lt;strong&gt;1&gt;&lt;/strong&gt; If i change &lt;code&gt;GetInformation()&lt;/code&gt; method to accept single filter(&lt;em&gt;instead of array&lt;/em&gt;) like below&lt;/p&gt;
&lt;pre&gt;&lt;code&gt;   [HttpPost]
   public ActionResult GetInformation(FilterModel filter)
   {
     // do something
   }
&lt;/code&gt;&lt;/pre&gt;
&lt;p&gt;and then change JS script to send single instance of filter, then it works.   &lt;/p&gt;
&lt;p&gt;&lt;strong&gt;2&gt;&lt;/strong&gt; Also if I use jquery's &lt;a href="http://api.jquery.com/jquery.ajax/" rel="nofollow noreferrer"&gt;$.ajax()&lt;/a&gt; method directly to POST data (&lt;em&gt;instead of using load&lt;/em&gt;) by setting proper content type then it works even with array parameter.&lt;/p&gt;</t>
  </si>
  <si>
    <t>2017-04-27 22:57:11.703000+00:00</t>
  </si>
  <si>
    <t>2017-04-28 15:32:36.690000+00:00</t>
  </si>
  <si>
    <t>javascript|jquery|asp.net-mvc|asp.net-mvc-5</t>
  </si>
  <si>
    <t>python executing program twice blocks logging from first process</t>
  </si>
  <si>
    <t>&lt;p&gt;I have a Python program that I need to run twice and log to separate log files. It mostly works however after starting the second process the logging from the callback function in process1 stops. Intestingly, logging in a "heartbeat" thread in process1 continues and is never blocked. If I stop process2, full logging in process1 resumes.&lt;/p&gt;
&lt;p&gt;Here is a rough outline of my program:&lt;/p&gt;
&lt;pre&gt;&lt;code&gt;class HeartBeat(threading.Thread)
    # logging always works
class TimedCompressedRotatingFileHandler(logging.handlers.TimedRotatingFileHandler)
    # extended TimedRotatingFileHandler that compresses logs on rollover
class myDaemon(Daemon)
    def cbFun(self, ...)
        # any logging in this function works until second process is run
if __name__ == '__main__':
    logfile = 'log/myDaemon_' + pid + '.log'
    formatter = logging.Formatter(...)
    handler = TimedCompressedRotatingFileHandler(os.path.join(daemon_home, logfile), when="Midnight", backupCount=10)
    handler.setFormatter(formatter)
    logger = logging.getLogger(__name__)
    logger.addHandler(handler)
    logger.setLevel(logging.INFO)
&lt;/code&gt;&lt;/pre&gt;
&lt;p&gt;Again, everything works great on single execution. Everything but logging in the callback function works on double execution. I'm not sure why logging in the callback function is blocked but logging in the heartbeat thread (or main) is not?
I have tried setting the logger name equal to the pid to make it unique but I didn't think that was necessary and it didn't work anyway.
Googling around I saw some talk of using queueHandlers but it was not clear how to implement that with my extended handler class.
Any help is appreciated.&lt;/p&gt;</t>
  </si>
  <si>
    <t>2018-10-22 02:47:46.350000+00:00</t>
  </si>
  <si>
    <t>python|logging|blocking</t>
  </si>
  <si>
    <t>Opening a Visual Studio 2010 project in 2012 what creates the backup folder and how to control it?</t>
  </si>
  <si>
    <t>&lt;p&gt;I have an issue.  We are upgrading to VS 2012 at work.  When we open a VS 2010 project Visual Studio converts the project.  This is fine, because VS 2010 can still use the project (yay microsoft).  However, there is a \Backup folder created in the solution directory.  Is this being created as part of the migration?  Is there any way to control it?  &lt;/p&gt;
&lt;p&gt;The reason I ask is that the process that makes this folder copies web.config files into the folder.  If you then try to build the solution (these are MVC projects), we get a "&lt;code&gt;It is an error to use a section registered as allowDefinition='MachineToApplication' beyond application level. This error can be caused by a virtual directory not being configured as an application in IIS.&lt;/code&gt;" error.  The cause is that there is a web.config file in a subfolder instead of the root folder.  We did not make and do not want this change, and cannot figure out how to control it. Deleting the Backup\Web.config file fixes the error.  Renaming it from web.config to web.config.bak fixes the problem.  &lt;/p&gt;
&lt;p&gt;I don't really want to have to personally open and convert every single project, and don't want random people bumping into this problem.  Any idea how to either stop VS from creating the Backup folder, or how to make it create them in the my documents studio folder etc?  I can't find any setting to control this and can't find any good info.&lt;/p&gt;</t>
  </si>
  <si>
    <t>2012-10-24 00:59:26.803000+00:00</t>
  </si>
  <si>
    <t>2012-11-29 22:49:45.943000+00:00</t>
  </si>
  <si>
    <t>2012-10-24 14:19:44.117000+00:00</t>
  </si>
  <si>
    <t>visual-studio-2010|web-config|visual-studio-2012</t>
  </si>
  <si>
    <t>How to use value added but not saved</t>
  </si>
  <si>
    <t>&lt;p&gt;I have very weird idea to use a local variable in my type, it is hard to say what I have in my mind so better will be to show a code:&lt;/p&gt;
&lt;pre&gt;&lt;code&gt;foreach (var item in chosen_products)
            {
                var productVM = new ProductViewModel()
                {
                    ID = item.ID,
                    Name = item.Name,
                    Category = item.Category.Name,
                    Brand = item.Brand.Name,
                    Barcode = item.Barcode,
                    Unit = item.Unit.ToString(),
                    Price_Net = item.Price_Net,
                    Price_Gross = item.Price_Gross,
                    Discount= (item.Price_Customer.FirstOrDefault(x =&amp;gt; x.CustomerID == 2) != null)
                                    ? (item.Brand.Price_Group.FirstOrDefault(x =&amp;gt; x.Group_CustomerID == id_grupy_klienta) != null) ?
                                                item.Price_Customer.FirstOrDefault(x =&amp;gt; x.CustomerID == 2).Discount + item.Brand.Price_Group.FirstOrDefault(x =&amp;gt; x.Group_CustomerID == id_grupy_klienta).Discount :
                                                item.Price_Customer.FirstOrDefault(x =&amp;gt; x.CustomerID == 2).Discount
                                    : (item.Brand.Price_Group.FirstOrDefault(x =&amp;gt; x.Group_CustomerID == id_grupy_klienta) != null) ?
                                                item.Brand.Price_Group.FirstOrDefault(x =&amp;gt; x.Group_CustomerID == id_grupy_klienta).Discount : 0,
                    Price_with_discount_net = ....
&lt;/code&gt;&lt;/pre&gt;
&lt;p&gt;So how in this Price_with_discount_net use a Discount value to not repeat code from discount.
Is ther any possibility?&lt;/p&gt;</t>
  </si>
  <si>
    <t>2016-04-16 12:52:59.203000+00:00</t>
  </si>
  <si>
    <t>2016-04-16 12:58:59.060000+00:00</t>
  </si>
  <si>
    <t>2016-04-16 12:58:26.017000+00:00</t>
  </si>
  <si>
    <t>Rotate sprite image in all angles using j2me</t>
  </si>
  <si>
    <t>&lt;p&gt;I'm developing a game in Android and Java. In android I am using andengine for sprite image and i was able to rotate in all directions.&lt;/p&gt;
&lt;pre&gt;&lt;code&gt;  int bikeFrame:
//bikeFrame++,bikeFrame--
bikeSprite.setRotation(bikeFrame);
&lt;/code&gt;&lt;/pre&gt;
&lt;p&gt;I want to make the game in j2me also. But in j2me we have only four methods to rotate angle&lt;/p&gt;
&lt;p&gt;(TRANS_MIRROR,TRANS_MIRROR 90,TRANS_MIRROR 270,TRANS_MIRROR 180)..  &lt;/p&gt;
&lt;p&gt;If i take images as frames I am still not getting smooth animation.&lt;/p&gt;
&lt;p&gt;How to rotate sprite image in all angles in j2me?&lt;/p&gt;</t>
  </si>
  <si>
    <t>2012-10-04 04:22:41.237000+00:00</t>
  </si>
  <si>
    <t>2012-10-04 13:17:08.517000+00:00</t>
  </si>
  <si>
    <t>2012-10-04 04:30:32.040000+00:00</t>
  </si>
  <si>
    <t>android|java-me|andengine</t>
  </si>
  <si>
    <t>React Redux how to dispatch using ownProps route parameter</t>
  </si>
  <si>
    <t>&lt;p&gt;I can't seem to figure out how to just load a component/object using the route parameters / ownProps my configuration is basically the same as is standard with the react redux apps and my actions/reducers work fine but for this component the data is not pre-loaded. Which I assume means there is a race happening where it is attempting to use the 'user' object before it is defined looks like. I assume this because it occasionally does work - it is going through the reducer(s) and api calls - and the result looks good. Is there some way I should first create a default 'user' object?&lt;/p&gt;
&lt;p&gt;The route looks like &lt;/p&gt;
&lt;pre&gt;&lt;code&gt;[tld]/user/1234
&lt;/code&gt;&lt;/pre&gt;
&lt;p&gt;The component&lt;/p&gt;
&lt;pre&gt;&lt;code&gt;import React, {Component, PropTypes} from 'react';
import {connect} from 'react-redux';
import {bindActionCreators} from 'redux';
import * as userActions from '../../actions/userActions';
import User from './User';
class UserPage extends Component{
   constructor(props, context){
      super(props, context);
   }
   componentDidMount(){
      this.fetchData();
   }
   fetchData(){
      const {userId} = this.props;
      const {fetchUser} = this.props.actions;
      fetchUser(userId);
   }
   render(){
      // This component when rendered has undefined property exceptions 
      //      though sometimes it works :)
      return(&amp;lt;User user={this.props.currentUser} /&amp;gt;);
   }
}
function mapStateToProps(state, ownProps){
   return {
      currentUser: state.user,
      userId: ownProps.params.id
   }
}
function mapDispatchToProps(dispatch){
   return {
      actions: bindActionCreators(userActions, dispatch)
   };
}
export default connect(mapStateToProps, mapDispatchToProps)(UserPage);
&lt;/code&gt;&lt;/pre&gt;
&lt;p&gt;&lt;strong&gt;UPDATE&lt;/strong&gt; 
So I came up with an ugly way to resolve this in the render&lt;/p&gt;
&lt;pre&gt;&lt;code&gt;return (
    {Object.keys(this.props.currentUser).length &amp;gt; 0 ? 
       &amp;lt;User user={this.props.currentUser} /&amp;gt; ? null }
)
&lt;/code&gt;&lt;/pre&gt;
&lt;p&gt;This can't be the correct way to do this. - Also I notice if I just change the route id there is a brief flash of the previously loaded user while waiting for the delay of the api call to return the new user...Sorry react/redux are fairly new to me &lt;/p&gt;</t>
  </si>
  <si>
    <t>2016-06-22 20:26:21.973000+00:00</t>
  </si>
  <si>
    <t>2016-06-24 09:49:25.907000+00:00</t>
  </si>
  <si>
    <t>2016-06-22 22:09:54.687000+00:00</t>
  </si>
  <si>
    <t>Silex redirect changing the locale</t>
  </si>
  <si>
    <t>&lt;p&gt;I am using Silex 2 and I would like to redirect to homepage with default locale if any url is loaded using an invalid locale.&lt;/p&gt;
&lt;pre&gt;&lt;code&gt;    // homepage / root
    $this-&amp;gt;get('{_locale}/', function (Request $request) use ($app) {
        return $app['twig']-&amp;gt;render('index/index.html.twig', array());
    })-&amp;gt;bind('homepage');
&lt;/code&gt;&lt;/pre&gt;
&lt;p&gt;Before middleware:&lt;/p&gt;
&lt;pre&gt;&lt;code&gt;    // i18n Control
    $locale = $request-&amp;gt;getLocale();
    $allowLocale = ['en','es','de'];
    if (!in_array($locale, $allowLocale)) {
        $request-&amp;gt;setLocale('en');
        $response = new \Symfony\Component\HttpFoundation\RedirectResponse($app['url_generator']-&amp;gt;generate('homepage'), 301);
        $response-&amp;gt;prepare($request);
        return $response-&amp;gt;send();
    }
&lt;/code&gt;&lt;/pre&gt;
&lt;p&gt;But this code produces an infinite loop.&lt;/p&gt;
&lt;p&gt;I want:&lt;/p&gt;
&lt;p&gt;If user insert this URL: /es/foo then all is ok.&lt;/p&gt;
&lt;p&gt;If user insert this URL: /fr/foo then he must be redirect to /en.&lt;/p&gt;
&lt;p&gt;Thanks.&lt;/p&gt;</t>
  </si>
  <si>
    <t>2016-08-19 08:57:05.743000+00:00</t>
  </si>
  <si>
    <t>2016-08-20 12:59:51.663000+00:00</t>
  </si>
  <si>
    <t>2016-08-19 12:08:11.130000+00:00</t>
  </si>
  <si>
    <t>php|redirect|locale|silex</t>
  </si>
  <si>
    <t>WebRTC SDP Parsing error with GeckoFX</t>
  </si>
  <si>
    <t>&lt;p&gt;I use WebRTC between a Browser and &lt;a href="https://bitbucket.org/geckofx/" rel="nofollow"&gt;GeckoFX&lt;/a&gt;.
But some error occurs in the c# application when I call &lt;code&gt;RTCPeerConnection.setRemoteDescription()&lt;/code&gt;.&lt;/p&gt;
&lt;pre&gt;&lt;code&gt;Could not process offer SDP: cause = SDP_PARSE_FAILED | SDP Parsing Error:
Warning: Group attribute type unsupported (BUNDLE). | SDP Parsing Error:
Warning: Unrecognized attribute (maid-semantic) | SDP Parsing Error:
Warning: Transport protocol type unsupported (UDP/TLS/RTP/SAVPF). | SDP
Parsing Error: Invalid port format(9) specified for transport protocol (Unsupported), parse failed.
&lt;/code&gt;&lt;/pre&gt;
&lt;p&gt;Why does this occur?&lt;/p&gt;</t>
  </si>
  <si>
    <t>2016-03-08 14:59:52.697000+00:00</t>
  </si>
  <si>
    <t>2016-03-09 09:39:45.860000+00:00</t>
  </si>
  <si>
    <t>2016-03-09 09:23:38.343000+00:00</t>
  </si>
  <si>
    <t>javascript|c#|webrtc|geckofx</t>
  </si>
  <si>
    <t>Linq to Sql - Partial Insert/Update Queries for *All* Tables</t>
  </si>
  <si>
    <t>&lt;p&gt;I have a database with twenty-something tables in it. All of them have four columns used for auditing: CreateDate, CreatedBy, UpdateDate, and UpdatedBy.&lt;/p&gt;
&lt;p&gt;At the moment, we are using partials for each table's Insert and Update methods, and executing a dynamic query, like so:&lt;/p&gt;
&lt;pre&gt;&lt;code&gt;    partial void InsertStuff(Stuff instance)
    {
        instance.CreateDate = DateTime.UtcNow;
        instance.CreatedBy = "web app";
        this.ExecuteDynamicInsert(instance);
    }
&lt;/code&gt;&lt;/pre&gt;
&lt;p&gt;That does the job; the problem is that we have to create a partial method for every table, manually. &lt;strong&gt;Is there any way to partial/override &lt;em&gt;all&lt;/em&gt; insert and update operations in a given context?&lt;/strong&gt; It would add a nice bit of brevity.&lt;/p&gt;</t>
  </si>
  <si>
    <t>2011-02-23 22:43:19.387000+00:00</t>
  </si>
  <si>
    <t>2011-08-26 20:27:07.480000+00:00</t>
  </si>
  <si>
    <t>linq-to-sql</t>
  </si>
  <si>
    <t>Android - Smooth transition of TabLayout indicator color on slide between tabs</t>
  </si>
  <si>
    <t>&lt;p&gt;I've seen several apps smoothly changing their indicator color (even icons!) on tab swipe for example Facebook.&lt;/p&gt;
&lt;p&gt;This is how I do it in my app :&lt;/p&gt;
&lt;pre&gt;&lt;code&gt;tabLayout.setOnTabSelectedListener(
        new TabLayout.ViewPagerOnTabSelectedListener(searchViewPager) {
            @Override
            public void onTabSelected(TabLayout.Tab tab) {
                super.onTabSelected(tab);
                tabLayout.setSelectedTabIndicatorColor(getResources().getColor(indicatorColors[tab.getPosition()]));
            }
        });
&lt;/code&gt;&lt;/pre&gt;
&lt;p&gt;Where indicatorColors is an array of normal color, and thus it only changes when user completely swipes to a tab or select the tab. I need the transition here.&lt;/p&gt;
&lt;p&gt;What can I do to get a smooth color transition from one color to another color on tab swipe?&lt;/p&gt;
&lt;p&gt;&lt;code&gt;TabLayout&lt;/code&gt; is coupled with a &lt;code&gt;ViewPager&lt;/code&gt;.&lt;/p&gt;</t>
  </si>
  <si>
    <t>2016-06-09 04:30:58.140000+00:00</t>
  </si>
  <si>
    <t>2016-06-09 05:08:27.910000+00:00</t>
  </si>
  <si>
    <t>android|android-tablayout</t>
  </si>
  <si>
    <t>Boolean Difference between text files on Linux?</t>
  </si>
  <si>
    <t>&lt;p&gt;Are there any command line linux utilities that will give me the boolean difference between two text files?&lt;/p&gt;
&lt;p&gt;Meaning:&lt;/p&gt;
&lt;p&gt;File-A:  &lt;/p&gt;
&lt;pre&gt;&lt;code&gt;Apple  
Pear  
Orange   
Banana
&lt;/code&gt;&lt;/pre&gt;
&lt;p&gt;File-B:  &lt;/p&gt;
&lt;pre&gt;&lt;code&gt;Pear  
Orange
&lt;/code&gt;&lt;/pre&gt;
&lt;p&gt;Running&lt;/p&gt;
&lt;pre&gt;&lt;code&gt;% program File-A File-B -o output
&lt;/code&gt;&lt;/pre&gt;
&lt;p&gt;output:  &lt;/p&gt;
&lt;pre&gt;&lt;code&gt;Apple  
Banana 
&lt;/code&gt;&lt;/pre&gt;
&lt;p&gt;Edit:&lt;/p&gt;
&lt;p&gt;Awesome, thanks guys!&lt;/p&gt;</t>
  </si>
  <si>
    <t>2010-01-31 16:35:50.433000+00:00</t>
  </si>
  <si>
    <t>2012-07-23 09:17:25.163000+00:00</t>
  </si>
  <si>
    <t>file|text|boolean|diff</t>
  </si>
  <si>
    <t>showing images in android grid</t>
  </si>
  <si>
    <t>&lt;p&gt;I am new to android so please be patient with me , I am creating this code to draw a gridview of images , and I am using asynctask , however my problem is the asynctask is running so binding the image becomes late and the image isnt shown , when i debug it's shown because i delay it so i know the problem but i hope someone fixes the syntax for me , thanks alot .&lt;/p&gt;
&lt;pre&gt;&lt;code&gt;import java.io.IOException;
import java.io.InputStream;
import java.net.HttpURLConnection;
import java.net.MalformedURLException;
import java.net.URL;
import android.content.Context;
import android.graphics.Bitmap;
import android.graphics.BitmapFactory;
import android.graphics.drawable.Drawable;
import android.os.AsyncTask;
import android.view.View;
import android.view.ViewGroup;
import android.widget.BaseAdapter;
import android.widget.GridView;
import android.widget.ImageView;
import android.widget.ListAdapter;
public class ImagesAdapter extends BaseAdapter implements ListAdapter {
private Context mContext;
ImageView currentImageView;
Bitmap bmImg;
// Constructor
public ImagesAdapter(Context c) {
    super();
    mContext = c;
    GridViewConfig.addImageUrls();
}
@Override
public int getCount() {
    return GridViewConfig.getResim_list().size();
}
@Override
public Object getItem(int position) {
    return GridViewConfig.getResim_list().get(position);
}
@Override
public long getItemId(int position) {
    return position;
}
@Override
public View getView(int position, View convertView, ViewGroup parent) {
    ImageView imageView;
    if (convertView == null)
    {
        imageView = new ImageView(mContext);
        imageView.setLayoutParams(new GridView.LayoutParams(100, 100));
        imageView.setScaleType(ImageView.ScaleType.CENTER_CROP);
        imageView.setPadding(5, 5, 5, 5);
    } else {
        imageView = (ImageView) convertView;
    }
    downloadFile(GridViewConfig.getResim_list().get(position));
    imageView.setImageBitmap(bmImg);
    // imageView.setImageDrawable(LoadImageFromURL(GridViewConfig
    // .getResim_list().get(position)));
    return imageView;
}
void downloadFile(String fileUrl) {
    AsyncTask&amp;lt;String, Object, String&amp;gt; task = new AsyncTask&amp;lt;String, Object, String&amp;gt;() {
        @Override
        protected String doInBackground(String... params) {
            URL myFileUrl = null;
            try {
                myFileUrl = new URL(params[0]);
            } catch (MalformedURLException e) {
                // TODO Auto-generated catch block
                e.printStackTrace();
            }
            try {
                HttpURLConnection conn = (HttpURLConnection) myFileUrl
                        .openConnection();
                conn.setDoInput(true);
                conn.connect();
                InputStream is = conn.getInputStream();
                bmImg = BitmapFactory.decodeStream(is);
            } catch (IOException e) {
                // TODO Auto-generated catch block
                e.printStackTrace();
            }
            return null;
        }
        protected void onPostExecute(String unused) {
        /*  if (currentImageView == null) {
                currentImageView = new ImageView(mContext);
            }
            currentImageView.setImageBitmap(bmImg); */
        }
    };
    task.execute(fileUrl);
}
&lt;/code&gt;&lt;/pre&gt;
&lt;p&gt;gridviewconfig class returns the needed images.&lt;/p&gt;</t>
  </si>
  <si>
    <t>2013-04-26 12:58:31.760000+00:00</t>
  </si>
  <si>
    <t>2013-04-26 13:32:38.450000+00:00</t>
  </si>
  <si>
    <t>Service Worker Push Notifications with Angular2</t>
  </si>
  <si>
    <t>&lt;p&gt;I'm trying to piece together the general workflow of giving a user push notifications via the service worker.&lt;/p&gt;
&lt;p&gt;I have followed &lt;a href="https://developers.google.com/web/fundamentals/getting-started/push-notifications/step-01?hl=en" rel="noreferrer"&gt;this&lt;/a&gt; Google Developers service worker push notifications tutorial and am currently thinking about how I can implement this sort of thing in a small user based web app for experimentation.&lt;/p&gt;
&lt;p&gt;In my mind, the general workflow of an web app supporting push notifications is as follows:&lt;/p&gt;
&lt;ul&gt;
&lt;li&gt;Client visits app&lt;/li&gt;
&lt;li&gt;Service worker yields a push notification endpoint&lt;/li&gt;
&lt;li&gt;Client sends the endpoint to the server&lt;/li&gt;
&lt;li&gt;Server associates the endpoint with the current user that the endpoint was generated for&lt;/li&gt;
&lt;li&gt;Every time something that your app would say is notification worthy happens, the server grabs the push notification endpoint(s) associated with the user, and hits it to send a push notification to any user devices (possibly with a data payload in Chrome 50+, etc)&lt;/li&gt;
&lt;/ul&gt;
&lt;p&gt;Basically I just want to confirm that my general implementation thoughts with this technology are accurate, else get feedback if I am missing something.&lt;/p&gt;</t>
  </si>
  <si>
    <t>2016-04-04 18:54:34.783000+00:00</t>
  </si>
  <si>
    <t>2016-04-06 08:44:35.750000+00:00</t>
  </si>
  <si>
    <t>2016-04-05 19:03:14.713000+00:00</t>
  </si>
  <si>
    <t>node.js|push-notification|angular|service-worker|progressive-web-apps</t>
  </si>
  <si>
    <t>UnicodeDecodeError: 'utf8' codec can't decode byte when running webkit layouttests</t>
  </si>
  <si>
    <t>&lt;p&gt;I succeeded Webkit window builds (WinLauncher and DumpRenderTree exe works.) &lt;br&gt;&lt;/p&gt;
&lt;p&gt;And I'm trying to Webkit layouttests on windows 7 64 bits.&lt;br&gt;
&lt;code&gt;$ ./Tools/Scripts/run-webkit-tests --debug --driver-name=DumpRenderTree canvas&lt;/code&gt;&lt;/p&gt;
&lt;p&gt;I got some error.&lt;br&gt;
I think it might be relate to my computer settings but not sure.&lt;br&gt;
Webkit source has no problem because Webkit build-bot works properly layouttests.&lt;br&gt;
&lt;br&gt;&lt;br&gt;
My Python version : 2.7.8 (as &lt;a href="http://www.webkit.org/building/tools.html" rel="nofollow"&gt;http://www.webkit.org/building/tools.html&lt;/a&gt;)&lt;br&gt;
Cygwin : Installed all packages&lt;br&gt;
Build : VS2013 - debug - win32&lt;br&gt;
&lt;br&gt;&lt;/p&gt;
&lt;p&gt;&lt;strong&gt;ERROR&lt;/strong&gt;&lt;/p&gt;
&lt;pre&gt;&lt;code&gt;Using port 'win-future'
Test configuration: &amp;lt;future, x86, debug&amp;gt;
Placing test results in /home/user/myWebkit/WebKitBuild/Debug/bin32/layout-test-results
Baseline search path: win -&amp;gt; mac-mountainlion -&amp;gt; mac -&amp;gt; generic
Using Debug build
Pixel tests disabled
Regular timeout: 35000, slow test timeout: 175000
Command line: /home/user/myWebkit/WebKitBuild/Debug/bin32/DumpRenderTree -
--lint-test-files warnings:
LayoutTests/platform/win/TestExpectations:996 Path does not exist.         
    fast/multicol/newmulticol/compare-with-old-impl/hit-test-above-or-below.html
LayoutTests/platform/win/TestExpectations:2898 Unrecognized expectation "Timeout]" 
    tables/mozilla/marvin/backgr_simple-table-column.html
Found 801 tests; running 801, skipping 0.
Checking build ...
UnicodeDecodeError raised: 'utf8' codec can't decode byte 0xb9 in position 374: invalid start byte
 ~ ~ ~ ~
&lt;/code&gt;&lt;/pre&gt;
&lt;p&gt;In cygwin, my locale is &lt;/p&gt;
&lt;pre&gt;&lt;code&gt;$ locale
 LANG=ko_KR.UTF-8
 LC_CTYPE="ko_KR.UTF-8"
 LC_NUMERIC="ko_KR.UTF-8"
 LC_TIME="ko_KR.UTF-8"
 LC_COLLATE="ko_KR.UTF-8"
 LC_MONETARY="ko_KR.UTF-8"
 LC_MESSAGES="ko_KR.UTF-8"
 LC_ALL= 
&lt;/code&gt;&lt;/pre&gt;
&lt;p&gt;&lt;br&gt;
I added the following cmds and ran layouttests, but there was no change.&lt;/p&gt;
&lt;pre&gt;&lt;code&gt;export LC_ALL=ko_KR.UTF-8
&lt;/code&gt;&lt;/pre&gt;
&lt;p&gt;or  &lt;em&gt;ko_KR.utf8, "ko_KR.utf8"&lt;/em&gt; ...&lt;/p&gt;</t>
  </si>
  <si>
    <t>2014-11-26 06:48:16.623000+00:00</t>
  </si>
  <si>
    <t>2014-11-27 00:25:22.163000+00:00</t>
  </si>
  <si>
    <t>python|utf-8|webkit</t>
  </si>
  <si>
    <t>CQRS: project out-of-order notifications in an ElasticSearch read model</t>
  </si>
  <si>
    <t>&lt;p&gt;We have a microservice architecture and apply the CQRS pattern. A command sent to a microservice triggers an application state change and the emission of the corresponding event on our Kafka bus. We project these events in a read model built with ElasticSearch.&lt;/p&gt;
&lt;p&gt;So far, so good.&lt;/p&gt;
&lt;p&gt;Our microservices are eventually consistent with each other. But at any given time, they aren't (necessarily). Consequently, the events they send are not always consistent with each other either.&lt;/p&gt;
&lt;p&gt;Moreover, to guarantee the coherence between an application state change and the emission of the corresponding event, we persist in DB the new state and the corresponding event in the same transaction (I am aware that we could use event sourcing and avoid persisting the state altogether). An asynchronous worker is then responsible to send these events on the Kafka bus. This pattern guarantees that at least one event will be sent for each state change (which is not an issue since our events are idempotent). However, since each microservice has its own event table and asynchronous worker, we cannot guarantee that events will be sent in the sequence in which the corresponding state changes occurred in their respective microservices.&lt;/p&gt;
&lt;p&gt;EDIT: to clarify, each microservice has its own database, its own event table and its own worker. A specific worker processes the events in the order in which they were persisted in its corresponding event table, but different workers on different event tables, i.e. for distinct microservices, do not give such guarantee.&lt;/p&gt;
&lt;p&gt;The problem arises when projecting these incoherent or out-of-sequence events from different microservices in the same ElasticSearch document.&lt;/p&gt;
&lt;p&gt;A concrete example: let's imagine three different aggregates A, B and C (aggregate in the Domain Driven Design sense) managed by different microservices:&lt;/p&gt;
&lt;ul&gt;
&lt;li&gt;There is a many-to-many relation between A and B. Aggregate A references the aggregate roots B he is bound to, but B is unaware of its relationships with A. When B is deleted, the microservice managing A listens for the corresponding event and undoes the binding of A with B.&lt;/li&gt;
&lt;li&gt;Similarily, there is a many-to-many relation between B and C. B knows of all related C aggregates, but the inverse is not true. When C is deleted, the microservice managing B listens for the corresponding event and undoes the binding of B with C.&lt;/li&gt;
&lt;li&gt;C has a property "name".&lt;/li&gt;
&lt;/ul&gt;
&lt;p&gt;One of the use cases is to find, through ElasticSearch, all aggregates A that are bound to an aggregate B that is in turn bound to an aggregate C with a specific name.&lt;/p&gt;
&lt;p&gt;As explained above, the separate event tables and workers could introduce variable delays between the emission of events from different microservices. Creating A, B and C and binding them together could for example result in the following sequence of events:&lt;/p&gt;
&lt;ol&gt;
&lt;li&gt;B created&lt;/li&gt;
&lt;li&gt;B bound to C&lt;/li&gt;
&lt;li&gt;C created with name XYZ&lt;/li&gt;
&lt;li&gt;A created&lt;/li&gt;
&lt;li&gt;A bound to B&lt;/li&gt;
&lt;/ol&gt;
&lt;p&gt;Another example of batch of events: let's suppose we initially have aggregates B and C and two commands are issued simultaneously:&lt;/p&gt;
&lt;ul&gt;
&lt;li&gt;delete C&lt;/li&gt;
&lt;li&gt;bind B to C&lt;/li&gt;
&lt;/ul&gt;
&lt;p&gt;this could result in the events:&lt;/p&gt;
&lt;ol&gt;
&lt;li&gt;C deleted&lt;/li&gt;
&lt;li&gt;B bound to C&lt;/li&gt;
&lt;li&gt;B unbound from C (in response to event 1)&lt;/li&gt;
&lt;/ol&gt;
&lt;p&gt;Concretely, we have trouble projecting these events in ElasticSearch document(s) because the events sometimes reference aggregates that do not exist anymore or do not exist yet. Any help would be appreciated.&lt;/p&gt;</t>
  </si>
  <si>
    <t>2017-11-27 17:17:35.363000+00:00</t>
  </si>
  <si>
    <t>2017-11-29 16:06:47.873000+00:00</t>
  </si>
  <si>
    <t>2017-11-29 14:20:36.850000+00:00</t>
  </si>
  <si>
    <t>elasticsearch|apache-kafka|domain-driven-design|microservices|cqrs</t>
  </si>
  <si>
    <t>Hoverable menu goes out of page</t>
  </si>
  <si>
    <t>&lt;p&gt;I have a hoverable menu as you can see in the code. However, I got a problem when I hover, which the hover content goes out of the page. When I use "position: relative" for the div(content) it is okay but then the text "Example" goes to the left, wonder how to fix.&lt;/p&gt;
&lt;p&gt;&lt;strong&gt;When I use position: absolute:&lt;/strong&gt;&lt;/p&gt;
&lt;p&gt;&lt;a href="https://i.stack.imgur.com/AKVBz.jpg" rel="nofollow noreferrer"&gt;&lt;img src="https://i.stack.imgur.com/AKVBz.jpg" alt="enter image description here"&gt;&lt;/a&gt;&lt;/p&gt;
&lt;p&gt;&lt;strong&gt;When I use position: relative:&lt;/strong&gt;&lt;/p&gt;
&lt;p&gt;&lt;a href="https://i.stack.imgur.com/ZiQIb.jpg" rel="nofollow noreferrer"&gt;&lt;img src="https://i.stack.imgur.com/ZiQIb.jpg" alt="enter image description here"&gt;&lt;/a&gt;&lt;/p&gt;
&lt;p&gt;&lt;div class="snippet" data-lang="js" data-hide="false" data-console="true" data-babel="false"&gt;_x000D_
&lt;div class="snippet-code"&gt;_x000D_
&lt;pre class="snippet-code-css lang-css prettyprint-override"&gt;&lt;code&gt;ul {_x000D_
  float: right;_x000D_
  position: relative;_x000D_
}_x000D_
_x000D_
div {_x000D_
  display: none;_x000D_
  background-color: red;_x000D_
  position: relative;_x000D_
  width: 200px;_x000D_
}_x000D_
_x000D_
ul:hover div {_x000D_
  display: block; _x000D_
}&lt;/code&gt;&lt;/pre&gt;_x000D_
&lt;pre class="snippet-code-html lang-html prettyprint-override"&gt;&lt;code&gt;&amp;lt;ul&amp;gt;_x000D_
  &amp;lt;li&amp;gt;Example&amp;lt;/li&amp;gt;_x000D_
  &amp;lt;div&amp;gt;_x000D_
    &amp;lt;ol&amp;gt;_x000D_
      &amp;lt;li&amp;gt;Link 1&amp;lt;/li&amp;gt;_x000D_
      &amp;lt;li&amp;gt;Link 2&amp;lt;/li&amp;gt;_x000D_
    &amp;lt;/ol&amp;gt;_x000D_
  &amp;lt;/div&amp;gt; _x000D_
&amp;lt;/ul&amp;gt;&lt;/code&gt;&lt;/pre&gt;_x000D_
&lt;/div&gt;_x000D_
&lt;/div&gt;_x000D_
&lt;/p&gt;</t>
  </si>
  <si>
    <t>2018-01-10 12:36:28.993000+00:00</t>
  </si>
  <si>
    <t>2018-01-10 19:24:23.337000+00:00</t>
  </si>
  <si>
    <t>2018-01-10 12:38:09.133000+00:00</t>
  </si>
  <si>
    <t>html|css|html5|css3</t>
  </si>
  <si>
    <t>Sessions and Cookies to autologin in GWT</t>
  </si>
  <si>
    <t>&lt;p&gt;i know there is a lot of questions on this already but I still didn't seem to find a definitive answer. What i'm looking to do is have users be remembered after they login for say 2 weeks or until they log out. Below is what I think should be happening and I was wondering if anyone with a bit more experience could tell me if i'm right or wrong.&lt;/p&gt;
&lt;p&gt;User logs in for the first time. An RPC call to the server returns a 'UserInfo' object which includes with it a new sessionID. Aka on the server this happens and &lt;code&gt;user&lt;/code&gt; is returned:&lt;/p&gt;
&lt;p&gt;&lt;code&gt;user.setSessionId(getThreadLocalRequest().getSession().getId());&lt;/code&gt;&lt;/p&gt;
&lt;p&gt;Now after &lt;code&gt;user&lt;/code&gt; is returned we must create Cookies to store the client side data. Am i correct in saying we need a Cookie to identify the current user and another for the sessionID:&lt;/p&gt;
&lt;pre&gt;&lt;code&gt;final long DURATION = 1000 * 60 * 60 * 24 * 14; //duration remembering login - 2 weeks
Date expires = new Date(System.currentTimeMillis() + DURATION);
String sessionID = user.getSessionId();
String username = user.getUsername();
Cookies.setCookie("sessionID", sessionID, expires, null, "/", false);
Cookies.setCookie("username", username, expires, null, "/", false);
&lt;/code&gt;&lt;/pre&gt;
&lt;p&gt;Now when the user comes back to the app at a later date we check the cookies and (provided they exists and have not been deleted for some reason such as an explicit log out from the user) use their values to check session validity via RPC to the server:&lt;/p&gt;
&lt;pre&gt;&lt;code&gt;String sessionID = Cookies.getCookie("sessionID");
String username = Cookies.getCookie("username");
    if ( sessionID != null &amp;amp;&amp;amp; username != null){
        AsyncCallback&amp;lt;UserInfo&amp;gt; callBack = new AsyncCallback&amp;lt;UserInfo&amp;gt;(){
            @Override
            public void onFailure(Throwable caught) {
                Window.alert("Error connecting to server.");
            }
            @Override
            public void onSuccess(Boolean sessionValid) {
                if (sessionValid)
                    loadInitialInterfaceForUser("username");
                else
                    loadLoginInterface();
            }
        };
    loginSvc.checkSessionValidity(sessionID,username, callBack);
    }
    else 
        loadLoginInterface();
&lt;/code&gt;&lt;/pre&gt;
&lt;p&gt;Now, assuming what I have done so far is correct (which is a bit of a long shot :P) my real question is what exactly should I check at the server side &lt;code&gt;checkSessionValidity(sessionID,username)&lt;/code&gt;?&lt;/p&gt;
&lt;p&gt;Is it simply a case of fetching the user that I have stored serverside and comparing  &lt;code&gt;sessionID&lt;/code&gt; with the &lt;code&gt;sessionID&lt;/code&gt; I have associated with user? Do I also check it hasn't expired?&lt;/p&gt;
&lt;p&gt;I know this is a longwinded and perhaps not very well worded question... I'm struggling to get my head round it so any and all help is very welcome!&lt;/p&gt;
&lt;p&gt;Cheers, Steve&lt;/p&gt;</t>
  </si>
  <si>
    <t>2013-02-23 20:41:34.853000+00:00</t>
  </si>
  <si>
    <t>2013-02-25 05:06:45.393000+00:00</t>
  </si>
  <si>
    <t>session|gwt|cookies|login|session-cookies</t>
  </si>
  <si>
    <t>Protect PII in web app database by encrypting with public key paired with private key protected by users' own passwords?</t>
  </si>
  <si>
    <t>&lt;p&gt;&lt;strong&gt;Goal:&lt;/strong&gt;&lt;/p&gt;
&lt;p&gt;I'd like to allow users to create questions and collect information from other users in a custom web app (PHP/MySQL in a shored hosting environment) and protect the data collected.&lt;/p&gt;
&lt;p&gt;&lt;strong&gt;Background:&lt;/strong&gt;&lt;/p&gt;
&lt;p&gt;The default questions that all users answer are general enough that they can not be construed as personally identifiable information (PII), thus limiting my liability to protect it, but users who create their own questions will likely ask for PII which then becomes a liability.&lt;/p&gt;
&lt;p&gt;What I would like to do is protect this information in such a way that if either the hosting account or the database were compromised (or both!), the PII would not be recoverable without a significant amount of work, and even then, only a small portion would theoretically be recoverable.&lt;/p&gt;
&lt;p&gt;&lt;strong&gt;Proposed solution:&lt;/strong&gt;&lt;/p&gt;
&lt;p&gt;Assuming MySQL's built-in &lt;code&gt;AES_ENCRYPT()/AES_DECRYPT()&lt;/code&gt; functions are used to encrypt the PII table, the passphrase would need to be stored in the hosting account, so if the hosting account were compromised, the data could easily be read.&lt;/p&gt;
&lt;p&gt;Since the users' passwords are well protected (hashed with salt), I'm thinking of capturing their plaintext password during authentication, encrypting it, and storing it in the PHP session until the user logs out. &lt;/p&gt;
&lt;p&gt;A public/private key combo will be created for each user with the private key being password protected with the user's password + salt.&lt;/p&gt;
&lt;p&gt;Then, when PII data based on that user's custom questions are added to the DB, the user's public key would be used to encrypt the PII that they collected through the app. When the data is read (only when the user is logged in), the data would be unencrypted with the user's private key (which is unlocked with their password + salt).&lt;/p&gt;
&lt;p&gt;The &lt;strong&gt;benefits&lt;/strong&gt; I see are:&lt;/p&gt;
&lt;ol&gt;
&lt;li&gt;in the worst case scenario, where servers completely compromised, app code is read to find encryption keys, PHP session files are decrypted to find user's passwords, then entries in the PII table associated with that user are decrypted, then &lt;em&gt;only&lt;/em&gt; the PII collected from questions of currently logged-in users could be recovered. Any users not logged in would be safe.&lt;/li&gt;
&lt;li&gt;even the DBA or similar wouldn't be able to read the PII.&lt;/li&gt;
&lt;/ol&gt;
&lt;p&gt;The &lt;strong&gt;drawbacks&lt;/strong&gt; I see are:&lt;/p&gt;
&lt;ol&gt;
&lt;li&gt;user passwords are stored in a recoverable form while they are logged in.&lt;/li&gt;
&lt;li&gt;users who forget their passwords would loose access to their data.&lt;/li&gt;
&lt;li&gt;each relatively small bit of data will take up much more space in the DB due to encryption.&lt;/li&gt;
&lt;/ol&gt;
&lt;p&gt;&lt;strong&gt;My question:&lt;/strong&gt; Is there a better way to do this?&lt;/p&gt;</t>
  </si>
  <si>
    <t>2011-08-30 04:16:41.110000+00:00</t>
  </si>
  <si>
    <t>2011-09-08 10:56:41.627000+00:00</t>
  </si>
  <si>
    <t>2011-08-30 06:14:51.320000+00:00</t>
  </si>
  <si>
    <t>user918938</t>
  </si>
  <si>
    <t>mysql|security|encryption|pii</t>
  </si>
  <si>
    <t>How to split using multiple characters?</t>
  </si>
  <si>
    <t>&lt;p&gt;I am trying to make error free user input. When there is a one split symbol user might type it and create an error which I must fix before executing creating more lines of code. Is there a way of splitting a string using for example &lt;code&gt;$%$&lt;/code&gt; instead of just &lt;code&gt;$&lt;/code&gt; character?&lt;/p&gt;
&lt;p&gt;This is how I do splitting using one character:&lt;/p&gt;
&lt;pre&gt;&lt;code&gt;if (!lastUsed.EmptyFile())
{
    string[] allSettings = lastUsed.Text.Split('$');
    int settingCount = 0;
    foreach (string setting in allSettings)
    {
        settingCount++;
        if (settingCount == 1)
        {
            txtText.Text = setting;
        }
        else if (settingCount == 2)
        {
            if (setting == "0") tbType.SelectedTab = tbInterval;
            else tbType.SelectedTab = tbRange;
        }
        else if (settingCount == 3)
        {
            nudInterval.Value = decimal.Parse(setting);
        }
        else if (settingCount == 4)
        {
            nudMin.Value = decimal.Parse(setting);
        }
        else if (settingCount == 5)
        {
            nudMax.Value = decimal.Parse(setting);
        }
    }
}
&lt;/code&gt;&lt;/pre&gt;</t>
  </si>
  <si>
    <t>2012-01-10 05:08:11.710000+00:00</t>
  </si>
  <si>
    <t>2012-01-10 05:12:01.997000+00:00</t>
  </si>
  <si>
    <t>c#|split</t>
  </si>
  <si>
    <t>UITableView Did Load (Done drawing the cells)</t>
  </si>
  <si>
    <t>&lt;h2&gt;Question&lt;/h2&gt;
&lt;p&gt;How can you detect when the Table View is done drawing the cells?&lt;/p&gt;
&lt;h2&gt;Issue&lt;/h2&gt;
&lt;p&gt;I got two labels within the contentView of an UITableViewCell. The size of these labels are dynamic. I was able to do so by subclassing UITableViewCell, in the drawRect method I adjust the frames of the two labels depending on their content. Now I want to align all the second labels.&lt;/p&gt;
&lt;h2&gt;My Thoughts in Steps&lt;/h2&gt;
&lt;ol&gt;
&lt;li&gt;Determine the content in the table view and let it load automatically.&lt;/li&gt;
&lt;li&gt;Run through the table view cells and determine the x position of the second label within the UITableViewCell that is the furtherest away.&lt;/li&gt;
&lt;li&gt;Store this x position and when any cell is drawn use this x position to place the second label.&lt;/li&gt;
&lt;/ol&gt;
&lt;p&gt;The problem is that if I use the following code:&lt;/p&gt;
&lt;pre&gt;&lt;code&gt;for (int row = 0; row &amp;lt; [self.tableView numberOfRowsInSection:section]; row++) {
    UITableViewCustomCell *cell = (UITableViewCustomCell *)[self.tableView cellForRowAtIndexPath:[NSIndexPath indexPathForRow:row inSection:0]];
    NSLog ([cell.labelTwo description]);        
}
&lt;/code&gt;&lt;/pre&gt;
&lt;p&gt;The second label has not yet been drawn, meaning I can't determine the size of the frame and thus can not find the proper x position to align all second labels.&lt;/p&gt;
&lt;p&gt;I have tried subclassing the UITableViewController and looking at events such as viewDidLoad and viewDidAppear unfortunatly also in these events the cells aren't drawn yet.&lt;/p&gt;
&lt;h2&gt;What I Want ...&lt;/h2&gt;
&lt;p&gt;What I want is for the table view to draw the cells at least once so I can determine the sizes of the labels within the table view cell. I thought to accomplish this by looping through all the cells with cellForRow, but although it successfully returns the cell the content is not drawn yet meaning the frame remains with a width of zero.&lt;/p&gt;
&lt;p&gt;Does anyone have a solution?&lt;/p&gt;
&lt;p&gt;Thanks in advance,&lt;/p&gt;
&lt;p&gt;Mark&lt;/p&gt;</t>
  </si>
  <si>
    <t>2010-01-26 14:27:46.107000+00:00</t>
  </si>
  <si>
    <t>2010-02-03 17:23:05.713000+00:00</t>
  </si>
  <si>
    <t>2010-01-26 14:34:50.163000+00:00</t>
  </si>
  <si>
    <t>iphone|uitableview|drawrect</t>
  </si>
  <si>
    <t>What's the best algorithm to determine the output location of a string in a HTML?</t>
  </si>
  <si>
    <t>&lt;p&gt;I'm creating a XSS scanner, now I want to know the output location of a string.&lt;/p&gt;
&lt;p&gt;It could be,&lt;/p&gt;
&lt;ul&gt;
&lt;li&gt;Between HTML tags, e.g &lt;code&gt;&amp;lt;h2&amp;gt;string&amp;lt;/h2&amp;gt;&lt;/code&gt;&lt;/li&gt;
&lt;li&gt;An attribute of a tag, e.g &lt;code&gt;&amp;lt;h2 class=string&amp;gt;&amp;lt;/h2&amp;gt;&lt;/code&gt;&lt;/li&gt;
&lt;/ul&gt;
&lt;p&gt;Now I need to know which case it belongs to. If I go through all the tags and all their attributes it would be painfully slow, so I need a faster way.&lt;/p&gt;
&lt;p&gt;Any suggestion? Running perl&lt;/p&gt;
&lt;p&gt;P.S &lt;code&gt;string&lt;/code&gt; is carefully crafted, which will not cripple the HTML structure in anywhere.&lt;/p&gt;</t>
  </si>
  <si>
    <t>2013-10-20 15:28:29.077000+00:00</t>
  </si>
  <si>
    <t>2013-10-20 19:51:01.540000+00:00</t>
  </si>
  <si>
    <t>html|perl|html-parsing</t>
  </si>
  <si>
    <t>Jquery Dialog reading textarea value only once</t>
  </si>
  <si>
    <t>&lt;p&gt;I am using a dialog with a textarea. Upon clicking the ok-button the textarea's value gets sent to a server via ajax.&lt;br&gt;
The first time the user writes to the textarea the value gets read correctly, but upon all subsequent actions the value being sent is the same as the first time as if the user had entered the same string over and over again.&lt;/p&gt;
&lt;pre&gt;&lt;code&gt;function message(url) { 
  var mydiv; 
  mydiv = $(document.createElement('div')); 
  mydiv.html("enter message: &amp;lt;textarea name='message' id='message'/&amp;gt;"); 
  mydiv.dialog(setProps(url));
  mydiv.dialog('open');
}
function setProps(url) {
  return {
    buttons: {
      "ok": function() {
        $.get('/act?url=' + url + '&amp;amp;message=' + $("#message").val().trim(),
          function(data) { 
            $("#content").load('/react?url=' + url); 
          }
        ); 
        $(this).dialog("close"); 
        $(this).dialog("destroy"); 
        // If I use the following all subseq. actions are empty:
        // $("#message").val(''); 
      }
    } 
  } 
} 
&lt;/code&gt;&lt;/pre&gt;</t>
  </si>
  <si>
    <t>2010-11-23 10:32:38.903000+00:00</t>
  </si>
  <si>
    <t>2010-11-23 10:44:26.680000+00:00</t>
  </si>
  <si>
    <t>jquery|jquery-dialog</t>
  </si>
  <si>
    <t>Switching to jQuery 1.5 breaks a selector</t>
  </si>
  <si>
    <t>&lt;p&gt;just upgraded to jQuery 1.5 and now it seems the find() has problems with several selctores:&lt;/p&gt;
&lt;pre&gt;&lt;code&gt;var $AlertColumn = $('[name=TABLE_1] tr').find('.SAPBEXstdData:eq(9), .SAPBEXstdDataOdd:eq(9), td.SAPBEXaggData:eq(9)');
&lt;/code&gt;&lt;/pre&gt;
&lt;p&gt;as of 1.5 (and IE7), the thing hangs in IE7 with an error popup after a while that there's a script running forever.&lt;/p&gt;
&lt;p&gt;It works perfect in 1.4.2.&lt;/p&gt;
&lt;p&gt;ok here comes the code (to the first data row), I have to work on the Alert-Row which is the 9th having those classes used in find():&lt;/p&gt;
&lt;pre&gt;&lt;code&gt;    &amp;lt;TABLE class=SAPBEXCellspacing cellSpacing=1 cellPadding=0 width=1250 border=0 name="TABLE_1" sizcache="5" sizset="20"&amp;gt;&amp;lt;TBODY sizcache="5" sizset="20"&amp;gt;
&amp;lt;TR sizcache="5" sizset="21"&amp;gt;
&amp;lt;TD noWrap colSpan=19 sizcache="5" sizset="21"&amp;gt;
&amp;lt;TABLE cellSpacing=0 cellPadding=0 width="100%" border=0 sizcache="5" sizset="21"&amp;gt;
&amp;lt;FORM name=SAPBWUForm5 action=/sap/bw/BEx?SAP-LANGUAGE=DE&amp;amp;amp;ITEM=TABLE_1&amp;amp;amp;STATE_ID=4KXJZOX5URFHG6BQFFTKAJ0OH&amp;amp;amp;STATELESS=X&amp;amp;amp;LAST_MESSAGE_ID=0 method=post sizcache="5" sizset="21"&amp;gt;
&amp;lt;TBODY sizcache="5" sizset="21"&amp;gt;
&amp;lt;TR sizcache="5" sizset="22"&amp;gt;
&amp;lt;TD class=SAPBEXScrollVert noWrap sizcache="5" sizset="22"&amp;gt;
&amp;lt;TABLE cellSpacing=0 cellPadding=1 border=0 sizcache="5" sizset="22"&amp;gt;
&amp;lt;TBODY sizcache="5" sizset="22"&amp;gt;
&amp;lt;TR&amp;gt;
&amp;lt;TD class=SAPBEXTxtStd noWrap&amp;gt;&amp;lt;IMG title="Erste Zeile" alt="Erste Zeile" src="/sap/bw/Mime/BEx/Icons/page_first_row_inact.gif" border=0&amp;gt;&amp;lt;/TD&amp;gt;
&amp;lt;TD class=SAPBEXTxtStd noWrap&amp;gt;&amp;lt;IMG title="Vorherige Zeilen" alt="Vorherige Zeilen" src="/sap/bw/Mime/BEx/Icons/page_up_inact.gif" border=0&amp;gt;&amp;lt;/TD&amp;gt;
&amp;lt;TD class=SAPBEXTxtStd noWrap&amp;gt;&amp;amp;nbsp;&amp;lt;LABEL&amp;gt;Zeile&amp;lt;/LABEL&amp;gt;&amp;lt;/TD&amp;gt;
&amp;lt;TD noWrap&amp;gt;&amp;lt;INPUT class=SAPBEXTxtFldright id=DATA_ROW_FROM title="Zeile - Maximale Anzahl: 170" onchange=document.SAPBWUForm5.submit() size=3 value=1 name=DATA_ROW_FROM&amp;gt;&amp;lt;/TD&amp;gt;
&amp;lt;TD class=SAPBEXTxtStd noWrap&amp;gt;/&amp;amp;nbsp;170&amp;amp;nbsp;&amp;lt;/TD&amp;gt;
&amp;lt;TD class=SAPBEXTxtStd noWrap&amp;gt;&amp;lt;A title="N��chste Zeilen" href="JavaScript:SAPBW(5,'','','68')"&amp;gt;&amp;lt;IMG title="N��chste Zeilen" alt="N��chste Zeilen" src="/sap/bw/Mime/BEx/Icons/page_down.gif" border=0&amp;gt;&amp;lt;/A&amp;gt;&amp;lt;/TD&amp;gt;
&amp;lt;TD class=SAPBEXTxtStd noWrap&amp;gt;&amp;lt;A title="Letzte Zeile" href="JavaScript:SAPBW(5,'','','170')"&amp;gt;&amp;lt;IMG title="Letzte Zeile" alt="Letzte Zeile" src="/sap/bw/Mime/BEx/Icons/page_last_row.gif" border=0&amp;gt;&amp;lt;/A&amp;gt;&amp;lt;/TD&amp;gt;&amp;lt;/TR&amp;gt;&amp;lt;/TBODY&amp;gt;&amp;lt;/TABLE&amp;gt;&amp;lt;/TD&amp;gt;&amp;lt;/FORM&amp;gt;&amp;lt;/TR&amp;gt;&amp;lt;/TBODY&amp;gt;&amp;lt;/TABLE&amp;gt;&amp;lt;/TD&amp;gt;&amp;lt;/TR&amp;gt;
&amp;lt;TR&amp;gt;&amp;lt;/TR&amp;gt;
&amp;lt;TR&amp;gt;
&amp;lt;TD class=SAPBEXchaText noWrap&amp;gt;Profit Center&amp;lt;/TD&amp;gt;
&amp;lt;TD class=SAPBEXchaText noWrap&amp;gt;Projektleiter&amp;lt;/TD&amp;gt;
&amp;lt;TD class=SAPBEXchaText noWrap colSpan=2&amp;gt;Projekt&amp;lt;/TD&amp;gt;
&amp;lt;TD class=SAPBEXchaText noWrap&amp;gt;akt. Status&amp;lt;/TD&amp;gt;
&amp;lt;TD class=SAPBEXchaText noWrap&amp;gt;akt. Status Dat.&amp;lt;/TD&amp;gt;
&amp;lt;TD class=SAPBEXchaText noWrap&amp;gt;Kredit Datum&amp;lt;/TD&amp;gt;
&amp;lt;TD class=SAPBEXchaText noWrap&amp;gt;letzte Buchung&amp;lt;/TD&amp;gt;
&amp;lt;TD class=SAPBEXstdItem noWrap&amp;gt;Kredit&amp;lt;/TD&amp;gt;
&amp;lt;TD class=SAPBEXstdItem noWrap&amp;gt;Ist Q1 2010&amp;lt;/TD&amp;gt;
&amp;lt;TD class=SAPBEXstdItem noWrap&amp;gt;Ist Q2 2010&amp;lt;/TD&amp;gt;
&amp;lt;TD class=SAPBEXstdItem noWrap&amp;gt;Ist Q3 2010&amp;lt;/TD&amp;gt;
&amp;lt;TD class=SAPBEXstdItem noWrap&amp;gt;Ist Q4 2010&amp;lt;/TD&amp;gt;
&amp;lt;TD class=SAPBEXstdItem noWrap&amp;gt;Kredit %&amp;lt;/TD&amp;gt;
&amp;lt;TD class=SAPBEXstdItem noWrap&amp;gt;FC Q3&amp;lt;/TD&amp;gt;
&amp;lt;TD class=SAPBEXstdItem noWrap&amp;gt;FC Q4&amp;lt;/TD&amp;gt;
&amp;lt;TD class=SAPBEXstdItem noWrap&amp;gt;Projektende&amp;lt;/TD&amp;gt;
&amp;lt;TD class=SAPBEXstdItem noWrap&amp;gt;Alert&amp;lt;/TD&amp;gt;
&amp;lt;TD class=SAPBEXstdItem noWrap&amp;gt;Notizen&amp;lt;/TD&amp;gt;&amp;lt;/TR&amp;gt;
&amp;lt;TR&amp;gt;
&amp;lt;TD class=SAPBEXstdItem noWrap rowSpan=7&amp;gt;PC100&amp;lt;/TD&amp;gt;
&amp;lt;TD class=SAPBEXstdItem noWrap rowSpan=3&amp;gt;Ammann Conrad&amp;lt;/TD&amp;gt;
&amp;lt;TD class=SAPBEXstdItem noWrap&amp;gt;G000034&amp;lt;/TD&amp;gt;
&amp;lt;TD class=SAPBEXstdItem noWrap&amp;gt;Techn. Zusammenarbeit China&amp;lt;/TD&amp;gt;
&amp;lt;TD class=SAPBEXstdItem noWrap&amp;gt;k.a.&amp;lt;/TD&amp;gt;
&amp;lt;TD class=SAPBEXstdItem noWrap&amp;gt;#&amp;lt;/TD&amp;gt;
&amp;lt;TD class=SAPBEXstdItem noWrap&amp;gt;#&amp;lt;/TD&amp;gt;
&amp;lt;TD class=SAPBEXstdItem noWrap&amp;gt;#&amp;lt;/TD&amp;gt;
&amp;lt;TD class=SAPBEXstdData title=0 noWrap&amp;gt;0&amp;lt;/TD&amp;gt;
&amp;lt;TD class=SAPBEXstdData noWrap&amp;gt;&amp;amp;nbsp;&amp;lt;/TD&amp;gt;
&amp;lt;TD class=SAPBEXstdData noWrap&amp;gt;&amp;amp;nbsp;&amp;lt;/TD&amp;gt;
&amp;lt;TD class=SAPBEXstdData noWrap&amp;gt;&amp;amp;nbsp;&amp;lt;/TD&amp;gt;
&amp;lt;TD class=SAPBEXstdData title=0 noWrap&amp;gt;0&amp;lt;/TD&amp;gt;
&amp;lt;TD class=SAPBEXstdData noWrap&amp;gt;&amp;amp;nbsp;&amp;lt;/TD&amp;gt;
&amp;lt;TD class=SAPBEXstdData noWrap&amp;gt;&amp;amp;nbsp;&amp;lt;/TD&amp;gt;
&amp;lt;TD class=SAPBEXstdData noWrap&amp;gt;&amp;amp;nbsp;&amp;lt;/TD&amp;gt;
&amp;lt;TD class=SAPBEXstdData noWrap&amp;gt;&amp;amp;nbsp;&amp;lt;/TD&amp;gt;
&amp;lt;TD class=SAPBEXstdData noWrap&amp;gt;I NEED THIS ONE (9th) of every Data Row&amp;lt;/TD&amp;gt;
&amp;lt;TD class=SAPBEXstdData title=0 noWrap&amp;gt;
&amp;lt;DIV class=notiz style="TEXT-ALIGN: left"&amp;gt;&amp;lt;/DIV&amp;gt;&amp;lt;/TD&amp;gt;&amp;lt;/TR&amp;gt;
&amp;lt;TR&amp;gt;
&amp;lt;TD class=SAPBEXstdItem noWrap&amp;gt;G000164&amp;lt;/TD&amp;gt;
&amp;lt;TD class=SAPBEXstdItem noWrap&amp;gt;Tag der offenen T��r&amp;lt;/TD&amp;gt;...
&lt;/code&gt;&lt;/pre&gt;
&lt;p&gt;........&lt;/p&gt;</t>
  </si>
  <si>
    <t>2011-02-22 16:56:42.443000+00:00</t>
  </si>
  <si>
    <t>2011-04-05 12:27:14.383000+00:00</t>
  </si>
  <si>
    <t>find|jquery-1.5</t>
  </si>
  <si>
    <t>Github Pages - Maintaining Multiple versions</t>
  </si>
  <si>
    <t>&lt;p&gt;I need to host the documentation of multiple versions of my project (say 1.0, 2.0 and 3.0) and all are active (documentation)branches and we shall keep on adding improvements to all of these. 
Is it possible to use GitHub pages for this purpose? &lt;/p&gt;
&lt;p&gt;Appreciate any help on this. &lt;/p&gt;</t>
  </si>
  <si>
    <t>2017-12-04 23:50:37.170000+00:00</t>
  </si>
  <si>
    <t>2018-07-25 09:15:01.347000+00:00</t>
  </si>
  <si>
    <t>github|github-pages</t>
  </si>
  <si>
    <t>table row data displaying twice on web</t>
  </si>
  <si>
    <t>&lt;p&gt;I am creating an online baseball management game, i have xxampp installed on my local pc, and the code i have written so far displays as i like it on the localhost,
however when i transfer these files to the webserver, it displays each row twice
anyone have any idea why that would be?&lt;/p&gt;
&lt;pre&gt;&lt;code&gt;&amp;lt;?php
include("./Lib/Database.php");
$db = new Database(false);
$query_string = "SELECT * FROM player, team WHERE TeamID AND PlayerTeamID ='".$_SESSION['TEAMID']."'";
$db-&amp;gt;Query($query_string);
$db-&amp;gt;SelectNextResult();
while ($row = $db-&amp;gt;SelectNextResult()) {
echo("&amp;lt;DIV class='ComponentMain' align='center'&amp;gt;");
echo("&amp;lt;DIV class='ComponentTitle'&amp;gt;Team Name&amp;lt;/DIV&amp;gt;");
echo("&amp;lt;BR&amp;gt;&amp;lt;TABLE align='center'&amp;gt;");
{
  echo("&amp;lt;TR bgcolor='#DDDDDD'&amp;gt;&amp;lt;TD colspan='6'&amp;gt;&amp;lt;A HREF='./Player.php?ID=".$db-   &amp;gt;GetResult("PlayerID")."'&amp;gt;&amp;lt;DIV class='PlayerName'&amp;gt;".$db-&amp;gt;GetResult("PlayerPrenameValue")." ".$db-&amp;gt;GetResult("PlayerNameValue")."&amp;lt;/DIV&amp;gt;&amp;lt;/A&amp;gt;&amp;lt;/TD&amp;gt;&amp;lt;TD align='right'&amp;gt;&amp;lt;IMG src='./Gfx/Flags/". $db-&amp;gt;GetResult("PlayerNationID").".png'/&amp;gt;&amp;lt;/TD&amp;gt;&amp;lt;/TR&amp;gt;");
echo("&amp;lt;TR&amp;gt;&amp;lt;TD&amp;gt;    Age:&amp;lt;/TD&amp;gt;&amp;lt;TD&amp;gt;".$db-&amp;gt;GetResult("PlayerAge")."&amp;lt;/TD&amp;gt;&amp;lt;TD&amp;gt;Potential:&amp;lt;/TD&amp;gt;&amp;lt;TD&amp;gt;".$db-&amp;gt;GetResult("Potential")."&amp;lt;/TD&amp;gt;&amp;lt;TD&amp;gt;Health:&amp;lt;/TD&amp;gt;&amp;lt;TD&amp;gt;".$db-&amp;gt;GetResult("Health")."&amp;lt;/TD&amp;gt;&amp;lt;/TR&amp;gt;");
echo("&amp;lt;TR&amp;gt;&amp;lt;TD colspan='5' align='center'&amp;gt;&amp;lt;IMG src='./Gfx/Faces/Face.png'/&amp;gt;&amp;lt;/TD&amp;gt;");
{
    echo("&amp;lt;TR&amp;gt;&amp;lt;TD&amp;gt;Contact:&amp;lt;/TD&amp;gt;&amp;lt;TD&amp;gt;".$db-&amp;gt;GetResult("Contact")."&amp;lt;/TD&amp;gt;&amp;lt;TD&amp;gt;Power:&amp;lt;/TD&amp;gt;&amp;lt;TD&amp;gt;".$db-&amp;gt;GetResult("Power")."&amp;lt;/TD&amp;gt;&amp;lt;TD&amp;gt;Vision:&amp;lt;/TD&amp;gt;&amp;lt;TD&amp;gt;".$db-&amp;gt;GetResult("Vision")."&amp;lt;/TD&amp;gt;&amp;lt;/TR&amp;gt;");
    echo("&amp;lt;TR&amp;gt;&amp;lt;TD&amp;gt;Fielding:&amp;lt;/TD&amp;gt;&amp;lt;TD&amp;gt;".$db-&amp;gt;GetResult("Fielding")."&amp;lt;/TD&amp;gt;&amp;lt;TD&amp;gt;Intelligence:&amp;lt;/TD&amp;gt;&amp;lt;TD&amp;gt;".$db-&amp;gt;GetResult("Intelligence")."&amp;lt;/TD&amp;gt;&amp;lt;TD&amp;gt;Speed:&amp;lt;/TD&amp;gt;&amp;lt;TD&amp;gt;".$db-&amp;gt;GetResult("Speed")."&amp;lt;/TD&amp;gt;&amp;lt;/TR&amp;gt;");
    echo("&amp;lt;TR&amp;gt;&amp;lt;TD&amp;gt;Morale:&amp;lt;/TD&amp;gt;&amp;lt;TD&amp;gt;".$db-&amp;gt;GetResult("Morale")."&amp;lt;/TD&amp;gt;&amp;lt;TD&amp;gt;Pitching Skill:&amp;lt;/TD&amp;gt;&amp;lt;TD&amp;gt;".$db-&amp;gt;GetResult("Skills")."&amp;lt;/TD&amp;gt;&amp;lt;TD&amp;gt;Velocity:&amp;lt;/TD&amp;gt;&amp;lt;TD&amp;gt;".$db-&amp;gt;GetResult("Velocity")."&amp;lt;/TD&amp;gt;&amp;lt;/TR&amp;gt;");
}
echo("&amp;lt;TR&amp;gt;&amp;lt;TD colspan='5' align='center'&amp;gt;------------------------------------&amp;lt;/TD&amp;gt;&amp;lt;/TR&amp;gt;");
}
echo("&amp;lt;/TABLE&amp;gt;");
echo("&amp;lt;BR&amp;gt;&amp;lt;/DIV&amp;gt;");
}
$db-&amp;gt;Close();
?&amp;gt;
&lt;/code&gt;&lt;/pre&gt;
&lt;p&gt;as far as the $db commands those are not the issue,
i think it could be the while im really not sure as usually when i do this on other projects i have no issues,
this is a larger project though and the first of its type i have attempted
its just rather wierd, any advice would be appreciated, anothe wierd thing i noticed
was that in amongst my files for this site i have a file that defines some elements for the webapp, and on xampp no issues, on webserver it requires me to close the opening php tag in the file to accept the class Site lol so i dunno maybe its the webserver ?&lt;/p&gt;</t>
  </si>
  <si>
    <t>2013-04-24 04:28:55.167000+00:00</t>
  </si>
  <si>
    <t>2013-04-24 05:00:37.407000+00:00</t>
  </si>
  <si>
    <t>2013-04-24 04:51:02.063000+00:00</t>
  </si>
  <si>
    <t>php|mysql|web-applications|xampp</t>
  </si>
  <si>
    <t>Reuse method within a class</t>
  </si>
  <si>
    <t>&lt;p&gt;I have a method that basically returns the results of a mysql query.  &lt;/p&gt;
&lt;pre&gt;&lt;code&gt;public function getStuff() {
$this-&amp;gt;sort = "myColumn ASC";
$query = ... ORDER BY $this-&amp;gt;sort;
return $data;
}
&lt;/code&gt;&lt;/pre&gt;
&lt;p&gt;I'd like to reuse that result, only with a different sort order, and it seems like I should be able to grab that data in another method, just by calling the original method.  Like this:&lt;/p&gt;
&lt;pre&gt;&lt;code&gt;public function getMoreStuff() {
$this-&amp;gt;sort = "anotherColumn DESC";
$this-&amp;gt;getStuff();
}
&lt;/code&gt;&lt;/pre&gt;
&lt;p&gt;But, while "getStuff()" is returning data as expected, "getMoreStuff()" doesn't return anything.  I'm sure it's not necessary to copy the entire query into my second method, but am at a loss on how I can include it. Any guidance would be very appreciated.  Thanks! &lt;/p&gt;</t>
  </si>
  <si>
    <t>2010-03-07 08:01:12.673000+00:00</t>
  </si>
  <si>
    <t>2010-03-07 08:08:49.900000+00:00</t>
  </si>
  <si>
    <t>php|mysql|methods</t>
  </si>
  <si>
    <t>List all files in directory in image using the sleuthkit but without using fls</t>
  </si>
  <si>
    <t>&lt;p&gt;I want to list all files in a directory in a E01 image using the Sleuthkit. The only problem is that i can't use the fls command. I have the inode number of the directory being 145 and the directory name which is /Users/Hello/Pictures/test. &lt;/p&gt;
&lt;p&gt;The output when using the fls command is: &lt;/p&gt;
&lt;pre&gt;&lt;code&gt;fls -f ntfs -o 2048 Thisimage.E01 145
-/r * 216-128-2:    Hello1.jpg
-/r * 217-128-2:    Bye.jpg
-/r * 218-128-2:    TheFATlady.jpg
-/r * 219-128-2:    Snape.jpg
-/r * 220-128-2:    Amazeing.jpg
-/r * 221-128-2:    Thumbs.db`
&lt;/code&gt;&lt;/pre&gt;
&lt;p&gt;Now i need to get the same using the Sleuthkit but not fls. I am not allowed to mount the file. I hope someone can help i've been stuck on this assignment for days now. &lt;/p&gt;</t>
  </si>
  <si>
    <t>2018-11-13 10:39:11.850000+00:00</t>
  </si>
  <si>
    <t>linux|ubuntu</t>
  </si>
  <si>
    <t>How to do django inplace-edit along with AJAX based django endless-pagination</t>
  </si>
  <si>
    <t>&lt;p&gt;AJAX based django endless-pagination has 2 templates: 
1. The main issue_detail.html 
2. The pagination template issue_detail_page.html&lt;/p&gt;
&lt;p&gt;In the base.html template, right before extra_header block I have:&lt;/p&gt;
&lt;pre&gt;&lt;code&gt;{% inplace_static %}
&lt;/code&gt;&lt;/pre&gt;
&lt;p&gt;I try to do the following in the issue_detail_page.html:&lt;/p&gt;
&lt;pre&gt;&lt;code&gt;{% load endless %}
{% load inplace_edit %}
{% lazy_paginate 2 completed_actions using "completed_actions_page" %}
    {% for action in completed_actions %}
        &amp;lt;tr&amp;gt;
            &amp;lt;td&amp;gt;&amp;lt;a href="{% url 'action_detail' issuelist.id issue.id action.id %}"&amp;gt;{{action.title}}&amp;lt;/a&amp;gt;&amp;lt;/td&amp;gt;
            &amp;lt;td&amp;gt;{% inplace_edit "action.owner" %}&amp;lt;/td&amp;gt;
            &amp;lt;td&amp;gt;{% inplace_edit "action.event_date" %}&amp;lt;/td&amp;gt;
            &amp;lt;td&amp;gt;{% inplace_edit "action.state" %}&amp;lt;/td&amp;gt;
        &amp;lt;/tr&amp;gt;
    {% endfor %}
{% show_more %}
&lt;/code&gt;&lt;/pre&gt;
&lt;p&gt;But the Ajax loaded pages (table data) are not editable. &lt;/p&gt;
&lt;p&gt;I checked the HTML and found that the first/original table data is: &lt;/p&gt;
&lt;pre&gt;&lt;code&gt;&amp;lt;span class="inplaceedit textinplaceedit enable"&amp;gt;
&lt;/code&gt;&lt;/pre&gt;
&lt;p&gt;Whereas the page later table data loaded using AJAX by clicking on the "more" link is:&lt;/p&gt;
&lt;pre&gt;&lt;code&gt;&amp;lt;span class="inplaceedit textinplaceedit"&amp;gt;
&lt;/code&gt;&lt;/pre&gt;
&lt;p&gt;Can someone please suggest on how to make this work?&lt;/p&gt;</t>
  </si>
  <si>
    <t>2014-04-01 21:33:32.007000+00:00</t>
  </si>
  <si>
    <t>2016-06-27 06:52:39.380000+00:00</t>
  </si>
  <si>
    <t>2014-04-01 21:40:05.677000+00:00</t>
  </si>
  <si>
    <t>javascript|ajax|django|django-endless-pagination|django-inplaceedit</t>
  </si>
  <si>
    <t>GLKViewController: incorrect fps</t>
  </si>
  <si>
    <t>&lt;p&gt;Hope there are some GLKViewController experts out there because I have some problems :)&lt;/p&gt;
&lt;p&gt;Just a quick description of my app. I have a UINavigationController in which I push different screens. &lt;/p&gt;
&lt;p&gt;At some point, I get to my game screen which is a subclass of UINavigationController.  In this screen, in &lt;code&gt;viewDidLoad&lt;/code&gt; I manually create a EAGLContext, GLKView and instantiate a new GLKViewController (to handle my update&amp;amp;draw calls).&lt;/p&gt;
&lt;p&gt;I am setting a preferred fps of 30.&lt;/p&gt;
&lt;p&gt;The problem is that the first 3-4 update calls come with the correct DT, but then I have 2-3 frames with 1 second between them. I measure the DT using &lt;code&gt;controller.timeSinceLastUpdate&lt;/code&gt;. 
So I get like:&lt;/p&gt;
&lt;pre&gt;&lt;code&gt;dt=0.33
dt=0.33
dt=0.33
dt=1.07
dt=1.05
dt=0.33
dt=0.33
&lt;/code&gt;&lt;/pre&gt;
&lt;p&gt;After this, I get valid only DT times. I have no idea why those frames have that kind of delay. I measured the time it takes me in the update &amp;amp; draw method, and it's nowhere near 1 second.&lt;/p&gt;
&lt;p&gt;Also, I'm not loading any textures/creating any geometry. Everything is done at loading since it is a rather small game.&lt;/p&gt;
&lt;p&gt;Also, if I pop the game screen controller and then push back another instance of the game screen, this new GLKViewController will only call my update method aproximately every 1 second.&lt;/p&gt;
&lt;p&gt;Did anybody have a problem with the framerate when using GLKViewController?&lt;/p&gt;
&lt;p&gt;Thanks,&lt;/p&gt;</t>
  </si>
  <si>
    <t>2011-10-28 16:00:20.687000+00:00</t>
  </si>
  <si>
    <t>2011-11-01 09:36:16.067000+00:00</t>
  </si>
  <si>
    <t>iphone|frame-rate|glkit</t>
  </si>
  <si>
    <t>Python-ModuleNotFoundError: No module named 'selenium'</t>
  </si>
  <si>
    <t>&lt;p&gt;I tried to import selenium on python and it didnt let me.
I am using linux mint. I checked that it was installing selenium in ./anaconda3... and i moved it into /etc/ but still doesn't recognize it.
What can I do?&lt;/p&gt;
&lt;pre&gt;&lt;code&gt;&amp;gt;&amp;gt;&amp;gt; import selenium
Traceback (most recent call last):
  File "&amp;lt;stdin&amp;gt;", line 1, in &amp;lt;module&amp;gt;
ModuleNotFoundError: No module named 'selenium'
&lt;/code&gt;&lt;/pre&gt;</t>
  </si>
  <si>
    <t>2018-11-24 17:37:12.533000+00:00</t>
  </si>
  <si>
    <t>2018-11-24 18:06:26.733000+00:00</t>
  </si>
  <si>
    <t>2018-11-24 17:39:34.853000+00:00</t>
  </si>
  <si>
    <t>php|python|linux|selenium|linuxmint</t>
  </si>
  <si>
    <t>How to set JMeter Vars from within WebDriver Sampler?</t>
  </si>
  <si>
    <t>&lt;pre&gt;&lt;code&gt;// I had previously used a CSS/JQuery extractor to get a URL from a page and add it to JMeter vars - accessing it here
var pageURL = "${valueFromJmeterVars}";
// navigate to that url
WDS.browser.get(pageURL); 
// selecting an element
var button = wait.until(pkg.ExpectedConditions.visibilityOfElementLocated(pkg.By.cssSelector(buttonLocator)));                                                                                                                                               
// log desired boolean value to console, so I can confirm is as expected
WDS.log.info('reserveASpotButton:' + reserveASpotButton.isEnabled());
// add my boolean to JMeter vars, so I can access later from beanshell post-processor (where I do my assertions)
vars.put("reserveASpotButtonIsEnabled", reserveASpotButton.isEnabled());
&lt;/code&gt;&lt;/pre&gt;
&lt;p&gt;The last line above doesn't work. &lt;/p&gt;
&lt;p&gt;I can successfully use CSS/JQuery Extractor to add values to JMeter vars...&lt;/p&gt;
&lt;p&gt;But how can I do the same from within WebDriver Sampler?&lt;/p&gt;</t>
  </si>
  <si>
    <t>2013-11-06 16:27:55.950000+00:00</t>
  </si>
  <si>
    <t>2015-04-07 11:00:13.350000+00:00</t>
  </si>
  <si>
    <t>javascript|webdriver|automated-tests|jmeter|jmeter-plugins</t>
  </si>
  <si>
    <t>Re-write oracle query to avoid multiple table scan</t>
  </si>
  <si>
    <t>&lt;p&gt;I hope everyone is fine and learning more. I need some advice on select statement and on its fine tuning. I am using Oracle 11gR2.  Please find below table and data scripts.&lt;/p&gt;
&lt;pre&gt;&lt;code&gt;create table employee (emp_id number, emp_name varchar2(50), manager_id number);
create table department (dept_id number, dept_name varchar2(50), emp_name varchar2(50), manager_level varchar2(20));
create table manager_lookup (manager_level_id number, manager_level varchar2(20));
insert into employee values (1, 'EmpA',3);
insert into employee values (2, 'EmpB',1);
insert into employee values (3, 'EmpC',1);
insert into employee values (4, 'EmpD',2);
insert into employee values (5, 'EmpE',1);
insert into employee values (6, 'EmpF',3);
insert into department values (1, 'DeptA','EmpD','Level3');
insert into department values (2, 'DeptB','EmpC','Level2');
insert into department values (3, 'DeptC','EmpA','Level1');
insert into department values (4, 'DeptD','EmpF','Level1');
insert into department values (5, 'DeptD','EmpA','Level3');
insert into department values (6, 'DeptA',NULL,'Level3');
insert into manager_lookup values (1, 'Level1');
insert into manager_lookup values (2, 'Level2');
insert into manager_lookup values (3, 'Level3');
commit;
&lt;/code&gt;&lt;/pre&gt;
&lt;p&gt;Below query is returning me dept_id by passing some emp_name. I need those dept_id where manager_level is same as emp_name passed but don't need to have that same emp_name in result data set.&lt;/p&gt;
&lt;pre&gt;&lt;code&gt;SELECT b.dept_id
  FROM (SELECT DISTINCT manager_level
          FROM department dpt
         WHERE emp_name = 'EmpA'
         and emp_name is not null) a,
       department b
 WHERE     a.manager_level = b.manager_level
       AND NVL (b.emp_name, 'ABC') &amp;lt;&amp;gt; 'EmpA';
&lt;/code&gt;&lt;/pre&gt;
&lt;p&gt;Above query is returning me data set as below:&lt;/p&gt;
&lt;pre&gt;&lt;code&gt;dept_id
--------
1
4
6
&lt;/code&gt;&lt;/pre&gt;
&lt;p&gt;I want same result set but need to rewrite above query in a way to avoid department table scan two times. This is just sample query but in real time scanning big table two times is giving performance issues. I want to re-write this query in a way to perform better and avoid same table scan two times.&lt;/p&gt;
&lt;p&gt;Can you please help on providing your wonderful suggestions or solutions? I will really appreciate all responses.&lt;/p&gt;
&lt;p&gt;Thank you for going over the question.&lt;/p&gt;</t>
  </si>
  <si>
    <t>2015-07-21 15:35:56.750000+00:00</t>
  </si>
  <si>
    <t>2015-07-21 16:00:55.270000+00:00</t>
  </si>
  <si>
    <t>MS Access 2003 - text box calculation on a form</t>
  </si>
  <si>
    <t>&lt;p&gt;Lets say I have two text boxes on a form. the first returns a count value from a SQL statement, or a domain aggregate expression, etc. the second does the same with additional parameters.&lt;/p&gt;
&lt;p&gt;Now i want to have another text box (#3) that divides one by the other for a very simple percentage. like this for a controlsource:&lt;/p&gt;
&lt;pre&gt;&lt;code&gt;=[textbox2]/[textbox1]
&lt;/code&gt;&lt;/pre&gt;
&lt;p&gt;this works great unless the original counted value returned is a zero. If the first returned value is a zero, then the second is going to be a zero too, and ideally 0 / 0 should come out to zero, but I get a #Num! error string in the text box.&lt;/p&gt;
&lt;p&gt;I realize this is yet another weird request but this is for a dashboard form that has about 50 of these, and they work great, unless I hit a zero.&lt;/p&gt;
&lt;p&gt;So is there any way I can set text box properties that i may be unaware of, for this to work without having to write numerous If statements in the code?&lt;/p&gt;
&lt;p&gt;Thanks!&lt;/p&gt;</t>
  </si>
  <si>
    <t>2010-03-18 15:51:08.493000+00:00</t>
  </si>
  <si>
    <t>2013-07-08 07:18:54.723000+00:00</t>
  </si>
  <si>
    <t>ms-access|vba|properties|textbox|ms-access-2003</t>
  </si>
  <si>
    <t>why is there no rectangle drawn? opencv/pyqt4</t>
  </si>
  <si>
    <t>&lt;p&gt;Executing the code I get opencv window with converted image, I get
starting and ending pix position printed but the rectangle does not
appear on the image. Why is that?&lt;/p&gt;
&lt;pre&gt;&lt;code&gt;import sys from PyQt4 import QtGui, uic import cv2
class MyWindow(QtGui.QMainWindow):
    def __init__(self):
        super(MyWindow, self).__init__()
        uic.loadUi('now.ui', self)
        self.show()
        self.open.clicked.connect(self.dialog)
        self.actionOpen.triggered.connect(self.dialog)
    def do_sth(self):
        print('works fine')
    def matp(self, name):
        image = Image.open(name).convert("L")
        arr = np.asarray(image)
        plt.imshow(arr, cmap='Greys_r')
        plt.show()
    def dialog(self):
        self.fileDialog = QtGui.QFileDialog(self)
        file_name = self.fileDialog.getOpenFileName()
        self.label.setText("File Path: " + str(file_name))
        self.print_sth(file_name)
    def print_sth(self, name):
        mode = True
        box1 = []
        box2 = []
        def interactive_drawing(event, x, y, flags, param):
            if event == cv2.EVENT_LBUTTONDOWN:
                if len(box1) is not 0:
                    box1.pop(0)
                b1 = x, y
                print('Start Mouse Position: ' + str(x) + ', ' + str(y))
                box1.append(b1)
            elif event == cv2.EVENT_LBUTTONUP:
                if len(box2) is not 0:
                    box2.pop(0)
                print('End Mouse Position: ' + str(x) + ', ' + str(y))
                b2 = x, y
                box2.append(b2)
                if mode == True:
                    cv2.rectangle(img, (box1[0]), (box2[0]), (255, 255, 255), 1)
        img = cv2.imread(name, 0)
        cv2.imshow('image', img)
        cv2.setMouseCallback('image', interactive_drawing)
        cv2.waitKey(0)
        cv2.destroyAllWindows()
    def close_application(self):
        sys.exit()
if __name__ == '__main__':
    app = QtGui.QApplication(sys.argv)
    window = MyWindow()
    sys.exit(app.exec_())
&lt;/code&gt;&lt;/pre&gt;
&lt;p&gt;PS. The sole &lt;code&gt;interactive_drawing&lt;/code&gt; function works as intended when I put it alone in a new file.&lt;/p&gt;</t>
  </si>
  <si>
    <t>2016-09-20 11:36:51.800000+00:00</t>
  </si>
  <si>
    <t>2016-09-20 11:59:22.743000+00:00</t>
  </si>
  <si>
    <t>python|python-3.x|pyqt4|opencv3.0</t>
  </si>
  <si>
    <t>C#/Xamarin equivalent of class.getSimpleName()</t>
  </si>
  <si>
    <t>&lt;p&gt;I'm manually porting an Android Studio project to Visual Studio / Xamarin. I have this Java code:&lt;/p&gt;
&lt;pre&gt;&lt;code&gt;throw new IllegalStateException(MyClass.class.getSimpleName() + " is not initialized.");
&lt;/code&gt;&lt;/pre&gt;
&lt;p&gt;and I'm trying to find the equivalent for &lt;code&gt;.getSimpleName()&lt;/code&gt;.&lt;/p&gt;
&lt;p&gt;I found a couple things on the web to try:&lt;/p&gt;
&lt;pre&gt;&lt;code&gt;throw new IllegalStateException(MyClass.ShortClassName +" is not initialized.);
throw new IllegalStateException(nameOf(MyClass) +  " is not initialized.");
&lt;/code&gt;&lt;/pre&gt;
&lt;p&gt;but neither of these compile.&lt;br&gt;
Can you tell me what the equivalent is?&lt;/p&gt;</t>
  </si>
  <si>
    <t>2016-04-14 15:15:44.813000+00:00</t>
  </si>
  <si>
    <t>2016-04-14 15:20:29.807000+00:00</t>
  </si>
  <si>
    <t>c#|xamarin.android</t>
  </si>
  <si>
    <t>In TensorFlow's low level API, is it possible to save a graph with an optimizer and in another file continue training?</t>
  </si>
  <si>
    <t>&lt;p&gt;I created a file where I create a model and start the training process using &lt;code&gt;tf.train.GradientDescentOptimizer(learning_rate=0.0001).minimize(cost, name='optimizer')&lt;/code&gt; and more code.&lt;/p&gt;
&lt;p&gt;Can I save this model and in another file continue the training without having to recreate the model?&lt;/p&gt;
&lt;p&gt;I would like to do something like:&lt;/p&gt;
&lt;ul&gt;
&lt;li&gt;In the new file, load model&lt;/li&gt;
&lt;li&gt;With the loaded model train.&lt;/li&gt;
&lt;li&gt;Maybe do an inference at some point in time.&lt;/li&gt;
&lt;/ul&gt;
&lt;p&gt;&lt;strong&gt;Edit&lt;/strong&gt;&lt;/p&gt;
&lt;p&gt;My hunch tells me that it's not exactly possible. This is what I would do:&lt;/p&gt;
&lt;ul&gt;
&lt;li&gt;Save the model using tf.train.Saver&lt;/li&gt;
&lt;li&gt;In another place, load the model using tf.train.Saver&lt;/li&gt;
&lt;li&gt;Create a new optimizer to optimize the cost in the model, train again.&lt;/li&gt;
&lt;/ul&gt;</t>
  </si>
  <si>
    <t>2018-09-01 21:53:11.013000+00:00</t>
  </si>
  <si>
    <t>2018-09-01 22:06:12.687000+00:00</t>
  </si>
  <si>
    <t>2018-09-01 21:59:43.420000+00:00</t>
  </si>
  <si>
    <t>python|tensorflow</t>
  </si>
  <si>
    <t>opening image on canvas, cropping the image and update the canvas</t>
  </si>
  <si>
    <t>&lt;p&gt;I am trying to select an image file using file menu and open the image using a new window, crop the image and replace the old image with the cropped one. All seems working except the last part to upadate the canvas with the cropped image. I couldn't get the result i wanted using the &lt;code&gt;itemconfig()&lt;/code&gt; function. &lt;/p&gt;
&lt;p&gt;Any help please?&lt;/p&gt;
&lt;pre&gt;&lt;code&gt;import Tkinter 
from ttk import Frame
import tkFileDialog
import Image, ImageTk
class Front_window(Frame):
    def __init__(self, parent):
        Frame.__init__(self,parent)
        self.parent = parent
        self.init_front_window()
    def init_front_window(self):
        self.parent.title("Luminance")
        menubar  = Tkinter.Menu(self)
        filemenu = Tkinter.Menu(menubar, tearoff=0)
        filemenu.add_command(label="Open", command=self.File_open_window)
        filemenu.add_command(label="Exit", command=self.Exit_window)
        menubar.add_cascade(label="File", menu=filemenu)
        self.parent.config(menu=menubar)
        self.cropped_image_ = Image
    def File_open_window(self):
        file_open_window = Tkinter.Tk()
        file_open_window.withdraw()
        file_name_ = tkFileDialog.askopenfile(parent=file_open_window,mode='rb',title='Choose a file') 
        self.Image_open_window(file_name_)
    def Image_open_window(self, image_file_name_):
        self.original_image_unscaled_ = Image.open(image_file_name_)        
        self.image_size_x_ = self.original_image_unscaled_.size[0]
        self.image_size_y_ = self.original_image_unscaled_.size[1]
        image_factor_ = float
        if ( self.image_size_y_ &amp;gt; self.parent.winfo_screenheight()/2):                   
            self.Image_window_y_ =  self.parent.winfo_screenheight()/2
        else:
            self.Image_window_y_ = self.image_size_y_  
        self.Image_window_x_ = int(self.Image_window_y_ * float(self.image_size_x_) / float(self.image_size_y_))
        self.canavas_x_ = self.Image_window_x_
        self.canavas_y_ = self.Image_window_y_
        self.original_image_scaled_ = self.Scale_image( self.original_image_unscaled_ , self.canavas_x_, self.canavas_y_)   # scalign should not be too much, check relative to size of the image
        self.image_open_window = Tkinter.Toplevel()
        self.image_open_window.geometry(("+%d+%d")%(self.Image_window_x_,self.Image_window_y_))
        self.photo_image_ = ImageTk.PhotoImage(self.original_image_scaled_)
        self.image_canavas_ = Tkinter.Canvas(self.image_open_window, bg="white", height=self.canavas_y_, width=self.canavas_x_)
        self.image_canavas_.pack()
        self.image_on_canvas_ = self.image_canavas_.create_image(self.canavas_x_/2,self.canavas_y_/2,image=self.photo_image_)
        crop_button_ = Tkinter.Button(self.image_open_window, text = "crop", width = 14, command = self.Crop_image)
        crop_button_.pack()
        self.rect = None
        self.start_x = None
        self.start_y = None
        self.end_x = None
        self.end_y = None
        self.image_canavas_.bind("&amp;lt;ButtonPress-1&amp;gt;",self.on_button_press)
        self.image_canavas_.bind("&amp;lt;B1-Motion&amp;gt;",self.on_move_press)
        self.image_canavas_.bind("&amp;lt;ButtonRelease-1&amp;gt;",self.on_button_release)
        self.image_open_window.resizable(0,0)
        self.image_open_window.mainloop()
    def on_button_press(self, event):
        self.start_x = event.x
        self.start_y = event.y
        self.rect = self.image_canavas_.create_rectangle(self.start_x, self.start_y, 1, 1)
    def on_move_press(self, event):
        curX, curY = (event.x, event.y)
        self.image_canavas_.coords(self.rect, self.start_x, self.start_y, curX, curY)
    def on_button_release(self, event):
        self.end_x =  event.x
        self.end_y =  event.y
        pass        
    def Scale_image(self,image_data_,size_x,size_y):
        return image_data_.resize((size_x,size_y),Image.ANTIALIAS)
    def Crop_image(self):
        self.cropped_image_ = self.original_image_scaled_.crop((self.start_x,self.start_y,self.end_x,self.end_y))
        self.cropped_photoimage = ImageTk.PhotoImage(self.cropped_image_)
        self.image_canavas_.delete(self.rect)
        self.image_open_window.configure(width=self.cropped_image_.size[0],height = self.cropped_image_.size[1])
        self.image_canavas_.configure(width=self.cropped_image_.size[0],height=self.cropped_image_.size[1])
        self.image_canavas_.create_image(self.cropped_image_.size[0]/2,self.cropped_image_.size[1]/2,image=self.cropped_photoimage )
    def Exit_window(self):
        self.parent.destroy()
def main():
    root = Tkinter.Tk()
    root.geometry("300x200+300+300")
    app = Front_window(root)
    root.mainloop()  
if __name__ == '__main__':
    main()  
&lt;/code&gt;&lt;/pre&gt;</t>
  </si>
  <si>
    <t>2016-05-19 21:14:59.140000+00:00</t>
  </si>
  <si>
    <t>2017-07-07 10:59:50.597000+00:00</t>
  </si>
  <si>
    <t>python|tkinter|python-imaging-library|crop|tkinter-canvas</t>
  </si>
  <si>
    <t>What does GCC visibility hidden do in those cases?</t>
  </si>
  <si>
    <t>&lt;p&gt;I am writing a library: some of the symbols are to be used by the user, and some other are internal cooking. I started using the visibility attribute following &lt;a href="http://gcc.gnu.org/wiki/Visibility" rel="nofollow"&gt;this page&lt;/a&gt; of the GCC wiki, but I can���t quite figure what the attribute does in certain cases:&lt;/p&gt;
&lt;pre&gt;&lt;code&gt;#define TATO_SYM_INTERNAL __attribute__((visibility("internal")))
#define TATO_SYM_PUBLIC __attribute__((visibility("default")))
struct linkset
{
public:
    typedef sentence::id      *     iterator;
    typedef const sentence::id   *  const_iterator;
    TATO_SYM_PUBLIC    linkset() ;
    TATO_SYM_INTERNAL  void allocate( const datainfo &amp;amp; _datainfo );
    TATO_SYM_PUBLIC    void addLink( sentence::id _a, sentence::id _b );
    TATO_SYM_PUBLIC    bool areLinked( sentence::id _a, sentence::id _b ) const;
    TATO_SYM_PUBLIC    std::pair&amp;lt;const_iterator, const_iterator&amp;gt; getLinksOf( sentence::id _a ) const;
private:
    typedef std::vector&amp;lt;sentence::id&amp;gt; linksArray;
    linksArray                                  m_links;
    std::vector&amp;lt; std::pair&amp;lt;size_t, size_t&amp;gt; &amp;gt;    m_offsets;
private:
    TATO_SYM_INTERNAL linkset( const linkset &amp;amp; ) = delete;
    TATO_SYM_INTERNAL linkset &amp;amp; operator=( const linkset &amp;amp; ) = delete;
};
inline
void linkset::addLink( sentence::id _a, sentence::id _b ) TATO_RESTRICT
{
  // internal stuff
}
&lt;/code&gt;&lt;/pre&gt;
&lt;p&gt;First, there is no reason for the user to call &lt;code&gt;allocate()&lt;/code&gt;. The member function is not documented, and it is only here for my pleasure. Does that make sense, in that case, to hide the symbol?&lt;/p&gt;
&lt;p&gt;Second, &lt;code&gt;m_links&lt;/code&gt; and &lt;code&gt;m_offsets&lt;/code&gt;. If I added an attribute of visibility to them, what would it mean? Said differently, what does GCC do when I add &lt;code&gt;TATO_SYM_INTERNAL&lt;/code&gt; to m_links?&lt;/p&gt;
&lt;p&gt;Third, does it mean anything at all to hide the visibility of deleted member functions?&lt;/p&gt;</t>
  </si>
  <si>
    <t>2012-10-30 03:02:06.477000+00:00</t>
  </si>
  <si>
    <t>2014-12-21 01:49:11.203000+00:00</t>
  </si>
  <si>
    <t>gcc|dll|shared-libraries|ld|dllexport</t>
  </si>
  <si>
    <t>Deleting element from an array in java</t>
  </si>
  <si>
    <t>&lt;p&gt;I created a program where users enter a command which are : adding a number to the array or delete an element from the array or print the array. The array size is 10. &lt;/p&gt;
&lt;p&gt;Here is the tester class,&lt;/p&gt;
&lt;pre&gt;&lt;code&gt;   import java.util.Scanner;
   public class Assignment7 {
   public static void main (String [] args) {
    Scanner scan = new Scanner (System.in);
     final int MAX = 10;
      Numbers nums = new Numbers(MAX);
     char command;
     int value;
     System.out.println
       ("To add an element into the array, type a.");
      System.out.println
     ("To delete an element from the array, type d.");
     System.out.println
     ("To print the current contents of the array, type p.");
      System.out.println
      ("To exit this program, type x.\n");
      System.out.print
      ("Add (a), delete (d), print (p) or exit (x)?:");
      command = scan.nextLine().charAt(0);
       while (command != 'x') {
      if (command == 'a' || command == 'd') {
      System.out.print ("Enter a number: ");
       value = scan.nextInt();
       scan.nextLine();
      if (command == 'a')nums.add(value);
        else nums.delete(value);
        }
       else if (command == 'p') nums.print();
         else System.out.println ("Not a value input");
        System.out.print
        ("Add (a), delete (d), print (p) or exit (x)?: ");
        command = scan.nextLine().charAt(0);
         }
         System.out.println ("Program Complete");
      }
   }
&lt;/code&gt;&lt;/pre&gt;
&lt;p&gt;And here is my other class,&lt;/p&gt;
&lt;pre&gt;&lt;code&gt;       import java.util.*;
       public class Numbers{
    private int[] nums;
    private int size;
    public Numbers(int _size){
    this.nums = new int[_size];
    }
    public void add(int addnum){
    if (size == nums.length)
    {
        System.out.println("Array is full. The value " +addnum + " cannot                be added.");
    }
    else
    {
    nums[size] = addnum;
    size += 1;
    }
        }
      public void delete(int deleteNum){
    if(search(deleteNum) == -1)
    {
    System.out.println("The value " + deleteNum + " was not found and cannot be deleted.");
    }
    else {
        for (int i = nums[deleteNum]; i &amp;lt; nums.length -1; i++){
            nums[i]= nums[i+1];
        }
    }
     }
      public void print(){
    String output ="";
    for(int str: nums){
    output = output + " " + str;
        }
    System.out.println(output);
     }
     private int search(int x){
    int index = 0;
    while(index &amp;lt; size){
        if(nums[index] == x)
        return index;
        index++;
            }
        return -1;
        }
       }
&lt;/code&gt;&lt;/pre&gt;
&lt;p&gt;Each time I run the program and input a number I want to delete it doesn't delete it. It deletes the number in the index.&lt;/p&gt;
&lt;p&gt;For example, if the array inputs are &lt;code&gt;1,2,3,4,5,6,7,8,9,10&lt;/code&gt; and I want to delete the number 1 it deletes the value that is in the index of 1 which would be the number 2 instead of the number 1. &lt;/p&gt;</t>
  </si>
  <si>
    <t>2014-04-17 23:20:51.367000+00:00</t>
  </si>
  <si>
    <t>2014-10-27 21:52:43.890000+00:00</t>
  </si>
  <si>
    <t>audio streaming server</t>
  </si>
  <si>
    <t>&lt;p&gt;I'm a php developer, trying to develop a website to stream on-demand music to the users.
After a lot of googling I'm confused about which kind of server or tools should I use? I've seen some like WOWZA or SHOUTCAST, but I don't know which one is the best for my needs. &lt;/p&gt;
&lt;p&gt;I want to provide high quality audio files. So maybe I should use 320kbps mp3 format or something else but with the same quality.&lt;/p&gt;
&lt;p&gt;I don't need live streaming. I just need on-demand streaming of the music files and the ability for the user to create his/her own playlists.&lt;/p&gt;
&lt;p&gt;The user shouldn't be able to download the music files.&lt;/p&gt;</t>
  </si>
  <si>
    <t>2013-03-17 11:24:31.600000+00:00</t>
  </si>
  <si>
    <t>2013-03-18 15:21:30.817000+00:00</t>
  </si>
  <si>
    <t>web-services|audio|streaming|media|audio-streaming</t>
  </si>
  <si>
    <t>Which patterns for loose coupling do you use most?</t>
  </si>
  <si>
    <t>&lt;p&gt;Lately I have seen a lot of blog posts concerning how to build loosely coupled applications. Which patterns do you use most when creating loosely coupled applications? Dependency Injection? Inversion of Control?&lt;/p&gt;</t>
  </si>
  <si>
    <t>2008-12-22 13:40:52.177000+00:00</t>
  </si>
  <si>
    <t>2011-12-10 09:23:32.260000+00:00</t>
  </si>
  <si>
    <t>Fossmo</t>
  </si>
  <si>
    <t>dependency-injection|inversion-of-control|loose-coupling</t>
  </si>
  <si>
    <t>Android convention for a complex modal interaction</t>
  </si>
  <si>
    <t>&lt;p&gt;I'm looking for the "Android way" of implementing a modal view which interrupts the current flow, and displays another set of screens (more than one). Once done, I'd like to go back to where I was.
I'm actually looking for something similar to the iOS behavior described &lt;a href="http://developer.apple.com/library/ios/#featuredarticles/ViewControllerPGforiPhoneOS/ModalViewControllers/ModalViewControllers.html" rel="nofollow"&gt;here&lt;/a&gt;.&lt;/p&gt;
&lt;p&gt;Is there a standard way of doing it in Android (ICS)?&lt;/p&gt;
&lt;p&gt;Thanks!&lt;/p&gt;
&lt;p&gt;Ariel&lt;/p&gt;</t>
  </si>
  <si>
    <t>2012-06-21 13:13:47.053000+00:00</t>
  </si>
  <si>
    <t>2012-07-07 05:40:05.503000+00:00</t>
  </si>
  <si>
    <t>android|user-interface|modal-dialog|android-4.0-ice-cream-sandwich</t>
  </si>
  <si>
    <t>Excel Macro runs fine but fails to Save xlsx</t>
  </si>
  <si>
    <t>&lt;p&gt;Excel version : 2016, O/S: Windows 7 Enterprise (64-bit)&lt;/p&gt;
&lt;p&gt;I am executing the below .vbs code to run a macro which I have created (macro name: PV_Data_Prep) -&lt;/p&gt;
&lt;pre&gt;&lt;code&gt;Option Explicit
On Error Resume Next
Dim args, objExcel
set args = WScript.Arguments
set objExcel = CreateObject("Excel.Application")
objExcel.Workbooks.Open "C:\PV_SP_Data\Work_Portfolio_All_Active_IT_Projects.xlsx"
objExcel.Visible = true
objExcel.Run "PERSONAL.XLSB!PV_Data_Prep"
objExcel.ActiveWorkbook.Save
objExcel.Activeworkbook.Close
objExcel.Quit
Set objExcel = Nothing
WScript.Quit
&lt;/code&gt;&lt;/pre&gt;
&lt;p&gt;Macro runs successfully. After the macro is run it fails to save the xlsx. 
Appreciate any help!&lt;/p&gt;</t>
  </si>
  <si>
    <t>2017-03-27 15:24:53.680000+00:00</t>
  </si>
  <si>
    <t>Pass QTableView model to another thread and operate with it</t>
  </si>
  <si>
    <t>&lt;p&gt;I'm stuck at a learning project.
I've subclassed &lt;code&gt;QObject&lt;/code&gt;, and set up a signal to work with a &lt;code&gt;QAbstractItemModel&lt;/code&gt; derived object.
I see like I "received" the object passed in the signal from the GUI thread, and &lt;code&gt;qDebug&lt;/code&gt;-ing it shows it holds the same address, however, when I try to modify the data in it through &lt;code&gt;setData&lt;/code&gt; in the separated thread, the program crashes.&lt;/p&gt;
&lt;p&gt;What can I do to "modify" this &lt;code&gt;QTableView&lt;/code&gt; model from another thread?
Or should I create a new model in the thread and pass it back to GUI thread? (is this possible, if yes, how so?)&lt;/p&gt;</t>
  </si>
  <si>
    <t>2016-02-19 06:49:18.963000+00:00</t>
  </si>
  <si>
    <t>2016-02-19 12:13:00.940000+00:00</t>
  </si>
  <si>
    <t>c++|multithreading|qt|model</t>
  </si>
  <si>
    <t>how to detect in web page that it is running on mobile safari or websheet</t>
  </si>
  <si>
    <t>&lt;p&gt;I have a web page, I want to detect whether it's running on mobile safari on an ipad. If so, it should load different css files (and if it is running on websheet then it should load another css).
I am using following way for handling css but it shows only one for both:&lt;/p&gt;
&lt;pre&gt;&lt;code&gt;   &amp;lt;link rel="stylesheet" href="main.css?v=2"&amp;gt;
   &amp;lt;link rel="stylesheet" media="handheld" href="css/handheld.css?v=2"&amp;gt;
&lt;/code&gt;&lt;/pre&gt;</t>
  </si>
  <si>
    <t>2012-05-10 05:26:59.130000+00:00</t>
  </si>
  <si>
    <t>2017-02-26 14:19:35.977000+00:00</t>
  </si>
  <si>
    <t>css|html5</t>
  </si>
  <si>
    <t>Accepting larger numbers with decimal values in C</t>
  </si>
  <si>
    <t>&lt;p&gt;I'm writing a code that allows the user to add employees by ID, age and salary however, for salary I'm not sure what value to use in order to scanf and printf a number such as 78950.86. I used double for SALARY because there are more values to hold and I've tried playing around with the printf and scanf for this variable, but it I either get segmentation faults or random numbers. Here's my code:&lt;/p&gt;
&lt;pre&gt;&lt;code&gt;#include &amp;lt;stdio.h&amp;gt;
#define SIZE 2
// Define Number of Employees "SIZE" to be 2
 struct Employee{
    int ID;
    int AGE;
    double SALARY;
};
//Declare Struct Employee
 /* main program */
int main(void) {
    int option = 0;
    int i;
    struct Employee emp[SIZE];
    printf("---=== EMPLOYEE DATA ===---\n\n");
    // Declare a struct Employee array "emp" with SIZE elements
    // and initialize all elements to zero
    do {
            // Print the option list
            printf("1. Display Employee Information\n");
            printf("2. Add Employee\n");
            printf("0. Exit\n\n");
            printf("Please select from the above options: ");
            // Capture input to option variable
            scanf("%d",&amp;amp;option);
            printf("\n");
            switch (option) {
                    case 0: // Exit the program
                            break;
                    case 1: // Display Employee Data
                            // @IN-LAB
                          printf("EMP ID EMP AGE EMP SALARY\n");
                          printf("====== ======= ==========\n");
                          //Use "%6d%9d%11.21f" formatting in a
                          //printf statement to display
                          //employee id, age and salary of
                          //all employees using a loop construct
               for(i=0; i&amp;lt;SIZE; i++) {
                                  printf("%d    %d     %11.2lf", emp[i].ID, emp[i].AGE, emp[i].SALARY);
                          }
                          //The loop construct will be run for SIZE times
                          //and will only display Employee data
                          //where the EmployeeID is &amp;gt; 0
                          break;
                  case 2: //Adding Employee
                                    // @IN-LAB
                          printf("Adding Employee\n");
                          printf("===============\n");
                          for(i=0;i&amp;lt;SIZE;i++) {
                          printf("\nEnter employee ID: ");
                          scanf ("%d", &amp;amp;emp[i].ID);
                          printf("\nEnter employee Age: ");
                          scanf ("%d", &amp;amp;emp[i].AGE);
                          printf("\nEnter employee Salary: ");
                          scanf ("%11lf", &amp;amp;emp[i].SALARY);
                                  }
                          //Check for limits on the array and add employee
                          //data accordingly
                          break;
                  default:
                          printf("ERROR: Incorrect Option: Try Again\n\n");
            }
    } while (option!= 0);
    return 0;
}
&lt;/code&gt;&lt;/pre&gt;</t>
  </si>
  <si>
    <t>2017-02-17 16:54:57.693000+00:00</t>
  </si>
  <si>
    <t>2017-02-17 20:10:52.833000+00:00</t>
  </si>
  <si>
    <t>2017-02-17 18:59:43.263000+00:00</t>
  </si>
  <si>
    <t>c|double|structure</t>
  </si>
  <si>
    <t>Extjs Combobox ajax store doesn't render</t>
  </si>
  <si>
    <t>&lt;p&gt;I have a grid in which I have column which has a combobox editor. I have the following store for the editor combobox&lt;/p&gt;
&lt;pre&gt;&lt;code&gt;var combostore = Ext.create('Ext.data.Store', {
    fields: ['Value'],
    proxy: {
        type: 'ajax',
        url: '/pwbench/json/store1.json',
        reader: {
            type: 'json'
        }
    },
    autoLoad: true
});
&lt;/code&gt;&lt;/pre&gt;
&lt;p&gt;My editor config for the combobox is below&lt;/p&gt;
&lt;pre&gt;&lt;code&gt;editor: {
          xtype: 'combobox',
      store: combostore,
      displayField: 'Value',
      queryMode: 'remote',
      valueField: 'Value',
      emptyText:'Select',
      autoShow: true,
      selectOnFocus:true,
      editable: false,
}
&lt;/code&gt;&lt;/pre&gt;
&lt;p&gt;The json data for the store is below&lt;/p&gt;
&lt;pre&gt;&lt;code&gt;{[{"Value": "Store 1"},{"Value": "Store 1"},{"Value": "Store 1"},{"Value": "Store 1"}]}
&lt;/code&gt;&lt;/pre&gt;
&lt;p&gt;The http response is fetching the json data fine, but when I click on the combobox, it doesn't show the list of options. However, if I use a store with local data, it displays the list but when I select an item and click outside of the cell of the grid, the value disappears. I need to fix both these errors. How to render the ajax json data and how to retain selected value?&lt;/p&gt;</t>
  </si>
  <si>
    <t>2013-06-02 13:37:00.090000+00:00</t>
  </si>
  <si>
    <t>2013-06-21 21:04:00.287000+00:00</t>
  </si>
  <si>
    <t>ajax|combobox|extjs4.2</t>
  </si>
  <si>
    <t>Outlook Custom Ribbon to an Organisation</t>
  </si>
  <si>
    <t>&lt;p&gt;I have a custom for that i call for from the organizational forms library in a macro that has been distributed to everyone in an organization via a script.&lt;/p&gt;
&lt;p&gt;What i would like to do now is set everyone in the organization to have a custom group or tab on their outlook ribbon with said macro.&lt;/p&gt;
&lt;p&gt;Is there a method of setting an organizational ribbon or am i able to access the ribbon via vb script.&lt;/p&gt;
&lt;p&gt;i need to distribute this to quite a few machines and would prefer not to walk n disk.&lt;/p&gt;</t>
  </si>
  <si>
    <t>2014-06-18 00:58:54.233000+00:00</t>
  </si>
  <si>
    <t>2014-06-18 02:27:55.917000+00:00</t>
  </si>
  <si>
    <t>vbscript|outlook</t>
  </si>
  <si>
    <t>Castle Windsor Interceptor to solve caching aspect</t>
  </si>
  <si>
    <t>&lt;p&gt;I recently decided to implement caching using the interceptor functionality from castle.  It works fine.&lt;/p&gt;
&lt;p&gt;My question:  If I wanted to avoid the interceptor for a particular call, what strategy would you suggest using?&lt;/p&gt;
&lt;p&gt;I've already determined I could have two implementations of a given service one that supports the caching aspect and one that doesn't.  I could then call the appropriate one from wherever.  I don't like that for many reasons.&lt;/p&gt;
&lt;p&gt;I'd be ok with invalidating the cache at the point I knew it would be invalid, but I couldn't come up with a good solution following this line of thinking that still kept caching concerns out of my code.&lt;/p&gt;</t>
  </si>
  <si>
    <t>2013-09-05 02:03:06.317000+00:00</t>
  </si>
  <si>
    <t>2013-09-07 13:15:25.497000+00:00</t>
  </si>
  <si>
    <t>c#|castle-windsor|castle-dynamicproxy</t>
  </si>
  <si>
    <t>Javascript if statement inside of another if statement</t>
  </si>
  <si>
    <t>&lt;p&gt;I'm trying to put an if statement inside of another if statement, and I think I did something very easy to fix, but I can't figure out what or where it is. I am stuck with this and any suggestions would be helpful. Thanks!&lt;/p&gt;
&lt;pre&gt;&lt;code&gt;var player = 0;
var xvalue = 0;
var ovalue = 0;
function tic(a) 
{
    if(player === 0)
    {
        document.getElementById(a).value = 'X';
        document.getElementById(a).disabled = 'true';
        player = 1;
        if(a === 'aa')
        {
            var i = 1
            for(i = 1; i &amp;lt;= 1; i++; )
            {
                xvalue++;
            }
        }
        else if(a === 'ab')
        {
            var i = 1
            for(i = 1; i &amp;lt;= 2; i++; )
            {
                xvalue++;
            }
            else if(a === 'ac')
            {
                var i = 1
                for(i = 1; i &amp;lt;= 4; i++; )
                {
                    xvalue++;
                }
                else if(a === 'ba')
                {
                    var i = 1
                    for(i = 1; i &amp;lt;= 8; i++; )
                    {
                        xvalue++;
                    }
                    else if(a === 'bb')
                    {
                        var i = 1
                        for(i = 1; i &amp;lt;= 16; i++; )
                        {
                            xvalue++;
                        }
                        else if(a === 'bc')
                        {
                            var i = 1
                            for(i = 1; i &amp;lt;= 32; i++; )
                            {
                                xvalue++;
                            }
                            else if(a === 'ca')
                            {
                                var i = 1
                                for(i = 1; i &amp;lt;= 64; i++; )
                                {
                                    xvalue++;
                                }
                                else if(a === 'cb')
                                {
                                    var i = 1
                                    for(i = 1; i &amp;lt;= 128; i++; )
                                    {
                                        xvalue++;
                                    }
                                    else if(a === 'cc')
                                    {
                                        var i = 1
                                        for(i = 1; i &amp;lt;= 256; i++; )
                                        {
                                            xvalue++;
                                        }
                                        if(xvalue === 448)
                                        {
                                            alert("player 1 wins!");
                                        }
                                        else if(xvalue === 7)
                                        {
                                            alert("player 1 wins!");
                                        }
                                        else if(xvalue === 56)
                                        {
                                            alert("player 1 wins!");
                                        }
                                        else if(xvalue === 273)
                                        {
                                            alert("player 1 wins!");
                                        }
                                        else if(xvalue === 84)
                                        {
                                            alert("player 1 wins!");
                                        }
                                        else if(xvalue === 73)
                                        {
                                            alert("player 1 wins!");
                                        }
                                        else if(xvalue === 146)
                                        {
                                            alert("player 1 wins!");
                                        }
                                        else if(xvalue === 292)
                                        {
                                            alert("player 1 wins!");
                                        }
                                    }
                                    else
                                    {
                                        document.getElementById(a).value = 'O';
                                        document.getElementById(a).disabled = 'true';
                                        player = 0;
                                    }
                                }
&lt;/code&gt;&lt;/pre&gt;</t>
  </si>
  <si>
    <t>2014-05-10 17:05:15.493000+00:00</t>
  </si>
  <si>
    <t>2014-05-10 17:47:46.840000+00:00</t>
  </si>
  <si>
    <t>How to run main in a Scala object from Maven</t>
  </si>
  <si>
    <t>&lt;p&gt;I am trying to use the exec:java goal of maven to run a scala object&lt;/p&gt;
&lt;p&gt;The class has already been compiled and we can see from javap that it has a static main :&lt;/p&gt;
&lt;pre&gt;&lt;code&gt;javap sql/hbase/target/scala-2.10/test-classes/org/apache/spark/sql/hbase/HBaseMainTest.class | grep main
  public static void main(java.lang.String[]);
&lt;/code&gt;&lt;/pre&gt;
&lt;p&gt;Let us try to run this as follows:&lt;/p&gt;
&lt;pre&gt;&lt;code&gt;mvn  exec:java -Dexec.mainClass="org.apache.spark.sql.hbase.HBaseMainTest"
&lt;/code&gt;&lt;/pre&gt;
&lt;p&gt;However the result&lt;/p&gt;
&lt;pre&gt;&lt;code&gt;java.lang.ClassNotFoundException: org.apache.spark.sql.hbase.HBaseMainTest
at java.net.URLClassLoader$1.run(URLClassLoader.java:366)
at java.net.URLClassLoader$1.run(URLClassLoader.java:355)
at java.security.AccessController.doPrivileged(Native Method)
at java.net.URLClassLoader.findClass(URLClassLoader.java:354)
at java.lang.ClassLoader.loadClass(ClassLoader.java:424)
at java.lang.ClassLoader.loadClass(ClassLoader.java:357)
at org.codehaus.mojo.exec.ExecJavaMojo$1.run(ExecJavaMojo.java:281)
at java.lang.Thread.run(Thread.java:724)
&lt;/code&gt;&lt;/pre&gt;
&lt;p&gt;&lt;strong&gt;UPDATE&lt;/strong&gt; &lt;/p&gt;
&lt;p&gt;Gabor provided answer and here is the working solution:&lt;/p&gt;
&lt;pre&gt;&lt;code&gt;mvn  exec:java -Dexec.mainClass="org.apache.spark.sql.hbase.HBaseMainTest" -Dexec.classpathScope="test"
&lt;/code&gt;&lt;/pre&gt;</t>
  </si>
  <si>
    <t>2014-12-04 21:59:29.030000+00:00</t>
  </si>
  <si>
    <t>2014-12-05 01:03:59.500000+00:00</t>
  </si>
  <si>
    <t>scala|maven</t>
  </si>
  <si>
    <t>tmux not working with 'send-prefix' for inner session</t>
  </si>
  <si>
    <t>&lt;p&gt;I am using &lt;code&gt;tmux&lt;/code&gt; and I am setting some settings to handle nested sessions. I like to have a local tmux session, as well as a tmux session on servers I SSH into.&lt;/p&gt;
&lt;p&gt;To do that, I added &lt;code&gt;bind-key -n C-\ send-prefix&lt;/code&gt; in the configuration file to intercept &lt;code&gt;C-\&lt;/code&gt; to be passed into the inner session.&lt;/p&gt;
&lt;p&gt;When I hit C-\, it is not caught. But when I replace &lt;code&gt;\&lt;/code&gt; with a letter, such as &lt;code&gt;b&lt;/code&gt;, to have &lt;code&gt;C-b&lt;/code&gt;, it works.&lt;/p&gt;
&lt;p&gt;Which means that what I'm doing is right, but it is not recognizing the &lt;code&gt;\&lt;/code&gt; character. Do I need to escape it? If so, how? &lt;code&gt;C-\\&lt;/code&gt; does not work.&lt;/p&gt;
&lt;p&gt;&lt;strong&gt;EDIT&lt;/strong&gt;&lt;/p&gt;
&lt;p&gt;So apparently &lt;code&gt;C-b&lt;/code&gt; works not because of my binding but because thats the default binding for tmux. I forgot to source the config file. But when I do, the key just gives me a new line. Is there anything I need to do in the configuration file of the inner tmux session?&lt;/p&gt;</t>
  </si>
  <si>
    <t>2013-01-24 21:11:03.667000+00:00</t>
  </si>
  <si>
    <t>2013-01-24 21:37:07.683000+00:00</t>
  </si>
  <si>
    <t>bash|shell|tmux</t>
  </si>
  <si>
    <t>jquery dialogs and filling in edit forms</t>
  </si>
  <si>
    <t>&lt;p&gt;This is the first week I've been playing with jQuery so I have a lot of questions regarding it.&lt;/p&gt;
&lt;p&gt;I'm using one dialog for both the creation and editing of items.&lt;/p&gt;
&lt;p&gt;My function editCustomField() doesn't populate my field names like I thought it should, but it does open the dialog.  &lt;/p&gt;
&lt;p&gt;Should I be using javascript getElementById("empId"), etc. instead of jQuery?  Can I wrap my function in some form of jQuery tags to make it work?  The link is built using jstl and el. &lt;/p&gt;
&lt;pre&gt;&lt;code&gt;&amp;lt;script type="text/javascript"&amp;gt;
  function editCustomField(empId, fieldId, name, value){
    $("empId").val(empId);
    $("fieldId").val(fieldId);
    $("fieldName").val(name);
    $("fieldValue").val(value);
    $("#customFieldDialog").dialog("open");
    return false;
  };
  $(document).ready(function(){
    $("#customFieldDialog").dialog({
      resizable: false,
      modal: true,
      autoOpen: false,
      width:315,
      buttons: {
        "Save" : function() {
          $("#customFieldForm").submit();
        },
        "Cancel" : function() {
          $(this).dialog("close");
          return false;
        }
      }
    });
$(".customfield").click(function(e) {
      $("#customFieldDialog").dialog("open");
    });
  });
&amp;lt;/script&amp;gt;
&lt;/code&gt;&lt;/pre&gt;
&lt;p&gt;HTML:&lt;/p&gt;
&lt;pre&gt;&lt;code&gt;&amp;lt;a href="#" onclick="editCustomField('${employee.id}','${viewCustomField.id}','${viewCustomField.name}','${viewCustomField.value}');"&amp;gt;&amp;lt;img src="&amp;lt;c:url value="/images/pencil.png"/&amp;gt;" alt="edit" title="edit" /&amp;gt;&amp;lt;/a&amp;gt;
&amp;lt;div id="customFieldDialog" title="Custom Field"&amp;gt;
  &amp;lt;form id="customFieldForm" action="saveCustomField.action" method="POST"&amp;gt;
    &amp;lt;input type="hidden" id="empId" name="employeeId" /&amp;gt;
    &amp;lt;input type="hidden" id="fieldId" name="customFieldId" /&amp;gt;
    &amp;lt;table&amp;gt;
      &amp;lt;tr&amp;gt;
        &amp;lt;td&amp;gt;Field name:&amp;lt;/td&amp;gt;&amp;lt;td&amp;gt;&amp;lt;input id="fieldName" type="text" name="customField.name" /&amp;gt;&amp;lt;/td&amp;gt;
      &amp;lt;/tr&amp;gt;
      &amp;lt;tr&amp;gt;
        &amp;lt;td&amp;gt;Value:&amp;lt;/td&amp;gt;&amp;lt;td&amp;gt;&amp;lt;input id="fieldValue" type="text" name="customField.value" /&amp;gt;&amp;lt;/td&amp;gt;
      &amp;lt;/tr&amp;gt;
    &amp;lt;/table&amp;gt;
  &amp;lt;/form&amp;gt;
&amp;lt;/div&amp;gt;
&lt;/code&gt;&lt;/pre&gt;</t>
  </si>
  <si>
    <t>2011-09-15 20:31:30.690000+00:00</t>
  </si>
  <si>
    <t>2011-09-15 20:35:12.743000+00:00</t>
  </si>
  <si>
    <t>jquery|jquery-ui|jquery-ui-dialog</t>
  </si>
  <si>
    <t>Bootstrap Select Plugin does not render in Angular ui router ng-view</t>
  </si>
  <si>
    <t>&lt;p&gt;I use the Bootstrap Select Plugin to create an extended select with input field and multiple selectable options. I use it in an Angular 1.5.3 application set up with ui-router. It does not work in the view where I need it. The code I include in that view:&lt;/p&gt;
&lt;pre&gt;&lt;code&gt;&amp;lt;select name="jobdomainTeamId"
        class="form-control selectpicker"
        data-live-search="true"
        multiple=""
        style="display: none;"
        ng-model="data.detailView.jobDomain.teams"
        ng-options="team.id as team.displayName for team in data.detailView.teams"
&amp;gt;
    &amp;lt;option value=""&amp;gt;No selection&amp;lt;/option&amp;gt;
&amp;lt;/select&amp;gt;
&lt;/code&gt;&lt;/pre&gt;
&lt;p&gt;The attributes 'selectpicker' and 'data-live-search' should trigger Bootstrap to dynamically create a node that provides the extra functionality. But nothing happens when I add this to the Angular view - the select is not visible (style="display: none;").&lt;/p&gt;
&lt;p&gt;But when I add the exact same code to index.html, commenting out the ng-view&lt;/p&gt;
&lt;pre&gt;&lt;code&gt;&amp;lt;!--&amp;lt;div ui-view="body"&amp;gt;&amp;lt;/div&amp;gt;--&amp;gt;
&lt;/code&gt;&lt;/pre&gt;
&lt;p&gt;Here the select works - extra DOM nodes are generated and functionality is as expected.
I included all necessary stuff - Boostrap.css, bootstrap-select.css,jquery-2.1.1.,bootstrap.js and bootstrap.select.js&lt;/p&gt;
&lt;p&gt;It occurred to me there might be a conflict between angular dependencies and Bootstrap - I include &lt;/p&gt;
&lt;pre&gt;&lt;code&gt;angular.module('app',[angular-storage','ui.bootstrap','ui.router','ui.router.modal','xeditable','angular-confirm'])
&lt;/code&gt;&lt;/pre&gt;
&lt;p&gt;Does anyone have a clue what might block Bootstrap css / js here??&lt;/p&gt;</t>
  </si>
  <si>
    <t>2016-05-17 15:52:17.440000+00:00</t>
  </si>
  <si>
    <t>2016-05-20 12:24:29.750000+00:00</t>
  </si>
  <si>
    <t>2016-05-18 08:07:06.333000+00:00</t>
  </si>
  <si>
    <t>angularjs|bootstrap-select</t>
  </si>
  <si>
    <t>Making &lt;option&gt; text bold</t>
  </si>
  <si>
    <t>&lt;p&gt;I am trying to make a  text bold that is outputted by php.&lt;/p&gt;
&lt;p&gt;Tried &lt;code&gt;&amp;lt;b&amp;gt;&lt;/code&gt;, &lt;code&gt;&amp;lt;strong&amp;gt;&lt;/code&gt; and CSS but it didnt work.&lt;/p&gt;
&lt;p&gt;My php:&lt;/p&gt;
&lt;pre&gt;&lt;code&gt;function generateWeekNumbers() { //Generate a list with week numbers for dropdown
    $weekCount = 53;
    $currentWeek = getWeekNumber();
    for($i=1;$i&amp;lt;$weekCount;$i++)
    {
        if ($i == $currentWeek) {
            echo '&amp;lt;option&amp;gt;&amp;lt;span class="week"&amp;gt;Week '.$i.'&amp;lt;/span&amp;gt;&amp;lt;/option&amp;gt;';
        } else {
            echo '&amp;lt;option&amp;gt;Week '.$i.'&amp;lt;/option&amp;gt;';
        }
    }
}
&lt;/code&gt;&lt;/pre&gt;
&lt;p&gt;My css on the actual page:&lt;/p&gt;
&lt;pre&gt;&lt;code&gt;.week {
   font-weight: bold;
}
&lt;/code&gt;&lt;/pre&gt;
&lt;p&gt;Also tried:&lt;/p&gt;
&lt;pre&gt;&lt;code&gt;echo '&amp;lt;option&amp;gt;&amp;lt;b&amp;gt;Week '.$i.'&amp;lt;/b&amp;gt;&amp;lt;/option&amp;gt;';
&lt;/code&gt;&lt;/pre&gt;
&lt;p&gt;Hope someone can help.&lt;/p&gt;</t>
  </si>
  <si>
    <t>2014-01-07 11:19:28.883000+00:00</t>
  </si>
  <si>
    <t>2018-06-25 04:54:13.530000+00:00</t>
  </si>
  <si>
    <t>2014-01-07 11:26:42.493000+00:00</t>
  </si>
  <si>
    <t>html|css|select|styling</t>
  </si>
  <si>
    <t>how to show the radio button checked</t>
  </si>
  <si>
    <t>&lt;p&gt;I have to show my radio group in checked based upon the response from backed. &lt;strong&gt;below html code is in my side menus&lt;/strong&gt;&lt;/p&gt;
&lt;p&gt;here is my code:&lt;/p&gt;
&lt;pre&gt;&lt;code&gt; &amp;lt;ion-list radio-group [(ngModel)]="selectedLanguage"  class="list-space"&amp;gt;
            &amp;lt;ion-item *ngFor="let language of languageArray; let val = index" class="radio" &amp;gt; 
              &amp;lt;ion-label menuClose&amp;gt;{{language.local}}&amp;lt;/ion-label&amp;gt;
              &amp;lt;ion-radio item-left checked={{languageChoosen}} [value]="language" menuClose  (click)="doSomething(language)"&amp;gt;&amp;lt;/ion-radio&amp;gt; 
            &amp;lt;/ion-item&amp;gt;
          &amp;lt;/ion-list&amp;gt;
&lt;/code&gt;&lt;/pre&gt;
&lt;p&gt;As you can see i have given &lt;code&gt;checked={{languageChoosen}}&lt;/code&gt; is a variable from .ts file .&lt;/p&gt;
&lt;blockquote&gt;
  &lt;p&gt;i am able to show the selected radio option at the very first time of my app open if the user changes anything then after that i am not able to show the selected radio option.&lt;/p&gt;
&lt;/blockquote&gt;
&lt;p&gt;&lt;strong&gt;UPDATE&lt;/strong&gt;&lt;/p&gt;
&lt;pre&gt;&lt;code&gt;doSomething(event){ 
    console.log("invoking dosomething fun");
    console.log("checking event params "+event);
    let languageObj
    if(event){
      languageObj = {
        lang_id: event.lang_id
      }
      console.log("cheking languageObj " + JSON.stringify(languageObj));
      // this.holders.presentLoadingCustom();
      this.rest.post('/language',languageObj)
      .subscribe((result)=&amp;gt;{;
        // this.holders.dissmissLoadingCustom()
        console.log("checking data of success " +JSON.stringify(result));
        if(result.status == '1'){
          this.logger.debug("checking "+this.selectedLanguage);
          this.selectedLanguage = '';
          this.toggleLanguages();
          for(var i = 0; i &amp;lt; this.languageArray.length; i++){
            if(languageObj.lang_id == this.languageArray[i].lang_id){
              this.languageChoosen = this.languageArray[i].local;
            }
          }
          this.checkLanguageReq();
        }
        else{
          console.log("error");
        }
      });
    }
    else{
      console.log("error of languages automatic call");
    }
  }
&lt;/code&gt;&lt;/pre&gt;</t>
  </si>
  <si>
    <t>2017-01-04 05:02:27.343000+00:00</t>
  </si>
  <si>
    <t>2017-08-14 06:28:54.333000+00:00</t>
  </si>
  <si>
    <t>2017-01-04 06:05:56.770000+00:00</t>
  </si>
  <si>
    <t>angular|ionic2|radio-group|checked</t>
  </si>
  <si>
    <t>Dependency Injection using web.config in ASP.NET MVC 5</t>
  </si>
  <si>
    <t>&lt;p&gt;I'd like to utilize Dependency Injection in ASP.NET MVC 5. The mappings between types and interfaces need to be stored in web.config. Is there anything built-in the ASP.NET MVC 5 for dependency injection from web.config? Or, do I use Unity?&lt;/p&gt;</t>
  </si>
  <si>
    <t>2016-06-24 19:57:18.787000+00:00</t>
  </si>
  <si>
    <t>2016-06-24 20:23:45.743000+00:00</t>
  </si>
  <si>
    <t>asp.net|asp.net-mvc|dependency-injection</t>
  </si>
  <si>
    <t>Does String Pool in Java behaves like LRU cache?</t>
  </si>
  <si>
    <t>&lt;p&gt;Strings are immutable and are managed in String pool. I wish to know as how this pool is managed. If there are large number of String literals being used in an application, ( I understand String builder should be used when modifications like append, replace operations are more ) then Pool enhances the performance of the application by not recreating the new String objects again and again but using the same objects present in the pool, this is possible as Strings are immutable and doing so has no ill effect. &lt;/p&gt;
&lt;p&gt;My question is as how this &lt;code&gt;String Pool&lt;/code&gt; is managed. If in case there is huge frequency of some 'k' Strings and there may be few other String objects which are once created and not being used again. There may be other newer String literals being used. &lt;/p&gt;
&lt;p&gt;In cases like these does String Pool behaves like LRU cache, holding
the references to the latest used literals and removing the older not
used strings from the pool ?&lt;/p&gt;
&lt;p&gt;Does String pool has a size or can we control it in our application ?&lt;/p&gt;
&lt;p&gt;Edit : &lt;/p&gt;
&lt;p&gt;Usually we give size to the custom object pools we implement. I wonder why feature like LRU is not there for Sting Pools. This could have been a feature. In case of large Strings also there would not have been problem. But I feel its the way it has been implemented but I just wanted to know as why its not there, I mean its not there for some valid reason, having this feature would have resulted in some ill effects. If some one could throw some light on those ill effects, it will be good.&lt;/p&gt;</t>
  </si>
  <si>
    <t>2016-04-25 08:51:56.500000+00:00</t>
  </si>
  <si>
    <t>2016-04-25 15:21:57.680000+00:00</t>
  </si>
  <si>
    <t>java|string|jls|lru|string-pool</t>
  </si>
  <si>
    <t>iOS - member reference is a pointer?</t>
  </si>
  <si>
    <t>&lt;p&gt;I am trying to assign a AVAudioPlayer to a property using this&lt;/p&gt;
&lt;pre&gt;&lt;code&gt;NSURL *soundURL = [[NSBundle mainBundle] URLForResource:@"error"
                                          withExtension:@"aiff"];
AVAudioPlayer *avSound = [[AVAudioPlayer alloc]
           initWithContentsOfURL:soundURL error:nil];
self.soundError = avSound;
&lt;/code&gt;&lt;/pre&gt;
&lt;p&gt;I am receiving an error on the last line saying: &lt;strong&gt;member reference type 'struct objc_class *' is a pointer; maybe you meant use '-&gt;' ?&lt;/strong&gt;&lt;/p&gt;
&lt;p&gt;the property is declared like&lt;/p&gt;
&lt;pre&gt;&lt;code&gt;@property (nonatomic, strong) AVAudioPlayer *soundError;
&lt;/code&gt;&lt;/pre&gt;
&lt;p&gt;pointer? I don't get it.&lt;/p&gt;
&lt;p&gt;thanks&lt;/p&gt;</t>
  </si>
  <si>
    <t>2012-10-04 09:51:55.603000+00:00</t>
  </si>
  <si>
    <t>2012-10-04 10:16:09.487000+00:00</t>
  </si>
  <si>
    <t>AJAX Toolkit installed not working VS2012</t>
  </si>
  <si>
    <t>&lt;p&gt;The majority of all other issues ive read about the AJAX Toolkit not working is related to some form of error that populates. I do not have an error I can reference! Which makes this bug a little harder to understand. I have a feeling I am missing ONE step. Ive gone through all the documentation and it shows that I am doing everything correctly.&lt;/p&gt;
&lt;p&gt;&lt;strong&gt;The Issue:&lt;/strong&gt;
I am trying to use a calendar extender on a textbox (which I have read that I no longer need to but that is aside the point). When I go to click on said textbox to make sure the toolkit is working, no calendar pops up!&lt;/p&gt;
&lt;p&gt;&lt;strong&gt;The Double-Check:&lt;/strong&gt; To check to see if it is the calendar itself (again, read that it was no longer needed) I added a confirm button extender to test the toolkit. It doesn't work either.&lt;/p&gt;
&lt;p&gt;&lt;strong&gt;What have I done so far?&lt;/strong&gt; I have: installed/reinstalled using NuGet the lastest version of the Ajax Control Toolkit (7.1213), commented out the registry in web.config and added to top of page (and visa versa), restarted VS2012 with every uninstall/reinstall, tried pulling syntax straight from the toolbox (which was taken from ajaxcontroltoolkit.dll) instead of hand-typing.&lt;/p&gt;
&lt;p&gt;&lt;strong&gt;The Code:&lt;/strong&gt;&lt;/p&gt;
&lt;p&gt;web.config (added by NuGet on installation)&lt;/p&gt;
&lt;pre&gt;&lt;code&gt;...
&amp;lt;pages&amp;gt;
      &amp;lt;controls&amp;gt;
        &amp;lt;add tagPrefix="ajaxToolkit" assembly="AjaxControlToolkit" namespace="AjaxControlToolkit" /&amp;gt;
      &amp;lt;/controls&amp;gt;
    &amp;lt;/pages&amp;gt;
&amp;lt;/system.web&amp;gt;
  &amp;lt;runtime&amp;gt;
    &amp;lt;assemblyBinding xmlns="urn:schemas-microsoft-com:asm.v1"&amp;gt;
      &amp;lt;dependentAssembly&amp;gt;
        &amp;lt;assemblyIdentity name="Microsoft.WindowsAzure.Storage" publicKeyToken="31bf3856ad364e35" culture="neutral" /&amp;gt;
        &amp;lt;bindingRedirect oldVersion="0.0.0.0-2.1.0.4" newVersion="2.1.0.4" /&amp;gt;
      &amp;lt;/dependentAssembly&amp;gt;
    &amp;lt;/assemblyBinding&amp;gt;
  &amp;lt;/runtime&amp;gt;
...
&lt;/code&gt;&lt;/pre&gt;
&lt;p&gt;page1.aspx&lt;/p&gt;
&lt;pre&gt;&lt;code&gt;...
&amp;lt;%--patient ID panel--%&amp;gt;
        &amp;lt;asp:Panel ID="pat_id_pnl" runat="server"&amp;gt;
            &amp;lt;div align="center"&amp;gt;
                &amp;lt;asp:Label runat="server" Text="SSN/MRN:" /&amp;gt;
                &amp;lt;asp:TextBox ID="ssn_mrn_txt" runat="server" style="margin-left:5px; margin-right:15px;"/&amp;gt;
                &amp;lt;asp:Label runat="server" Text="Date of Appt:" /&amp;gt;
                &amp;lt;asp:TextBox ID="date_appt_txt" runat="server" style="margin-left:5px; margin-right:15px;"/&amp;gt;
                &amp;lt;%--add calendar to date_appt_txt--%&amp;gt;
                &amp;lt;ajaxToolkit:ToolkitScriptManager ID="ToolkitScriptManager1" runat="Server" /&amp;gt;
                &amp;lt;ajaxToolkit:CalendarExtender ID="CalendarExtender1" runat="server" TargetControlID="date_appt_txt" Format="MM/dd/yyyy" /&amp;gt;
                &amp;lt;asp:Button ID="search_btn" runat="server" Text="Search" /&amp;gt;
                &amp;lt;%--Test confirm button extender--%&amp;gt;
                &amp;lt;ajaxToolkit:ConfirmButtonExtender ID="ConfirmButtonExtender1" runat="server" ConfirmText="Are you sure you want to click this?" TargetControlID="search_btn"&amp;gt;&amp;lt;/ajaxToolkit:ConfirmButtonExtender&amp;gt;
            &amp;lt;/div&amp;gt;
        &amp;lt;/asp:Panel&amp;gt;
....
&lt;/code&gt;&lt;/pre&gt;
&lt;p&gt;The line I was referring to earlier when I said "commented out the registry in web.config and added to top of page" I meant I commented this out of the web.config:&lt;/p&gt;
&lt;pre&gt;&lt;code&gt;&amp;lt;pages&amp;gt;
  &amp;lt;controls&amp;gt;
    &amp;lt;add tagPrefix="ajaxToolkit" assembly="AjaxControlToolkit" namespace="AjaxControlToolkit" /&amp;gt;
  &amp;lt;/controls&amp;gt;
&amp;lt;/pages&amp;gt;
&lt;/code&gt;&lt;/pre&gt;
&lt;p&gt;and added this to the top of the page before the first content place holder:&lt;/p&gt;
&lt;pre&gt;&lt;code&gt;&amp;lt;%@ Register tagPrefix="ajaxToolkit" assembly="AjaxControlToolkit" namespace="AjaxControlToolkit" %&amp;gt;
&lt;/code&gt;&lt;/pre&gt;
&lt;p&gt;Any help is greatly appreciated! Thanks.&lt;/p&gt;</t>
  </si>
  <si>
    <t>2014-01-17 06:34:07.463000+00:00</t>
  </si>
  <si>
    <t>2014-04-28 23:16:13.720000+00:00</t>
  </si>
  <si>
    <t>asp.net|ajax|visual-studio-2012|nuget|ajaxcontroltoolkit</t>
  </si>
  <si>
    <t>How to make a variable global for requires</t>
  </si>
  <si>
    <t>&lt;p&gt;I have the following code:&lt;/p&gt;
&lt;pre&gt;&lt;code&gt;var Nightmare = require('nightmare');
var tester = require('./../_common/tester');
var testCases = require('./test-cases');
var config = require('./config.js');
var data = {
  nightmare: Nightmare(config.nightmare),
  config: config,
  testCases: testCases,
  tester: tester
};
&lt;/code&gt;&lt;/pre&gt;
&lt;p&gt;This data contains mainly configuration variables and functions.&lt;/p&gt;
&lt;p&gt;Then  I have the following set of functions which require all those configurations and functions:&lt;/p&gt;
&lt;pre&gt;&lt;code&gt;  var resultsPromise = pipeline([
    commonFunctions.accessURL(data),
    commonFunctions.loginToWebsite1(data),
    commonFunctions.loginToWebsite2(data),
    commonFunctions.loginToWebsite3(data),
    commonFunctions.accessURL2(data),
  ])
  .then(() =&amp;gt; commonFunctions.success(nightmare))
  .catch((error) =&amp;gt; console.log(error));
&lt;/code&gt;&lt;/pre&gt;
&lt;p&gt;Is passing data as I do correct? Is there any other way of making the variable global for those functions?&lt;/p&gt;</t>
  </si>
  <si>
    <t>2017-02-11 15:20:06.473000+00:00</t>
  </si>
  <si>
    <t>2017-02-11 15:35:15.300000+00:00</t>
  </si>
  <si>
    <t>Where to implement tolerance to decide when to detect tochscreen press events and move events in Qt?</t>
  </si>
  <si>
    <t>&lt;p&gt;I am interested to port applications that use a mouse based interface to a touchscreen based interface and I wonder how to best avoid mis-moves when a user with "large and wiggly" fingertips uses my applications&lt;/p&gt;
&lt;p&gt;If the user touches a certain location and his/her/its pulse or impatience causes the fingertip to wiggle around some pixels, my application should not interpret this as a &lt;code&gt;QEvent::MouseMove&lt;/code&gt; and cause scrolling of e.g. a list underneath. &lt;/p&gt;
&lt;p&gt;There seem to be two classes that do press-like events, namely &lt;code&gt;QTouchEvent&lt;/code&gt; and &lt;code&gt;QMouseEvent&lt;/code&gt;. &lt;/p&gt;
&lt;ul&gt;
&lt;li&gt;&lt;p&gt;What is the difference in respect to the above issue with reliably detecting the users intent? Does &lt;code&gt;QTouchEvent&lt;/code&gt; solve that issue for me?&lt;/p&gt;&lt;/li&gt;
&lt;li&gt;&lt;p&gt;Do I need to add event handlers for &lt;code&gt;QTouchEvent&lt;/code&gt;, in parallel to &lt;code&gt;QMouseEvent&lt;/code&gt; (in order to provide backward compatibility with mouse users)?&lt;/p&gt;&lt;/li&gt;
&lt;/ul&gt;
&lt;p&gt;I imagine that it would not be a good idea to implement this sort of tolerance in every widget again, but there should be some global instance that makes this work, in e.g. QApplication or X11 directly. &lt;/p&gt;</t>
  </si>
  <si>
    <t>2014-04-13 12:01:35.153000+00:00</t>
  </si>
  <si>
    <t>2014-04-14 05:55:02.613000+00:00</t>
  </si>
  <si>
    <t>c++|qt|touch|mouse</t>
  </si>
  <si>
    <t>Include a pipe | as content in table in Git Readme.md file</t>
  </si>
  <si>
    <t>&lt;p&gt;I'm using Gitlab and trying to include a pipe | sign as content within the table in the README.md file. I followed &lt;a href="https://help.github.com/articles/organizing-information-with-tables/" rel="nofollow noreferrer"&gt;the example showed here&lt;/a&gt; but the output is not the expected one. Any other ways to do it? &lt;/p&gt;
&lt;p&gt;README contents&lt;/p&gt;
&lt;pre&gt;&lt;code&gt;| Name     | Character |
| ---      | ---       |
| Backtick | `         |
| Pipe     | \|        |
&lt;/code&gt;&lt;/pre&gt;
&lt;p&gt;My Output&lt;/p&gt;
&lt;p&gt;&lt;a href="https://i.stack.imgur.com/bsF6Q.png" rel="nofollow noreferrer"&gt;&lt;img src="https://i.stack.imgur.com/bsF6Q.png" alt="README Table with pipe"&gt;&lt;/a&gt;&lt;/p&gt;
&lt;p&gt;Expected Output&lt;/p&gt;
&lt;p&gt;&lt;a href="https://i.stack.imgur.com/CpcOW.png" rel="nofollow noreferrer"&gt;&lt;img src="https://i.stack.imgur.com/CpcOW.png" alt="README Table with pipe expected"&gt;&lt;/a&gt;&lt;/p&gt;
&lt;p&gt;Also, how can I use pipe in a codeblock like this:&lt;/p&gt;
&lt;pre&gt;&lt;code&gt;| Name         | Command   |
| ---          | ---       |
| Show Files   | `ls`      |
| Grep History | `history | grep pip`| 
&lt;/code&gt;&lt;/pre&gt;</t>
  </si>
  <si>
    <t>2018-06-20 17:41:17.907000+00:00</t>
  </si>
  <si>
    <t>2018-06-20 19:34:20.397000+00:00</t>
  </si>
  <si>
    <t>git|github|gitlab|markdown|readme</t>
  </si>
  <si>
    <t>Apache2 mpm-itk Issues with PHP &amp; vBulletin</t>
  </si>
  <si>
    <t>&lt;p&gt;I've spent a long time on this without much luck, so here I am.&lt;/p&gt;
&lt;p&gt;SERVER DETAILS OF NOTE:&lt;/p&gt;
&lt;pre&gt;&lt;code&gt;Linode 1024 (1GB RAM)
Apache2
Ubuntu 10.04
MySQL 5.1
PHP 5.3
vBulletin 4.2.0
mpm-itk
mod_php
mod_pagespeed
&lt;/code&gt;&lt;/pre&gt;
&lt;p&gt;PHP Memory Limit 32M&lt;/p&gt;
&lt;p&gt;All images loaded from a CDN on an external domain (Rackspace Cloud Files).&lt;/p&gt;
&lt;p&gt;apache2.conf directives of note:&lt;/p&gt;
&lt;pre&gt;&lt;code&gt;Timeout 300
KeepAlive On
MaxKeepAliveRequests 100
KeepAliveTimeout 15
&amp;lt;IfModule mpm_prefork_module&amp;gt;
    StartServers           1
    MinSpareServers        3
    MaxSpareServers        6
    ServerLimit           24
    MaxClients            24
    MaxRequestsPerChild 3000
&amp;lt;/IfModule&amp;gt;
&lt;/code&gt;&lt;/pre&gt;
&lt;p&gt;These setting are recommended here:
&lt;a href="http://library.linode.com/troubleshooting/memory-networking" rel="nofollow"&gt;http://library.linode.com/troubleshooting/memory-networking&lt;/a&gt;&lt;/p&gt;
&lt;p&gt;PROBLEM:&lt;/p&gt;
&lt;p&gt;I'm at a loss to uncover why this server might be having issues. Traffic is fairly low. At most 4-5 simultaneous users online at any one time.&lt;/p&gt;
&lt;p&gt;It runs perfectly for some time and processes seem steady, then processes fork, but aren't released and the server stops responding. I wondered whether this was an out of memory issue, but 1GB should be plenty for this kind of traffic. Running top sorted by memory consumption shows nothing too odd and plenty of memory available. No swap usage of any note.&lt;/p&gt;
&lt;p&gt;At times there are lots of forked processes, but that's to be expected. I'd expect the above settings to limit them from getting out of control. Reducing them simply introduces 501 errors, which while better than the timeout alternative, isn't much better.&lt;/p&gt;
&lt;p&gt;I read that reducing the PHP memory limit can help, but going as low as 32M didn't help me.&lt;/p&gt;
&lt;p&gt;Can anyone help me troubleshoot what might be happening here?&lt;/p&gt;</t>
  </si>
  <si>
    <t>2012-06-09 03:57:07.277000+00:00</t>
  </si>
  <si>
    <t>2012-06-09 04:02:25.947000+00:00</t>
  </si>
  <si>
    <t>php|ubuntu|apache2|vbulletin|linode</t>
  </si>
  <si>
    <t>How to get info or actual of short url service without redirect on original</t>
  </si>
  <si>
    <t>&lt;p&gt;I have created short url of www.google.com ashttp://goo.gl/9omWn2&lt;/p&gt;
&lt;p&gt;again i have use shorten service to shorten of about converted link
    &lt;a href="http://goo.gl/9omWn2" rel="nofollow"&gt;http://goo.gl/9omWn2&lt;/a&gt; in to &lt;a href="http://ow.ly/qLGys" rel="nofollow"&gt;http://ow.ly/qLGys&lt;/a&gt; &lt;/p&gt;
&lt;p&gt;Now when i click on this above ow.ly link, it will redirect me to www.google.com.&lt;/p&gt;
&lt;p&gt;What i want to know is ..&lt;/p&gt;
&lt;ol&gt;
&lt;li&gt;&lt;p&gt;How to know the final link from shorten link such as &lt;a href="http://ow.ly/qLGys" rel="nofollow"&gt;http://ow.ly/qLGys&lt;/a&gt; using php without redirection to google.com in above case ?&lt;/p&gt;&lt;/li&gt;
&lt;li&gt;&lt;p&gt;How to get number of redirection (for recursive shorten url) without going to original/final link using php ?&lt;/p&gt;&lt;/li&gt;
&lt;/ol&gt;
&lt;p&gt;Thank you!!&lt;/p&gt;</t>
  </si>
  <si>
    <t>2013-11-13 09:27:40.443000+00:00</t>
  </si>
  <si>
    <t>2013-11-13 09:56:29.600000+00:00</t>
  </si>
  <si>
    <t>2013-11-13 09:44:00.250000+00:00</t>
  </si>
  <si>
    <t>Page "Splash Screen Div" on outgoing and loading pages</t>
  </si>
  <si>
    <t>&lt;p&gt;I already know how to do a "Splash Screen Div" for a loading page, just wait til everything is loaded and then hide the div or move it off screen.&lt;/p&gt;
&lt;p&gt;E.g.&lt;/p&gt;
&lt;p&gt;&lt;strong&gt;index.html&lt;/strong&gt;&lt;/p&gt;
&lt;pre&gt;&lt;code&gt;&amp;lt;div id="loading-Div"&amp;gt;
        &amp;lt;div id="bear-Logo"&amp;gt;
            &amp;lt;div id="target"&amp;gt;
                &amp;lt;div id="target2"&amp;gt;
                    &amp;lt;div id="bearloop"&amp;gt;&amp;lt;/div&amp;gt;
                &amp;lt;/div&amp;gt;
            &amp;lt;/div&amp;gt;
        &amp;lt;/div&amp;gt;
    &amp;lt;/div&amp;gt;
&lt;/code&gt;&lt;/pre&gt;
&lt;p&gt;&lt;strong&gt;loading.css&lt;/strong&gt;&lt;/p&gt;
&lt;pre&gt;&lt;code&gt;Just a class called 'fallback' to move the absolute-ly positioned div offscreen.
&lt;/code&gt;&lt;/pre&gt;
&lt;p&gt;&lt;strong&gt;loading.js&lt;/strong&gt;&lt;/p&gt;
&lt;pre&gt;&lt;code&gt;$(window).load(function(){
    $( '#loading-Div' ).addClass( 'fallback' );
});
&lt;/code&gt;&lt;/pre&gt;
&lt;p&gt;The above is a rather crude example of a "loading Splash Screen Div", I don't know what else to call this, and the &lt;code&gt;.css&lt;/code&gt; is imported in the &lt;code&gt;&amp;lt;head&amp;gt;&lt;/code&gt; with the &lt;code&gt;.js&lt;/code&gt; just before the end of the &lt;code&gt;&amp;lt;body&amp;gt;&lt;/code&gt; tag.&lt;/p&gt;
&lt;p&gt;This works fine if you click a link and want to show the div while the page loads, but I would like the div to be shown the second the link is clicked, until the destination page is loaded. &lt;/p&gt;
&lt;p&gt;&lt;strong&gt;Workflow:&lt;/strong&gt;&lt;/p&gt;
&lt;p&gt;&lt;a href="http://i.imgur.com/dIOZSMS.jpg" rel="nofollow"&gt;http://i.imgur.com/dIOZSMS.jpg&lt;/a&gt;&lt;/p&gt;
&lt;hr&gt;
&lt;p&gt;&lt;strong&gt;Key Points:&lt;/strong&gt;&lt;/p&gt;
&lt;p&gt;I have a feeling this is only possible with a browser plugin because:&lt;/p&gt;
&lt;ol&gt;
&lt;li&gt;The link &lt;strong&gt;isn't&lt;/strong&gt; an anchor to another div. E.g. &lt;code&gt;url#div -&amp;gt; url#div2&lt;/code&gt;&lt;/li&gt;
&lt;li&gt;Based on the above, given that the link is to another &lt;code&gt;.html&lt;/code&gt; page the content currently displayed would... stop based on how pages are displayed in nature.&lt;/li&gt;
&lt;/ol&gt;
&lt;p&gt;&lt;strong&gt;Note that:&lt;/strong&gt;&lt;/p&gt;
&lt;ol&gt;
&lt;li&gt;This is strictly intra-site.&lt;/li&gt;
&lt;li&gt;I don't care about IE.&lt;/li&gt;
&lt;li&gt;This isn't homework, nor for a client. I am learning web development and thought this would be a cool page transition, per se, and cannot figure out how to do it nicely.&lt;/li&gt;
&lt;/ol&gt;
&lt;hr&gt;
&lt;p&gt;I would prefer not do have an animation and callback for outgoing links to display the div, and then incoming links to display the div as a faked-coherent animation mainly because it wouldn't be coherent unless the download of the second page was instantaneous and because, even if the former was the case, far too much code and therefore file size would go into a coherent animation of whatever the div was to display.&lt;/p&gt;
&lt;p&gt;Any ideas guys? I am very stumped on this.&lt;/p&gt;</t>
  </si>
  <si>
    <t>2013-07-21 08:14:17.670000+00:00</t>
  </si>
  <si>
    <t>2013-07-21 09:36:41.603000+00:00</t>
  </si>
  <si>
    <t>javascript|html|css|html5</t>
  </si>
  <si>
    <t>Is there a short way to list CSS3 keyframes with vendor prefixes?</t>
  </si>
  <si>
    <t>&lt;p&gt;At the moment I have to list all variations:&lt;/p&gt;
&lt;pre&gt;&lt;code&gt;@-webkit-keyframes show {
    from { background-color: rgba(0, 0, 0, 0); }
    to { background-color: rgba(0, 0, 0, 0.8); }
}
@-moz-keyframes show {
    from { background-color: rgba(0, 0, 0, 0); }
    to { background-color: rgba(0, 0, 0, 0.8); }
}
[���]
&lt;/code&gt;&lt;/pre&gt;
&lt;p&gt;You get the idea. Is there any way to write this shorter? Something like this that is not breaking it:&lt;/p&gt;
&lt;pre&gt;&lt;code&gt;@-webkit-keyframes show, @-moz-keyframes show {}
&lt;/code&gt;&lt;/pre&gt;</t>
  </si>
  <si>
    <t>2013-03-12 14:32:20.790000+00:00</t>
  </si>
  <si>
    <t>2014-08-04 21:36:08.793000+00:00</t>
  </si>
  <si>
    <t>css3|css-animations</t>
  </si>
  <si>
    <t>Working with the file system on a USB drive</t>
  </si>
  <si>
    <t>&lt;p&gt;We are developing the JsOS operating system. We need to write a driver for working with the file system on a USB drive. After several weeks of searching and many attempts to understand how it is done in the Linux kernel, I turned here ... Tell me where we can find this information, preferably with the code sample.&lt;/p&gt;
&lt;p&gt;Until now, there is only the ability to determine if a disk is connected at all. The system supports working with FAT32.&lt;/p&gt;
&lt;p&gt;A reference to the USB branch of repository:  &lt;a href="https://github.com/prophessor/jsos/tree/usb" rel="nofollow noreferrer"&gt;https://github.com/prophessor/jsos/tree/usb&lt;/a&gt;&lt;/p&gt;
&lt;p&gt;USB is here: &lt;a href="https://github.com/PROPHESSOR/JsOS/tree/usb/js/core/usb" rel="nofollow noreferrer"&gt;https://github.com/PROPHESSOR/JsOS/tree/usb/js/core/usb&lt;/a&gt;&lt;/p&gt;</t>
  </si>
  <si>
    <t>2018-02-11 14:03:38.720000+00:00</t>
  </si>
  <si>
    <t>javascript|usb|osdev|usbserial</t>
  </si>
  <si>
    <t>Method call on object does NOT throw exception</t>
  </si>
  <si>
    <t>&lt;p&gt;These days I am running into &lt;a href="https://stackoverflow.com/questions/13306275/datatype-returned-varies-based-on-data-in-table"&gt;many strange scenarios&lt;/a&gt; :-)&lt;/p&gt;
&lt;p&gt;I have tested the following two codes in ASP.Net application. Code 1 throws exception (as expected) whereas Code 2 does not throw exception (contrary to expectation) when the string value is null. &lt;/p&gt;
&lt;ol&gt;
&lt;li&gt;Why is ���&lt;strong&gt;EVAL&lt;/strong&gt;��� not throwing exception in this case?&lt;/li&gt;
&lt;li&gt;Will EVAL work always like this (i.e.,  ���no exception���)  or is it just a luck?&lt;/li&gt;
&lt;li&gt;Is there any MSDN reference that says 'Eval' returns empty string?&lt;/li&gt;
&lt;/ol&gt;
&lt;p&gt;//&lt;strong&gt;Code 1&lt;/strong&gt;: Causes Exception&lt;/p&gt;
&lt;pre&gt;&lt;code&gt; string test = Convert.ToString(subscriber.EncryptedSSN).Substring(0, Convert.ToString(subscriber.EncryptedSSN).Length &amp;gt;= 5 ? 5 : Convert.ToString(subscriber.EncryptedSSN).Length);
&lt;/code&gt;&lt;/pre&gt;
&lt;p&gt;// &lt;strong&gt;Code 2&lt;/strong&gt;: Does not throw Exception &lt;/p&gt;
&lt;pre&gt;&lt;code&gt; &amp;lt;%# Convert.ToString(Eval("EncryptedSSN")).Substring(0, Convert.ToString(Eval("EncryptedSSN")).Length  &amp;gt;= 5 ? 5 : Convert.ToString(Eval("EncryptedSSN")).Length)  %&amp;gt;
&lt;/code&gt;&lt;/pre&gt;
&lt;p&gt;&lt;strong&gt;References&lt;/strong&gt;:&lt;/p&gt;
&lt;ol&gt;
&lt;li&gt;&lt;a href="https://stackoverflow.com/questions/5224264/eval-check-for-dbnull-doesnt-work"&gt;Eval check for DBNull doesnt work&lt;/a&gt;&lt;/li&gt;
&lt;li&gt;&lt;a href="https://stackoverflow.com/questions/13514337/convert-tostring-behaves-differently-for-null-object-and-null-string"&gt;Convert.ToString behaves differently for &amp;quot;NULL object&amp;quot; and &amp;quot;NULL string&amp;quot;&lt;/a&gt;&lt;/li&gt;
&lt;li&gt;&lt;a href="https://stackoverflow.com/questions/13306275/datatype-returned-varies-based-on-data-in-table"&gt;Datatype returned varies based on data in table&lt;/a&gt;&lt;/li&gt;
&lt;/ol&gt;</t>
  </si>
  <si>
    <t>2012-11-22 13:40:42.167000+00:00</t>
  </si>
  <si>
    <t>2012-11-22 15:50:05.877000+00:00</t>
  </si>
  <si>
    <t>2017-05-23 12:22:14.173000+00:00</t>
  </si>
  <si>
    <t>Starting Settings Activity from Preferences XML works in 2.x but not in 4.x</t>
  </si>
  <si>
    <t>&lt;p&gt;I am using &lt;a href="https://stackoverflow.com/a/9339544"&gt;the following technique&lt;/a&gt; to add the &lt;code&gt;Text-to-Speech Settings&lt;/code&gt; to my app's preference screen:&lt;/p&gt;
&lt;pre&gt;&lt;code&gt;&amp;lt;Preference android:key="TTS Preferenes"
    android:title="TTS Settings"
    android:summary="A convenience shortcut instead of pressing HOME then Setting then scrolling down then pressing Text-to-Speech Settings"&amp;gt;   
        &amp;lt;intent android:targetPackage="com.android.settings"
    android:targetClass="com.android.settings.TextToSpeechSettings" /&amp;gt;
    &amp;lt;/Preference&amp;gt;
&lt;/code&gt;&lt;/pre&gt;
&lt;p&gt;It works great in Android 2.x but in Android 4.0.4 in produces an exception:&lt;/p&gt;
&lt;pre&gt;&lt;code&gt;E/AndroidRuntime(2663): android.content.ActivityNotFoundException: 
 Unable to find explicit activity class {com.android.settings/com.android.settings.TextToSpeechSettings}; 
  have you declared this activity in your AndroidManifest.xml?
&lt;/code&gt;&lt;/pre&gt;
&lt;p&gt;Why is this? What changed in Android 4 (or 3?) that makes this technique incompatible? Has the name of the system's TextToSpeechSettings preference screen changed?&lt;/p&gt;
&lt;p&gt;Also, I am pretty sure is has nothing to do with the Manifest file, but to be on the safe side, I added to the Manifest:&lt;/p&gt;
&lt;pre&gt;&lt;code&gt;  &amp;lt;activity android:name="com.android.settings.TextToSpeechSettings"
            android:label="Text-to-Speech Settings"&amp;gt;
  &amp;lt;/activity&amp;gt;
&lt;/code&gt;&lt;/pre&gt;
&lt;p&gt;And it didn't change a thing. Same ActivityNotFoundException problem.&lt;/p&gt;
&lt;p&gt;In my search for an explanation, I found &lt;a href="https://stackoverflow.com/q/4360100"&gt;this thread&lt;/a&gt;, but it doesn't refer to any OS version differences, so I am not sure it applies here.&lt;/p&gt;
&lt;p&gt;Any tip on why and how to solve this problem?&lt;/p&gt;</t>
  </si>
  <si>
    <t>2012-08-26 21:53:30.320000+00:00</t>
  </si>
  <si>
    <t>2013-08-13 18:49:26.420000+00:00</t>
  </si>
  <si>
    <t>2017-05-23 12:02:59.533000+00:00</t>
  </si>
  <si>
    <t>android|android-manifest|android-4.0-ice-cream-sandwich|android-preferences|preferenceactivity</t>
  </si>
  <si>
    <t>Structs of Arrays: Type Error</t>
  </si>
  <si>
    <t>&lt;p&gt;I do not get the difference between the following two struct definitions. The first works without any problems, while the second gives a Type Error:&lt;/p&gt;
&lt;pre&gt;&lt;code&gt;julia&amp;gt; struct point1
           xy::Vector{Float64}
       end
julia&amp;gt; struct point2
           xy::Array{Float64,1}(2)
       end
ERROR: TypeError: point2: in type definition, expected Type, got Array{Float64,1}
Stacktrace:
 [1] eval(::Module, ::Any) at ./boot.jl:235
 [2] eval(::Any) at ./boot.jl:234
 [3] macro expansion at /Users/.julia/v0.6/Atom/src/repl.jl:186 [inlined]
 [4] anonymous at ./&amp;lt;missing&amp;gt;:?
&lt;/code&gt;&lt;/pre&gt;
&lt;p&gt;Any ideas?&lt;/p&gt;</t>
  </si>
  <si>
    <t>2018-02-26 10:15:23.240000+00:00</t>
  </si>
  <si>
    <t>2018-02-26 14:22:05.347000+00:00</t>
  </si>
  <si>
    <t>julia-lang</t>
  </si>
  <si>
    <t>wrong number of arguments (3 for 0..1) when i include "Rails.application.routes.url_helpers"</t>
  </si>
  <si>
    <t>&lt;p&gt;I have written application_helper.rb, which is basically global helpers for my Rails application. And in order for me to use url helper like &lt;code&gt;post_url(post)&lt;/code&gt;, Rails force me to include this code at the top of my application_helper.rb:&lt;/p&gt;
&lt;p&gt;&lt;code&gt;include Rails.application.routes.url_helpers&lt;/code&gt;&lt;/p&gt;
&lt;p&gt;I included that line of code like this:&lt;/p&gt;
&lt;pre&gt;&lt;code&gt;include Rails.application.routes.url_helpers
include ActionView::Helpers::TextHelper
module ApplicationHelper
....
end
&lt;/code&gt;&lt;/pre&gt;
&lt;p&gt;And suddenly, when i load my app in the browser, all the &lt;code&gt;link_to&lt;/code&gt; codes seem to be throwing the same kind of error like this:&lt;/p&gt;
&lt;p&gt;&lt;code&gt;wrong number of arguments (3 for 0..1)&lt;/code&gt;&lt;/p&gt;
&lt;p&gt;Here is the screenshot of that error:&lt;/p&gt;
&lt;p&gt;&lt;a href="https://i.stack.imgur.com/eMCgh.png" rel="nofollow noreferrer"&gt;&lt;img src="https://i.stack.imgur.com/eMCgh.png" alt="enter image description here"&gt;&lt;/a&gt;&lt;/p&gt;
&lt;p&gt;This is the sample of one my &lt;code&gt;link_to&lt;/code&gt; code:&lt;/p&gt;
&lt;pre&gt;&lt;code&gt;  &amp;lt;%= link_to root_path do %&amp;gt;
    &amp;lt;img src="https://googledrive.com/host/xxx/xxx-logo-small.png" class="" /&amp;gt;
  &amp;lt;% end %&amp;gt;
&lt;/code&gt;&lt;/pre&gt;
&lt;p&gt;And its not only this link that is causing an error, but all links in my app! So whats wrong with this &lt;code&gt;include Rails.application.routes.url_helpers&lt;/code&gt; ? Why is this causing such error? And how could I use this and fix the problem it's causing at the same time?&lt;/p&gt;
&lt;p&gt;Thanks!&lt;/p&gt;</t>
  </si>
  <si>
    <t>2016-08-11 21:10:02.437000+00:00</t>
  </si>
  <si>
    <t>2016-08-11 22:32:41.327000+00:00</t>
  </si>
  <si>
    <t>ruby-on-rails|ruby|ruby-on-rails-4|helper</t>
  </si>
  <si>
    <t>Refactoring Browser</t>
  </si>
  <si>
    <t>&lt;p&gt;Ok, a while ago I read about a Re-factoring Browser for I think, Lisp (or maybe it was smalltalk).
This was a tool to help with re-factoring.
I was wondering if anyone knows of a free one for F#?
(seems reasonable a functional languages should be 'nice' for that kind of thing)&lt;/p&gt;</t>
  </si>
  <si>
    <t>2011-05-10 06:38:40.077000+00:00</t>
  </si>
  <si>
    <t>2011-05-10 11:28:58.573000+00:00</t>
  </si>
  <si>
    <t>f#|refactoring|ml</t>
  </si>
  <si>
    <t>Listing items within a category (SQL)</t>
  </si>
  <si>
    <t>&lt;p&gt;I have a data set like the following:&lt;/p&gt;
&lt;pre&gt;
+-----------------+---------------------+
| job_code        | job_title           |
+-----------------+---------------------+
| finance_acct    | Business Accountant |
| finance_manager | Business Manager    |
| it_programmer   | IT Programmer       |
| it_manager      | IT Manager          |
+-----------------+---------------------+
&lt;/pre&gt;
&lt;p&gt;etc.&lt;/p&gt;
&lt;p&gt;I want to take all of the job titles that share the same first half of their job code and print them as a list. Like the following:&lt;/p&gt;
&lt;p&gt;finance: Business Accountant, Business Manager&lt;/p&gt;
&lt;p&gt;it: IT Programmer, IT Manager&lt;/p&gt;
&lt;p&gt;How would I do so? I know how to use &lt;code&gt;SUBSTR&lt;/code&gt; to pull the first part of the job code. Basically I can create the left column fine. I ran into a couple of problems though:&lt;/p&gt;
&lt;ol&gt;
&lt;li&gt;Using the &lt;code&gt;GROUP BY&lt;/code&gt; command, I continually got ORA-00979 error ("not
a GROUP BY expression").&lt;/li&gt;
&lt;li&gt;I can't figure out how to make the list delimited with commas. I
used &lt;code&gt;CONCAT&lt;/code&gt; but even then you end up with a superfluous comma after
the last entry for a given line. I've seen some things online about
the &lt;code&gt;STUFF&lt;/code&gt; command, but I know it's possible to do so without this.&lt;/li&gt;
&lt;/ol&gt;
&lt;p&gt;Any tips? Thank you.&lt;/p&gt;</t>
  </si>
  <si>
    <t>2018-12-01 04:09:54.790000+00:00</t>
  </si>
  <si>
    <t>2018-12-01 12:06:26.227000+00:00</t>
  </si>
  <si>
    <t>Tool to Analyze SQL Server performance</t>
  </si>
  <si>
    <t>&lt;p&gt;Is there any 3rd party tool which works like another layer on top of SQL Server, which can analyze the behaviour of the database and make recommendations based on that?&lt;/p&gt;
&lt;p&gt;Thanks&lt;/p&gt;</t>
  </si>
  <si>
    <t>2011-07-21 12:03:42.203000+00:00</t>
  </si>
  <si>
    <t>2018-11-10 21:56:40.340000+00:00</t>
  </si>
  <si>
    <t>2013-02-02 05:27:08.160000+00:00</t>
  </si>
  <si>
    <t>sql-server|performance</t>
  </si>
  <si>
    <t>how to override tpl module in prestashop 1.7.1.1</t>
  </si>
  <si>
    <t>&lt;p&gt;im trying to override the tpl of ps_categorytree module, but it didn't work
i tried to put the file under override like this: &lt;/p&gt;
&lt;p&gt;&lt;code&gt;override/themes/laber_ethan_home5/modules/ps_categorytree/views/templates/hook/ps_categorytree.tpl&lt;/code&gt;&lt;/p&gt;
&lt;p&gt;-im using &lt;strong&gt;prestashop&lt;/strong&gt; 1.7.1.1 and i bought a theme.&lt;/p&gt;
&lt;p&gt;Help please!&lt;/p&gt;</t>
  </si>
  <si>
    <t>2017-09-04 11:24:48.200000+00:00</t>
  </si>
  <si>
    <t>2017-09-04 13:56:47.573000+00:00</t>
  </si>
  <si>
    <t>2017-09-04 11:37:30.203000+00:00</t>
  </si>
  <si>
    <t>override|prestashop-1.7</t>
  </si>
  <si>
    <t>PDF Generation SOA Architecture for Business Independence</t>
  </si>
  <si>
    <t>&lt;p&gt;Currently we have a data service that is consumed by various clients inside our organization; most of them use the PDF report to view the data. The problem we are facing is that the PDF generation is obsolete and built over a technology that is becoming hard to maintain.&lt;/p&gt;
&lt;p&gt;So what we want to achieve now is basically two goals:&lt;/p&gt;
&lt;ol&gt;
&lt;li&gt;Encapsulate all data access in a SOA manner, publishing services for RAW data, PDF report and maybe some others like "Excel RAW"&lt;/li&gt;
&lt;li&gt;Give our business users the ability to load and change the templates for the PDF reports, without asking for a "development" (basically that they can be as independent as possible)&lt;/li&gt;
&lt;/ol&gt;
&lt;p&gt;There are two main issues; the report has to be "pretty", and by that I mean that our users ask for details such as image resolution, almost pixel accuracy for text/image positioning, and that sort of stuff. The server/library that we choose has to be able to achieve this requirement.&lt;/p&gt;
&lt;p&gt;The other is that our technology stack currently is limited to a JAVA/LINUX platform, and while we could evaluate other platforms (for instance a product developed in .NET), a solution in Java EE/LINUX would be preferable.&lt;/p&gt;
&lt;p&gt;Any suggestions? &lt;/p&gt;
&lt;p&gt;P.S.: The data is stored in an Oracle database.&lt;/p&gt;</t>
  </si>
  <si>
    <t>2013-07-19 15:21:48.053000+00:00</t>
  </si>
  <si>
    <t>2013-07-20 10:20:06.727000+00:00</t>
  </si>
  <si>
    <t>2013-07-20 10:09:39.457000+00:00</t>
  </si>
  <si>
    <t>templates|pdf-generation|soa</t>
  </si>
  <si>
    <t>How do I troubleshoot a 404 when calling my REST service?</t>
  </si>
  <si>
    <t>&lt;p&gt;I created a WCF service and exposed two endpoints; one for SOAP and one for REST. The SOAP endpoint works and is reachable from web clients, console apps, etc. The REST endpoint was created this morning and doesn't work. I confirmed the SOAP service is still reachable so this problem is specific to the REST portion or configuration changes made this morning.&lt;/p&gt;
&lt;p&gt;In the browser, I try to navigate to &lt;code&gt;http://ABC:99/json/categories&lt;/code&gt;. I get a 404 - File or directory not found.&lt;/p&gt;
&lt;p&gt;I added the following attribute to a method in the class which implements the service interface: &lt;/p&gt;
&lt;pre&gt;&lt;code&gt;[WebInvoke(Method = "GET", ResponseFormat = WebMessageFormat.Json, UriTemplate = "categories")]
&lt;/code&gt;&lt;/pre&gt;
&lt;p&gt;and this to another method:&lt;/p&gt;
&lt;pre&gt;&lt;code&gt;[WebInvoke(Method = "GET", ResponseFormat = WebMessageFormat.Json, UriTemplate = "reports/{categoryId}")]
&lt;/code&gt;&lt;/pre&gt;
&lt;p&gt;The relevant portions of the config file are here: &lt;/p&gt;
&lt;pre&gt;&lt;code&gt;&amp;lt;system.serviceModel&amp;gt;
  &amp;lt;bindings&amp;gt;
    &amp;lt;basicHttpBinding&amp;gt;
      &amp;lt;binding name="NewBinding0" maxBufferSize="524288" maxReceivedMessageSize="524288" transferMode="StreamedResponse"
      closeTimeout="00:10:00" openTimeout="00:10:00" sendTimeout="00:10:00" receiveTimeout="00:10:00" /&amp;gt;
    &amp;lt;/basicHttpBinding&amp;gt;
  &amp;lt;/bindings&amp;gt;
  &amp;lt;services&amp;gt;
    &amp;lt;service name="XXX.ReportGenerator"&amp;gt;
      &amp;lt;endpoint address="" binding="basicHttpBinding" bindingConfiguration="NewBinding0"
      contract="XXX.YYY.IReportGenerator"&amp;gt;
        &amp;lt;identity&amp;gt;
          &amp;lt;dns value="localhost" /&amp;gt;
        &amp;lt;/identity&amp;gt;
      &amp;lt;/endpoint&amp;gt;
      &amp;lt;endpoint address="mex" binding="mexHttpBinding" contract="IMetadataExchange" /&amp;gt;
    &amp;lt;/service&amp;gt;
    &amp;lt;service name="ReportingSvc.JSON"&amp;gt;
      &amp;lt;endpoint address="json" binding="webHttpBinding"
      contract="XXX.YYY.ReportingSvc.IReportGenerator" behaviorConfiguration="jsonEndpoint" /&amp;gt;
      &amp;lt;host&amp;gt;
        &amp;lt;baseAddresses&amp;gt;
          &amp;lt;add baseAddress="http://ABC:99/" /&amp;gt;
        &amp;lt;/baseAddresses&amp;gt;
      &amp;lt;/host&amp;gt;
    &amp;lt;/service&amp;gt;
  &amp;lt;/services&amp;gt;
  &amp;lt;behaviors&amp;gt;
    &amp;lt;endpointBehaviors&amp;gt;
      &amp;lt;behavior name="jsonEndpoint"&amp;gt;
        &amp;lt;webHttp /&amp;gt;
      &amp;lt;/behavior&amp;gt;
    &amp;lt;/endpointBehaviors&amp;gt;
    &amp;lt;serviceBehaviors&amp;gt;
      &amp;lt;behavior&amp;gt;
        &amp;lt;!-- To avoid disclosing metadata information, set the value below to false and remove the metadata endpoint above before deployment --&amp;gt;
        &amp;lt;serviceMetadata httpGetEnabled="true"/&amp;gt;
        &amp;lt;!-- To receive exception details in faults for debugging purposes, set the value below to true.  Set to false before deployment to avoid disclosing exception information --&amp;gt;
        &amp;lt;serviceDebug includeExceptionDetailInFaults="true"/&amp;gt;
      &amp;lt;/behavior&amp;gt;
    &amp;lt;/serviceBehaviors&amp;gt;
  &amp;lt;/behaviors&amp;gt;
  &amp;lt;serviceHostingEnvironment multipleSiteBindingsEnabled="true" /&amp;gt;
&amp;lt;/system.serviceModel&amp;gt;
&lt;/code&gt;&lt;/pre&gt;
&lt;p&gt;Any suggestions are greatly appreciated! Thanks!&lt;/p&gt;</t>
  </si>
  <si>
    <t>2011-11-09 17:17:50.193000+00:00</t>
  </si>
  <si>
    <t>2011-11-15 09:48:30.487000+00:00</t>
  </si>
  <si>
    <t>2011-11-09 17:47:42.497000+00:00</t>
  </si>
  <si>
    <t>wcf|rest</t>
  </si>
  <si>
    <t>Error when using FD (Functional Diversity) in R</t>
  </si>
  <si>
    <t>&lt;p&gt;I have two problems to obtain results from the FD package.&lt;/p&gt;
&lt;p&gt;&lt;strong&gt;Problem 1:&lt;/strong&gt; 
If I run this code (both of my data frames lack NAs):
results &amp;lt;- dbFD(trait, abund)&lt;/p&gt;
&lt;p&gt;I get these messages:
FRic: Dimensionality reduction was required. The last PCoA axis (out of 10 in total) was removed. 
FRic: Quality of the reduced-space representation = 0.9810177 
Error in weighted.mean.default(x[, i], a[, j], na.rm = T) : 
  'x' and 'w' must have the same length&lt;/p&gt;
&lt;p&gt;I have searched all over the internet and tutorials of FD and I cannot find anywhere a solution to my problem.&lt;/p&gt;
&lt;p&gt;&lt;strong&gt;Problem 2:&lt;/strong&gt; 
If my trait data frame contains NA's, and I run this code:&lt;/p&gt;
&lt;p&gt;results &amp;lt;- dbFD(trait, abund)&lt;/p&gt;
&lt;p&gt;I get this message, although FD is supposed to tolerate NA's&lt;/p&gt;
&lt;p&gt;Error in dbFD(trait.t0.plot.sp2, abund.t0.plot.sp2) : 
  NA's in the distance matrix.&lt;/p&gt;
&lt;p&gt;I hope someone can give me some input about how to solve these issues!!!!&lt;/p&gt;
&lt;p&gt;Thanks!&lt;/p&gt;</t>
  </si>
  <si>
    <t>2018-02-11 02:14:32.667000+00:00</t>
  </si>
  <si>
    <t>Angular 4: two diffrent values of a Radio button value in component</t>
  </si>
  <si>
    <t>&lt;p&gt;I am not sure why I am getting two different values in my component. When I click first time on Shift A, then I am getting value as 2, then when I click again, I am getting 1. Any ideas why it is so...&lt;/p&gt;
&lt;p&gt;Also I want to select Shift A when the page loads. Thanks in advance for your help!!&lt;/p&gt;
&lt;p&gt;&lt;strong&gt;lineside-monitor.component.html:&lt;/strong&gt;&lt;/p&gt;
&lt;pre&gt;&lt;code&gt;&amp;lt;div class="box"&amp;gt;
            &amp;lt;div class="row moveright"&amp;gt;
                &amp;lt;div&amp;gt;
                    Shift A &amp;lt;input type="radio" name="shiftRadioGroup" [value]="1" [(ngModel)]="shiftRadioBtn" (click)="popuplateBySearchFilter(1)"&amp;gt;
                &amp;lt;/div&amp;gt;
                &amp;lt;div class="notsotall"&amp;gt;&amp;amp;nbsp;&amp;amp;nbsp;&amp;amp;nbsp;&amp;amp;nbsp;&amp;amp;nbsp;&amp;amp;nbsp;&amp;amp;nbsp;&amp;amp;nbsp;&amp;amp;nbsp; &amp;lt;/div&amp;gt;
                &amp;lt;div&amp;gt;
                    Shift B &amp;lt;input type="radio" name="shiftRadioGroup" [value]="2" [(ngModel)]="shiftRadioBtn"         (click)="popuplateBySearchFilter(2)"&amp;gt;
                &amp;lt;/div&amp;gt;
            &amp;lt;/div&amp;gt;
      &amp;lt;/div&amp;gt;
&lt;/code&gt;&lt;/pre&gt;
&lt;p&gt;&lt;strong&gt;lineside-monitor.component.ts&lt;/strong&gt;&lt;/p&gt;
&lt;pre&gt;&lt;code&gt;@Component({
  selector: 'app-lineside-monitor',
  templateUrl: './lineside-monitor.component.html',
  styleUrls: ['./lineside-monitor.component.css']
})
export class LinesideMonitorComponent implements OnInit {
public shiftRadioBtn: string;// = "1";
ngOnInit() {
      this.shiftRadioBtn="1";
}
popuplateBySearchFilter(modelId: number) {
    alert(this.shiftRadioBtn);
}
}
&lt;/code&gt;&lt;/pre&gt;</t>
  </si>
  <si>
    <t>2018-04-23 15:46:44.257000+00:00</t>
  </si>
  <si>
    <t>2018-04-23 15:58:27.487000+00:00</t>
  </si>
  <si>
    <t>2018-04-23 15:51:52.627000+00:00</t>
  </si>
  <si>
    <t>Javascript - want to press button repeatedly and have same function trigger</t>
  </si>
  <si>
    <t>&lt;p&gt;I'm making a quiz in Javascript and I want to be able to use the same button over and over for answers without reloading the page. Here's my code:&lt;/p&gt;
&lt;pre&gt;&lt;code&gt;    document.getElementById("nextBtn").addEventListener("click", function() {
      let answers = document.getElementById('answers').value;
      let inputAns = [0, 1, 2];
      for (var i = 0; i &amp;lt; inputAns.length; i++) {
        if (answers == inputAns[i]) {
          document.getElementById("correctAnswers").innerHTML = "&amp;amp;#9989;";
          inputAns++;
      } else { 
          document.getElementById("incorrectAnswers").innerHTML = "&amp;amp;#10060;";
         inputAns++;
      }
      }
      });
&lt;/code&gt;&lt;/pre&gt;
&lt;p&gt;and &lt;/p&gt;
&lt;pre&gt;&lt;code&gt;&amp;lt;button type="submit" id="nextBtn" class="nextBtn"&amp;gt;NEXT!&amp;lt;/button&amp;gt;
 &amp;lt;/div&amp;gt;
&amp;lt;div class="correctAnswers" id="correctAnswers"&amp;gt;&amp;lt;/div&amp;gt;
&amp;lt;div class="incorrectAnswers" id="incorrectAnswers"&amp;gt;&amp;lt;/div&amp;gt;
&lt;/code&gt;&lt;/pre&gt;
&lt;p&gt;So when the button (nextBtn) is pressed, it reads the input bar (answers) and checks to see if that matches the input of the array (inputAns). If it matches, a green check is displayed. If it doesn't, a red x is displayed. Then the loop adds to the array to make the answer change for the next question. This works one time. But when the button is pressed again, nothing happens. How can I make the function repeat so that more questions can be checked and checks or x's can appear? Thanks!&lt;/p&gt;
&lt;p&gt;ETA: More HTML&lt;/p&gt;</t>
  </si>
  <si>
    <t>2018-09-16 22:56:22.217000+00:00</t>
  </si>
  <si>
    <t>2018-09-16 23:19:46.937000+00:00</t>
  </si>
  <si>
    <t>2018-09-16 23:19:39.703000+00:00</t>
  </si>
  <si>
    <t>Class inheritance and constructors</t>
  </si>
  <si>
    <t>&lt;p&gt;What is the right way to do the constructors for things like this? Do I only set height and width in Rectangle? &lt;/p&gt;
&lt;pre&gt;&lt;code&gt;class Rectangle {
public:
   Rectangle(int height, int width);
   int height, int width;
};
class Square : Rectangle {
   Square(int height, int width);
}
&lt;/code&gt;&lt;/pre&gt;</t>
  </si>
  <si>
    <t>2013-03-30 04:43:57.740000+00:00</t>
  </si>
  <si>
    <t>2013-03-30 04:47:19.283000+00:00</t>
  </si>
  <si>
    <t>Optimize form (containing .png backgrounds) loading in C#</t>
  </si>
  <si>
    <t>&lt;p&gt;My problem is that I have an application developed in C# and before adding .png backgrounds all the forms are loading smoothly. After adding the backgrounds, the forms are loading much more difficult than before.&lt;/p&gt;
&lt;p&gt;What can I possibly do in order to avoid the slow loading of the forms?&lt;/p&gt;
&lt;p&gt;Thanks!  &lt;/p&gt;</t>
  </si>
  <si>
    <t>2011-05-16 07:53:24.350000+00:00</t>
  </si>
  <si>
    <t>2011-05-17 04:24:26.057000+00:00</t>
  </si>
  <si>
    <t>c#|winforms|optimization|png</t>
  </si>
  <si>
    <t>angularjs - How do I store an array inside sessionStorage?</t>
  </si>
  <si>
    <t>&lt;p&gt;I am developing a website using HTML5 and AngularJS, and inside the controller I access the database and initialize an array &lt;code&gt;$scope.array&lt;/code&gt;.&lt;/p&gt;
&lt;p&gt;Afterwards I save the initialized array in the session:&lt;/p&gt;
&lt;pre&gt;&lt;code&gt;sessionStorage.array = $scope.array;
&lt;/code&gt;&lt;/pre&gt;
&lt;p&gt;If that array exists in the sessionStorage, I want to load the sessionStorage copy, and not define an empty array.&lt;/p&gt;
&lt;p&gt;I do it like so:&lt;/p&gt;
&lt;pre&gt;&lt;code&gt;if(sessionStorage.array)
        $scope.array = sessionStorage.array;
else
        $scope.array = [];
&lt;/code&gt;&lt;/pre&gt;
&lt;p&gt;So that &lt;code&gt;$scope.array&lt;/code&gt; is the array I present to the HTML via &lt;code&gt;ng-repeat&lt;/code&gt;.&lt;/p&gt;
&lt;p&gt;But my problem is that after refreshing for the first time, the &lt;code&gt;$scope.array&lt;/code&gt; object becomes an empty array (Before refreshing, it was initialized with values from the database)&lt;/p&gt;
&lt;p&gt;How can I save the array in the session so that it won't get to the 'else' branch?&lt;/p&gt;</t>
  </si>
  <si>
    <t>2017-02-27 13:53:33.143000+00:00</t>
  </si>
  <si>
    <t>2017-03-01 10:11:48.270000+00:00</t>
  </si>
  <si>
    <t>2017-02-27 16:15:51.830000+00:00</t>
  </si>
  <si>
    <t>javascript|angularjs|arrays|session-storage</t>
  </si>
  <si>
    <t>Symfony2 FOSUSerBundle boost multiaccount users</t>
  </si>
  <si>
    <t>&lt;p&gt;I'm trying to create a hunter of multiple accounts to prevent a user with an IP can create multiple accounts in my application.&lt;/p&gt;
&lt;p&gt;I created a login event listener of FOSUserBunde, here is the function.&lt;/p&gt;
&lt;pre&gt;&lt;code&gt;class FOSUserLoginListener implements EventSubscriberInterface
{
    private $em;
    private $userManager;
    private $router;
    private $requestStack;
    private $mailer;
    private $templating;
public function __construct(UserManager $usermanager, Router $router, RequestStack $requestStack, TwigEngine $templating, EntityManager $em, $mailer)
{
    $this-&amp;gt;em                   = $em;
    $this-&amp;gt;userManager          = $usermanager;
    $this-&amp;gt;router               = $router;
    $this-&amp;gt;requestStack         = $requestStack;
    $this-&amp;gt;mailer               = $mailer;
    $this-&amp;gt;templating           = $templating;
}
/**
 * {@inheritDoc}
 */
public static function getSubscribedEvents()
{
    return array(
        FOSUserEvents::SECURITY_IMPLICIT_LOGIN =&amp;gt; 'onImplicitLogin',
        SecurityEvents::INTERACTIVE_LOGIN =&amp;gt; 'onSecurityInteractiveLogin',
    );
}
public function onSecurityInteractiveLogin(InteractiveLoginEvent $event)
{
    $user = $event-&amp;gt;getAuthenticationToken()-&amp;gt;getUser();
    if ($user instanceof UserInterface) {
        $lastIp = $this-&amp;gt;requestStack-&amp;gt;getCurrentRequest()-&amp;gt;getClientIp();
        if($this-&amp;gt;multiAccountChecker($lastIp))
        {
            $this-&amp;gt;sendAlertToBanEmail($user, $lastIp);
            $user-&amp;gt;setLastIP($lastIp)
                 -&amp;gt;setLocked(true);
            $this-&amp;gt;userManager-&amp;gt;updateUser($user);                
            $this-&amp;gt;userManager-&amp;gt;reloadUser($user);
        }
        $user-&amp;gt;setLastIP($lastIp);
        $this-&amp;gt;userManager-&amp;gt;updateUser($user);
    }
}
&lt;/code&gt;&lt;/pre&gt;
&lt;p&gt;It works fine except for one little glitch. When I detect more than one account with the same IP, data is stored in the database but the user being logged will not close the session with the message "This account is locked."&lt;/p&gt;
&lt;p&gt;Someone could give me some clue as to ensure that, in case of a multiple account the user is refused access?&lt;/p&gt;</t>
  </si>
  <si>
    <t>2015-08-08 01:37:29.407000+00:00</t>
  </si>
  <si>
    <t>2015-08-11 11:03:55.017000+00:00</t>
  </si>
  <si>
    <t>security|symfony|fosuserbundle</t>
  </si>
  <si>
    <t>How to register a custom Intent filter to a broadcast receiver in AndroidManifest.xml?</t>
  </si>
  <si>
    <t>&lt;p&gt;I have defined a receiver in AndroidManifest.xml to receive a &lt;code&gt;PlAY_FINISHED&lt;/code&gt; action, and in other file I send an intent to that broadcast receiver like follows:&lt;/p&gt;
&lt;pre&gt;&lt;code&gt;public String PlAY_FINISHED = "play finished"; 
...
Intent in = new Intent(PlAY_FINISHED);
this.service.sendBroadcast(in);
&lt;/code&gt;&lt;/pre&gt;
&lt;p&gt;so in my manifest file, i set it like this, where MyStaticString is a class that contains all the static string in the application. Is this the correct way?&lt;/p&gt;
&lt;pre&gt;&lt;code&gt;    &amp;lt;intent-filter&amp;gt;
        &amp;lt;action android:name="com.mysite.appname.MyStaticString.PLAY_FINISHED" /&amp;gt;
    &amp;lt;/intent-filter&amp;gt;
&lt;/code&gt;&lt;/pre&gt;</t>
  </si>
  <si>
    <t>2013-05-07 05:10:51.820000+00:00</t>
  </si>
  <si>
    <t>2018-08-17 17:47:52.567000+00:00</t>
  </si>
  <si>
    <t>android|broadcastreceiver|intentfilter</t>
  </si>
  <si>
    <t>Invoke build using sshexec in remote machine does not work</t>
  </si>
  <si>
    <t>&lt;p&gt;I have setup a SSH server in my remote machine (Windows) executing the following commands in my windows machine.&lt;/p&gt;
&lt;pre&gt;&lt;code&gt;     &amp;lt;sshexec host="host"
    port="port"
    username="uname"
    password="pass"
    trust="true"
    Command="(E:; cd \buildProjectDemo\build\;  ant -propertyfile configurable.properties build-installer)"
    /&amp;gt;
&lt;/code&gt;&lt;/pre&gt;
&lt;p&gt;But, the command does not execute in the remote machine. It just gives the output as,&lt;/p&gt;
&lt;pre&gt;&lt;code&gt;    hostExec:
  [sshexec] Connecting to host
  [sshexec] cmd : (E:; cd \buildProjectDemo\build\;  ant -propertyfile configurable.properties build-installer)
BUILD SUCCESSFUL
&lt;/code&gt;&lt;/pre&gt;
&lt;p&gt;What could be the problem?&lt;/p&gt;</t>
  </si>
  <si>
    <t>2013-12-17 07:05:16.990000+00:00</t>
  </si>
  <si>
    <t>2013-12-18 04:35:22.787000+00:00</t>
  </si>
  <si>
    <t>ant|ssh</t>
  </si>
  <si>
    <t>How can I modify a password within form login before using it for authentication in spring security?</t>
  </si>
  <si>
    <t>&lt;p&gt;I registered a &lt;code&gt;jdbcAuthentication()&lt;/code&gt;. How can I replace the password that is pushed in the SELECT statement?&lt;/p&gt;
&lt;p&gt;A &lt;code&gt;PasswordEncoder&lt;/code&gt; is not sufficient as I want to concatenate the username and password of an incoming login request then hash this string and using the outcoming hash as the password to authenticate with JDBC.&lt;/p&gt;
&lt;pre&gt;&lt;code&gt;@Autowired
public void configureGlobal(AuthenticationManagerBuilder auth) throws Exception {
    auth
        .jdbcAuthentication()
            .dataSource(datasource)
            .usersByUsernameQuery("SELECT username, password, true as enabled "
                    + "FROM users WHERE username = ?")
            .authoritiesByUsernameQuery("SELECT username, role as authority "
                    + "FROM users, roles " 
                    + "WHERE username = ?");
    }
}
&lt;/code&gt;&lt;/pre&gt;
&lt;p&gt;I added a custom &lt;code&gt;UsernamePasswordAuthenticationFilter&lt;/code&gt; but its &lt;code&gt;attemptAuthentication()&lt;/code&gt; method doesn't get called within a login attempt.&lt;/p&gt;
&lt;pre&gt;&lt;code&gt;http.addFilterBefore(new CustomUsernamePasswordAuthenticationFilter(), UsernamePasswordAuthenticationFilter.class);
&lt;/code&gt;&lt;/pre&gt;</t>
  </si>
  <si>
    <t>2015-02-05 16:25:44.033000+00:00</t>
  </si>
  <si>
    <t>2015-02-05 16:32:37.523000+00:00</t>
  </si>
  <si>
    <t>spring|spring-security|spring-boot</t>
  </si>
  <si>
    <t>how can I stop an object from rotating while other parts rotate?</t>
  </si>
  <si>
    <t>&lt;p&gt;I've just drawn a 3 dof robot with 3 joints which are revoloute , i've drawn a shere to use as an obstacle which should be constant without any moving but as the gripper of the robot starts to move my obstacle moves too, which shouldnt,2nd problem is : i want to turn arond my robot i did this by arrow keys theres no error but it dosent work.here is my code:&lt;/p&gt;
&lt;pre&gt;&lt;code&gt;#include &amp;lt;GL/glut.h&amp;gt;
#include &amp;lt;stdio.h&amp;gt;
#include &amp;lt;stdlib.h&amp;gt;
#define VIEW_TURN_RATE  10
#define GLUT
#define GLUT_KEY
#define GLUT_SPEC
float t1=30;
float t2=45;
float t3=45;
float t4=0;
float t5=0;
float l=1.5;
float h=0.2*l;
double m=0.2;
double n=0.2;
double p=0.2;
float eyex,eyey=0;
float eyez=6;
float lx,ly,lz=0;
int turn = 0, turn1 = 0;
void TurnRight(void)
{
    turn = (turn - VIEW_TURN_RATE) % 360;
}
void TurnLeft(void)
{
    turn = (turn + VIEW_TURN_RATE) % 360;
}
void TurnForwards(void)
{
    turn1 = (turn1 - VIEW_TURN_RATE) % 360;
}
void TurnBackwards(void)
{
    turn1 = (turn1 + VIEW_TURN_RATE) % 360;
}
void myidlefunc()
{
    if(t1&amp;lt;100)
        t1+=2;
    else
    {   
        if(t2&amp;lt;150)
            t2+=2;
        else
        {
            if(t3&amp;lt;150)
                t3+=2;
            else
            {
                if(t4&amp;lt;150)
                    t4+=2;
                else
                {
                    if(t5&amp;lt;120)
                        t5+=2;
                    else
                    {
                        glutIdleFunc(0);
                    }
                }
            }
        }
    }
    glutPostRedisplay();
}
#ifdef GLUT
#ifdef GLUT_SPEC
void
    special(int key, int x, int y)
{
    int i = 0;
    printf("this is special keyboard: %d \n",key);
    switch (key) {
        /* start of view position functions */
    case 'r':{
        TurnRight();
        i++;
             }
             break;
    case GLUT_KEY_LEFT:{
        TurnLeft();
        i++;
                       }
                       break;
    case GLUT_KEY_DOWN:{
        TurnForwards();
        i++;
                       }
                       break;
    case GLUT_KEY_UP:{
        TurnBackwards();
        i++;
                     }
                     break;
                     /* end of view postions functions */
    }
    if (i)
        glutPostRedisplay();
}
#endif
#ifdef GLUT_KEY
void keyboard(unsigned char c,int x,int y)
{
    switch(c)
    {
    case 27:
        exit(0);
        break;
    case 's':
        if (t1 &amp;lt; 50) {
            t1++;}
        break;
    case 'S':
        //if (t1 &amp;lt; 80) {
        t1--;
        //}
        break;
    case 'q':
        glutIdleFunc(myidlefunc);
        break;
    case 'f':
        if (t2 &amp;lt; 160) {
            t2++;}
        break;
    case 'F':
        t2--;
        break;
    case 'g':
        t3++;
        break;
    case 'h':
        t4++;
        break;
    case 'k':
        t5++;
        break;
    }
    glutPostRedisplay();
}
#endif
#endif
void drawFloor(void)
{
    glPushMatrix ();
    glBegin(GL_QUADS);
    glColor3f(0.0,0.8,0.8);
    glVertex3f(-20.0, 0.0, 100.0);
    glVertex3f(20.0, 0.0, 100.0);
    glVertex3f(20.0, 0.0, -100.0);
    glVertex3f(-20.0, 0.0, -100.0);
    glEnd();
    glPopMatrix ();
    glEnable(GL_LIGHTING);
}
void Base(float l)
{
    glPushMatrix();
    //glColor3f(0.4,0.6,0.5);
    glScaled(1.0*l,0.2*l,1.0*l);
    glutSolidCube(1);
    glPopMatrix();
}
void obst(float radius, int slices, int stacks)
{
    glTranslated (0,-0.5,0.0);
    glPushMatrix ();
    glutSolidSphere (radius,slices,stacks);
    glPopMatrix ();
}
void arm(float l,float r,int slices,int stacks,float rotat)
{
    float d;
    d=0.2*l;
    glTranslated (0,l/2+d/2,0);
    glPushMatrix ();
    glScaled (d/l,1,d/l);
    glutSolidCube (l);
    glPopMatrix ();
    glTranslated (0,l/2,0);
    glRotated (rotat,0,0,1);
    glPushMatrix ();
    glutSolidSphere (r,slices,stacks);
    glPopMatrix ();
}
void Base2(float l,float r,int slices,int stacks,float rotat)
{
    float d;
    d=0.2*l;
    glTranslated (d/2,d/2,d/2);
    glPushMatrix ();
    glScaled (d,d/2,d);
    glutSolidCube (2);
    glPopMatrix ();
}
void hand(float d,float x)
{
    glColor3f(0.0,0.4,0.3);
    glRotated(t5,0,1,0);
    glPushMatrix ();
    glTranslated(0,-d/2+x/2,0);
    glScaled(1,x/d,1);
    glutSolidCube (d);
    glPopMatrix();
    glPushMatrix ();
    glTranslated(-d/2+x/2,x/2,0);
    glScaled (x/(d-x),1,d/(d-x));
    glutSolidCube(d-x);
    glPopMatrix ();
    glPushMatrix ();
    glTranslated (d/2-x/2,x/2,0);
    glScaled (x/(d-x),1,d/(d-x));
    glutSolidCube(d-x);
    glPopMatrix ();
}
void display()
{
    float l,T,r,x,d;
    double radius,height;
    int slices, stacks;
    l=1.5;
    T=30;
    d=0.2*l;
    x=0.2*d;
    r=d/2;
    radius=1.0;
    height=3;
    slices=1000;
    stacks=202;
    glClearColor(1.0,1.0,1.0,1.0);
    glClear(GL_DEPTH_BUFFER_BIT | GL_COLOR_BUFFER_BIT);
    glPushMatrix ();
    //lightning start here
    glEnable(GL_LIGHT0);
    GLfloat light0_pos []={lx,ly+1,lz+1,1};
    GLfloat light0_diffuse []={1,0,0,0};
    glLightfv(GL_LIGHT0,GL_DIFFUSE,light0_diffuse);
    GLfloat light0_Ambient []={0,1,1,0};
    glLightfv(GL_LIGHT0,GL_DIFFUSE,light0_Ambient);
    gluLookAt(0.2,0.8,0.0,5.0,3.0,5.0,0.0,0.1,0.0);
    glLightfv(GL_LIGHT0,GL_POSITION,light0_pos);
    glScaled(0.2,0.2,0.2);
    glRotated(90,0.0,1.0,0.0);
    /* Draw "bottom" of floor in blue. */
    glColor3f(0.0, 0.8, 0.8);
    drawFloor();
    //base
    glColor3f(0.0,0.0,0.0);
    Base(2);
    //base2
    glColor3f(1.0,0.0,0.0);
    Base2(l,r,60,60,t1);
    //arm1  
    glColor3f(1.0,0.0,0.8);
    arm(l,r,60,60,t1);
    glColor3f(0.0,1.0,0.0);
    arm(l,r,60,60,t2);
    glColor3f(1.0,0.8,0.5);
    arm(l,r,60,60,t3);
    //hand   
    glTranslated (0,d/2+r,0);
    hand(d,x);
    //obst
    glTranslated (-1,3,0);
    glColor3f(0.0,0.0,1.0);
    obst(radius,slices,stacks);
    //glRotated(0.0,0.0,1.0,0.0);
    glPopMatrix ();
    glFlush();
    glutSwapBuffers();  
}
void reshape(int width,int height)
{
    float aspect=(float)width/(float)height;
    glMatrixMode(GL_PROJECTION);
    glLoadIdentity();
    glViewport(0,0,width,height);
    //glOrtho(-aspect,aspect,-1,+1,-1,+1);
    gluPerspective(60.0,0.0,0.0,8);
    glMatrixMode (GL_MODELVIEW);
    glLoadIdentity();
    //glTranslatef(0.0, 0.0, 0.0);  /* viewing transform  */
}
int main(int argc,char** argv)
{ 
    glutInit(&amp;amp;argc,argv);
    glutInitDisplayMode(GLUT_RGBA|GLUT_DOUBLE);
    glutInitWindowPosition(0,0);
    glutInitWindowSize(500,500);
    static int window=glutCreateWindow("OPenGL!");
    glutDisplayFunc(display);
    glutReshapeFunc(reshape);
    glutKeyboardFunc(keyboard);
#ifdef GLUT_SPEC
    glutSpecialFunc(special);
#endif
    glShadeModel(GL_FLAT);
    glEnable(GL_LIGHTING);
    glEnable(GL_DEPTH_TEST);
    glEnable(GL_COLOR_MATERIAL);
    glutMainLoop();
    exit(0);
}
&lt;/code&gt;&lt;/pre&gt;</t>
  </si>
  <si>
    <t>2011-05-10 02:33:25.600000+00:00</t>
  </si>
  <si>
    <t>2011-05-10 03:22:59.613000+00:00</t>
  </si>
  <si>
    <t>2011-05-10 02:48:53.297000+00:00</t>
  </si>
  <si>
    <t>c++|opengl|rotation|glut|arrow-keys</t>
  </si>
  <si>
    <t>sqlite CREATE INDEX exec returning an error</t>
  </si>
  <si>
    <t>&lt;p&gt;I have an existing sqlite database. I am attempting to improve the query performance by using an index. Also I am using a C++ wrapper to sqlite. The return value is SQLITE_ERROR from the sqlite3_exec call below.        &lt;/p&gt;
&lt;p&gt;wrapper code is as follows to perform exec:&lt;/p&gt;
&lt;pre&gt;&lt;code&gt;Int CppSQLite3DB::execDML(const char* szSQL)
{
checkDB();
char* szError=0;
int nRet = sqlite3_exec(mpDB, szSQL, 0, 0, &amp;amp;szError);
if (nRet == SQLITE_OK)
{
    return sqlite3_changes(mpDB);
}
else
{
    throw CppSQLite3Exception(nRet, szError);
}
}
&lt;/code&gt;&lt;/pre&gt;
&lt;p&gt;my code to create the index is:&lt;/p&gt;
&lt;pre&gt;&lt;code&gt;sprintf_s( statement, sizeof(statement), "CREATE INDEX modeidx ON Models (manufID)");  
flDB-&amp;gt;execDML(statement);
&lt;/code&gt;&lt;/pre&gt;
&lt;p&gt;The database is open and valid. This section of code is performed following a previous section that reads out of another table in this database. Prior to adding this statement all the code works as expected.&lt;/p&gt;
&lt;p&gt;I believe my syntax is correct for creating an index, I do not understand why I am receiving an error.&lt;/p&gt;</t>
  </si>
  <si>
    <t>2011-10-05 13:23:03.663000+00:00</t>
  </si>
  <si>
    <t>2011-12-06 18:19:31.910000+00:00</t>
  </si>
  <si>
    <t>c++|sqlite</t>
  </si>
  <si>
    <t>how to make the input not read a certain number</t>
  </si>
  <si>
    <t>&lt;pre&gt;&lt;code&gt;import java.util.Scanner;
public class Main {
    public static void main(String[] args) {
        Scanner scan = new Scanner(System.in);
        System.out.print("Enter number (0 to quit): ");
        //largest to-do
        double largest = scan.nextDouble();
        double count = 0;
        while (largest != 0) {
            double input = scan.nextDouble();
            //max
            if (input &amp;gt; largest) {
                // not zero
                // while (input &amp;gt; largest){
                //
                // }
                largest = input;
                //counter
                count = 0;
            }
            //counter start
            if(input==largest){
                count++;
            }
            if (input == 0) {
                System.out.println("Largest #: " + largest);
                System.out.println("Occurance: " + count);
            }
        }
    }
}
&lt;/code&gt;&lt;/pre&gt;
&lt;p&gt;This program works! however, its not that complete I think...
Like if a user tries to enter&lt;/p&gt;
&lt;pre&gt;&lt;code&gt;-17 -5 -2 -1 -1 -1 0
&lt;/code&gt;&lt;/pre&gt;
&lt;p&gt;it outputs:&lt;/p&gt;
&lt;pre&gt;&lt;code&gt;Max: 0
Occurrence: 1
&lt;/code&gt;&lt;/pre&gt;
&lt;p&gt;Though: in my mind I want it to be:&lt;/p&gt;
&lt;pre&gt;&lt;code&gt;Max: -1
Occurrence: 3 
&lt;/code&gt;&lt;/pre&gt;
&lt;p&gt;how would I do this WITHOUT using arrays? I know its in that part of the code I started above the counter.&lt;/p&gt;
&lt;p&gt;Thanks in advance.&lt;/p&gt;</t>
  </si>
  <si>
    <t>2017-10-23 20:08:51.160000+00:00</t>
  </si>
  <si>
    <t>2017-10-23 20:56:15.887000+00:00</t>
  </si>
  <si>
    <t>2017-10-23 20:27:24.877000+00:00</t>
  </si>
  <si>
    <t>java|max|counter</t>
  </si>
  <si>
    <t>Converting array to Linked list - from Eloquent Javascript</t>
  </si>
  <si>
    <t>&lt;p&gt;It is one of the challenge in the book I fail to understand, or my brain is unable to break it down. Here is the solution function:&lt;/p&gt;
&lt;pre&gt;&lt;code&gt; function arrayToList(array) {
  var list = null;
  for (var i = array.length - 1; i &amp;gt;= 0; i--)
    list = {value: array[i], rest: list};
  return list;
}
console.log(arrayToList([10, 20]));
// ��� {value: 10, rest: {value: 20, rest: null}}
&lt;/code&gt;&lt;/pre&gt;
&lt;p&gt;so we are looping the array inversly so first time list should be:&lt;/p&gt;
&lt;pre&gt;&lt;code&gt;list = {value:20, rest:{value:20, rest:**mind blows here**}}
&lt;/code&gt;&lt;/pre&gt;
&lt;p&gt;can any one help me through this process?&lt;/p&gt;</t>
  </si>
  <si>
    <t>2015-09-03 11:57:43.770000+00:00</t>
  </si>
  <si>
    <t>2015-09-03 12:41:17.340000+00:00</t>
  </si>
  <si>
    <t>javascript|arrays|linked-list</t>
  </si>
  <si>
    <t>How to extract RGB triplets from an image and store in a numpy array of dimension width x height rows and 3 columns, without loops?</t>
  </si>
  <si>
    <t>&lt;p&gt;I have an RGB image in ther form of a &lt;code&gt;(width, height, 3)&lt;/code&gt; array. Now I want to extract the RGB triplets from the image and store in a numpy array of dimension &lt;code&gt;width x height&lt;/code&gt; rows and &lt;code&gt;3&lt;/code&gt; columns.&lt;/p&gt;
&lt;p&gt;This is what I'm doing right now:&lt;/p&gt;
&lt;pre&gt;&lt;code&gt;arr = np.zeros((height*width, 3))
count = 0
for p in range(0, height):
    for q in range(0, width):
        arr[count] = image[p][q]
        count += 1
&lt;/code&gt;&lt;/pre&gt;
&lt;p&gt;Can this be done without loops, so that it can be faster?&lt;/p&gt;</t>
  </si>
  <si>
    <t>2016-06-07 17:09:50.907000+00:00</t>
  </si>
  <si>
    <t>Visual Studio Setup Project</t>
  </si>
  <si>
    <t>&lt;p&gt;I���m trying to use a Visual Studio Setup Project to deploy a C# Application.  &lt;/p&gt;
&lt;p&gt;In a VS Setup project, is it possible to dynamically change the application folder before a  project is installed, or even to add any code behind the set-up project at all?&lt;/p&gt;
&lt;p&gt;What I am trying to achieve is an msi that runs, calculates the installation directory based on some external factors and then installs to that directory.  I then want it to run the application immidiately.  The objective for this is no user intervention throughout.&lt;/p&gt;</t>
  </si>
  <si>
    <t>2010-06-10 09:23:27+00:00</t>
  </si>
  <si>
    <t>2010-06-10 09:39:12.787000+00:00</t>
  </si>
  <si>
    <t>2010-06-10 09:36:23.010000+00:00</t>
  </si>
  <si>
    <t>c#|visual-studio-2008|visual-studio-setup</t>
  </si>
  <si>
    <t>Include new header file in C4droid</t>
  </si>
  <si>
    <t>&lt;p&gt;I'm a beginner to C++, so please forgive me for the novice question. I want to be able to add and use Bjarn Stroustrup's header file &lt;code&gt;std_lib_facilities.h&lt;/code&gt; in C4droid, but the instructions given on the google play page are too vague for me. My android device is also new and unfamiliar to me. &lt;/p&gt;
&lt;p&gt;Where do I put the header file (which I have on my PC) to allow it to work in a simple "hello world" program? Also, what method do I use to transfer it to it's appropriate location?&lt;/p&gt;</t>
  </si>
  <si>
    <t>2013-07-28 21:57:56.787000+00:00</t>
  </si>
  <si>
    <t>2013-07-28 22:00:18.913000+00:00</t>
  </si>
  <si>
    <t>android|c++|g++|header-files</t>
  </si>
  <si>
    <t>Paired with hc 05 but not connected</t>
  </si>
  <si>
    <t>&lt;h1&gt;Main Problem&lt;/h1&gt;
&lt;p&gt;My mobile phone is already paired with my HC-05 bluetooth module. But the problem is it is not connected.&lt;/p&gt;
&lt;p&gt;Do you have any solution about this kind of problem guys?&lt;/p&gt;
&lt;p&gt;Need help. Thank you.&lt;/p&gt;</t>
  </si>
  <si>
    <t>2015-02-01 15:17:30.720000+00:00</t>
  </si>
  <si>
    <t>2015-11-11 15:51:12.643000+00:00</t>
  </si>
  <si>
    <t>bluetooth|arduino-uno</t>
  </si>
  <si>
    <t>Returning object as null returns what?</t>
  </si>
  <si>
    <t>&lt;p&gt;I have a class and a function that returns an object of that class, if i return NULL what exactly gets returned?&lt;/p&gt;
&lt;p&gt;Example:&lt;/p&gt;
&lt;pre&gt;&lt;code&gt;class someclass {
    int a;
    int b;
    someclass::someclass(int a, int b) {
        this-&amp;gt;a = a; this-&amp;gt;b = b;
    }
};
someclass functionname() {
    return NULL;
}
someclass foo = functionname();
&lt;/code&gt;&lt;/pre&gt;
&lt;p&gt;Since I dont have a default constructor for the class what gets returned? Is it an actual usable object? Or just gibberish? Why cant I check like this?&lt;/p&gt;
&lt;pre&gt;&lt;code&gt;if (foo == NULL) {
    something
}
&lt;/code&gt;&lt;/pre&gt;</t>
  </si>
  <si>
    <t>2012-12-09 23:19:45.773000+00:00</t>
  </si>
  <si>
    <t>2012-12-10 15:07:24.340000+00:00</t>
  </si>
  <si>
    <t>2012-12-10 00:07:03.023000+00:00</t>
  </si>
  <si>
    <t>compare two columns in the same text file</t>
  </si>
  <si>
    <t>&lt;p&gt;I have one textfile that have 12 columns and about 68000 lines.&lt;/p&gt;
&lt;p&gt;I want to compare the two columns 2 and 12 to follow the condition if column2 &amp;lt;= column12 then put the whole line or row in a new textfile.
Or if column2 &gt; column12 then delete the whole line or row.&lt;/p&gt;
&lt;p&gt;Thanks in advance.&lt;/p&gt;</t>
  </si>
  <si>
    <t>2014-10-27 07:55:37.893000+00:00</t>
  </si>
  <si>
    <t>2014-10-27 22:59:07.277000+00:00</t>
  </si>
  <si>
    <t>python-2.7|numpy</t>
  </si>
  <si>
    <t>How ShareIt works for PC?</t>
  </si>
  <si>
    <t>&lt;p&gt;Well,I am trying to build a software like ShareIt but it seems like I am struck in between.
What I had done till now-
I had made a program(server and client side) where a server can send any kind of file to the client,and for this the client must have the IP address of the server.
But I would like to know-
How the client can automatically search the IP address of the server which is listening?
I don't want to manually enter the IP address each time,instead how the client automatically detect all the IP addresses of the servers which are available and are listening? 
Thanks in advance.&lt;/p&gt;</t>
  </si>
  <si>
    <t>2016-06-30 17:37:46.297000+00:00</t>
  </si>
  <si>
    <t>2017-01-10 08:05:17.707000+00:00</t>
  </si>
  <si>
    <t>java|server|client|p2p|peer</t>
  </si>
  <si>
    <t>python: How to check that returned value is exception or not</t>
  </si>
  <si>
    <t>&lt;p&gt;I have two functions. function "main" is calling to function "submain". "submain" function contains try-catch block and return some value.&lt;/p&gt;
&lt;p&gt;If "submain" executes successfully then it returns some value which i will display to end user directly. &lt;/p&gt;
&lt;p&gt;If i get an exception then i have to prepare one user friendly message and print that. But to do that i need to know whether returned value is exception or not. &lt;/p&gt;
&lt;p&gt;How can i check that returned value in exception or valid result?&lt;/p&gt;
&lt;pre&gt;&lt;code&gt;Here is my pseudo code:
def submain():
    try:
        result = call to external API
        return result
    excepion, e:
        _logger(e)
def main(value):
    for x in value:
        submain()
        # if return is exception then break loop and give msg to end user.
&lt;/code&gt;&lt;/pre&gt;</t>
  </si>
  <si>
    <t>2018-09-13 05:16:22.343000+00:00</t>
  </si>
  <si>
    <t>2018-09-13 05:56:18.013000+00:00</t>
  </si>
  <si>
    <t>python|exception|error-handling|return|try-catch</t>
  </si>
  <si>
    <t>Accessing Tab2 components from jQuery</t>
  </si>
  <si>
    <t>&lt;p&gt;I am trying get currently focused component id. For this I used following jQuery:&lt;/p&gt;
&lt;pre&gt;&lt;code&gt;&amp;lt;script&amp;gt;
    $(document).ready(function(){
        $("*").focus(function(){
            $('#hiddenInput').val($(this).attr('name'));
        });
    });
&amp;lt;/script&amp;gt;
&lt;/code&gt;&lt;/pre&gt;
&lt;p&gt;I have a &lt;code&gt;tabview&lt;/code&gt; with 2 tabs, and tabview &lt;code&gt;dynamic&lt;/code&gt; attribute is set to &lt;code&gt;true&lt;/code&gt;. jQuery is not getting fired for components of tab2 when I switch to tab2. I have noticed that HTML source is not getting generated for components of tab2. How do I resolve the issue ?&lt;/p&gt;
&lt;p&gt;Generated Markup given below :&lt;/p&gt;
&lt;pre&gt;&lt;code&gt;&amp;lt;div class="ui-tabs-panels"&amp;gt;
    &amp;lt;div id="j_idt76:j_idt77" class="ui-tabs-panel ui-widget-content ui-corner-bottom" role="tabpanel" aria-hidden="false"&amp;gt;
        &amp;lt;table cellpadding="5" cellspacing="5"&amp;gt;
            &amp;lt;tbody&amp;gt;
                &amp;lt;tr&amp;gt;
                    &amp;lt;td&amp;gt;&amp;lt;label&amp;gt; Customer ID&amp;lt;/label&amp;gt;&amp;lt;/td&amp;gt;
                    &amp;lt;td&amp;gt;
                        &amp;lt;input id="j_idt76:j_idt82" name="j_idt76:j_idt82" type="text" value="0893000453 " size="45" readonly="readonly" class="ui-inputfield ui-inputtext ui-widget ui-state-default ui-corner-all" /&amp;gt;
                        &amp;lt;script id="j_idt76:j_idt82_s" type="text/javascript"&amp;gt;PrimeFaces.cw('InputText','widget_j_idt76_j_idt82', id:'j_idt76:j_idt82'});&amp;lt;/script&amp;gt;
                    &amp;lt;/td&amp;gt;
                &amp;lt;/tr&amp;gt;
            &amp;lt;/tbody&amp;gt;
        &amp;lt;/table&amp;gt;
    &amp;lt;/div&amp;gt;
    &amp;lt;div id="j_idt76:j_idt147" class="ui-tabs-panel ui-widget-content ui-corner-bottom ui-helper-hidden" role="tabpanel" aria-hidden="true"&amp;gt;&amp;lt;/div&amp;gt;
&amp;lt;/div&amp;gt;
&lt;/code&gt;&lt;/pre&gt;</t>
  </si>
  <si>
    <t>2012-11-08 10:39:29.737000+00:00</t>
  </si>
  <si>
    <t>2012-11-09 11:18:51.650000+00:00</t>
  </si>
  <si>
    <t>2012-11-09 09:16:21.507000+00:00</t>
  </si>
  <si>
    <t>jquery|primefaces|tabview</t>
  </si>
  <si>
    <t>cannot download the app on ios version 9.2</t>
  </si>
  <si>
    <t>&lt;p&gt;i launch my app but when i start it download on device of ios 9.2 an error message shown "The app required ios version 9.3" what is the reason. i setup deployment target to 9.3 in xcode and my test device where also 9.3&lt;/p&gt;</t>
  </si>
  <si>
    <t>2016-06-07 07:43:30.037000+00:00</t>
  </si>
  <si>
    <t>2016-06-07 09:36:32.343000+00:00</t>
  </si>
  <si>
    <t>Entity Framework Query for inner join</t>
  </si>
  <si>
    <t>&lt;p&gt;What would be the query for:&lt;/p&gt;
&lt;pre&gt;&lt;code&gt;select s.* from Service s 
inner join ServiceAssignment sa on sa.ServiceId = s.Id
where  sa.LocationId = 1
&lt;/code&gt;&lt;/pre&gt;
&lt;p&gt;in entity framework?&lt;/p&gt;
&lt;p&gt;This is what I wrote:&lt;/p&gt;
&lt;pre&gt;&lt;code&gt; var serv = (from s in db.Services
                join sl in Location on s.id equals sl.id
                where sl.id = s.id
                select s).ToList();
&lt;/code&gt;&lt;/pre&gt;
&lt;p&gt;but it's wrong. Can some one guide me to the path?&lt;/p&gt;</t>
  </si>
  <si>
    <t>2013-04-15 21:51:29.280000+00:00</t>
  </si>
  <si>
    <t>2016-07-05 19:48:47.657000+00:00</t>
  </si>
  <si>
    <t>2014-03-10 15:04:14.660000+00:00</t>
  </si>
  <si>
    <t>c#|entity-framework</t>
  </si>
  <si>
    <t>How to get the token from moodle webservice?</t>
  </si>
  <si>
    <t>&lt;pre&gt;&lt;code&gt;package com.exmple.moodle_webservice;
import java.util.ArrayList;
import java.util.List;
import java.util.concurrent.ExecutionException;
import org.apache.http.NameValuePair;
import org.apache.http.message.BasicNameValuePair;
import org.json.JSONException;
import org.json.JSONObject;
import android.os.AsyncTask;
import android.os.Bundle;
import android.app.Activity;
import android.app.ProgressDialog;
import android.util.Log;
import android.view.Menu;
import android.view.View;
import android.widget.Button;
import android.widget.ListAdapter;
import android.widget.SimpleAdapter;
public class MainActivity extends Activity {
    Button token;
    JSONParser jParser = new JSONParser();
    // Progress Dialog
        private ProgressDialog pDialog;
    @Override
    protected void onCreate(Bundle savedInstanceState) {
        super.onCreate(savedInstanceState);
        setContentView(R.layout.activity_main);
        token=(Button)findViewById(R.id.button1);
        token.setOnClickListener(new View.OnClickListener() {
            @Override
            public void onClick(View v) {
                // TODO Auto-generated method stub
                String result = null;
                try {
                    result = new getToken().execute("").get();
                }
                catch (Exception e) {
                    // TODO Auto-generated catch block
                    Log.e("Error---&amp;gt;",e.toString());
                }
                Log.e("result---&amp;gt;",result);
            }
        });
    }
    @Override
    public boolean onCreateOptionsMenu(Menu menu) {
        // Inflate the menu; this adds items to the action bar if it is present.
        getMenuInflater().inflate(R.menu.activity_main, menu);
        return true;
    }
class getToken extends AsyncTask&amp;lt;String, String, String&amp;gt; {
    protected void onPreExecute() {
        super.onPreExecute();
        pDialog = new ProgressDialog(MainActivity.this);
        pDialog.setMessage("Loading products. Please wait...");
        pDialog.setIndeterminate(false);
        pDialog.setCancelable(false);
        pDialog.show();
    }
    @Override
    protected String doInBackground(String... arg0) {
        // TODO Auto-generated method stub
        String getToken = "http://10.0.2.2:80/moodle/login/token.php";
    //String getToken = "http://localhost/moodle/login/token.php?                   username=niranga&amp;amp;password=S12345s@&amp;amp;service=moodle_mobile_app";
        // Building Parameters
         List&amp;lt;NameValuePair&amp;gt; params = new ArrayList&amp;lt;NameValuePair&amp;gt;();
        params.add(new BasicNameValuePair("username", "niranga"));
         params.add(new BasicNameValuePair("password", "S12345s@"));
         params.add(new BasicNameValuePair("service", "moodle_mobile_app"));
                    // getting JSON string from URL
         JSONObject json = jParser.makeHttpRequest(getToken, "GET", params);
         Log.e("json---&amp;gt;",json.toString());
         try {
            return json.getString("token");
        } catch (Exception e) {
            // TODO Auto-generated catch block
            Log.e("Errorrr---&amp;gt;",e.toString());
        }
        return null;
    }
    protected void onPostExecute(String file_url) {
        // dismiss the dialog after getting all products
        pDialog.dismiss();
    }
}
}
&lt;/code&gt;&lt;/pre&gt;
&lt;p&gt;My JSONParser class:&lt;/p&gt;
&lt;pre&gt;&lt;code&gt;package com.exmple.moodle_webservice;
import java.io.BufferedReader;
import java.io.IOException;
import java.io.InputStream;
import java.io.InputStreamReader;
import java.io.UnsupportedEncodingException;
import java.util.List;
import org.apache.http.HttpEntity;
import org.apache.http.HttpResponse;
import org.apache.http.NameValuePair;
import org.apache.http.client.ClientProtocolException;
import org.apache.http.client.entity.UrlEncodedFormEntity;
import org.apache.http.client.methods.HttpGet;
import org.apache.http.client.methods.HttpPost;
import org.apache.http.client.utils.URLEncodedUtils;
import org.apache.http.impl.client.DefaultHttpClient;
import org.json.JSONException;
import org.json.JSONObject;
import android.util.Log;
public class JSONParser {
    static InputStream is = null;
    static JSONObject jObj = null;
    static String json = "";
    // constructor
    public JSONParser() {
    }
    // function get json from url
    // by making HTTP POST or GET method
    public JSONObject makeHttpRequest(String url, String method,
            List&amp;lt;NameValuePair&amp;gt; params) {
        // Making HTTP request
                       try {
            // check for request method
            if(method == "POST"){
                // request method is POST
                // defaultHttpClient
                DefaultHttpClient httpClient = new DefaultHttpClient();
                HttpPost httpPost = new HttpPost(url);
                httpPost.setEntity(new UrlEncodedFormEntity(params));
                HttpResponse httpResponse = httpClient.execute(httpPost);
                HttpEntity httpEntity = httpResponse.getEntity();
                is = httpEntity.getContent();
            }else if(method == "GET"){
                // request method is GET
                DefaultHttpClient httpClient = new DefaultHttpClient();
                String paramString = URLEncodedUtils.format(params, "utf-8");
                url += "?" + paramString;
                HttpGet httpGet = new HttpGet(url);
                HttpResponse httpResponse = httpClient.execute(httpGet);
                HttpEntity httpEntity = httpResponse.getEntity();
                is = httpEntity.getContent();
                //Log.e("get Entity result---&amp;gt;",is.toString());
            }           
        } catch (Exception e) {
            Log.e("Error--------&amp;gt;&amp;gt;&amp;gt;",e.toString());
        }
        try {
            BufferedReader reader = new BufferedReader(new InputStreamReader(
                    is, "iso-8859-1"), 8);
            StringBuilder sb = new StringBuilder();
            String line = null;
            while ((line = reader.readLine()) != null) {
                sb.append(line + "\n");
            }
            is.close();
            json = sb.toString();
        } catch (Exception e) {
            Log.e("Buffer Error", "Error converting result " + e.toString());
        }
        // try parse the string to a JSON object
        try {
            jObj = new JSONObject(json);
        } catch (JSONException e) {
            Log.e("JSON Parser", "Error parsing data " + e.toString());
        }
        // return JSON String
        return jObj;
    }
}
&lt;/code&gt;&lt;/pre&gt;
&lt;p&gt;When I try to get the token from moodle webservice I get error:&lt;/p&gt;
&lt;h2&gt;LogCat&lt;/h2&gt;
&lt;pre&gt;&lt;code&gt;03-17 05:21:22.285: E/json---&amp;gt;(2008): {"stacktrace":null,"error":"Invalid url or port.","debuginfo":null,"errorcode":null}
03-17 05:21:22.295: E/Errorrr---&amp;gt;(2008): org.json.JSONException: No value for token
03-17 05:21:22.335: E/AndroidRuntime(2008): FATAL EXCEPTION: main
03-17 05:21:22.335: E/AndroidRuntime(2008): java.lang.NullPointerException: println needs a message
03-17 05:21:22.335: E/AndroidRuntime(2008):     at android.util.Log.println_native(Native Method)
03-17 05:21:22.335: E/AndroidRuntime(2008):     at android.util.Log.e(Log.java:231)
03-17 05:21:22.335: E/AndroidRuntime(2008):     at com.exmple.moodle_webservice.MainActivity$1.onClick(MainActivity.java:64)
03-17 05:21:22.335: E/AndroidRuntime(2008):     at android.view.View.performClick(View.java:4202)
03-17 05:21:22.335: E/AndroidRuntime(2008):     at android.view.View$PerformClick.run(View.java:17340)
03-17 05:21:22.335: E/AndroidRuntime(2008):     at android.os.Handler.handleCallback(Handler.java:725)
03-17 05:21:22.335: E/AndroidRuntime(2008):     at android.os.Handler.dispatchMessage(Handler.java:92)
03-17 05:21:22.335: E/AndroidRuntime(2008):     at android.os.Looper.loop(Looper.java:137)
03-17 05:21:22.335: E/AndroidRuntime(2008):     at android.app.ActivityThread.main(ActivityThread.java:5039)
03-17 05:21:22.335: E/AndroidRuntime(2008):     at java.lang.reflect.Method.invokeNative(Native Method)
03-17 05:21:22.335: E/AndroidRuntime(2008):     at java.lang.reflect.Method.invoke(Method.java:511)
03-17 05:21:22.335: E/AndroidRuntime(2008):     at com.android.internal.os.ZygoteInit$MethodAndArgsCaller.run(ZygoteInit.java:793)
03-17 05:21:22.335: E/AndroidRuntime(2008):     at com.android.internal.os.ZygoteInit.main(ZygoteInit.java:560)
03-17 05:21:22.335: E/AndroidRuntime(2008):     at dalvik.system.NativeStart.main(Native Method)
&lt;/code&gt;&lt;/pre&gt;
&lt;p&gt;How can I get the token from moodle?&lt;/p&gt;</t>
  </si>
  <si>
    <t>2013-03-17 06:00:08.150000+00:00</t>
  </si>
  <si>
    <t>2014-09-04 13:04:11.767000+00:00</t>
  </si>
  <si>
    <t>2013-11-11 15:49:18.587000+00:00</t>
  </si>
  <si>
    <t>user1448729</t>
  </si>
  <si>
    <t>How to write this request using rawQuery() instead of query() ? (code inside)</t>
  </si>
  <si>
    <t>&lt;p&gt;I am trying to write an SQL database request using .query instead of .rawQuery (i have been told it's more efficient, even though not everyone seem to agree with this...).&lt;/p&gt;
&lt;p&gt;If I had to write it in SQL, it would be approximately something like this :   &lt;/p&gt;
&lt;pre&gt;&lt;code&gt;select COL_NAME, COL_COMMENTS, KEY_ROW_ID   
from TABLE   
where COL_CAT1 = myVariable1 or myVariable2 or ... myVariableN  
or COL_CAT2 = myVariable1 or myVariable2 or .... myVariableN  
or COL_CAT3 = myVariable1 or myVariable2 or.... myVariableN
&lt;/code&gt;&lt;/pre&gt;
&lt;p&gt;I have tried this :  &lt;/p&gt;
&lt;pre&gt;&lt;code&gt;public Cursor findNameInTable(int myVariable1, int myVariable2, int myVariableN) {
    String where = COL_CAT1 + " = ? OR " + COL_CAT2 + "=?";
    String[] whereArgs = new String[] { Integer.toString(myVariable1), Integer.toString(myVariable2), Integer.toString(myVariableN)};
    c = myDatabase
            .query(DATABASE_TABLE, new String[] { KEY_ROWID, COL_NAME , COL_COMMENTS }, 
                    where,
                    whereArgs, null,
                    null, null);
    return c;
}
&lt;/code&gt;&lt;/pre&gt;
&lt;p&gt;The problem with this is that the system is doing this :    &lt;/p&gt;
&lt;pre&gt;&lt;code&gt;    select .....
    from .....
    where COL_CAT1 = myVariable1 
    or COL_CAT2 = myVariable2
    or ???? = myVariableN  
&lt;/code&gt;&lt;/pre&gt;
&lt;p&gt;and then it crashes because it expects to compare each variable with a new column, which is not what I want: I have more inputs variable than columns.&lt;/p&gt;
&lt;p&gt;It's actually the " =?" which seems not to be appropriate, but no way to find how to write this kind of request, most of documentation is about rawQuery() and not query(). Thanks in advance.&lt;/p&gt;</t>
  </si>
  <si>
    <t>2013-03-07 10:15:44.130000+00:00</t>
  </si>
  <si>
    <t>2013-03-08 03:07:14.527000+00:00</t>
  </si>
  <si>
    <t>android|database|request</t>
  </si>
  <si>
    <t>SOAPAction header does not match the service</t>
  </si>
  <si>
    <t>&lt;p&gt;During integration with external system I had to switch from one environment to another. This means to change the URL where wsdl is placed and to put user credentials in the header. Looks pretty easy but then I noticed strange behavior. When I try to call service A which is on port 1 then for some reason the SOAPAction header is replaced with the value of service B which is also on port 1. It looks something like:&lt;/p&gt;
&lt;pre&gt;&lt;code&gt;ID: 496
Address: https://domain/env/port
Encoding: UTF-8
Http-Method: POST
Content-Type: text/xml
Headers: {Accept=[*/*], password=[test], SOAPAction=["serviceB"], UserName=[test]}
Payload: &amp;lt;soap:Envelope xmlns:soap="http://schemas.xmlsoap.org/soap/envelope/"&amp;gt;&amp;lt;soap:Body&amp;gt;&amp;lt;a:aRequest xmlns:a="http://a/namespace/"&amp;gt;...
&lt;/code&gt;&lt;/pre&gt;
&lt;p&gt;Then the response is of course that the unexpected request object has been passed. 
What is more strange that sometimes the SOAPAction header is ok, the service which has been called is ok and the request object is ok but the response still says that it expected different request object because for some reason server called other service that I wanted to call. &lt;/p&gt;
&lt;p&gt;So my question is: in what way the SAOPAction value is set - is it taken from generated class from &lt;code&gt;@WebMethod(action = "serviceA")&lt;/code&gt; or is it generated during reading wsdl file? I need to figure it out if the problem is on my side or on the external server side.&lt;/p&gt;
&lt;p&gt;EDIT:
I noticed that: when I call serviceA for the first time then SOAPAction header is set to operation serviceB. Then I call the second time the serviceA and the response code is 200. Then I call serviceB for the first time and the SOAPAction header is set to serviceA. When I call serviceB the second time then the response code is 200. So it looks like there is some kind of caching (?!)...&lt;/p&gt;
&lt;p&gt;EDIT:
Ok, so it looks like that: I am creating Port with Service class from javax.xml.ws package with &lt;code&gt;Service myservice = Service.create(serviceName)&lt;/code&gt; method and &lt;code&gt;myservice.getPort(MySpecifiedPort.class)&lt;/code&gt;. I annotate this method with &lt;code&gt;@Produces&lt;/code&gt; and if I need this Port then I inject it with &lt;code&gt;@Inject&lt;/code&gt; annotation. Sometimes I receive (I think) the instance from the pool. And if that happen then the SOAPAction is set to the value from the previous call. But why does this happend? Shouldn't SOAPAction be set as new every time I call WS? Whis does it look like to be cached somehow?&lt;/p&gt;</t>
  </si>
  <si>
    <t>2016-05-09 06:12:08.717000+00:00</t>
  </si>
  <si>
    <t>2016-05-09 13:55:02.187000+00:00</t>
  </si>
  <si>
    <t>2016-05-09 11:39:34.233000+00:00</t>
  </si>
  <si>
    <t>java|web-services|http|soap</t>
  </si>
  <si>
    <t>Oracle Creating a view with specific records from a table</t>
  </si>
  <si>
    <t>&lt;p&gt;I would like to create a view from the following table called TB_STATUS.&lt;/p&gt;
&lt;pre&gt;&lt;code&gt;ID  EVENT_DATE       REOPEN_DATE
1   16/1/2013 16:16 
2   16/1/2013 16:38 
3   16/1/2013 18:18 
4   15/1/2013 0:00  
5   16/1/2013 16:36  16/1/2013 0:00
6   16/1/2013 17:12  16/1/2013 0:00
7   4/1/2014 9:00    4/1/2014 0:00
8   5/1/2014 14:00   5/1/2014 0:00
9   4/1/2014 11:00  
10  4/1/2014 16:00  
11  4/8/2013 11:00  
12  15/8/2013 1:00  
&lt;/code&gt;&lt;/pre&gt;
&lt;p&gt;Expected view content is &lt;code&gt;MIN(EVENT_DATE)&lt;/code&gt; in between REOPEN_DATE as follows:&lt;/p&gt;
&lt;pre&gt;&lt;code&gt;ID  EVENT_DATE       REOPEN_DATE
    MIN(EVENT_DATE)
                     REOPEN_DT
    MIN(EVENT_DATE) 
                     REOPEN_DT
    MIN(EVENT_DATE) 
                     REOPEN_DT
    MIN(EVENT_DATE) 
&lt;/code&gt;&lt;/pre&gt;
&lt;p&gt;Expected result for the above dataset will be as follows:&lt;/p&gt;
&lt;pre&gt;&lt;code&gt;ID  EVENT_DATE       REOPEN_DATE
4   15/1/2013 0:00  
5   16/1/2013 16:36  16/1/2013 0:00
2   16/1/2013 16:38 
6   16/1/2013 17:12  16/1/2013 0:00
11  4/8/2013 11:00  
7   4/1/2014 9:00    4/1/2014 0:00
9   4/1/2014 11:00  
8   5/1/2014 14:00   5/1/2014 0:00
&lt;/code&gt;&lt;/pre&gt;
&lt;p&gt;Any help would be greatly appreciated.&lt;/p&gt;</t>
  </si>
  <si>
    <t>2017-11-07 07:45:48.120000+00:00</t>
  </si>
  <si>
    <t>2017-11-07 08:44:38.280000+00:00</t>
  </si>
  <si>
    <t>sql|oracle|view</t>
  </si>
  <si>
    <t>CSS - Image container div not same size as image</t>
  </si>
  <si>
    <t>&lt;p&gt;I have an image in a container div below which is a div containing text that can scroll. The image can vary in size so the height of the image will vary depending on the image being displayed i.e. it isn't always 400 x 200 as in my example.&lt;/p&gt;
&lt;p&gt;My problem is that when the text scrolls there is a space between the image and the point where the text should scroll behind the image. This seems to be because the image container div is not the same size as the image. &lt;/p&gt;
&lt;p&gt;This JSFiddle shows the problem &lt;a href="https://jsfiddle.net/t0ag2z5k/50/" rel="nofollow"&gt;https://jsfiddle.net/t0ag2z5k/50/&lt;/a&gt; &lt;/p&gt;
&lt;p&gt;Can anyone tell me both why this is happening and how to fix it please?&lt;/p&gt;
&lt;p&gt;CSS code below...&lt;/p&gt;
&lt;pre&gt;&lt;code&gt;#plotdetails {
    display: flex;
    flex-direction: column;
    float: left;
    width: 400px;
    z-index: 5;
    position: fixed;
    height: 100%;
}
#plotdetails #plot-img-container {
    display: inline-block;
}
#plotdetails #plot-img-container img{
    width: 400px;
    display: inline-block;
}
#details-text {
    padding: 0 20px 0 20px;
    overflow-y: scroll;
    flex: 1;  
}
&lt;/code&gt;&lt;/pre&gt;
&lt;p&gt;HTML here&lt;/p&gt;
&lt;pre&gt;&lt;code&gt;&amp;lt;div id="plotdetails"&amp;gt;
&amp;lt;div id="plot-img-container"&amp;gt;
    &amp;lt;img src="http://placehold.it/400x200"&amp;gt;
&amp;lt;/div&amp;gt;
&amp;lt;div id="details-text"&amp;gt;
    &amp;lt;h1&amp;gt;Lot's of words here....&amp;lt;/h1&amp;gt;
&amp;lt;/div&amp;gt;
&amp;lt;/div&amp;gt;
&lt;/code&gt;&lt;/pre&gt;</t>
  </si>
  <si>
    <t>2016-05-26 18:16:07.063000+00:00</t>
  </si>
  <si>
    <t>2016-05-26 18:20:35.603000+00:00</t>
  </si>
  <si>
    <t>Select data where date is the first and second half of the month (SQL)</t>
  </si>
  <si>
    <t>&lt;p&gt;How to retrieve the data where the dates are between the 1st to the 15th of the month when the system date is between the 1st to the 15th day of the month, and when the system date is between the 16th and the end of the month, it will automatically retrieve the data between the 16th and 30th/31st of the month?&lt;/p&gt;
&lt;p&gt;Please help me.&lt;/p&gt;
&lt;p&gt;I have this code.&lt;/p&gt;
&lt;pre&gt;&lt;code&gt;SELECT 
    CONVERT(VARCHAR(11), DATEADD(DAY, DATEDIFF(DAY, 0, DateTimeIn), 0)) AS [Date],
    CONVERT(TIME(0),DateTimeIn) AS [Time In], CONVERT(TIME(0),DateTimeOut) AS [Time Out],
    Late, Undertime, AWOL, Leave 
FROM 
    tblAttendance2
WHERE 
    UserID = (SELECT UserID FROM tblUsers WHERE Username = @Username) 
    AND MONTH(DateTimeIn) = MONTH(GetDate())
ORDER BY 
    CONVERT(DATE, DateTimeIn, 101) ASC
&lt;/code&gt;&lt;/pre&gt;
&lt;p&gt;This shows the data of the whole current month.&lt;/p&gt;
&lt;p&gt;Thanks!&lt;/p&gt;</t>
  </si>
  <si>
    <t>2013-11-15 09:54:46.017000+00:00</t>
  </si>
  <si>
    <t>2013-11-15 10:10:18.537000+00:00</t>
  </si>
  <si>
    <t>2013-11-15 09:58:43.467000+00:00</t>
  </si>
  <si>
    <t>sql|sql-server|database|sql-server-2008|date</t>
  </si>
  <si>
    <t>Disable scrolling while animating not working properly in Safari</t>
  </si>
  <si>
    <t>&lt;p&gt;I've made a snap to scroll script, that still gives users the ability to freely scroll, but helps them a bit to snap precisely in a full height screen..&lt;/p&gt;
&lt;p&gt;The problem is that the disable scrolling functionality is not working properly in Safari &amp;amp; Firefox. In Chrome it works perfect.&lt;/p&gt;
&lt;p&gt;I've tried literally for days to find a solution. I tried to work with several scroll plugins, but I end up getting the same result. In the end I decided to remove all external functionalities on my site and rebuild the script in a Fiddle to show you guys what I am dealing with.&lt;/p&gt;
&lt;p&gt;The funny thing is that the scrolling Fiddle happens to works perfectly in Safari, but when I put this code in a normal .html file the scrolling problems are back:&lt;/p&gt;
&lt;p&gt;&lt;strong&gt;My demo:&lt;/strong&gt;&lt;/p&gt;
&lt;ul&gt;
&lt;li&gt;The Fiddle: &lt;a href="https://jsfiddle.net/TomOWOW/unxp4rcz/10/" rel="nofollow noreferrer"&gt;Fiddle&lt;/a&gt;&lt;/li&gt;
&lt;li&gt;The .html file: &lt;a href="http://stage.owow.io/snapScroll/index.html" rel="nofollow noreferrer"&gt;link&lt;/a&gt;&lt;/li&gt;
&lt;/ul&gt;
&lt;p&gt;Given the fact the code in the Fiddle is identical to the .html code, my first assumption would be that the Fiddle works because it is rendered in a iFrame. With the idea that the animate on the direct body is not working properly in Safari.&lt;/p&gt;
&lt;p&gt;Thank a million, for the person who can help me with this!&lt;/p&gt;
&lt;pre&gt;&lt;code&gt;  var windowHeight = $(window).height();
  var windowWidth = $(window).width();
  var scrollPos = $(window).scrollTop();
  var $window = $(window);
  //Easings
  jQuery.easing['jswing'] = jQuery.easing['swing'];
  // t: current time, b: begInnIng value, c: change In value, d: duration
  jQuery.extend(jQuery.easing, {
    easeOutExpo: function(x, t, b, c, d) {
      return (t == d) ? b + c : c * (-Math.pow(2, -10 * t / d) + 1) + b;
    }
  });
  var progressPositions = [];
  var prevIndex = -1;
  var currentIndex = -1;
  progressPositions = [];
  $('.snapScroll').each(function(index, element) {
    progressPositions.push($(element).offset().top + (windowHeight / 2));
  });
    var animating = false;
  $window.on("scroll", function(evt) {
    scrollPos = $(window).scrollTop();
    currentIndex = -1;
    for (index in progressPositions) {
      var progressPosition = progressPositions[index];
      if ((scrollPos + windowHeight) &amp;gt; progressPosition) {
        currentIndex = index;
      }
    }
    if (currentIndex != prevIndex) {
      if (currentIndex &amp;gt; prevIndex) {
        if (currentIndex &amp;gt; -1) {
          disable_scroll();
          var nextIndex = parseInt(currentIndex);
          var screenId = '#screen-' + nextIndex;
          if (animating === false) {
            animating = true;
            $('html, body').animate({
              scrollTop: $(screenId).offset().top
            }, 500, 'easeOutExpo').promise().then(function() {
              setTimeout(function() {
                enable_scroll();
                animating = false;
              }, 500);
            });
          }
        }
      }
    }
    prevIndex = currentIndex;
  });
  function disable_scroll() {
    document.onmousewheel = function() {
      stopWheel();
    } /* IE7, IE8 */
    if (document.addEventListener) { /* Chrome, Safari, Firefox */
      document.addEventListener('DOMMouseScroll', stopWheel, false);
    }
  }
  function enable_scroll() {
    document.onmousewheel = null; /* IE7, IE8 */
    if (document.addEventListener) { /* Chrome, Safari, Firefox */
      document.removeEventListener('DOMMouseScroll', stopWheel, false);
    }
  }
  function stopWheel(e) {
    if (!e) {
      e = window.event;
    } /* IE7, IE8, Chrome, Safari */
    if (e.preventDefault) {
      e.preventDefault();
    } /* Chrome, Safari, Firefox */
    e.returnValue = false; /* IE7, IE8 */
  }
  function wheel(e) {
    preventDefault(e);
  }
  function preventDefault(e) {
    e = e || window.event;
    if (e.preventDefault)
      e.preventDefault();
    e.returnValue = false;
  }
  function keydown(e) {
    for (var i = keys.length; i--;) {
      if (e.keyCode === keys[i]) {
        preventDefault(e);
        return;
      }
    }
  }
&lt;/code&gt;&lt;/pre&gt;</t>
  </si>
  <si>
    <t>2017-11-15 07:58:42.290000+00:00</t>
  </si>
  <si>
    <t>2017-12-05 09:51:00.503000+00:00</t>
  </si>
  <si>
    <t>javascript|jquery|firefox|safari|scrolltop</t>
  </si>
  <si>
    <t>Negation of "&lt;=&gt;" hive operator does not work properly?</t>
  </si>
  <si>
    <t>&lt;p&gt;I have to add some intro here, because SO says that my question is mostly code ;)&lt;/p&gt;
&lt;p&gt;Here is my test:&lt;/p&gt;
&lt;pre&gt;&lt;code&gt;CREATE TABLE test (
  c1 string,
  c2 string
);
INSERT INTO test VALUES
  (NULL, NULL),
  ('A', NULL),
  ('A', 'B'),
  ('A', 'A')
;
SELECT *, (c1 &amp;lt;=&amp;gt; c2) as is_equal, (NOT (c1 &amp;lt;=&amp;gt; c2)) as is_not_equal
FROM test;
&lt;/code&gt;&lt;/pre&gt;
&lt;p&gt;and results:&lt;/p&gt;
&lt;pre&gt;&lt;code&gt;test.c1,test.c2,is_equal,is_not_equal
NULL,NULL,true,NULL
A,NULL,false,NULL
A,B,false,true
A,A,true,false
&lt;/code&gt;&lt;/pre&gt;
&lt;p&gt;I'd rather expect:&lt;/p&gt;
&lt;pre&gt;&lt;code&gt;test.c1,test.c2,is_equal,is_not_equal
NULL,NULL,true,false
A,NULL,false,true
A,B,false,true
A,A,true,false
&lt;/code&gt;&lt;/pre&gt;
&lt;p&gt;Is this a bug in hive?&lt;/p&gt;
&lt;p&gt;&lt;strong&gt;EDIT&lt;/strong&gt;&lt;/p&gt;
&lt;p&gt;This query works as expected:&lt;/p&gt;
&lt;pre&gt;&lt;code&gt;SELECT *,
(c1 is null and c2 is null) or (c1 is not null and c2 is not null and c1 = c2) as is_equal,
(NOT ((c1 is null and c2 is null) or (c1 is not null and c2 is not null and c1 = c2))) as is_not_equal
FROM test;
&lt;/code&gt;&lt;/pre&gt;
&lt;p&gt;&lt;strong&gt;EDIT2&lt;/strong&gt;&lt;/p&gt;
&lt;p&gt;We use Hive 1.2.1 (from HDP 2.6.2)&lt;/p&gt;</t>
  </si>
  <si>
    <t>2018-06-20 06:44:02.433000+00:00</t>
  </si>
  <si>
    <t>2018-06-20 13:40:17.610000+00:00</t>
  </si>
  <si>
    <t>hive|operators|hiveql</t>
  </si>
  <si>
    <t>Regarding Big-O notation</t>
  </si>
  <si>
    <t>&lt;p&gt;Suppose f(n) not equal to O(g(n)). Does this mean that g(n) belongs to O(f(n)) ? Could someone please give me some examples. I am trying to learn about the O() notation and got this doubt.&lt;/p&gt;
&lt;p&gt;As some afterthought, I got an interesting doubt...can we compare the orders of f=sin(x) and g=cos(x) ? First of all, their order even defined?&lt;/p&gt;</t>
  </si>
  <si>
    <t>2014-08-25 11:42:42.463000+00:00</t>
  </si>
  <si>
    <t>2015-04-06 19:25:20.227000+00:00</t>
  </si>
  <si>
    <t>2014-08-25 22:00:18.503000+00:00</t>
  </si>
  <si>
    <t>algorithm|order|big-o|notation</t>
  </si>
  <si>
    <t>How to get ID from a string "REF Product: [Title: gr8vh1, id: 1]"</t>
  </si>
  <si>
    <t>&lt;p&gt;Hello i have a list of strings&lt;/p&gt;
&lt;pre&gt;&lt;code&gt;"REF Product: [Title: gr8vh1, id: 1]"
"REF Product: [Title: gr8vh1, id: 2434]"
"REF Product: [Title: gr8vh1, id: 324]"
&lt;/code&gt;&lt;/pre&gt;
&lt;p&gt;How do i get the id from each string so the output is like this?&lt;/p&gt;
&lt;pre&gt;&lt;code&gt;"REF Product: [Title: gr8vh1, id: 1]"
=&amp;gt; 1
"REF Product: [Title: gr8vh1, id: 2434]"
=&amp;gt; 2434
"REF Product: [Title: gr8vh1, id: 324]"
=&amp;gt; 324
&lt;/code&gt;&lt;/pre&gt;</t>
  </si>
  <si>
    <t>2016-07-11 10:03:32.213000+00:00</t>
  </si>
  <si>
    <t>2016-07-11 11:08:08.213000+00:00</t>
  </si>
  <si>
    <t>How to change the content of Email templates in MediaWiki</t>
  </si>
  <si>
    <t>&lt;p&gt;I have restricted the account creation to only bureaucrats. That is, only bureaucrats can create accounts for other users.&lt;/p&gt;
&lt;p&gt;A confirmation email is sent to the newly created user on successful account creation in MediaWiki. But, would like to know where can i change the content of Confirmation Email template that i receive in MediaWiki.&lt;/p&gt;
&lt;p&gt;Where can i find the various email templates used in MediaWiki?&lt;/p&gt;
&lt;pre&gt;&lt;code&gt;  For eg: Content of Confirmation Email upon successful account creation is as below.
  Someone, probably you, from IP address ::1,has changed the email 
  address of the account "Admin" to this address on admin's Wiki!.
  To confirm that this account really does belong to you and reactivate
  email features on admin's Wiki!, open this link in your browser:
&lt;/code&gt;&lt;/pre&gt;
&lt;p&gt;I would like to change the above content but couldn't find where these email contents are stored or from where it is invoked.&lt;/p&gt;
&lt;p&gt;Any help is appreciated.&lt;/p&gt;</t>
  </si>
  <si>
    <t>2016-05-25 09:02:11.393000+00:00</t>
  </si>
  <si>
    <t>2016-05-26 06:58:14.183000+00:00</t>
  </si>
  <si>
    <t>mediawiki</t>
  </si>
  <si>
    <t>multi threading scanf from thread while pther thread printf in c programming</t>
  </si>
  <si>
    <t>&lt;p&gt;For my game project dots , i use multi threading for displaying time passed for the user but while user input
The cursor overlap the user input before he finish his input
So i want to fix a thread to the console with out affecting user input  &lt;/p&gt;</t>
  </si>
  <si>
    <t>2017-12-20 09:05:46.813000+00:00</t>
  </si>
  <si>
    <t>2017-12-21 08:01:55.187000+00:00</t>
  </si>
  <si>
    <t>2017-12-20 09:07:30.660000+00:00</t>
  </si>
  <si>
    <t>c|multithreading</t>
  </si>
  <si>
    <t>Hide chart if more than 5 cells are empty</t>
  </si>
  <si>
    <t>&lt;p&gt;I am working on a project, where i need to show a lot of charts. However some charts are lacking data, therefore i need to hide rows containing the certain charts if more than 5 cells are empty.&lt;/p&gt;
&lt;p&gt;I have already hidden some cells in another project, but it was not based on charts. It was just a single cell.
The code here was basically, whenever referencing gave error.&lt;/p&gt;
&lt;pre&gt;&lt;code&gt;For RowCnt = BeginRow1 To EndRow1
 If IsError(Cells(RowCnt, ChkCol).Value) Then
  Rows("7:16").EntireRow.Hidden = True
 End If
Next RowCnt
&lt;/code&gt;&lt;/pre&gt;
&lt;p&gt;Let's say i have 10 cells creating a chart, the chart fills out 15 rows.
Then i need a code that checks these 10 cells.&lt;/p&gt;
&lt;pre&gt;&lt;code&gt;If more than 5 cells are empty Then
Rows("0:15").EntireRow.Hidden = True
End If
Next RowCnt
&lt;/code&gt;&lt;/pre&gt;
&lt;p&gt;How do i handle this?&lt;/p&gt;</t>
  </si>
  <si>
    <t>2016-07-12 07:50:30.023000+00:00</t>
  </si>
  <si>
    <t>2016-07-12 09:52:50.097000+00:00</t>
  </si>
  <si>
    <t>Chrome gives different results in karma than alone</t>
  </si>
  <si>
    <t>&lt;p&gt;I have a small app that I have been working on the UI with the client.  I am using TypeScript and Angular write the client code.  I created a bar bones controller to deliver hard-coded data to the UI for layout purposes and it has been working fine in Chrome and Firefox.&lt;/p&gt;
&lt;p&gt;Now that I am ready to start adding business logic I want to implement testing, so I installed karma (which has been challenging to say the least).  When I run the code with karma using the Chrome browser I get a "function is undefined" error on a function exported from a TypeScript module that still works just fine when I use Chrome outside of karma (in WebStorm). The property is there, but the defined function is not.&lt;/p&gt;
&lt;p&gt;&lt;img src="https://i.stack.imgur.com/fEJpC.png" alt="enter image description here"&gt;&lt;/p&gt;
&lt;p&gt;The js generated code seems classic and conventional to me.&lt;/p&gt;
&lt;p&gt;&lt;img src="https://i.stack.imgur.com/76xGI.png" alt="enter image description here"&gt;&lt;/p&gt;
&lt;p&gt;Can someone tell me why the code behaves differently under karma?&lt;/p&gt;</t>
  </si>
  <si>
    <t>2014-11-25 20:07:26.023000+00:00</t>
  </si>
  <si>
    <t>2014-11-25 22:37:34.107000+00:00</t>
  </si>
  <si>
    <t>angularjs|google-chrome|typescript|karma-runner</t>
  </si>
  <si>
    <t>Get likes from instagram ad post via API</t>
  </si>
  <si>
    <t>&lt;p&gt;I have deal with problem. I want to load likes from ad posts with API. For this I use 2 methods:&lt;/p&gt;
&lt;ol&gt;
&lt;li&gt;&lt;a href="https://api.instagram.com/v1/media/shortcode/D?access_token=ACCESS-TOKEN" rel="nofollow noreferrer"&gt;https://api.instagram.com/v1/media/shortcode/D?access_token=ACCESS-TOKEN&lt;/a&gt; with this method I get media-id of record&lt;/li&gt;
&lt;li&gt;&lt;a href="https://api.instagram.com/v1/media/" rel="nofollow noreferrer"&gt;https://api.instagram.com/v1/media/&lt;/a&gt;{media-id}/likes?access_token=ACCESS-TOKEN with this method I���m trying to get likes, but receive error, that media-id is incorrect.&lt;/li&gt;
&lt;/ol&gt;
&lt;p&gt;How to get likes from ad posts?&lt;/p&gt;</t>
  </si>
  <si>
    <t>2017-02-02 20:16:19.457000+00:00</t>
  </si>
  <si>
    <t>2017-02-05 05:03:39.830000+00:00</t>
  </si>
  <si>
    <t>api|instagram|instagram-api</t>
  </si>
  <si>
    <t>Searching function using PHP &amp; mysql</t>
  </si>
  <si>
    <t>&lt;p&gt;If I enter one value, the system will function properly. The problem is, when I enter more than one value, the system does not display any output. I need the user can enter the data in bulk and separated by a space. Is there any problem with my code? &lt;/p&gt;
&lt;pre&gt;&lt;code&gt;$studid = clean($_POST['studid']);
$studid2 = $studid; 
$studid3 =explode(' ',$studid2);
require("php/conn.php");
$sql=mysql_query("SELECT id,studid,name from student where studid in('". implode(',', $studid3)."') group by studid,name");
echo"
&amp;lt;table&amp;gt;
&amp;lt;thead&amp;gt;&amp;lt;tr&amp;gt;&amp;lt;th&amp;gt;NAME&amp;lt;/th&amp;gt;&amp;lt;th&amp;gt;IC NUMBER&amp;lt;/th&amp;gt;&amp;lt;th&amp;gt;ADDRESS&amp;lt;/th&amp;gt;&amp;lt;th&amp;gt;PHONE NUMBER&amp;lt;/th&amp;gt;&amp;lt;th&amp;gt;SOURCE&amp;lt;/th&amp;gt;&amp;lt;/tr&amp;gt;&amp;lt;/thead&amp;gt;&amp;lt;tbody&amp;gt;";
if(mysql_num_rows($q) &amp;gt; 0) 
{
   while($row=mysql_fetch_array($q))
   { 
    echo"
    &amp;lt;tr&amp;gt;
    &amp;lt;td&amp;gt;".$row['nama']."&amp;lt;/td&amp;gt;
    &amp;lt;td&amp;gt;".$row['nokp']."&amp;lt;/td&amp;gt;
    &amp;lt;td&amp;gt;".$row['alamat2']."&amp;lt;/td&amp;gt;
    &amp;lt;td&amp;gt;".$row['notel2']."&amp;lt;/td&amp;gt;
    &amp;lt;td&amp;gt;".$row['info']."&amp;lt;/td&amp;gt;
    &amp;lt;/tr&amp;gt;";
   }
   echo "&amp;lt;/tbody&amp;gt;&amp;lt;/table&amp;gt;&amp;lt;/div&amp;gt;"; 
}  
&lt;/code&gt;&lt;/pre&gt;</t>
  </si>
  <si>
    <t>2015-04-28 14:56:10.740000+00:00</t>
  </si>
  <si>
    <t>2015-04-28 17:16:00.937000+00:00</t>
  </si>
  <si>
    <t>2015-04-28 17:11:23.730000+00:00</t>
  </si>
  <si>
    <t>Plotting parallel coordinates in pandas/python</t>
  </si>
  <si>
    <t>&lt;p&gt;I am trying to use pandas in python to plot the following higher-dimensional data:
&lt;a href="http://i.stack.imgur.com/34nbR.jpg" rel="nofollow"&gt;http://i.stack.imgur.com/34nbR.jpg&lt;/a&gt;&lt;/p&gt;
&lt;p&gt;Here is my code:&lt;/p&gt;
&lt;pre&gt;&lt;code&gt;import pandas
from pandas.tools.plotting import parallel_coordinates
data = pandas.read_csv('ParaCoords.csv')
parallel_coordinates(data,'Name')
&lt;/code&gt;&lt;/pre&gt;
&lt;p&gt;The code fails to plot the data, and the Traceback error ends with:&lt;/p&gt;
&lt;pre&gt;&lt;code&gt;Keyerror: 'Name'
&lt;/code&gt;&lt;/pre&gt;
&lt;p&gt;What is the second argument in parallel_coordinates supposed to say/do?
How can I successfully plot the data?&lt;/p&gt;</t>
  </si>
  <si>
    <t>2016-06-29 15:17:46.007000+00:00</t>
  </si>
  <si>
    <t>2017-09-08 19:14:59.037000+00:00</t>
  </si>
  <si>
    <t>2016-06-29 15:28:15.283000+00:00</t>
  </si>
  <si>
    <t>python|csv|pandas|parallel-coordinates</t>
  </si>
  <si>
    <t>PHP if is True return false</t>
  </si>
  <si>
    <t>&lt;p&gt;I'm trying to post a an output changes based on whether the variable is true, but nothing shows up after I have inserted an if statement inside the foreach loop.  What am I missing?&lt;/p&gt;
&lt;pre&gt;&lt;code&gt;$odd = TRUE;
        foreach ( $recent as $item ) {
            if ( $odd == TRUE ) {
                $out .= '&amp;lt;div class="col-sm-12 col-md-6"&amp;gt;';
                $out .= '&amp;lt;a href="' . get_permalink( $item['ID'] ) . '"&amp;gt;';
                $out .= get_the_post_thumbnail( $item['ID'] ); 
                $out .= '&amp;lt;/a&amp;gt;';
                $out .= '&amp;lt;/div&amp;gt;&amp;lt;div class="col-sm-12 col-md-6"&amp;gt;';
                $out .=  get_the_excerpt( $item['ID'] );
                $out .= '&amp;lt;/div&amp;gt;';
                return FALSE;
            } else {
                $out .= '&amp;lt;div class="col-sm-12 col-md-6"&amp;gt;';
                $out .=  get_the_excerpt( $item['ID'] );
                $out .= '&amp;lt;/a&amp;gt;';
                $out .= '&amp;lt;/div&amp;gt;&amp;lt;div class="col-sm-12 col-md-6"&amp;gt;';
                $out .= '&amp;lt;a href="' . get_permalink( $item['ID'] ) . '"&amp;gt;';
                $out .= get_the_post_thumbnail( $item['ID'] ); 
                $out .= '&amp;lt;/div&amp;gt;';
                return TRUE;
            }
        }
&lt;/code&gt;&lt;/pre&gt;</t>
  </si>
  <si>
    <t>2016-11-17 08:53:13.593000+00:00</t>
  </si>
  <si>
    <t>2016-11-17 09:10:17.810000+00:00</t>
  </si>
  <si>
    <t>How to get the position of a control in XAML?</t>
  </si>
  <si>
    <t>&lt;p&gt;I would like to get the position of a control relative to its parent, or just any kind of position, doesn't really matter. But I want to do this only in XAML without any code behind. I have a grid 5x3, and the button is located in 3rd row and 2nd column. So, basically I would like to get the width of first two rows of the grid, and the width of the first column of the gird.&lt;/p&gt;
&lt;p&gt;I want to know the position of the button in pixels, because I want to do translation animation like this: &lt;/p&gt;
&lt;pre&gt;&lt;code&gt;&amp;lt;DoubleAnimation Storyboard.TargetName="Studio" Storyboard.TargetProperty="RenderTransform.(TranslateTransform.X)" From="500" To="0" Duration="0:0:2"&amp;gt; 
&lt;/code&gt;&lt;/pre&gt;
&lt;p&gt;but instead of using hardcoded value of 500, I want it to be anything that corresponds to the button's horisontal position in pixels&lt;/p&gt;</t>
  </si>
  <si>
    <t>2016-04-07 08:04:30.680000+00:00</t>
  </si>
  <si>
    <t>2016-04-07 10:48:47.347000+00:00</t>
  </si>
  <si>
    <t>2016-04-07 08:39:47.430000+00:00</t>
  </si>
  <si>
    <t>wpf|xaml</t>
  </si>
  <si>
    <t>Rails JSON API parameter validation &amp; error responses</t>
  </si>
  <si>
    <t>&lt;p&gt;I'm new to Rails and have a couple questions about validating parameters and returning error responses. I want to create a JSON API using the new Rails 5 API mode. &lt;/p&gt;
&lt;p&gt;As far as I can tell, Rails recommends using "strong parameters" as a baseline for validating parameters. If I want to, for example, create a User class that requires either a phone number or email, I start with something like this in my UsersController.&lt;/p&gt;
&lt;pre&gt;&lt;code&gt;def create
  @user = User.new(create_user_params)
end
def create_user_params
  params.require(:user).permit(:email, :phone)
end
&lt;/code&gt;&lt;/pre&gt;
&lt;p&gt;Now if I want something a little more complex, I might add the following&lt;/p&gt;
&lt;pre&gt;&lt;code&gt;def create
  arr_contains_at_least_one(params[:user], [:email, :phone])
  @user = User.new(create_user_params)
end
&lt;/code&gt;&lt;/pre&gt;
&lt;p&gt;This brings us to my question.&lt;/p&gt;
&lt;p&gt;What's the best way to return a "pretty" error response, both in the event of a default Rails error (ActionController::ParameterMissing) or a custom error? By pretty I mean, if I called the API endpoint in a browser, it'd return readable JSON with a descriptive message. If I run my server in production mode, and fail to provide a user parameter in the first example, rails returns:&lt;/p&gt;
&lt;pre&gt;&lt;code&gt;An unhandled lowlevel error occurred. The application logs may have details.
&lt;/code&gt;&lt;/pre&gt;
&lt;p&gt;This is obviously no good, especially if I wished to display the error to an end user. Here I assume the strong parameters pattern is for security and data integrity, not user experience. It would seem the same is true of model field validation. So I make the following adjustments.&lt;/p&gt;
&lt;pre&gt;&lt;code&gt;def create
  return error_response("some error") unless arr_contains_at_least_one(params[:user], [:email, :phone])
  @user = User.new(create_user_params)
end
def error_response(msg, status = 400)
  render json: {"code":status, "message": msg}, :status =&amp;gt; status 
end
&lt;/code&gt;&lt;/pre&gt;
&lt;p&gt;This works, but now I'm forced to manually write parameter checks (to check for presence of mandatory parameters, and to validate parameters such as email addresses) and their corresponding error responses. If I'm using Rails's built-in field validation on models as well, this seems to violate the DRY principle. Further, designing a good error handling pattern requires quite a bit of custom implementation.&lt;/p&gt;
&lt;p&gt;Am I missing out on some Rails magic or am I on the right track here? &lt;/p&gt;
&lt;p&gt;EDIT: It looks like active record validations can be fairly easily wrapped in a JSON response (&lt;a href="http://guides.rubyonrails.org/active_record_validations.html" rel="nofollow"&gt;http://guides.rubyonrails.org/active_record_validations.html&lt;/a&gt;) but the question still remains for validating presence of parameters.&lt;/p&gt;</t>
  </si>
  <si>
    <t>2016-07-18 08:46:57.660000+00:00</t>
  </si>
  <si>
    <t>2016-07-18 14:00:25.760000+00:00</t>
  </si>
  <si>
    <t>2016-07-18 09:18:50.507000+00:00</t>
  </si>
  <si>
    <t>ruby-on-rails|ruby|ruby-on-rails-5</t>
  </si>
  <si>
    <t>How can I make a file to disappear once if it is deleted in android SD card?</t>
  </si>
  <si>
    <t>&lt;pre&gt;&lt;code&gt;/*Files will be clicked here*/
@Override
    protected void onListItemClick(ListView l,View v, final int position, long id){
    filePosition=new File(path1.get(position));
    System.out.println("File position:"+filePosition);
    if(filePosition.isDirectory()){
    if(filePosition.canRead())
            getDirectories(path1.get(position)); 
else
        {
new AlertDialog.Builder(VideoSDcard.this)
            .setIcon(R.drawable.folder)
            .setTitle("["+filePosition.getName()+"]folder can't be read!")
            .setPositiveButton("Ok", new DialogInterface.OnClickListener() {
@Override
                public void onClick(DialogInterface dialog, int which) {
                    // TODO Auto-generated method stub
                }
            }).show();
        }
    }
else {
        AlertDialog.Builder alert=new AlertDialog.Builder(this);
        alert.setIcon(R.drawable.folder);
        alert.setTitle("Do you want to Delete this File from SD card ?"+" [ "+filePosition.getName()+" ] ");
                  //.setTitle("["+filePosition.getName()+"]")
         alert.setPositiveButton("Yes", new DialogInterface.OnClickListener() {
            @Override
            public void onClick(DialogInterface dialog, int which) {
                /*Deleting a File*/
                deleteFile(); // here deleting a file
            }
            private void deleteFile() {
                  boolean deleted= filePosition.delete();
    }
        });
&lt;/code&gt;&lt;/pre&gt;
&lt;p&gt;I am browsing the files and directories from SD card. So Iam displaying it by using listview. When I don't need a file on sd card so I could be able to delete a file.&lt;/p&gt;
&lt;p&gt;My problem is, after I deleting a file it has deleted completely on SD card but it is visible on listview. I meant in emulator. After deleting a file from the list , it should be disappear.&lt;/p&gt;
&lt;p&gt;For an example:- I am having song.mp4 file on sd card. Once I deleted this file "song.mp4" then it should not be displayed again in a listview.&lt;/p&gt;
&lt;p&gt;How should I do this?&lt;/p&gt;</t>
  </si>
  <si>
    <t>2013-06-07 11:07:56.877000+00:00</t>
  </si>
  <si>
    <t>2018-01-28 22:31:12.427000+00:00</t>
  </si>
  <si>
    <t>android|listview|file-browser|android-external-storage</t>
  </si>
  <si>
    <t>Angular universal not rebuilding with new code</t>
  </si>
  <si>
    <t>&lt;p&gt;I originally had jQuery installed in my angular cli project (I know it's a bad idea), I have however now removed it because obviously it won't work when converting to angular universal.&lt;/p&gt;
&lt;p&gt;I've uninstalled jQuery from the project now and checked that no other plugins rely on it however when I rebuild the project it and run it still comes up with jQuery defined error and it's showing the old code for my app modal component which previously used jQuery.&lt;/p&gt;
&lt;p&gt;The error it comes up with is and I'm not sure why it's doing this?&lt;/p&gt;
&lt;p&gt;&lt;a href="https://i.stack.imgur.com/mmpQr.png" rel="nofollow noreferrer"&gt;&lt;img src="https://i.stack.imgur.com/mmpQr.png" alt="enter image description here"&gt;&lt;/a&gt;&lt;/p&gt;
&lt;p&gt;The code for my app modal component is
&lt;a href="https://i.stack.imgur.com/w9In8.png" rel="nofollow noreferrer"&gt;&lt;img src="https://i.stack.imgur.com/w9In8.png" alt="enter image description here"&gt;&lt;/a&gt;&lt;/p&gt;
&lt;p&gt;^ But it's not showing like that in the server.js&lt;/p&gt;
&lt;p&gt;My package.json contains the following&lt;/p&gt;
&lt;p&gt;&lt;code&gt;{
  "name": "offigo-v2",
  "version": "0.0.0",
  "scripts": {
    "ng": "ng",
    "start": "ng serve",
    "build": "ng build",
    "build:ssr": "npm run build:client-and-server-bundles &amp;amp;&amp;amp; npm run webpack:server",
    "serve:ssr": "node dist/server.js",
    "build:client-and-server-bundles": "ng build --prod &amp;amp;&amp;amp; ng build --prod --project=offigo-v2",
    "webpack:server": "webpack --config webpack.server.config.js --progress --colors",
    "test": "ng test",
    "lint": "ng lint",
    "e2e": "ng e2e"
  },
  "private": true,
  "dependencies": {
    "@angular/animations": "^6.1.10",
    "@angular/common": "^6.1.10",
    "@angular/compiler": "^6.1.10",
    "@angular/core": "^6.1.10",
    "@angular/forms": "^6.1.10",
    "@angular/http": "^6.1.10",
    "@angular/platform-browser": "^6.1.10",
    "@angular/platform-browser-dynamic": "^6.1.10",
    "@angular/platform-server": "^7.0.4",
    "@angular/router": "^6.1.10",
    "@mdi/font": "^2.8.94",
    "@nguniversal/module-map-ngfactory-loader": "^7.0.2",
    "@tinymce/tinymce-angular": "^2.3.1",
    "@types/leaflet": "^1.2.14",
    "angular2-tinymce": "^3.3.0",
    "bootstrap": "^4.1.3",
    "core-js": "^2.5.4",
    "croppie": "^2.6.2",
    "leaflet": "^1.3.4",
    "leaflet-gesture-handling": "^1.1.8",
    "material-design-icons": "^3.0.1",
    "moment": "^2.22.2",
    "ngx-lazy-load-images": "^1.3.1",
    "popper.js": "^1.14.5",
    "rxjs": "^6.3.3",
    "siema": "^1.5.1",
    "tinymce": "^4.8.5",
    "ts-loader": "^5.3.0",
    "typeface-cabin": "0.0.54",
    "zone.js": "^0.8.26"
  },
  "devDependencies": {
    "@angular-devkit/build-angular": "~0.6.8",
    "@angular/cli": "^6.2.7",
    "@angular/compiler-cli": "^6.1.10",
    "@angular/language-service": "^6.1.10",
    "@types/jasmine": "^2.8.12",
    "@types/jasminewd2": "^2.0.6",
    "@types/node": "~8.9.4",
    "codelyzer": "~4.2.1",
    "jasmine-core": "~2.99.1",
    "jasmine-spec-reporter": "~4.2.1",
    "karma": "~1.7.1",
    "karma-chrome-launcher": "~2.2.0",
    "karma-coverage-istanbul-reporter": "^2.0.4",
    "karma-jasmine": "~1.1.1",
    "karma-jasmine-html-reporter": "^0.2.2",
    "protractor": "~5.3.0",
    "ts-node": "~5.0.1",
    "tslint": "~5.9.1",
    "typescript": "^2.9.2",
    "webpack-cli": "^3.1.2"
  }
}
&lt;/code&gt;&lt;/p&gt;
&lt;p&gt;And the angular.json&lt;/p&gt;
&lt;p&gt;&lt;code&gt;{
  "$schema": "./node_modules/@angular/cli/lib/config/schema.json",
  "version": 1,
  "newProjectRoot": "projects",
  "projects": {
    "offigo-v2": {
      "root": "",
      "sourceRoot": "src",
      "projectType": "application",
      "prefix": "app",
      "schematics": {},
      "architect": {
        "build": {
          "builder": "@angular-devkit/build-angular:browser",
          "options": {
            "outputPath": "dist/offigo-v2",
            "index": "src/index.html",
            "main": "src/main.ts",
            "polyfills": "src/polyfills.ts",
            "tsConfig": "src/tsconfig.app.json",
            "preserveSymlinks": true,
            "assets": [
              "src/favicon.ico",
              "src/assets"
            ],
            "styles": [
              "node_modules/bootstrap/dist/css/bootstrap.min.css",
              "node_modules/material-design-icons/iconfont/material-icons.css",
              "node_modules/leaflet/dist/leaflet.css",
              "node_modules/@mdi/font/css/materialdesignicons.min.css",
              "node_modules/typeface-cabin/index.css",
              "node_modules/croppie/croppie.css",
              "node_modules/leaflet-gesture-handling/dist/leaflet-gesture-handling.min.css",
              "node_modules/tinymce/tinymce.min.js",
              "src/styles.css"
            ],
            "scripts": [
              "node_modules/popper.js/dist/umd/popper.min.js",
              "node_modules/bootstrap/dist/js/bootstrap.min.js",
              "node_modules/croppie/croppie.min.js"
            ]
          },
          "configurations": {
            "production": {
              "fileReplacements": [
                {
                  "replace": "src/environments/environment.ts",
                  "with": "src/environments/environment.prod.ts"
                }
              ],
              "optimization": true,
              "outputHashing": "all",
              "sourceMap": false,
              "extractCss": true,
              "namedChunks": false,
              "aot": true,
              "extractLicenses": true,
              "vendorChunk": false,
              "buildOptimizer": true
            }
          }
        },
        "server": {
          "builder": "@angular-devkit/build-angular:server",
          "options": {
            "outputPath": "dist/offigo-server",
            "main": "src/main.server.ts",
            "tsConfig": "src/tsconfig.server.json"
          }
        },
        "extract-i18n": {
          "builder": "@angular-devkit/build-angular:extract-i18n",
          "options": {
            "browserTarget": "offigo-v2:build"
          }
        },
        "test": {
          "builder": "@angular-devkit/build-angular:karma",
          "options": {
            "main": "src/test.ts",
            "polyfills": "src/polyfills.ts",
            "tsConfig": "src/tsconfig.spec.json",
            "karmaConfig": "src/karma.conf.js",
            "styles": [
              "src/styles.css"
            ],
            "scripts": [],
            "assets": [
              "src/favicon.ico",
              "src/assets"
            ]
          }
        },
        "serve": {
          "builder": "@angular-devkit/build-angular:dev-server",
          "options": {
            "browserTarget": "offigo-v2:build"
          },
          "configurations": {
            "production": {
              "browserTarget": "offigo-v2:build:production"
            }
          }
        },
        "lint": {
          "builder": "@angular-devkit/build-angular:tslint",
          "options": {
            "tsConfig": [
              "src/tsconfig.app.json",
              "src/tsconfig.spec.json"
            ],
            "exclude": [
              "**/node_modules/**"
            ]
          }
        }
      }
    },
    "offigo-v2-e2e": {
      "root": "e2e/",
      "projectType": "application",
      "architect": {
        "e2e": {
          "builder": "@angular-devkit/build-angular:protractor",
          "options": {
            "protractorConfig": "e2e/protractor.conf.js",
            "devServerTarget": "offigo-v2:serve"
          },
          "configurations": {
            "production": {
              "devServerTarget": "offigo-v2:serve:production"
            }
          }
        },
        "lint": {
          "builder": "@angular-devkit/build-angular:tslint",
          "options": {
            "tsConfig": "e2e/tsconfig.e2e.json",
            "exclude": [
              "**/node_modules/**"
            ]
          }
        }
      }
    }
  },
  "defaultProject": "offigo-v2"
}&lt;/code&gt;&lt;/p&gt;</t>
  </si>
  <si>
    <t>2018-11-20 12:23:36.123000+00:00</t>
  </si>
  <si>
    <t>2018-11-21 14:14:04.527000+00:00</t>
  </si>
  <si>
    <t>2018-11-20 12:27:32.453000+00:00</t>
  </si>
  <si>
    <t>javascript|jquery|angular|angular-universal</t>
  </si>
  <si>
    <t>TinyButStrong How to compare data value using block with php var?</t>
  </si>
  <si>
    <t>&lt;p&gt;Environment: PHP 5.3.5 MySQL Server 5.5.8&lt;/p&gt;
&lt;p&gt;Was Using TBS 3.7.0 Now Using TBS 3.8.2&lt;/p&gt;
&lt;p&gt;In the sql dataset that I merged to TBS (TinyButStrong) I have a sender / recipient info. I want to display the one that is currently not user. I am having trouble getting the TBS IF THEN statements working. &lt;/p&gt;
&lt;p&gt;IN php&lt;/p&gt;
&lt;pre&gt;&lt;code&gt;$user_id = getUserId(); // returns user id
...
$TBS-&amp;gt;MergeBlock('activity',$sql_data);
&lt;/code&gt;&lt;/pre&gt;
&lt;p&gt;IN html, the first name is not being populated, while the last name is cause I am just directly requesting the value, even though it maybe the incorrect value.&lt;/p&gt;
&lt;pre&gt;&lt;code&gt;&amp;lt;li&amp;gt;
   &amp;lt;div id="name"&amp;gt;
     &amp;lt;a href=""&amp;gt;
        [
         if [activity.sender_id]!=[var.user_id];
           then[activity.sender_firstname];
         else[activity.recipient_firstname];
           block=li;headergrp=message_id;ope=max:12
        ]
        [activity.sender_lastname;block=li;headergrp=message_id;ope=max:12]
      &amp;lt;/a&amp;gt;
    &amp;lt;/div&amp;gt; 
&amp;lt;/li&amp;gt;
&lt;/code&gt;&lt;/pre&gt;
&lt;p&gt;I have been searching and reading the TBS manual but the examples of using if / else with blocks are not like this.&lt;/p&gt;
&lt;p&gt;Could someone please help show me what it is I am doing incorrectly?&lt;/p&gt;
&lt;p&gt;Currently my output looks like this:&lt;/p&gt;
&lt;pre&gt;&lt;code&gt;[if1!=2;then Joe;else Jane;block=li;headergrp=message_id;ope=max:12] Doe
&lt;/code&gt;&lt;/pre&gt;
&lt;p&gt;When I just want the output to be Jane.&lt;/p&gt;</t>
  </si>
  <si>
    <t>2014-01-10 15:41:06.950000+00:00</t>
  </si>
  <si>
    <t>2014-01-10 23:15:46.970000+00:00</t>
  </si>
  <si>
    <t>2014-01-10 17:07:25.980000+00:00</t>
  </si>
  <si>
    <t>php|html|mysql|tinybutstrong</t>
  </si>
  <si>
    <t>Getting availability from datepicker</t>
  </si>
  <si>
    <t>&lt;p&gt;i am trying to get the price for each day in homeaway by clicking the next button in the datepicker calendar but with no luck.&lt;/p&gt;
&lt;p&gt;My current code is something like:&lt;/p&gt;
&lt;pre&gt;&lt;code&gt;def handle(self, *args, **options):
    def homeaway(self):
        display = Display(visible=0, size=(1024, 768))
        display.start()
        driver = webdriver.Firefox()
        driver.maximize_window()
        wait = WebDriverWait(driver, 10)
        url = 'https://www.homeaway.pt/arrendamento-ferias/p1418427a?uni_id=1590648'
        driver.get(url)
        # pick start date
        start_date = wait.until(EC.visibility_of_element_located((
                                                                 By.CSS_SELECTOR,
                                                                 ".quotebar-container input[name=startDateInput]")))
        start_date.click()
        first_available_date = wait.until(EC.element_to_be_clickable(
            (By.CSS_SELECTOR, "#ui-datepicker-div td.full-changeover &amp;gt; a")))
        ActionChains(driver).move_to_element(first_available_date).perform()
        driver.find_element_by_css_selector(
            "#ui-datepicker-div td.full-selected.full-changeover &amp;gt; a").click()
        # pick end date (TODO: violates DRY principle, refactor!)
        end_date = wait.until(EC.visibility_of_element_located(
            (By.CSS_SELECTOR, ".quotebar-container input[name=endDateInput]")))
        end_date.click()
        first_available_date = wait.until(EC.element_to_be_clickable(
            (By.CSS_SELECTOR, "#ui-datepicker-div td.full-changeover &amp;gt; a")))
        ActionChains(driver).move_to_element(first_available_date).perform()
        driver.find_element_by_css_selector(
            "#ui-datepicker-div td.full-selected.full-changeover &amp;gt; a").click()
        # get the calculated price
        price = wait.until(EC.visibility_of_element_located(
            (By.CSS_SELECTOR, ".price-quote .price-total")))
        print(price.text.encode('ascii', 'ignore'))
        driver.close()
&lt;/code&gt;&lt;/pre&gt;
&lt;p&gt;They both work but only for 1 month. I want to be able to set X months instead. For example for homeaway i tried with &lt;code&gt;self.driver.find_element_by_css_selector('.ui-datepicker-next.ui-corner-all').c������lick()&lt;/code&gt; right after the first open calendar click but i got a &lt;code&gt;ElementNotVisibleException&lt;/code&gt;&lt;/p&gt;
&lt;p&gt;Thanks in advance&lt;/p&gt;</t>
  </si>
  <si>
    <t>2016-05-04 14:04:20.263000+00:00</t>
  </si>
  <si>
    <t>2016-05-05 16:01:59.877000+00:00</t>
  </si>
  <si>
    <t>python|selenium|datepicker</t>
  </si>
  <si>
    <t>XAMPP with Apache; .htpassword passwords dont get read as encrypted</t>
  </si>
  <si>
    <t>&lt;p&gt;When trying to password protect a page using .htaccess and .htpasswd, I go to the page I have protected and type in the username and password. The problem is the password I encrypted is not the one I have to type in. Instead it is the encrypted password.&lt;/p&gt;
&lt;p&gt;For Example:&lt;/p&gt;
&lt;pre&gt;&lt;code&gt;lol:noitcS2m.5F6.
&lt;/code&gt;&lt;/pre&gt;
&lt;p&gt;I enter &lt;code&gt;lol&lt;/code&gt; as the username and &lt;code&gt;noitcS2m.5F6.&lt;/code&gt; as the password and it lets me in.&lt;/p&gt;
&lt;p&gt;However, if I use the password I encrypted it doesn't work. Could anyone explain to me what I'm doing wrong? I installed XAMPP 1.8.0, with Apache 2.4.2 and PHP 5.4.4.&lt;/p&gt;
&lt;p&gt;My .htaccess file includes the following :&lt;/p&gt;
&lt;pre&gt;&lt;code&gt;AuthType Basic
AuthName "restricted area"
AuthUserFile C:/xampp/htdocs/pass/.htpasswd
require valid-user
&lt;/code&gt;&lt;/pre&gt;
&lt;p&gt;It is located in &lt;code&gt;C:/xampp/htdocs/dl/&lt;/code&gt;&lt;/p&gt;
&lt;p&gt;Also if I the &lt;code&gt;AuthUserFile&lt;/code&gt; is &lt;code&gt;/dl/.htpasswd&lt;/code&gt; then it will give me error 500.&lt;/p&gt;</t>
  </si>
  <si>
    <t>2012-09-09 16:44:52.473000+00:00</t>
  </si>
  <si>
    <t>2013-08-25 13:39:56.230000+00:00</t>
  </si>
  <si>
    <t>2012-10-05 13:43:39.007000+00:00</t>
  </si>
  <si>
    <t>php|apache|.htaccess|xampp</t>
  </si>
  <si>
    <t>Gesture recognizer issues</t>
  </si>
  <si>
    <t>&lt;p&gt;I'm having trouble wrapping my brain around gesture recognizers. I want to target a subview. Here's an example that works with the main view:&lt;/p&gt;
&lt;pre&gt;&lt;code&gt;let gesture = UITapGestureRecognizer(target: hex_pin_view!, action: #selector(openEmojis(sender:)))
gesture.delegate = self
mapView.addGestureRecognizer(gesture)
&lt;/code&gt;&lt;/pre&gt;
&lt;p&gt;Here's the subview target, this dose not work and is what I'm looking for:&lt;/p&gt;
&lt;pre&gt;&lt;code&gt;let gesture = UITapGestureRecognizer(target: hex_pin_view!.add_emoji_img_view, action: #selector(openEmojis(sender:)))
gesture.delegate = self
mapView.addGestureRecognizer(gesture)
&lt;/code&gt;&lt;/pre&gt;
&lt;p&gt;I'm getting a crash error:&lt;/p&gt;
&lt;pre&gt;&lt;code&gt;unrecognized selector sent to instance
&lt;/code&gt;&lt;/pre&gt;
&lt;p&gt;Tho the selector is the same, I don't get it.&lt;/p&gt;
&lt;p&gt;Anyone have a clue what I could be doing wrong?&lt;/p&gt;</t>
  </si>
  <si>
    <t>2017-05-12 15:23:24.070000+00:00</t>
  </si>
  <si>
    <t>2017-05-12 15:30:55.637000+00:00</t>
  </si>
  <si>
    <t>swift|uitapgesturerecognizer</t>
  </si>
  <si>
    <t>ACM Programming Question</t>
  </si>
  <si>
    <t>&lt;p&gt;I'm trying to solve a programming problem to practice for a competition tomorrow, and I thought maybe this would be a good place to ask how to approach it.  The problem is the first one on this site: &lt;a href="http://www.cs.rit.edu/~icpc/questions/2010/Oswego_2010.pdf" rel="nofollow"&gt;http://www.cs.rit.edu/~icpc/questions/2010/Oswego_2010.pdf&lt;/a&gt;&lt;/p&gt;
&lt;p&gt;The FAQ on this site mentions Algorithm and data structure concepts, and Design patterns, so I guess asking how to approach this problem isn't off topic. Here is what I have so far (not much). I don't understand how to solve this.&lt;/p&gt;
&lt;pre&gt;&lt;code&gt;public class Ape
{
    public void computeOutput(int weight, int[] capacities, int[] snackLosses)
    {
        //not sure what to do
    }
    public static void main(String [] args) throws FileNotFoundException
    {
        Ape ape = new Ape();
        File file = new File(args[0]);
        Scanner in = new Scanner(file);
        int totalWeight = in.nextInt();
        int n = in.nextInt();
        int[] capacities = new int[n];
        int[] snackLosses = new int[n];
        for (int i = 0; i &amp;lt; n; i++)
        {
            capacities[i] = in.nextInt();
            snackLosses[i] = in.nextInt();
        }
        ape.computeOutput(totalWeight, capacities, snackLosses);
    }
}
&lt;/code&gt;&lt;/pre&gt;</t>
  </si>
  <si>
    <t>2011-09-30 01:46:15.243000+00:00</t>
  </si>
  <si>
    <t>2016-09-23 14:56:53.337000+00:00</t>
  </si>
  <si>
    <t>Pat</t>
  </si>
  <si>
    <t>Extracting string of dates in a big query</t>
  </si>
  <si>
    <t>&lt;p&gt;I have used the below code  &lt;/p&gt;
&lt;pre&gt;&lt;code&gt;select --split( INDIVIDUAL_NAMES, '-&amp;gt;') as Assigned_to_individual,  
regexp_extract( split( INDIVIDUAL_NAMES, '-&amp;gt;'),r'(\d\d/\d\d/\d\d\d\d \d\d:\d\d:\d\d)') from [table name ]where _ID  in('071632')  
&lt;/code&gt;&lt;/pre&gt;
&lt;p&gt;Here we need to extract date and i have given it a try by using d so it gives me numeric fields but this is not giving me complete date. &lt;/p&gt;</t>
  </si>
  <si>
    <t>2017-07-05 17:02:09.633000+00:00</t>
  </si>
  <si>
    <t>2017-07-10 22:02:44.993000+00:00</t>
  </si>
  <si>
    <t>2017-07-05 21:59:01.790000+00:00</t>
  </si>
  <si>
    <t>Custom ASP.NET WebAPI route not working. Action never gets hit</t>
  </si>
  <si>
    <t>&lt;p&gt;I am trying to get a route to work in ASP.NET WebAPI and need some assistance.&lt;/p&gt;
&lt;p&gt;This is my default GET that maps to perfectly to GetFeedbackPosts(id As string) in my api controller&lt;/p&gt;
&lt;pre&gt;&lt;code&gt;  /api/feedbackPost/id
&lt;/code&gt;&lt;/pre&gt;
&lt;p&gt;However, I also need another GET "action" or method if you will in that same api controller that is called GetFeedbackPostCategories(). I am trying to access it with the following uri:&lt;/p&gt;
&lt;pre&gt;&lt;code&gt;/api/feedbackPost/getFeedbackPostCategories
&lt;/code&gt;&lt;/pre&gt;
&lt;p&gt;The GetFeedbackPostCategories() method never gets hit,...it always hits GetFeedbackPosts()&lt;/p&gt;
&lt;p&gt;These are my routes:&lt;/p&gt;
&lt;pre&gt;&lt;code&gt;    RouteTable.Routes.MapHttpRoute(
        name:="DefaultApi",
        routeTemplate:="api/{controller}/{id}",
        defaults:=New With {Key .id = RouteParameter.Optional})
    RouteTable.Routes.MapHttpRoute(
        name:="MVCActionStyleApi",
        routeTemplate:="api/{controller}/{action}/{id}",
        defaults:=New With {Key .id = RouteParameter.Optional})
&lt;/code&gt;&lt;/pre&gt;
&lt;p&gt;I am trying to target the one named "GeneralApi". However, like I said, it keeps hitting the wrong action, (the other Get action on the controller). Any Ideas?&lt;/p&gt;
&lt;p&gt;Thanks!&lt;/p&gt;</t>
  </si>
  <si>
    <t>2013-09-17 13:14:36.307000+00:00</t>
  </si>
  <si>
    <t>2014-03-12 22:43:23.437000+00:00</t>
  </si>
  <si>
    <t>asp.net|asp.net-web-api</t>
  </si>
  <si>
    <t>Why doesn't .on('load', ...) fire the callback for a script tag?</t>
  </si>
  <si>
    <t>&lt;p&gt;I have the following code which loads an external script and is supposed to execute some code when it's loaded:&lt;/p&gt;
&lt;pre&gt;&lt;code&gt;$('&amp;lt;script/&amp;gt;', {
    type: 'text/javascript',
    src: 'https://raw.github.com/einars/js-beautify/master/beautify.js'
}).on('load', function() {
    alert('jsb loaded' + typeof js_beautify);
}).appendTo('body');
&lt;/code&gt;&lt;/pre&gt;
&lt;p&gt;However, the event never fires - even though the script &lt;em&gt;is&lt;/em&gt; properly loaded, as verified with&lt;/p&gt;
&lt;pre&gt;&lt;code&gt;window.setTimeout(function() {
    alert(typeof js_beautify);
}, 1000);
&lt;/code&gt;&lt;/pre&gt;
&lt;p&gt;which alerts &lt;code&gt;function&lt;/code&gt; just fine.&lt;/p&gt;
&lt;p&gt;Demo: &lt;a href="http://jsfiddle.net/ThiefMaster/x2b9x/" rel="nofollow"&gt;http://jsfiddle.net/ThiefMaster/x2b9x/&lt;/a&gt;&lt;/p&gt;</t>
  </si>
  <si>
    <t>2012-05-30 19:11:27.767000+00:00</t>
  </si>
  <si>
    <t>2013-11-20 03:46:06.847000+00:00</t>
  </si>
  <si>
    <t>jquery|onload</t>
  </si>
  <si>
    <t>Item "AdminBundle\Entity\Prize:000000046fa222" has been successfully created</t>
  </si>
  <si>
    <t>&lt;p&gt;hi i want with sonata to have an item using 'name' label.
but not always the same.&lt;/p&gt;
&lt;p&gt;i put this in admin class&lt;/p&gt;
&lt;pre&gt;&lt;code&gt;public function toString($object) {
    if (!is_object($object)) {
        return '';
    }
    if (method_exists($object, '__toString') &amp;amp;&amp;amp; null !== $object-&amp;gt;__toString()) {
        return (string) $object;
    }
    $cname = explode('\\', get_class($object));
    return end($cname);
}
&lt;/code&gt;&lt;/pre&gt;
&lt;p&gt;but it give always the same name. i want to have the label 'name' of each entity&lt;/p&gt;</t>
  </si>
  <si>
    <t>2017-03-28 12:22:53.047000+00:00</t>
  </si>
  <si>
    <t>2018-05-07 11:02:07.230000+00:00</t>
  </si>
  <si>
    <t>sonata</t>
  </si>
  <si>
    <t>the order of execution of functions in javascript</t>
  </si>
  <si>
    <t>&lt;p&gt;During studying node.js I am faced with an example that produces strange results. Here's the code:&lt;/p&gt;
&lt;pre&gt;&lt;code&gt;/* 01 */  var zlib = require("zlib");
/* 02 */  var input = '...............text...............';
/* 03 */  zlib.deflate(input, function(err, buffer) {
/* 04 */    if (!err) {
/* 05 */      console.log("deflate (%s): ", buffer.length,buffer.toString('base64'));
/* 06 */      zlib.inflate(buffer, function(err, buffer) {
/* 07 */        if (!err) {
/* 08 */          console.log("inflate (%s): ", buffer.length, buffer.toString());
/* 09 */        }
/* 10 */      });
/* 11 */      zlib.unzip(buffer, function(err, buffer) {
/* 12 */        if (!err) {
/* 13 */          console.log("unzip deflate (%s): ", buffer.length, buffer.toString());
/* 14 */        }
/* 15 */      });
/* 16 */    }
/* 17 */  });
/* 18 */ 
/* 19 */  zlib.deflateRaw(input, function(err, buffer) {
/* 20 */    if (!err) {
/* 21 */      console.log("deflateRaw (%s): ", buffer.length, buffer.toString('base64'));
/* 22 */      zlib.inflateRaw(buffer, function(err, buffer) {
/* 23 */        if (!err) {
/* 24 */          console.log("inflateRaw (%s): ", buffer.length, buffer.toString());
/* 25 */        }
/* 26 */      });
/* 27 */    }
/* 28 */  });
/* 29 */ 
/* 30 */  zlib.gzip(input, function(err, buffer) {
/* 31 */    if (!err) {
/* 32 */      console.log("gzip (%s): ", buffer.length, buffer.toString('base64'));
/* 33 */      zlib.gunzip(buffer, function(err, buffer) {
/* 34 */        if (!err) {
/* 35 */          console.log("gunzip (%s): ", buffer.length, buffer.toString());
/* 36 */        }
/* 37 */      });
/* 38 */      zlib.unzip(buffer, function(err, buffer) {
/* 39 */        if (!err) {
/* 40 */          console.log("unzip gzip (%s): ", buffer.length, buffer.toString());
/* 41 */        }
/* 42 */      });
/* 43 */    }
/* 44 */  });
&lt;/code&gt;&lt;/pre&gt;
&lt;p&gt;I would expect that following results be produced :&lt;/p&gt;
&lt;pre&gt;
deflate (18) : ...some thing strange !... 
inflate (34) :............text.............
unzip deflate (34) :............text.............
deflateRaw (12) :...some thing strange !... 
inflateRaw34() :............text.............
gzip (30) :...some thing strange !... 
gunzip(34) :............text.............
unzip gzip (34) :............text.............
&lt;/pre&gt;
&lt;p&gt;but I encountered this:&lt;/p&gt;
&lt;p&gt;&lt;img src="https://i.stack.imgur.com/B6dRt.png" alt="actual execution order"&gt;&lt;/p&gt;
&lt;p&gt;So what's the order of execution of functions if it's not according to the order they are called?&lt;/p&gt;</t>
  </si>
  <si>
    <t>2016-03-03 07:40:44.467000+00:00</t>
  </si>
  <si>
    <t>2016-03-03 07:49:12.830000+00:00</t>
  </si>
  <si>
    <t>Applescript/automator : move all the files listed in a document</t>
  </si>
  <si>
    <t>&lt;p&gt;I'm completely rebuilding a shared iTunes library and this needs to be team work.
I found a way to work the XML database in Google Drive so that we can all edit the track list simultaneously (&gt;7500 entries). The spreadsheet contains for every song the path to the corresponding file.&lt;/p&gt;
&lt;p&gt;Now I need a script to move the tracks listed in that spreadsheet to a common folder, so I can separate the songs we decided to keep from the ones we don't want anymore.&lt;/p&gt;
&lt;p&gt;The blueprint I imagined for the code is basically :&lt;/p&gt;
&lt;ol&gt;
&lt;li&gt;Get the paths list (txt, csv, etc. doesn't matter) and store it as
an array.&lt;/li&gt;
&lt;li&gt;Rotate through that array and select+move  to a common folder each file pointed by the paths.&lt;/li&gt;
&lt;/ol&gt;
&lt;p&gt;I'm not expecting any ready-to-use solution, but I would really appreciate some tips or pieces of advice that could make me spare a lot of time.&lt;/p&gt;
&lt;p&gt;I also have to admit I have limited knowledge in Mac OS X programming (more used to web and windows environments) and have no experience in Applescripts.
However, I feel that what I'm trying to achieve is pretty straightforward and could help other people as well.&lt;/p&gt;</t>
  </si>
  <si>
    <t>2015-07-15 17:00:33.430000+00:00</t>
  </si>
  <si>
    <t>2015-07-16 12:33:43.983000+00:00</t>
  </si>
  <si>
    <t>macos|applescript|itunes|file-handling|automator</t>
  </si>
  <si>
    <t>How to declare a string with double quotes in Query config object in node-postgres</t>
  </si>
  <si>
    <t>&lt;p&gt;I'm using node.js to access a PostgreSQL table using a Query config object;&lt;/p&gt;
&lt;p&gt;The select I want to build is &lt;code&gt;'SELECT * FROM "Customers" WHERE "CustomersID" = 1'&lt;/code&gt; which works fine with the DB.&lt;/p&gt;
&lt;p&gt;Now, this is the Query object I'm using;&lt;/p&gt;
&lt;pre&gt;&lt;code&gt;const query = {
   text: 'SELECT * FROM $1 WHERE "CustomersID" = $2',
   values : ["Customers",1],
}
&lt;/code&gt;&lt;/pre&gt;
&lt;p&gt;but I get "syntax error at or near "$1" error.
I tried different ways with ' or/and " but doesn't seem to work for me.&lt;/p&gt;
&lt;p&gt;What is the right way of declaring $1 as a string with double quotes in values array?&lt;/p&gt;
&lt;p&gt;Thank
Gus&lt;/p&gt;</t>
  </si>
  <si>
    <t>2017-09-05 19:52:38.517000+00:00</t>
  </si>
  <si>
    <t>2017-09-05 21:07:36.500000+00:00</t>
  </si>
  <si>
    <t>node.js|node-postgres</t>
  </si>
  <si>
    <t>TypeError: list indices must be integers or slices, not list</t>
  </si>
  <si>
    <t>&lt;p&gt;array = some kind of list with 3 columns and unlimited amount of rows with data inside of it.&lt;/p&gt;
&lt;pre&gt;&lt;code&gt;Volume = array[0][2] 
counter = 0
for i in array: 
    if Volume == array[i][2]: #&amp;lt;------ why is this line a problem? 
        counter += 1
&lt;/code&gt;&lt;/pre&gt;</t>
  </si>
  <si>
    <t>2016-05-19 16:58:15.277000+00:00</t>
  </si>
  <si>
    <t>2018-05-17 13:47:28.897000+00:00</t>
  </si>
  <si>
    <t>2016-05-19 17:03:33.747000+00:00</t>
  </si>
  <si>
    <t>list|python-3.x|indices|equivalent</t>
  </si>
  <si>
    <t>How to package dlls in the compiled executable of a C# project in Visual Studio 2010</t>
  </si>
  <si>
    <t>&lt;p&gt;I have developed a relatively small windows form application using Visual Studio 2010.&lt;/p&gt;
&lt;p&gt;When I build a release version of the application I find the executable in bin/release/ along with a bunch of dll files that are required to it's functionning.&lt;/p&gt;
&lt;p&gt;My question is the following:&lt;/p&gt;
&lt;p&gt;Is there a way for visual studio to compile the application such that the dll files are "packaged" (I think that is the term?) within the executable so that I could distribute the program as a single .exe file?&lt;/p&gt;
&lt;p&gt;Thanks!&lt;/p&gt;</t>
  </si>
  <si>
    <t>2013-06-16 13:48:28.333000+00:00</t>
  </si>
  <si>
    <t>2013-06-16 14:08:41.673000+00:00</t>
  </si>
  <si>
    <t>c#|visual-studio-2010|dll|executable|packaging</t>
  </si>
  <si>
    <t>calculate distance between each pair of coordinates in wide dataframe</t>
  </si>
  <si>
    <t>&lt;p&gt;I want to calculate the distance between two linked set of spatial coordinates (&lt;code&gt;program&lt;/code&gt; and &lt;code&gt;admin&lt;/code&gt; in my fake dataset). The data are in a wide format, so both pairs of coordinates are in the same row.&lt;/p&gt;
&lt;pre&gt;&lt;code&gt;library(sp)
set.seed(1)
n &amp;lt;- 100
program.id &amp;lt;- seq(1, n)
c1 &amp;lt;- cbind(runif(n, -90, 90), runif(n, -180, 180))
c2 &amp;lt;- cbind(runif(n, -90, 90), runif(n, -180, 180))
dat &amp;lt;- data.frame(cbind(program.id, c1, c2))
names(dat) &amp;lt;- c("program.id", "program.lat", "program.long", "admin.lat", "admin.long")
head(dat)
#       program.id program.lat program.long  admin.lat  admin.long
# 1              1   -42.20844     55.70061 -41.848523   62.536404
# 2              2   -23.01770    -52.84898 -50.643849 -145.851172
# 3              3    13.11361    -82.70635   3.023431   -2.665397
# 4              4    73.47740    177.36626 -41.588893  -13.841337
# 5              5   -53.69725     48.05758 -57.389701  -44.922049
# 6              6    71.71014   -103.24507   3.343705  176.795719
&lt;/code&gt;&lt;/pre&gt;
&lt;p&gt;I know how to create a matrix of distances among &lt;code&gt;program&lt;/code&gt; or &lt;code&gt;admin&lt;/code&gt; using the &lt;code&gt;sp&lt;/code&gt; package:&lt;/p&gt;
&lt;pre&gt;&lt;code&gt;ll &amp;lt;- c("program.lat", "program.long")
coords &amp;lt;- dat[ll]
dist &amp;lt;- apply(coords, 1, 
              function(eachPoint) spDistsN1(as.matrix(coords),
                                            eachPoint, longlat=TRUE))
&lt;/code&gt;&lt;/pre&gt;
&lt;p&gt;But what I want to do is create a nx1 vector of distances (&lt;code&gt;dist.km&lt;/code&gt;) between each pair of coordinates and add it to &lt;code&gt;dat&lt;/code&gt;. &lt;/p&gt;
&lt;pre&gt;&lt;code&gt;#       program.id program.lat program.long  admin.lat  admin.long  dist.km
# 1              1   -42.20844     55.70061 -41.848523   62.536404   567.35
# 2              2   -23.01770    -52.84898 -50.643849 -145.851172  8267.86
# ...
&lt;/code&gt;&lt;/pre&gt;
&lt;p&gt;Any suggestions? I've spent a while going through old SO questions, but nothing seems quite right. Happy to be proven wrong.&lt;/p&gt;
&lt;p&gt;&lt;strong&gt;Update&lt;/strong&gt;&lt;/p&gt;
&lt;p&gt;@Amit's solution works for my toy dataset:&lt;/p&gt;
&lt;pre&gt;&lt;code&gt;apply(dat,1,function(x) spDistsN1(matrix(x[2:3],nrow=1),x[3:4],longlat=TRUE))
&lt;/code&gt;&lt;/pre&gt;
&lt;p&gt;But I think I need to swap the order of the lat, long the order of the lat long columns so long comes before lat. From &lt;code&gt;?spDistsN1&lt;/code&gt;:&lt;/p&gt;
&lt;pre&gt;&lt;code&gt;pts: A matrix of 2D points, first column x/longitude, second column y/latitude, or a SpatialPoints or SpatialPointsDataFrame object
&lt;/code&gt;&lt;/pre&gt;
&lt;p&gt;Also, unless I've misunderstood the logic, I think Amit's solution should grab cols [2:3] and [4:5], not [2:3] and [3:4]. &lt;/p&gt;
&lt;p&gt;My challenge now is applying this to my actual data. I've reproduced a portion below.&lt;/p&gt;
&lt;pre&gt;&lt;code&gt;library(sp)
dat &amp;lt;- structure(list(ID = 1:4, 
                      subcounty = c("a", "b", "c", "d"), 
                      pro.long = c(33.47627919, 31.73605491, 31.54073482, 31.51748984), 
                      pro.lat = c(2.73996953, 3.26530095, 3.21327597, 3.17784981), 
                      sub.long = c(33.47552, 31.78307, 31.53083, 31.53083), 
                      sub.lat = c(2.740362, 3.391209, 3.208736, 3.208736)), 
                 .Names = c("ID", "subcounty", "pro.long", "pro.lat", "sub.long", "sub.lat"),     
                 row.names = c(NA, 4L), class = "data.frame")
head(dat) 
#     ID subcounty pro.long  pro.lat sub.long  sub.lat
#  1   1         a 33.47628 2.739970 33.47552 2.740362
#  2   2         b 31.73605 3.265301 31.78307 3.391209
#  3   3         c 31.54073 3.213276 31.53083 3.208736
#  4   4         d 31.51749 3.177850 31.53083 3.208736
apply(dat, 1, function(x) spDistsN1(matrix(x[3:4], nrow=1),
                                    x[5:6],
                                    longlat=TRUE)) 
&lt;/code&gt;&lt;/pre&gt;
&lt;p&gt;I get the error: &lt;code&gt;Error in spDistsN1(matrix(x[3:4], nrow = 1), x[5:6], longlat = TRUE) : pts must be numeric&lt;/code&gt;&lt;/p&gt;
&lt;p&gt;I'm confused because these columns are numeric: &lt;/p&gt;
&lt;pre&gt;&lt;code&gt;&amp;gt; is.numeric(dat$pro.long)
[1] TRUE
&amp;gt; is.numeric(dat$pro.lat)
[1] TRUE
&amp;gt; is.numeric(dat$sub.long)
[1] TRUE
&amp;gt; is.numeric(dat$sub.lat)
[1] TRUE
&lt;/code&gt;&lt;/pre&gt;</t>
  </si>
  <si>
    <t>2014-03-04 22:03:28.503000+00:00</t>
  </si>
  <si>
    <t>2016-06-10 11:50:29.117000+00:00</t>
  </si>
  <si>
    <t>2014-03-05 03:15:24.227000+00:00</t>
  </si>
  <si>
    <t>r|gis|distance|spatial</t>
  </si>
  <si>
    <t>AJAX request redirecting in Tornado: it works, but I don't understand how</t>
  </si>
  <si>
    <t>&lt;p&gt;I am building a home web radio server. Basically, the device talk to my home server that redirect request to the real web radio server. I parse the returned HTML to change the binding of the play buttons to make them playing on the home server instead of the device. It works very well.&lt;/p&gt;
&lt;p&gt;I use &lt;code&gt;tornado&lt;/code&gt;, my main handler is:&lt;/p&gt;
&lt;pre&gt;&lt;code&gt;class MainHandler(tornado.web.RequestHandler):
    def get(self, url):
        query = ''
        if self.request.query:
            query = '?' + self.request.query
        url = base_url + urllib.request.quote(url) + query # base url is the real server address
        raw_data = opener.open(url).read()
        data = filter_data(raw_data) # parse HTML with Beautiful soup
        self.write(data)
    def post(self, url): # exclusively AJAX calls
        url = base_url + urllib.request.quote(url)
        request = urllib.request.Request(url, data=self.request.body, method='POST')
        data = opener.open(request).read().decode('utf-8')
        try:
            json.loads(data)
            self.set_header('Content-Type', 'application/json')
        except json.decoder.JSONDecodeError:
            self.set_header('Content-Type', 'text/html; charset=utf-8')
        self.write(data)
&lt;/code&gt;&lt;/pre&gt;
&lt;p&gt;The opener is required:&lt;/p&gt;
&lt;pre&gt;&lt;code&gt;cj = CookieJar()
opener = urllib.request.build_opener(urllib.request.HTTPCookieProcessor(cj))
&lt;/code&gt;&lt;/pre&gt;
&lt;p&gt;I don't understand how it works: the request that I construct with &lt;code&gt;urllib.request&lt;/code&gt; has no headers, so how the remote server can reply?&lt;/p&gt;
&lt;p&gt;The problem is that it works only in the context of a Tornado request. If I try to do the same thing outside it, it does not work:&lt;/p&gt;
&lt;pre&gt;&lt;code&gt;def get_song(radioUID):
    url = base_url + 'fr/OnAir/GetCurrentSong' # same url that works in tornado
    data = bytes(json.dumps({ 'radioUID': radioUID}), encoding='utf-8')
    request = urllib.request.Request(url, data=data, method='POST')
    response = opener.open(request).read().decode('utf-8')
    print(response)
&lt;/code&gt;&lt;/pre&gt;
&lt;p&gt;Answers always &lt;code&gt;'false'&lt;/code&gt; instead of the expected json object. Can anyone help me?&lt;/p&gt;</t>
  </si>
  <si>
    <t>2017-06-25 13:08:51.693000+00:00</t>
  </si>
  <si>
    <t>python|tornado</t>
  </si>
  <si>
    <t>JTable disable Checkbox in Cell</t>
  </si>
  <si>
    <t>&lt;p&gt;Hello I have a JTable And i want to grey out all the disabled checkbox cells i tried with a custom renderer checking isEnabled() and then changing the background color but still not workin.
Any suggestions?
thanks!!!&lt;/p&gt;</t>
  </si>
  <si>
    <t>2011-04-27 03:23:07.690000+00:00</t>
  </si>
  <si>
    <t>2012-01-31 04:41:10.947000+00:00</t>
  </si>
  <si>
    <t>2011-04-30 13:15:20.400000+00:00</t>
  </si>
  <si>
    <t>java|swing|jtable|renderer</t>
  </si>
  <si>
    <t>com.mysql.jdbc.exceptions.jdbc4.CommunicationsException: Communications link failure?</t>
  </si>
  <si>
    <t>&lt;p&gt;I am running Spring MVC application with hibernate.cfg as below:        &lt;/p&gt;
&lt;pre&gt;&lt;code&gt;    &amp;lt;property name="hibernate.transaction.factory_class"&amp;gt;org.hibernate.transaction.JDBCTransactionFactory&amp;lt;/property&amp;gt;
    &amp;lt;property name="dialect"&amp;gt;org.hibernate.dialect.MySQLDialect&amp;lt;/property&amp;gt;
    &amp;lt;property name="hibernate.connection.useUnicode"&amp;gt;true&amp;lt;/property&amp;gt;
    &amp;lt;property name="hibernate.connection.characterEncoding"&amp;gt;UTF-8&amp;lt;/property&amp;gt;
    &amp;lt;property name="hibernate.connection.charSet"&amp;gt;UTF-8&amp;lt;/property&amp;gt;
    &amp;lt;property name="connection.url"&amp;gt;jdbc:mysql://10.2.10.123:3306/xxx&amp;lt;/property&amp;gt;
    &amp;lt;property name="connection.driver_class"&amp;gt;com.mysql.jdbc.Driver&amp;lt;/property&amp;gt;
    &amp;lt;property name="connection.username"&amp;gt;xxx&amp;lt;/property&amp;gt;
    &amp;lt;property name="generate_statistics"&amp;gt;false&amp;lt;/property&amp;gt;
    &amp;lt;property name="connection.password"&amp;gt;xxx&amp;lt;/property&amp;gt;
    &amp;lt;property name="c3p0.testConnectionOnCheckout"&amp;gt;true&amp;lt;/property&amp;gt;
    &amp;lt;property name="connection.provider_class"&amp;gt;org.hibernate.connection.C3P0ConnectionProvider&amp;lt;/property&amp;gt;
    &amp;lt;property name="c3p0.acquire_increment"&amp;gt;1&amp;lt;/property&amp;gt; 
    &amp;lt;property name="c3p0.idle_test_period"&amp;gt;100&amp;lt;/property&amp;gt; &amp;lt;!-- seconds --&amp;gt; 
    &amp;lt;property name="c3p0.max_size"&amp;gt;50&amp;lt;/property&amp;gt; 
    &amp;lt;property name="c3p0.max_statements"&amp;gt;0&amp;lt;/property&amp;gt; 
    &amp;lt;property name="c3p0.min_size"&amp;gt;10&amp;lt;/property&amp;gt; 
    &amp;lt;property name="c3p0.timeout"&amp;gt;7200&amp;lt;/property&amp;gt;
    &amp;lt;property name="current_session_context_class"&amp;gt;thread&amp;lt;/property&amp;gt;
    &amp;lt;property name="c3p0.numHelperThreads"&amp;gt;5&amp;lt;/property&amp;gt;
    &amp;lt;property name="show_sql"&amp;gt;false&amp;lt;/property&amp;gt;
&lt;/code&gt;&lt;/pre&gt;
&lt;p&gt;When I run application in local environment, it runs without any problem. But on server it gives exception as:&lt;/p&gt;
&lt;p&gt;com.mysql.jdbc.exceptions.jdbc4.CommunicationsException: Communications link failure&lt;/p&gt;
&lt;p&gt;The last packet successfully received from the server was 206,756 milliseconds ago.  The last packet sent successfully to the server was 3 milliseconds ago.&lt;/p&gt;
&lt;p&gt;Further I get following log:&lt;/p&gt;
&lt;pre&gt;&lt;code&gt;Caused by: java.io.EOFException: Can not read response from server. Expected to read 4 bytes, read 0 bytes before connection was unexpectedly lost.
    at com.mysql.jdbc.MysqlIO.readFully(MysqlIO.java:3119)
    at com.mysql.jdbc.MysqlIO.reuseAndReadPacket(MysqlIO.java:3573)
    ... 90 more
DEBUG: 11:42:41.858 com.mchange.v2.resourcepool.BasicResourcePool.trace(BasicResourcePool.java:1644) - trace com.mchange.v2.resourcepool.BasicResourcePool@2b5cccf1 [managed: 7, unused: 6, excluded: 0] (e.g. com.mchange.v2.c3p0.impl.NewPooledConnection@5700187d)
DEBUG: 11:42:41.861 com.mchange.v2.resourcepool.BasicResourcePool.decrementPendingAcquires(BasicResourcePool.java:422) - decremented pending_acquires: 0
DEBUG: 11:42:41.858 com.mchange.v2.resourcepool.BasicResourcePool$1DestroyResourceTask.run(BasicResourcePool.java:967) - Successfully destroyed resource: com.mchange.v2.c3p0.impl.NewPooledConnection@61b03322
DEBUG: 11:42:41.861 com.mchange.v2.c3p0.impl.C3P0PooledConnectionPool$1PooledConnectionResourcePoolManager.finerLoggingTestPooledConnection(C3P0PooledConnectionPool.java:323) - Test of PooledConnection [com.mchange.v2.c3p0.impl.NewPooledConnection@c2beb14] on CHECKOUT has FAILED.
java.sql.SQLException: Connection is invalid
&lt;/code&gt;&lt;/pre&gt;
&lt;p&gt;Can anyone help?&lt;/p&gt;</t>
  </si>
  <si>
    <t>2014-11-04 07:14:07.797000+00:00</t>
  </si>
  <si>
    <t>2015-09-30 07:14:21.400000+00:00</t>
  </si>
  <si>
    <t>2014-11-04 07:21:15.163000+00:00</t>
  </si>
  <si>
    <t>java|mysql|hibernate|spring-mvc|c3p0</t>
  </si>
  <si>
    <t>What is the objective of setting the minimum heap size in an android app?</t>
  </si>
  <si>
    <t>&lt;p&gt;In google's Calendar app for Android OS, you will encounter this line in the onCreate method of &lt;a href="http://grepcode.com/file/repository.grepcode.com/java/ext/com.google.android/android-apps/2.3.7_r1/com/android/calendar/CalendarActivity.java#CalendarActivity" rel="nofollow noreferrer"&gt;CalendarActivity&lt;/a&gt;.&lt;/p&gt;
&lt;pre&gt;&lt;code&gt;// Eliminate extra GCs during startup by setting the initial heap size to 4MB.
VMRuntime.getRuntime().setMinimumHeapSize(INITIAL_HEAP_SIZE)
&lt;/code&gt;&lt;/pre&gt;
&lt;p&gt;Can someone explain why setting it to 4MB will eliminate GCs?&lt;/p&gt;</t>
  </si>
  <si>
    <t>2009-10-05 03:29:36.123000+00:00</t>
  </si>
  <si>
    <t>2013-01-21 07:15:22.613000+00:00</t>
  </si>
  <si>
    <t>android listview adapter checkbox refreshing</t>
  </si>
  <si>
    <t>&lt;p&gt;Note:  This isn't the common problem of scrolling causing the checkboxes to lose their way.&lt;/p&gt;
&lt;p&gt;I have a listview adapter with a relativelayout (containing a textview and a checkbox) as the listview row, and I want to make it so when a user clicks on the listview row... then the checkbox will toggle.&lt;/p&gt;
&lt;p&gt;I've got it working right now almost, but what's happening is the checkbox doesn't show me that it has toggled until I scroll the row off the screen and then come back.  So it seems like it's not refreshing properly.  My guess is I need to explicitly do something else with the checkbox listener.  Here's my code:&lt;/p&gt;
&lt;pre&gt;&lt;code&gt;         ViewHolder holder = null;
        MainContactsListOnOff entry = listMaincontactslistOnOff.get(position);
        if (convertView == null) {
            LayoutInflater inflater = (LayoutInflater)getSystemService(Context.LAYOUT_INFLATER_SERVICE);
            convertView = inflater.inflate(R.layout.contact_rowonoff, null);
        holder = new ViewHolder();
        holder.code = (TextView) convertView.findViewById(R.id.textView1onoff);
        holder.name = (CheckBox) convertView.findViewById(R.id.checkBox1onoff);
        holder.img = (ImageView) convertView.findViewById(R.id.imageView1onoff);
        convertView.setTag(holder);       
        } else {
            holder = (ViewHolder) convertView.getTag();
        }
     holder.code.setText(entry.getName().toString());
  if(entry.getOnoff()==1){
      holder.img.setImageResource(R.drawable.green);
  } else {
      holder.img.setImageResource(R.drawable.red);
  }
     convertView.setId(entry.getDevID());
     holder.name.setTag(entry);
     holder.name.setChecked(entry.getChecked());
     convertView.setOnClickListener(new OnClickListener(){
            @Override
            public void onClick(View arg0) {
                // TODO Auto-generated method stub
                RelativeLayout rl = (RelativeLayout) arg0;
                CheckBox chkBx = (CheckBox) rl.getChildAt(1);
                MainContactsListOnOff mclOO = (MainContactsListOnOff)   chkBx.getTag();
                if(chkBx.isChecked()){
                    mclOO.setChecked(false);
                } else {
                    mclOO.setChecked(true);
                }
            }
        });
      return convertView;
&lt;/code&gt;&lt;/pre&gt;</t>
  </si>
  <si>
    <t>2013-02-12 19:14:49.173000+00:00</t>
  </si>
  <si>
    <t>2013-02-13 01:45:31.043000+00:00</t>
  </si>
  <si>
    <t>android|listview|checkbox|adapter</t>
  </si>
  <si>
    <t>int to string in Entity Framework</t>
  </si>
  <si>
    <t>&lt;p&gt;How do you convert an int to a string in Link to EF?&lt;/p&gt;
&lt;p&gt;The clr cant imagine casting an int to a string and Entity framework cant figure out what SQL snippet to translate &lt;code&gt;.ToString()&lt;/code&gt; into.&lt;/p&gt;
&lt;p&gt;So how do you write a linq statement that returns a string instead of an int?&lt;/p&gt;</t>
  </si>
  <si>
    <t>2010-12-21 18:54:04.530000+00:00</t>
  </si>
  <si>
    <t>2017-02-18 01:06:08.470000+00:00</t>
  </si>
  <si>
    <t>2013-10-02 12:18:33.347000+00:00</t>
  </si>
  <si>
    <t>entity-framework</t>
  </si>
  <si>
    <t>Showing validation errors next to its field</t>
  </si>
  <si>
    <t>&lt;p&gt;Is there any way to show errors not on top of form page, but next to field, that fired an error?&lt;/p&gt;</t>
  </si>
  <si>
    <t>2012-12-19 10:17:15.870000+00:00</t>
  </si>
  <si>
    <t>2015-07-07 11:49:25.473000+00:00</t>
  </si>
  <si>
    <t>2012-12-19 10:28:37.203000+00:00</t>
  </si>
  <si>
    <t>ruby-on-rails|ruby|ruby-on-rails-3</t>
  </si>
  <si>
    <t>Service call in for loop angular js $q, promise</t>
  </si>
  <si>
    <t>&lt;p&gt;&lt;strong&gt;Service call in for loop angular js $q, promise&lt;/strong&gt;&lt;/p&gt;
&lt;pre&gt;&lt;code&gt;   var FULLWEEKDAYS = [MONDAY, TUESDAY ... SATURDAY]
    for (var i=0; i&amp;lt; FULLWEEKDAYS.length; i++) {
                var reqParams = {
                    weekday: FULLWEEKDAYS[i],
                    teacherId : 97
                }
                TimetableService.getTeachersOccupancy(reqParams, function (data) 
    {
                    if (data) {
                        $scope.weeklyData.push(data);
                    }
                }, function (err) {
                    //message.error('Timetable', err.data);
                });
            }
&lt;/code&gt;&lt;/pre&gt;
&lt;p&gt;&lt;strong&gt;Serivice call is&lt;/strong&gt; &lt;/p&gt;
&lt;pre&gt;&lt;code&gt;function getTeachersOccupancy(data, successFunction, errorFunction) {            
var params = $.param(data);
        AjaxHandlerFactory.AjaxGet(BASETIMETABLEPATH + 'occupancy?' + 
params, {}, function (response) {
            successFunction(response.data);
        }, function (error) {
            errorFunction(error);
        });
    }
&lt;/code&gt;&lt;/pre&gt;
&lt;p&gt;&lt;strong&gt;Question:&lt;/strong&gt;
&lt;code&gt;$scope.weeklyData.length  = 0&lt;/code&gt; outside for loop. Why and how to handle this in promises?&lt;/p&gt;</t>
  </si>
  <si>
    <t>2017-12-08 05:19:36.660000+00:00</t>
  </si>
  <si>
    <t>2018-03-12 23:18:30.890000+00:00</t>
  </si>
  <si>
    <t>2017-12-08 05:47:01.747000+00:00</t>
  </si>
  <si>
    <t>How to read a private key from pvk file in C#?</t>
  </si>
  <si>
    <t>&lt;p&gt;I have to read a private key, and this key is on pvk format. I use X509Certificate2 class, but i this class i have only public key access. 
How can I get a private key from pvk file?&lt;/p&gt;</t>
  </si>
  <si>
    <t>2010-02-12 18:24:27.633000+00:00</t>
  </si>
  <si>
    <t>2014-02-23 08:11:55.787000+00:00</t>
  </si>
  <si>
    <t>c#|.net|cryptography|certificate|private-key</t>
  </si>
  <si>
    <t>Webpack/Vue Build intermittently results in broken reference</t>
  </si>
  <si>
    <t>&lt;p&gt;I'm seeing an intermittent issue with Webpack building a Vue app.&lt;/p&gt;
&lt;p&gt;Every few builds, we see this error when opening the site:&lt;/p&gt;
&lt;pre&gt;&lt;code&gt;Unknown custom element: &amp;lt;MyButton&amp;gt; - did you register the component correctly? For recursive components, make sure to provide the "name" option.
&lt;/code&gt;&lt;/pre&gt;
&lt;p&gt;Comparing the compiled code in the 'broken' code to 'working' code, the only difference I see is that in the working code we have:&lt;/p&gt;
&lt;p&gt;&lt;code&gt;file="src/components/MyButton.vue";t.a=i.exports}&lt;/code&gt;&lt;/p&gt;
&lt;p&gt;In the 'broken' code, that &lt;code&gt;t.a=&lt;/code&gt; part is missing:&lt;/p&gt;
&lt;p&gt;&lt;code&gt;file="src/components/MyButton.vue";i.exports}&lt;/code&gt;&lt;/p&gt;
&lt;p&gt;I'm at a loss here. What's going on?&lt;/p&gt;</t>
  </si>
  <si>
    <t>2018-11-06 16:33:25.407000+00:00</t>
  </si>
  <si>
    <t>javascript|vue.js|webpack</t>
  </si>
  <si>
    <t>insert with select statement with SQLQuery</t>
  </si>
  <si>
    <t>&lt;p&gt;I am working with spring 2.5 mvc and in one method in Dao I want to save records with insert statement. However, I have to use the values returning from select query as values part. I am using sql developer. &lt;/p&gt;
&lt;pre&gt;&lt;code&gt;String SQLbsv = "INSERT INTO abc_table_name (a, b, c, d, e, f, g)"
            + " (SELECT seq_Name.NEXTVAL, h,i, j,k, l, m"
            + " from abc_table_name abc where abc.ID = :id)";
    SQLQuery query = getSession().createSQLQuery(SQLbsv);
    query.setInteger("id", gelen_parametre); 
    int result = query.executeUpdate();
&lt;/code&gt;&lt;/pre&gt;
&lt;p&gt;However, it doesn't work. I can't use hql also. Is there any solution to solve this issue.
Thanks in advance,&lt;/p&gt;</t>
  </si>
  <si>
    <t>2014-12-25 15:30:27.870000+00:00</t>
  </si>
  <si>
    <t>insert</t>
  </si>
  <si>
    <t>XML schema restriction pattern for not allowing specific string</t>
  </si>
  <si>
    <t>&lt;p&gt;I need to write an XSD schema with a restriction on a field, to ensure that
the value of the field does not contain the substring FILENAME at any location.  &lt;/p&gt;
&lt;p&gt;For example, all of the following must be invalid:&lt;/p&gt;
&lt;pre&gt;&lt;code&gt;FILENAME
ORIGINFILENAME
FILENAMETEST
123FILENAME456
&lt;/code&gt;&lt;/pre&gt;
&lt;p&gt;None of these values should be valid.&lt;/p&gt;
&lt;p&gt;In a regular expression language that supports negative lookahead, I could do this by writing &lt;code&gt;/^((?!FILENAME).)*$&lt;/code&gt; but the XSD pattern language does not support negative lookahead.&lt;/p&gt;
&lt;p&gt;How can I implement an XSD pattern restriction with the same effect as &lt;code&gt;/^((?!FILENAME).)*$&lt;/code&gt; ?&lt;/p&gt;
&lt;p&gt;I need to use pattern, because I don't have access to XSD 1.1 assertions, which are the other obvious possibility.&lt;/p&gt;
&lt;p&gt;The question &lt;a href="https://stackoverflow.com/questions/9889206/xsd-restriction-that-negates-a-matching-string"&gt;XSD restriction that negates a matching string&lt;/a&gt; covers a similar case, but in that case the forbidden string is forbidden only as a prefix, which makes checking the constraint easier.  How can the solution there be extended to cover the case where we have to check all locations within the input string, and not just the beginning?&lt;/p&gt;</t>
  </si>
  <si>
    <t>2016-06-01 08:23:05.390000+00:00</t>
  </si>
  <si>
    <t>2018-01-11 20:21:45.640000+00:00</t>
  </si>
  <si>
    <t>2017-05-23 10:28:56.327000+00:00</t>
  </si>
  <si>
    <t>xsd|pattern-matching|restriction|lookahead</t>
  </si>
  <si>
    <t>Error: The process cannot access the file because it is being used by another process</t>
  </si>
  <si>
    <t>&lt;p&gt;I'm working in ASP.NET application and reading a pipe delimited text file. After reading the file when I try to rename the file (by using "Move" function) I get the error: "The process cannot access the file because it is being used by another process.". I cannot either rename or delete the file manually until I restart the Windows.
My code is following:&lt;/p&gt;
&lt;pre&gt;&lt;code&gt;   FileStream fileStream = new FileStream(file, FileMode.Open);
               try
               {
                   readImport(file);
               }
               finally
               {
                   fileStream.Close();
               }
                 File.Move(file, Path.Combine(fullFolderPath, fullNewFileName));
&lt;/code&gt;&lt;/pre&gt;
&lt;p&gt;and the function that processes the file is:&lt;/p&gt;
&lt;pre&gt;&lt;code&gt; private void readImport(string fullFileName)
{
    try
    {
           TextFieldParser parser = new TextFieldParser(fullFileName);
            parser.Delimiters = new string[] { "|" };
            parser.TrimWhiteSpace = true;
            parser.ReadLine();
            while (!(parser.EndOfData == true))
            {
               // dt.Rows.Add(parser.ReadFields());
            }
   }
        }
&lt;/code&gt;&lt;/pre&gt;</t>
  </si>
  <si>
    <t>2012-01-25 07:07:23.437000+00:00</t>
  </si>
  <si>
    <t>2012-03-23 13:31:43.837000+00:00</t>
  </si>
  <si>
    <t>asp.net|exception|file-io</t>
  </si>
  <si>
    <t>PHP says that this json is invalid because "object property name separator ':' expected", can anyone see why?</t>
  </si>
  <si>
    <t>&lt;p&gt;What's wrong with this json:&lt;/p&gt;
&lt;pre&gt;&lt;code&gt; { "items" : [ {"timestamp":"1372964400","value":"1","nid":"545500","platform":"-1"},{"timestamp":"1373666400","value":"2","nid":"593141","platform":"-1"},{"timestamp":"1371398400","value":"1","nid":"34872","platform":"-1"},{"timestamp":"1374238800","value":"2","nid":"59251","platform":"-1"},{"timestamp":"1371902400","value":"1","nid":"79534","platform":"-1"},{"timestamp":"1373425200","value":"1","nid":"583657","platform":"-1"},{"timestamp":"1376251200","value":"4","nid":"701275","platform":"-1"},{"timestamp":"1371330000","value":"1","nid":"59251","platform":"-1"},{"timestamp":"1372183200","value":"1","nid":"81447","platform":"-1"},{"timestamp":"1372348800","value":"2","nid":"83560","platform":"-1"},{"timestamp":"1373162400","value":"1","nid":"583657","platform":"-1"},{"timestamp":"1374174000","value":"2","nid":"607389","platform":"-1"},{"timestamp":"1371834000","value":"2","nid":"79534","platform":"-1"},{"timestamp":"1372723200","value":"1","nid":"190555","platform":"-1"},{"timestamp":"1373385600","value":"2","nid":"590502","platform":"-1"},{"timestamp":"1375855200","value":"1","nid":"697831","platform":"-1"},{"timestamp":"1372312800","value":"1","nid":"81447","platform":"-1"},{"timestamp":"1373047200","value":"2","nid":"545517","platform":"-1"},{"timestamp":"1373929200","value":"3","nid":"605563","platform":"-1"},{"timestamp":"1375462800","value":"1","nid":"647466","platform":"-1"},{"timestamp":"1376434800","value":"5","nid":"704771","platform":"-1"},{"timestamp":"1371722400","value":"1","nid":"79534","platform":"-1"},{"timestamp":"1372240800","value":"1","nid":"82257","platform":"-1"},{"timestamp":"1372687200","value":"1","nid":"190555","platform":"-1"},{"timestamp":"1373367600","value":"1","nid":"590502","platform":"-1"},{"timestamp":"1374634800","value":"1","nid":"610377","platform":"-1"},{"timestamp":"1375812000","value":"1","nid":"697482","platform":"-1"},{"timestamp":"1372129200","value":"1","nid":"81157","platform":"-1"},{"timestamp":"1372287600","value":"1","nid":"79568","platform":"-1"},{"timestamp":"1372989600","value":"1","nid":"40191","platform":"-1"},{"timestamp":"1373788800","value":"1","nid":"545500","platform":"-1"},{"timestamp":"1375376400","value":"1","nid":"646893","platform":"-1"},{"timestamp":"1376420400","value":"1","nid":"704624","platform":"-1"},{"timestamp":"1371423600","value":"1","nid":"59251","platform":"-1"},{"timestamp":"1372230000","value":"7","nid":"81447","platform":"-1"},{"timestamp":"1372413600","value":"1","nid":"118275","platform":"-1"},{"timestamp":"1373306400","value":"5","nid":"590502","platform":"-1"},{"timestamp":"1374264000","value":"1","nid":"59251","platform":"-1"},{"timestamp":"1371960000","value":"1","nid":"79568","platform":"-1"},{"timestamp":"1372924800","value":"1","nid":"82456","platform":"-1"},{"timestamp":"1373558400","value":"3","nid":"590502","platform":"-1"},{"timestamp":"1375092000","value":"1","nid":"545500","platform":"-1"},{"timestamp":"1376280000","value":"1","nid":"701529","platform":"-1"},{"timestamp":"1370044800","value":"1","nid":"68566","platform":"-1"},{"timestamp":"1371380400","value":"1","nid":"59251","platform":"-1"},{"timestamp":"1372183200","value":"3","nid":"81457","platform":"-1"},{"timestamp":"1372352400","value":"1","nid":"83613","platform":"-1"},{"timestamp":"1373194800","value":"1","nid":"59251","platform":"-1"},{"timestamp":"1375689600","value":"1","nid":"687547","platform":"-1"},{"timestamp":"1371902400","value":"2","nid":"59251","platform":"-1"},{"timestamp":"1372762800","value":"1","nid":"212931","platform":"-1"},{"timestamp":"1375977600","value":"1","nid":"545500","platform":"-1"},{"timestamp":"1371322800","value":"2","nid":"59251","platform":"-1"},{"timestamp":"1372179600","value":"1","nid":"81457","platform":"-1"},{"timestamp":"1372345200","value":"2","nid":"83560","platform":"-1"},{"timestamp":"1373068800","value":"1","nid":"545517","platform":"-1"},{"timestamp":"1374163200","value":"1","nid":"607389","platform":"-1"},{"timestamp":"1375470000","value":"1","nid":"647526","platform":"-1"},{"timestamp":"1376460000","value":"1","nid":"705149","platform":"-1"},{"timestamp":"1370278800","value":"1","nid":"57508","platform":"-1"},{"timestamp":"1371765600","value":"2","nid":"79568","platform":"-1"},{"timestamp":"1372690800","value":"1","nid":"212147","platform":"-1"},{"timestamp":"1373382000","value":"9","nid":"590502","platform":"-1"},{"timestamp":"1374674400","value":"1","nid":"545500","platform":"-1"},{"timestamp":"1375819200","value":"1","nid":"697482","platform":"-1"},{"timestamp":"1371132000","value":"1","nid":"76647","platform":"-1"},{"timestamp":"1372143600","value":"1","nid":"81209","platform":"-1"},{"timestamp":"1372302000","value":"1","nid":"59251","platform":"-1"},{"timestamp":"1373036400","value":"1","nid":"545500","platform":"-1"},{"timestamp":"1373886000","value":"1","nid":"59251","platform":"-1"},{"timestamp":"1375380000","value":"1","nid":"646893","platform":"-1"},{"timestamp":"1376427600","value":"1","nid":"704735","platform":"-1"},{"timestamp":"1370260800","value":"3","nid":"68984","platform":"-1"},{"timestamp":"1372240800","value":"1","nid":"82162","platform":"-1"},{"timestamp":"1372428000","value":"1","nid":"154915","platform":"-1"},{"timestamp":"1373364000","value":"6","nid":"590502","platform":"-1"},{"timestamp":"1374606000","value":"1","nid":"610377","platform":"-1"}] }
&lt;/code&gt;&lt;/pre&gt;
&lt;p&gt;when running json_decode on this string php returns null.
i've checked with every online php json_decoder and they decode it succesfully.
i've also tried with &lt;code&gt;json_decode($json, TRUE);&lt;/code&gt; but the call also returns NULL&lt;/p&gt;
&lt;p&gt;i'm on php version PHP 5.5.1-2+debphp.org~precise+2&lt;/p&gt;
&lt;p&gt;I've checked what &lt;code&gt;json_last_error_msg()&lt;/code&gt; has to say and it returned:
&lt;strong&gt;object property name separator ':' expected&lt;/strong&gt;&lt;/p&gt;</t>
  </si>
  <si>
    <t>2013-08-15 10:23:40.227000+00:00</t>
  </si>
  <si>
    <t>2013-12-20 14:55:04.533000+00:00</t>
  </si>
  <si>
    <t>None of the configured nodes are available java scala elasticsearch</t>
  </si>
  <si>
    <t>&lt;p&gt;I got some error in elasticsearch and scala. I tried every answer that is on stackexchange on this issue but still doesn't work. &lt;/p&gt;
&lt;p&gt;This was an error that I've got on frontend&lt;/p&gt;
&lt;p&gt;[NoNodeAvailableException: None of the configured nodes are available:  [{#transport#-1}{ZAUtRH0eTWG6znAh5pTX0A}{localhost}{127.0.0.1:9300}]]
    In /home/agogorishvili/Downloads/collecter/acl2017-non-factoid-   qa/Candidate-Retrieval/app/data/ElasticConnector.scala:22&lt;/p&gt;
&lt;pre&gt;&lt;code&gt;def createIndex(deleteOldIndex: Boolean): Unit = {
if (deleteOldIndex) {
  try {
    this.client.admin.indices.prepareDelete(indexName).get
  } catch {
    case e: IndexNotFoundException =&amp;gt; // ok
  }
}
&lt;/code&gt;&lt;/pre&gt;
&lt;p&gt;elasticconnector controller&lt;/p&gt;
&lt;pre&gt;&lt;code&gt;package data
import java.net.InetAddress
import org.elasticsearch.common.settings.Settings
import org.elasticsearch.common.transport.InetSocketTransportAddress
import org.elasticsearch.index.IndexNotFoundException
import org.elasticsearch.index.query.QueryBuilders
import org.elasticsearch.transport.client.PreBuiltTransportClient
import play.api.libs.json._
import readers.TextItem
class ElasticConnector(host: String, port: Int, indexName: String) {
val client = new PreBuiltTransportClient(Settings.EMPTY)
    .addTransportAddress(new InetSocketTransportAddress(InetAddress.getByName(host), port))
def createIndex(deleteOldIndex: Boolean): Unit = {
    if (deleteOldIndex) {
    try {
        this.client.admin.indices.prepareDelete(indexName).get
    } catch {
        case e: IndexNotFoundException =&amp;gt; // ok
    }
    }
    val r = this.client.admin.indices.prepareCreate(indexName).addMapping("answer", Mapping.answersMapping)
    r.get
    ()
}
def queryAnswers(query: String, count: Integer): Seq[TextItem] = {
    val response = client.prepareSearch(indexName)
    .setTypes("answer")
    .setQuery(QueryBuilders.matchQuery("text", query))
    .setSize(count)
    .execute
    .actionGet
    response.getHits.hits().map { hit =&amp;gt;
    Json.fromJson[TextItem](Json.parse(hit.getSourceAsString)).asOpt
    }.filter(_.isDefined).map(_.get)
}
def saveAnswers(answers: Seq[TextItem]): Either[String, String] = {
    val bulkRequest = client.prepareBulk
    answers.foreach { answer =&amp;gt;
    val answerJson = Json.toJson(answer).toString()
    bulkRequest.add(client.prepareIndex(this.indexName, "answer", answer.id).setSource(answerJson))
    }
    val response = bulkRequest.get
    if (response.hasFailures) {
    Right(response.buildFailureMessage())
    } else {
    Left("Index creation successful")
    }
}
}
private object Mapping {
val answersMapping =
    """{
    |  "answer": {
    |    "properties": {
    |      "id": {
    |        "type": "text"
    |      },
    |      "text": {
    |        "type": "text",
    |        "similarity": "BM25"
    |      }
    |    }
    |  }
    |}""".stripMargin
}
&lt;/code&gt;&lt;/pre&gt;
&lt;p&gt;sbt response &lt;/p&gt;
&lt;pre&gt;&lt;code&gt;[info] Loading project definition from /home/agogorishvili/Downloads/collecter/acl2017-non-factoid-qa/Candidate-Retrieval/project
[info] Set current project to Candidate-Retrieval (in build file:/home/agogorishvili/Downloads/collecter/acl2017-non-factoid-qa/Candidate-Retrieval/)
--- (Running the application, auto-reloading is enabled) ---
[info] p.c.s.NettyServer - Listening for HTTP on /0:0:0:0:0:0:0:0:8000
(Server started, use Ctrl+D to stop and go back to the console...)
[success] Compiled in 437ms
[warn] application - Logger configuration in conf files is deprecated and has no effect. Use a logback configuration file instead.
[info] play.api.Play - Application started (Dev)
no modules loaded
loaded plugin [org.elasticsearch.index.reindex.ReindexPlugin]
loaded plugin [org.elasticsearch.percolator.PercolatorPlugin]
loaded plugin [org.elasticsearch.script.mustache.MustachePlugin]
loaded plugin [org.elasticsearch.transport.Netty3Plugin]
loaded plugin [org.elasticsearch.transport.Netty4Plugin]
failed to connect to node [{#transport#-1}{m3tYnWsuSpebXQCz6BYqXA}{localhost}{127.0.0.1:9300}], removed from nodes list
org.elasticsearch.transport.ConnectTransportException: [][127.0.0.1:9300] connect_timeout[30s]
    at org.elasticsearch.transport.netty4.Netty4Transport.connectToChannelsLight(Netty4Transport.java:340) ~[transport-netty4-client-5.1.1.jar:5.1.1]
    at org.elasticsearch.transport.TcpTransport.connectToNode(TcpTransport.java:410) ~[elasticsearch-5.1.1.jar:5.1.1]
    at org.elasticsearch.transport.TcpTransport.connectToNodeLight(TcpTransport.java:382) ~[elasticsearch-5.1.1.jar:5.1.1]
    at org.elasticsearch.transport.TransportService.connectToNodeLight(TransportService.java:303) ~[elasticsearch-5.1.1.jar:5.1.1]
    at org.elasticsearch.client.transport.TransportClientNodesService$SimpleNodeSampler.doSample(TransportClientNodesService.java:392) [elasticsearch-5.1.1.jar:5.1.1]
    at org.elasticsearch.client.transport.TransportClientNodesService$NodeSampler.sample(TransportClientNodesService.java:338) [elasticsearch-5.1.1.jar:5.1.1]
    at org.elasticsearch.client.transport.TransportClientNodesService.addTransportAddresses(TransportClientNodesService.java:179) [elasticsearch-5.1.1.jar:5.1.1]
    at org.elasticsearch.client.transport.TransportClient.addTransportAddress(TransportClient.java:301) [elasticsearch-5.1.1.jar:5.1.1]
    at data.ElasticConnector.&amp;lt;init&amp;gt;(ElasticConnector.scala:16) [classes/:?]
    at controllers.Application.elastic$lzycompute(Application.scala:19) [classes/:?]
    at controllers.Application.elastic(Application.scala:19) [classes/:?]
    at controllers.Application$$anonfun$createIndex$1.apply(Application.scala:32) [classes/:?]
    at controllers.Application$$anonfun$createIndex$1.apply(Application.scala:25) [classes/:?]
    at play.api.mvc.ActionBuilder$$anonfun$apply$17.apply(Action.scala:439) [play_2.11-2.4.8.jar:2.4.8]
    at play.api.mvc.ActionBuilder$$anonfun$apply$17.apply(Action.scala:439) [play_2.11-2.4.8.jar:2.4.8]
    at play.api.mvc.ActionBuilder$$anonfun$apply$16.apply(Action.scala:408) [play_2.11-2.4.8.jar:2.4.8]
    at play.api.mvc.ActionBuilder$$anonfun$apply$16.apply(Action.scala:407) [play_2.11-2.4.8.jar:2.4.8]
    at play.api.mvc.Action$.invokeBlock(Action.scala:533) [play_2.11-2.4.8.jar:2.4.8]
    at play.api.mvc.Action$.invokeBlock(Action.scala:530) [play_2.11-2.4.8.jar:2.4.8]
    at play.api.mvc.ActionBuilder$$anon$1.apply(Action.scala:493) [play_2.11-2.4.8.jar:2.4.8]
    at play.api.mvc.Action$$anonfun$apply$1$$anonfun$apply$4$$anonfun$apply$5.apply(Action.scala:105) [play_2.11-2.4.8.jar:2.4.8]
    at play.api.mvc.Action$$anonfun$apply$1$$anonfun$apply$4$$anonfun$apply$5.apply(Action.scala:105) [play_2.11-2.4.8.jar:2.4.8]
    at play.utils.Threads$.withContextClassLoader(Threads.scala:21) [play_2.11-2.4.8.jar:2.4.8]
    at play.api.mvc.Action$$anonfun$apply$1$$anonfun$apply$4.apply(Action.scala:104) [play_2.11-2.4.8.jar:2.4.8]
    at play.api.mvc.Action$$anonfun$apply$1$$anonfun$apply$4.apply(Action.scala:103) [play_2.11-2.4.8.jar:2.4.8]
    at scala.Option.map(Option.scala:146) [scala-library-2.11.7.jar:?]
    at play.api.mvc.Action$$anonfun$apply$1.apply(Action.scala:103) [play_2.11-2.4.8.jar:2.4.8]
    at play.api.mvc.Action$$anonfun$apply$1.apply(Action.scala:96) [play_2.11-2.4.8.jar:2.4.8]
    at play.api.libs.iteratee.DoneIteratee$$anonfun$mapM$2.apply(Iteratee.scala:741) [play-iteratees_2.11-2.4.8.jar:2.4.8]
    at play.api.libs.iteratee.DoneIteratee$$anonfun$mapM$2.apply(Iteratee.scala:741) [play-iteratees_2.11-2.4.8.jar:2.4.8]
    at scala.concurrent.impl.Future$PromiseCompletingRunnable.liftedTree1$1(Future.scala:24) [scala-library-2.11.7.jar:?]
    at scala.concurrent.impl.Future$PromiseCompletingRunnable.run(Future.scala:24) [scala-library-2.11.7.jar:?]
    at akka.dispatch.TaskInvocation.run(AbstractDispatcher.scala:40) [akka-actor_2.11-2.3.13.jar:?]
    at akka.dispatch.ForkJoinExecutorConfigurator$AkkaForkJoinTask.exec(AbstractDispatcher.scala:397) [akka-actor_2.11-2.3.13.jar:?]
    at scala.concurrent.forkjoin.ForkJoinTask.doExec(ForkJoinTask.java:260) [scala-library-2.11.7.jar:?]
    at scala.concurrent.forkjoin.ForkJoinPool$WorkQueue.runTask(ForkJoinPool.java:1339) [scala-library-2.11.7.jar:?]
    at scala.concurrent.forkjoin.ForkJoinPool.runWorker(ForkJoinPool.java:1979) [scala-library-2.11.7.jar:?]
    at scala.concurrent.forkjoin.ForkJoinWorkerThread.run(ForkJoinWorkerThread.java:107) [scala-library-2.11.7.jar:?]
Caused by: io.netty.channel.AbstractChannel$AnnotatedConnectException: Connection refused: localhost/127.0.0.1:9300
    at sun.nio.ch.SocketChannelImpl.checkConnect(Native Method) ~[?:1.8.0_162]
    at sun.nio.ch.SocketChannelImpl.finishConnect(SocketChannelImpl.java:717) ~[?:1.8.0_162]
    at io.netty.channel.socket.nio.NioSocketChannel.doFinishConnect(NioSocketChannel.java:346) ~[netty-transport-4.1.6.Final.jar:4.1.6.Final]
    at io.netty.channel.nio.AbstractNioChannel$AbstractNioUnsafe.finishConnect(AbstractNioChannel.java:340) ~[netty-transport-4.1.6.Final.jar:4.1.6.Final]
    at io.netty.channel.nio.NioEventLoop.processSelectedKey(NioEventLoop.java:639) ~[netty-transport-4.1.6.Final.jar:4.1.6.Final]
    at io.netty.channel.nio.NioEventLoop.processSelectedKeysOptimized(NioEventLoop.java:574) ~[netty-transport-4.1.6.Final.jar:4.1.6.Final]
    at io.netty.channel.nio.NioEventLoop.processSelectedKeys(NioEventLoop.java:488) ~[netty-transport-4.1.6.Final.jar:4.1.6.Final]
    at io.netty.channel.nio.NioEventLoop.run(NioEventLoop.java:450) ~[netty-transport-4.1.6.Final.jar:4.1.6.Final]
    at io.netty.util.concurrent.SingleThreadEventExecutor$5.run(SingleThreadEventExecutor.java:873) ~[netty-common-4.1.6.Final.jar:4.1.6.Final]
    at java.lang.Thread.run(Thread.java:748) ~[?:1.8.0_162]
[error] application - 
! @77ja5oj76 - Internal server error, for (GET) [/create-index] -&amp;gt;
play.api.http.HttpErrorHandlerExceptions$$anon$1: Execution exception[[NoNodeAvailableException: None of the configured nodes are available: [{#transport#-1}{m3tYnWsuSpebXQCz6BYqXA}{localhost}{127.0.0.1:9300}]]]
    at play.api.http.HttpErrorHandlerExceptions$.throwableToUsefulException(HttpErrorHandler.scala:265) ~[play_2.11-2.4.8.jar:2.4.8]
    at play.api.http.DefaultHttpErrorHandler.onServerError(HttpErrorHandler.scala:191) ~[play_2.11-2.4.8.jar:2.4.8]
    at play.api.GlobalSettings$class.onError(GlobalSettings.scala:179) [play_2.11-2.4.8.jar:2.4.8]
    at play.api.DefaultGlobal$.onError(GlobalSettings.scala:212) [play_2.11-2.4.8.jar:2.4.8]
    at play.api.http.GlobalSettingsHttpErrorHandler.onServerError(HttpErrorHandler.scala:94) [play_2.11-2.4.8.jar:2.4.8]
    at play.core.server.netty.PlayDefaultUpstreamHandler$$anonfun$9$$anonfun$apply$1.applyOrElse(PlayDefaultUpstreamHandler.scala:162) [play-netty-server_2.11-2.4.8.jar:2.4.8]
    at play.core.server.netty.PlayDefaultUpstreamHandler$$anonfun$9$$anonfun$apply$1.applyOrElse(PlayDefaultUpstreamHandler.scala:159) [play-netty-server_2.11-2.4.8.jar:2.4.8]
    at scala.runtime.AbstractPartialFunction.apply(AbstractPartialFunction.scala:36) [scala-library-2.11.7.jar:na]
    at scala.util.Failure$$anonfun$recover$1.apply(Try.scala:216) [scala-library-2.11.7.jar:na]
    at scala.util.Try$.apply(Try.scala:192) [scala-library-2.11.7.jar:na]
Caused by: org.elasticsearch.client.transport.NoNodeAvailableException: None of the configured nodes are available: [{#transport#-1}{m3tYnWsuSpebXQCz6BYqXA}{localhost}{127.0.0.1:9300}]
    at org.elasticsearch.client.transport.TransportClientNodesService.ensureNodesAreAvailable(TransportClientNodesService.java:328) ~[elasticsearch-5.1.1.jar:5.1.1]
    at org.elasticsearch.client.transport.TransportClientNodesService.execute(TransportClientNodesService.java:226) ~[elasticsearch-5.1.1.jar:5.1.1]
    at org.elasticsearch.client.transport.TransportProxyClient.execute(TransportProxyClient.java:59) ~[elasticsearch-5.1.1.jar:5.1.1]
    at org.elasticsearch.client.transport.TransportClient.doExecute(TransportClient.java:345) ~[elasticsearch-5.1.1.jar:5.1.1]
    at org.elasticsearch.client.support.AbstractClient.execute(AbstractClient.java:403) ~[elasticsearch-5.1.1.jar:5.1.1]
    at org.elasticsearch.client.support.AbstractClient$IndicesAdmin.execute(AbstractClient.java:1226) ~[elasticsearch-5.1.1.jar:5.1.1]
    at org.elasticsearch.action.ActionRequestBuilder.execute(ActionRequestBuilder.java:80) ~[elasticsearch-5.1.1.jar:5.1.1]
    at org.elasticsearch.action.ActionRequestBuilder.execute(ActionRequestBuilder.java:54) ~[elasticsearch-5.1.1.jar:5.1.1]
    at org.elasticsearch.action.ActionRequestBuilder.get(ActionRequestBuilder.java:62) ~[elasticsearch-5.1.1.jar:5.1.1]
    at data.ElasticConnector.createIndex(ElasticConnector.scala:22) ~[classes/:na]
&lt;/code&gt;&lt;/pre&gt;
&lt;p&gt;scala app&lt;/p&gt;
&lt;pre&gt;&lt;code&gt;package controllers
import javax.inject.Inject
import data.ElasticConnector
import play.api.Configuration
import play.api.libs.json.{JsArray, JsObject, JsString}
import play.api.mvc._
import data.readers.{DataReaderRepository}
import data.writers.TSVArchiveWriter
import scala.collection.mutable
import play.api.Logger
class Application @Inject()(configuration: play.api.Configuration) extends Controller {
lazy val indexName = configuration.getString("retrieval.elastic.indexName").get
lazy val elasticHost = configuration.getString("retrieval.elastic.host").get
lazy val elasticPort = configuration.getInt("retrieval.elastic.port").get
lazy val elastic = new ElasticConnector(elasticHost, elasticPort, indexName)
def index = Action {
    Ok("The application is running")
}
def createIndex = Action {
    val reader = DataReaderRepository.getReader(configuration.getString("retrieval.dataset.type").get)
    val datasetPath = configuration.getString("retrieval.dataset.path").get
    val datasetOptions = configuration.getConfig("retrieval.dataset.options").getOrElse(Configuration.empty)
    val answers = reader.readAnswers(datasetPath, datasetOptions)
    elastic.createIndex(true)
    elastic.saveAnswers(answers)
    Ok("Index created")
}
def queryIndex(q: String, n: Int) = Action {
    Ok(
    JsObject(Seq(
        "candidates" -&amp;gt; JsArray(elastic.queryAnswers(q, n).map(a =&amp;gt; JsString(a.text)))
    ))
    )
}
def writeTSVArchive = Action {
    // TODO use a streaming response instead of log messages
    Logger.info("Writing TSV Archive")
    val datasetPath = configuration.getString("retrieval.dataset.path").get
    val datasetOptions = configuration.getConfig("retrieval.dataset.options").getOrElse(Configuration.empty)
    Logger.info("Reading source dataset")
    val reader = DataReaderRepository.getReader(configuration.getString("retrieval.dataset.type").get)
    val questionTexts = mutable.Map[String, String]()
    val answerTexts = mutable.Map[String, String]()
    val qas = reader.readQA(datasetPath, datasetOptions)
    val qasMap = qas.map(qa =&amp;gt; qa.question.id -&amp;gt; qa).toMap
    // construct all the pools
    Logger.info("Constructing pools")
    val pools = qas.zipWithIndex.map { case (qa, idx) =&amp;gt;
    if(idx % 100 == 0) {
        Logger.info(s"$idx/${qas.length}")
    }
    val questionText = qa.question.text.take(5000)
    val pool = elastic.queryAnswers(questionText, 100)
    questionTexts(qa.question.id) = questionText
    (pool ++ qa.groundTruth).foreach { a =&amp;gt;
        answerTexts(a.id) = a.text
    }
    (qa.question.id, qa.groundTruth.map(_.id), pool.map(_.id))
    }
    // write the files
    val trainSize = configuration.getDouble("tsvWriter.split.train").get
    val validSize = configuration.getDouble("tsvWriter.split.valid").get
    Logger.info("Writing archive")
    val writer = new TSVArchiveWriter(configuration.getString("tsvWriter.path").get)
    writer.write(questionTexts.toMap, answerTexts.toMap, pools, trainSize, validSize)
    Logger.info("Done")
    Ok("Dataset created")
}
}
&lt;/code&gt;&lt;/pre&gt;
&lt;p&gt;application.conf&lt;/p&gt;
&lt;pre&gt;&lt;code&gt;# This is the main configuration file for the application.
# ~~~~~
# Dataset configuration
# ~~~~~
retrieval {
elastic {
    host = "localhost"
    port = 9300
    indexName = "insuranceqa"
}
dataset {
    // can be either insuranceqav1, insuranceqav2, or stackexchange
    type = "insuranceqav2"
    // path to the insuranceQA dataset or the stackexchange archive downloaded from
    // https://archive.org/details/stackexchange
    path = "/home/agogorishvili/Downloads/collecter/acl2017-non-factoid-qa/insuranceQA"
    // dataset options
    options {
    // for insuranceQA v2 we can specify which poolsize we want (100, 500, ...) and which tokenized version should be
    // used. See the official dataset description for more details.
    // pooledAnswers = 500
    // tokenizer = "token"
    // for stackexchange, we can choose to only include answers with a certain score (or greater)
    // minScore = 1
    }
}
}
// This section defines options for the stackexchange dataset creation (TSV). The format was inspired by the
// InsuranceQA.
tsvWriter {
// Output folder
path = "&amp;lt;...&amp;gt;/Data/writer-dataset"
// the split ratios
split {
    train = 0.7
    valid = 0.1
    test = 0.2
}
}
# Play framework configuration
# ~~~~~
# Secret key
# ~~~~~
# The secret key is used to secure cryptographics functions.
# If you deploy your application to several instances be sure to use the same key!
application.secret = "%APPLICATION_SECRET%"
# The application languages
# ~~~~~
application.langs = "en"
# Global object class
# ~~~~~
# Define the Global object class for this application.
# Default to Global in the root package.
# application.global=Global
# Router
# ~~~~~
# Define the Router object to use for this application.
# This router will be looked up first when the application is starting up,
# so make sure this is the entry point.
# Furthermore, it's assumed your route file is named properly.
# So for an application router like `my.application.Router`,
# you may need to define a router file `conf/my.application.routes`.
# Default to Routes in the root package (and conf/routes)
# application.router=my.application.Routes
# Database configuration
# ~~~~~
# You can declare as many datasources as you want.
# By convention, the default datasource is named `default`
#
# db.default.driver=org.h2.Driver
# db.default.url="jdbc:h2:mem:play"
# db.default.user=sa
# db.default.password=""
# Evolutions
# ~~~~~
# You can disable evolutions if needed
# evolutionplugin=disabled
# Logger
# ~~~~~
# You can also configure logback (http://logback.qos.ch/),
# by providing an application-logger.xml file in the conf directory.
# Root logger:
logger.root = ERROR
# Logger used by the framework:
logger.play = INFO
# Logger provided to your application:
logger.application = DEBUG
&lt;/code&gt;&lt;/pre&gt;</t>
  </si>
  <si>
    <t>2018-04-17 23:39:35.523000+00:00</t>
  </si>
  <si>
    <t>java|scala|elasticsearch|elasticsearch-plugin|elasticsearch-5</t>
  </si>
  <si>
    <t>Error in running unit test for Vue webapp</t>
  </si>
  <si>
    <t>&lt;p&gt;I am writing a webapp with VueJs, I am trying to setup unit test for it, I got inspired from &lt;a href="https://github.com/posva/vue-mdl" rel="nofollow noreferrer"&gt;vue-mdl&lt;/a&gt; unit-tests. But the tests are not running properly for my code and I am getting &lt;code&gt;vm.$el&lt;/code&gt; as &lt;code&gt;undefined&lt;/code&gt;, so not able to move forward at all.&lt;/p&gt;
&lt;p&gt;Here is the component, I am trying to test:&lt;/p&gt;
&lt;p&gt;&lt;strong&gt;Confirmation.vue&lt;/strong&gt;&lt;/p&gt;
&lt;pre&gt;&lt;code&gt;&amp;lt;template&amp;gt;
    &amp;lt;div&amp;gt;
        Your order has been confirmed with the following details.
    &amp;lt;/div&amp;gt;
&amp;lt;/template&amp;gt;
&amp;lt;script type="text/javascript"&amp;gt;
export default {
  data () {
    return {
      data_from_pg: null
    }
  }
}
&amp;lt;/script&amp;gt;
&lt;/code&gt;&lt;/pre&gt;
&lt;p&gt;and here is test for it, which fails&lt;/p&gt;
&lt;p&gt;&lt;strong&gt;Confirmation.spec.js&lt;/strong&gt;&lt;/p&gt;
&lt;pre&gt;&lt;code&gt;import Confirmation from 'src/components/Confirmation'
import { vueTest } from '../../utils'
describe('Confirmation', () =&amp;gt; {
  let vm
  let confirmation
  before(() =&amp;gt; {
    vm = vueTest(Confirmation)
    console.log('vm.$el ' + vm.$el) =&amp;gt; this prints undefined
    confirmation = vm.$el.querySelector('#confirmation') =&amp;gt; so this line gives error
    // confirmation = vm.$('#confirmation')
  })
  it('exists', () =&amp;gt; {
    confirmation.should.exist
    confirmation.should.be.visible
  })
})
&lt;/code&gt;&lt;/pre&gt;
&lt;p&gt;&lt;strong&gt;utils.js&lt;/strong&gt;&lt;/p&gt;
&lt;pre&gt;&lt;code&gt;export function vueTest (Component) {
  const Class = Vue.extend(Component)
  Class.prototype.$ = function (selector) {
    return this.$el.querySelector(selector)
  }
  Class.prototype.nextTick = function () {
    return new Promise((resolve) =&amp;gt; {
      this.$nextTick(resolve)
    })
  }
  const vm = new Class({
    replace: false,
    el: 'body'
  })
  return vm
}
&lt;/code&gt;&lt;/pre&gt;
&lt;p&gt;My complete code is available &lt;a href="https://github.com/mimani/vue-example" rel="nofollow noreferrer"&gt;here&lt;/a&gt;, with all the test config, which I have tried to change many times, but could not figure out how to make it work. Please let me know if you see some error somewhere.&lt;/p&gt;</t>
  </si>
  <si>
    <t>2016-11-28 10:27:03.177000+00:00</t>
  </si>
  <si>
    <t>2016-11-28 21:18:38.387000+00:00</t>
  </si>
  <si>
    <t>2016-11-28 21:10:01.550000+00:00</t>
  </si>
  <si>
    <t>javascript|unit-testing|vue-component|vue.js|vuejs2</t>
  </si>
  <si>
    <t>Group by a distinct list of integers</t>
  </si>
  <si>
    <t>&lt;pre&gt;&lt;code&gt;MyObject()
{
     String dept;
     List&amp;lt;int&amp;gt; id;
     Object obj;
}
&lt;/code&gt;&lt;/pre&gt;
&lt;p&gt;Using &lt;code&gt;LINQ&lt;/code&gt;, how can I return a list of the above objects organized as follows:&lt;/p&gt;
&lt;p&gt;Group all of the obj objects by [ department and EQUAL id list ].  The list being considered equal if it contains the same numbers, not necessarily the same order(a set).&lt;/p&gt;</t>
  </si>
  <si>
    <t>2012-10-03 12:11:35.997000+00:00</t>
  </si>
  <si>
    <t>2012-10-14 04:56:40.447000+00:00</t>
  </si>
  <si>
    <t>How to display data in table through MySQL after data submission?</t>
  </si>
  <si>
    <t>&lt;p&gt;I have users filling out two forms. After they submit their information, the next page is supposed to display that same information in a table. I managed to create the table, but the data inside the table looks really squished.&lt;/p&gt;
&lt;pre&gt;&lt;code&gt;    $sql = "SELECT * FROM Profiles";
    $result = $conn-&amp;gt;query($sql);
    if ($result-&amp;gt;num_rows &amp;gt; 0) {
        echo "&amp;lt;table border='2' height='100'&amp;gt;&amp;lt;tr&amp;gt;&amp;lt;th&amp;gt;KSU_ID&amp;lt;/th&amp;gt;&amp;lt;th&amp;gt;First_Name&amp;lt;/th&amp;gt;&amp;lt;th&amp;gt;Last_Name&amp;lt;/th&amp;gt;
                &amp;lt;th&amp;gt;Email&amp;lt;/th&amp;gt;&amp;lt;th&amp;gt;Day&amp;lt;/th&amp;gt;&amp;lt;th&amp;gt;Availability&amp;lt;/th&amp;gt;&amp;lt;th&amp;gt;Services&amp;lt;/th&amp;gt;&amp;lt;/tr&amp;gt;";
        while($row = $result-&amp;gt;fetch_assoc()) {
        echo "&amp;lt;tr&amp;gt;&amp;lt;td&amp;gt;";
        echo $row['k'];
        echo "&amp;lt;/td&amp;gt;&amp;lt;td&amp;gt;";
        echo $row["f"];
        echo "&amp;lt;/td&amp;gt;&amp;lt;td&amp;gt;"; 
        echo $row["l"];
        echo "&amp;lt;/td&amp;gt;&amp;lt;td&amp;gt;"; 
        echo $row["e"];
        echo "&amp;lt;/td&amp;gt;&amp;lt;td&amp;gt;";   
        echo $row["day"];
        echo "&amp;lt;/td&amp;gt;&amp;lt;td&amp;gt;"; 
        echo $row["time"];
        echo "&amp;lt;/td&amp;gt;&amp;lt;td&amp;gt;";   
        echo $row["service"];
        echo "&amp;lt;/td&amp;gt;&amp;lt;/tr&amp;gt;";  
        }
        echo "&amp;lt;/table&amp;gt;";
&lt;/code&gt;&lt;/pre&gt;
&lt;p&gt;I'm not sure what I'm doing incorrectly here. I've seen the information in the  section done in a variety of ways and none of them worked for me. I do have the results accessing the sql database, but it's earlier on in the php. I didn't want to flood you all with my php code. If you want me to post it, I'll do so.&lt;/p&gt;
&lt;p&gt;As an update, I figured it out. The information in the "row" area was incorrect. I put my variables and not the name of the column. That resulted in an table with many empty rows, creating the "squished" look I referred to. I'll try more work before posting again so I don't keep flooding the forums. Thanks for the help, anyway. It's always appreciated.&lt;/p&gt;</t>
  </si>
  <si>
    <t>2017-10-02 16:38:39.857000+00:00</t>
  </si>
  <si>
    <t>2017-10-02 18:55:29.553000+00:00</t>
  </si>
  <si>
    <t>2017-10-02 17:04:26.223000+00:00</t>
  </si>
  <si>
    <t>Having trouble dismissing dialog in Android [AlertDialog]</t>
  </si>
  <si>
    <t>&lt;pre&gt;&lt;code&gt;final String[] choices = { "Item 1", "Item 2", "Item 3"};
final AlertDialog dialog= new AlertDialog.Builder(
    TestSubjectCalendar.this)
    .setTitle("Title")
    .setSingleChoiceItems(choices, pos, new DialogInterface.OnClickListener() {
        @Override
        public void onClick(DialogInterface dialog, int which) {
            dialog.dismiss(); //gives error
            // MORE CODE
        }
    }).create();
    dialog.show();
&lt;/code&gt;&lt;/pre&gt;
&lt;p&gt;&lt;code&gt;dialog.dismiss()&lt;/code&gt; is giving the following errors:&lt;/p&gt;
&lt;blockquote&gt;
  &lt;p&gt;The local variable dialog may not have been initialized&lt;/p&gt;
&lt;/blockquote&gt;
&lt;p&gt;What I want is that when I click an item from the choice list in the &lt;code&gt;dialog&lt;/code&gt;, the &lt;code&gt;dialog&lt;/code&gt; should disappear. So how can I go about doing that?&lt;/p&gt;
&lt;p&gt;PS: I know I can use &lt;code&gt;setItems()&lt;/code&gt; instead of &lt;code&gt;setSingleChoiceItems()&lt;/code&gt;, but I want to use the latter as it provides radio buttons.&lt;/p&gt;</t>
  </si>
  <si>
    <t>2013-07-13 05:21:47.190000+00:00</t>
  </si>
  <si>
    <t>2013-07-13 06:40:14.947000+00:00</t>
  </si>
  <si>
    <t>android|dialog|alertdialog|android-alertdialog</t>
  </si>
  <si>
    <t>Using the Jena RDF library, how do I return the property of a URI resource?</t>
  </si>
  <si>
    <t>&lt;p&gt;I have a Jena URI Resource (&lt;em&gt;Resource&lt;/em&gt; reference to an object where &lt;em&gt;isURIResource()&lt;/em&gt; returns true). An example Resource URI is this:&lt;/p&gt;
&lt;blockquote&gt;
  &lt;p&gt;&lt;a href="http://d.opencalais.com/er/company/ralg-tr1r/4ee13d20-b44f-3bce-98bc-49a303e72db5" rel="nofollow noreferrer"&gt;http://d.opencalais.com/er/company/ralg-tr1r/4ee13d20-b44f-3bce-98bc-49a303e72db5&lt;/a&gt;&lt;/p&gt;
&lt;/blockquote&gt;
&lt;p&gt;If you open that in a web browser, you'll probably be given the HTML representation of the data:&lt;/p&gt;
&lt;blockquote&gt;
  &lt;p&gt;&lt;a href="http://d.opencalais.com/er/company/ralg-tr1r/4ee13d20-b44f-3bce-98bc-49a303e72db5.html" rel="nofollow noreferrer"&gt;http://d.opencalais.com/er/company/ralg-tr1r/4ee13d20-b44f-3bce-98bc-49a303e72db5.html&lt;/a&gt;&lt;/p&gt;
&lt;/blockquote&gt;
&lt;p&gt;You can change the &lt;strong&gt;.html&lt;/strong&gt; extension to &lt;strong&gt;.rdf&lt;/strong&gt; giving you:&lt;/p&gt;
&lt;blockquote&gt;
  &lt;p&gt;&lt;a href="http://d.opencalais.com/er/company/ralg-tr1r/4ee13d20-b44f-3bce-98bc-49a303e72db5.rdf" rel="nofollow noreferrer"&gt;http://d.opencalais.com/er/company/ralg-tr1r/4ee13d20-b44f-3bce-98bc-49a303e72db5.rdf&lt;/a&gt;&lt;/p&gt;
&lt;/blockquote&gt;
&lt;p&gt;This RDF model is formatted as XML. The property I need to retrieve is:&lt;/p&gt;
&lt;pre&gt;&lt;code&gt;&amp;lt;c:symbol&amp;gt;MSFT.OQ&amp;lt;/c:symbol&amp;gt;
&lt;/code&gt;&lt;/pre&gt;
&lt;p&gt;In summary, I'm looking for a way to use my Jena URI Resource to return the value of &lt;strong&gt;c:symbol&lt;/strong&gt;, which in my example would be &lt;strong&gt;MSFT.OQ&lt;/strong&gt;&lt;/p&gt;
&lt;p&gt;I'm aware that I could take this URI, GET the RDF representation via some HTTP client, then load and query the model as I'm doing already. What I'm assuming, however, is that Jena offers a more elegant solution to this recurring task.&lt;/p&gt;</t>
  </si>
  <si>
    <t>2009-10-20 12:04:47.250000+00:00</t>
  </si>
  <si>
    <t>2011-08-03 12:58:22.623000+00:00</t>
  </si>
  <si>
    <t>2009-10-20 12:39:37.600000+00:00</t>
  </si>
  <si>
    <t>rdf|jena</t>
  </si>
  <si>
    <t>Resolve to a tuple for a future</t>
  </si>
  <si>
    <t>&lt;p&gt;In rust, I am trying to fulfill a future by extracting two bits of data out of a &lt;code&gt;.get&lt;/code&gt; request using a hyper client as a tuple.  The problem is the resulting type doesn't &lt;em&gt;work&lt;/em&gt;.&lt;/p&gt;
&lt;p&gt;So given some code like this:&lt;/p&gt;
&lt;pre&gt;&lt;code&gt;let result = client
  .get(url)
  .map_err(|err| Error::from(err))
  .and_then(|response| {
    (response
      .into_body()
      .concat2()
      .map(|body| String::from_utf8(body.to_vec()).unwrap())
      .map_err(|err| Error::from(err)),
    response
      .headers()
      .get(CONTENT_TYPE)
      .map(|content_type| content_type.to_str()))
  });
&lt;/code&gt;&lt;/pre&gt;
&lt;p&gt;I am getting an error like &lt;code&gt;the trait "futures::IntoFuture" is not implemented for&lt;/code&gt;...&lt;/p&gt;
&lt;p&gt;I am pretty sure that it is because the two members of the tuple are futures and can be dealt with, but a tuple isn't, but I am not sure how to resolve the values of the futures and place them into a tuple.&lt;/p&gt;</t>
  </si>
  <si>
    <t>2018-10-18 03:10:40.757000+00:00</t>
  </si>
  <si>
    <t>2018-10-18 19:10:13.423000+00:00</t>
  </si>
  <si>
    <t>2018-10-18 14:32:20.437000+00:00</t>
  </si>
  <si>
    <t>rust|tuples|hyper</t>
  </si>
  <si>
    <t>I tryin add 9patch shadow to my button</t>
  </si>
  <si>
    <t>&lt;p&gt;I'm trying to add a shade to my button, but I am doing something wrong. 
Please help me find the cause of the error. I think it's something in styles (maybe layers). I add my classes and my style.
At the moment, I get a text without colors or shadow&lt;/p&gt;
&lt;p&gt;My CustomButton class&lt;/p&gt;
&lt;pre&gt;&lt;code&gt;public static readonly BindableProperty isVisibleProperty =
            BindableProperty.Create(
                nameof(isVisible), 
                typeof(bool), 
                typeof(CustomButton), true);
        public bool isVisible
        {
            get { return (bool)GetValue(isVisibleProperty); }
            set { SetValue(isVisibleProperty, value); }
        }
&lt;/code&gt;&lt;/pre&gt;
&lt;p&gt;In android project my CustomButtomRenedererr&lt;/p&gt;
&lt;pre&gt;&lt;code&gt;protected override void OnElementChanged(ElementChangedEventArgs&amp;lt;Button&amp;gt; e)
        {
            base.OnElementChanged(e);
            var view = (CustomButton)Element;
            if(view == null) return;
            Control.SetPadding(
                (int)view.Padding.Left,
                (int)view.Padding.Top,
                (int)view.Padding.Right,
                (int)view.Padding.Bottom);
            int backgroundId;
            int textColorId;
            if(view == null) return;
            if(view.IsVisible)
            {
                switch(view.Type)
                {
                    case CustomButton.TypeEnum.Blue:
                        backgroundId = Resource.Drawable.blue_shadow_button_style;
                        textColorId = Resource.Drawable.blue_button_text_style;
                        break;
                    case CustomButton.TypeEnum.Green:
                        backgroundId = Resource.Drawable.green_shadow_button_style;
                        textColorId = Resource.Drawable.green_button_text_style;
                        break;
                    case CustomButton.TypeEnum.NormalShort:
                        backgroundId = Resource.Drawable.normal_short_button_style;
                        textColorId = Resource.Drawable.normal_short_button_text_style;
                        break;
                    default:
                        backgroundId = Resource.Drawable.normal_button_style;
                        textColorId = Resource.Drawable.normal_button_text_style;
                        break;
                }
            }
            else..
&lt;/code&gt;&lt;/pre&gt;
&lt;p&gt;My style xaml -&gt; And I think there is a mistake somewhere&lt;/p&gt;
&lt;pre&gt;&lt;code&gt;&amp;lt;?xml version="1.0" encoding="utf-8"?&amp;gt;
&amp;lt;selector xmlns:android="http://schemas.android.com/apk/res/android"&amp;gt;
    &amp;lt;item android:state_pressed="true"&amp;gt;
        &amp;lt;layer-list xmlns:android="http://schemas.android.com/apk/res/android"&amp;gt;
            &amp;lt;item  android:drawable="@drawable/btn_shadow" /&amp;gt;
            &amp;lt;item&amp;gt;
                &amp;lt;shape android:shape="rectangle"&amp;gt;
                    &amp;lt;corners android:radius="2dp" /&amp;gt;
                    &amp;lt;solid android:color="#0ad00a" /&amp;gt;
                    &amp;lt;padding android:left="10dp" android:top="10dp" android:right="10dp" android:bottom="10dp" /&amp;gt;
                    &amp;lt;stroke android:width="2dp" android:color="#0ad00a" /&amp;gt;
                    &amp;lt;size android:height="40dp" android:width="200dp" /&amp;gt;
                &amp;lt;/shape&amp;gt;
            &amp;lt;/item&amp;gt;
        &amp;lt;/layer-list&amp;gt;
    &amp;lt;/item&amp;gt;
    &amp;lt;item android:state_focused="true"&amp;gt;
        &amp;lt;layer-list xmlns:android="http://schemas.android.com/apk/res/android"&amp;gt;
            &amp;lt;item  android:drawable="@drawable/btn_shadow" /&amp;gt;
            &amp;lt;item&amp;gt;
                &amp;lt;shape android:shape="rectangle"&amp;gt;
                    &amp;lt;corners android:radius="2dp" /&amp;gt;
                    &amp;lt;solid android:color="#0ad00a" /&amp;gt;
                    &amp;lt;padding android:left="10dp" android:top="10dp" android:right="10dp" android:bottom="10dp" /&amp;gt;
                    &amp;lt;stroke android:width="2dp" android:color="#0ad00a" /&amp;gt;
                    &amp;lt;size android:height="40dp" android:width="200dp" /&amp;gt;
                &amp;lt;/shape&amp;gt;
            &amp;lt;/item&amp;gt;
        &amp;lt;/layer-list&amp;gt;
    &amp;lt;/item&amp;gt;
    &amp;lt;item android:state_enabled="false"&amp;gt;
        &amp;lt;layer-list xmlns:android="http://schemas.android.com/apk/res/android"&amp;gt;
            &amp;lt;item  android:drawable="@drawable/btn_shadow" /&amp;gt;
            &amp;lt;item&amp;gt;
                &amp;lt;shape android:shape="rectangle"&amp;gt;
                    &amp;lt;corners android:radius="2dp" /&amp;gt;
                    &amp;lt;solid android:color="#c2c2c2" /&amp;gt;
                    &amp;lt;padding android:left="10dp" android:top="10dp" android:right="10dp" android:bottom="10dp" /&amp;gt;
                    &amp;lt;stroke android:width="2dp" android:color="#c2c2c2" /&amp;gt;
                    &amp;lt;size android:height="40dp" android:width="200dp" /&amp;gt;
                &amp;lt;/shape&amp;gt;
            &amp;lt;/item&amp;gt;
        &amp;lt;/layer-list&amp;gt;
    &amp;lt;/item&amp;gt;
    &amp;lt;item&amp;gt;
        &amp;lt;layer-list xmlns:android="http://schemas.android.com/apk/res/android"&amp;gt;
            &amp;lt;item  android:drawable="@drawable/btn_shadow" /&amp;gt;
            &amp;lt;item&amp;gt;
                &amp;lt;shape android:shape="rectangle"&amp;gt;
                    &amp;lt;corners android:radius="2dp" /&amp;gt;
                    &amp;lt;solid android:color="#0ad009" /&amp;gt;
                    &amp;lt;padding android:left="10dp" android:top="10dp" android:right="10dp" android:bottom="10dp" /&amp;gt;
                    &amp;lt;stroke android:width="2dp" android:color="#0ad009" /&amp;gt;
                    &amp;lt;size android:height="40dp" android:width="200dp" /&amp;gt;
                &amp;lt;/shape&amp;gt;
            &amp;lt;/item&amp;gt;
        &amp;lt;/layer-list&amp;gt;
    &amp;lt;/item&amp;gt;
&amp;lt;/selector&amp;gt;
&lt;/code&gt;&lt;/pre&gt;</t>
  </si>
  <si>
    <t>2018-03-22 10:08:04.893000+00:00</t>
  </si>
  <si>
    <t>xamarin.forms|xamarin.android</t>
  </si>
  <si>
    <t>New App missing from django admin panel</t>
  </si>
  <si>
    <t>&lt;p&gt;I'm working on one of django tutorials, creating a blog and I ran into an issue with seeing the new app in django admin panel. 
&lt;a href="http://tutorial.djangogirls.org/en/django_models/index.html" rel="nofollow"&gt;http://tutorial.djangogirls.org/en/django_models/index.html&lt;/a&gt;&lt;/p&gt;
&lt;p&gt;I looked at it back and forth and I cant seem to find what I'm doing wrong. Any assistance would be greatly appreciated. Below is what I have so far. &lt;/p&gt;
&lt;pre&gt;&lt;code&gt;    from django.db import models
from django.utils import timezone
class Post(models.Model):
    author = models.ForeignKey('auth.User')
    title = models.CharField(max_length=200)
    text = models.TextField()
    created_date = models.DateTimeField(
            default=timezone.now)
    published_date = models.DateTimeField(
            blank=True, null=True)
def publish(self):
        self.published_date = timezone.now()
        self.save()
def __str__(self):
        return self.title
&lt;/code&gt;&lt;/pre&gt;
&lt;hr&gt;
&lt;pre&gt;&lt;code&gt;from django.apps import AppConfig
class BlogConfig(AppConfig):
    name = 'blog'
&lt;/code&gt;&lt;/pre&gt;
&lt;hr&gt;
&lt;pre&gt;&lt;code&gt;from django.contrib import admin
from .models import Post
admin.site.register(Post)
&lt;/code&gt;&lt;/pre&gt;
&lt;hr&gt;
&lt;pre&gt;&lt;code&gt;INSTALLED_APPS = [
    'django.contrib.admin',
    'django.contrib.auth',
    'django.contrib.contenttypes',
    'django.contrib.sessions',
    'django.contrib.messages',
    'django.contrib.staticfiles',
    'blog',
]
&lt;/code&gt;&lt;/pre&gt;
&lt;p&gt;Then this is what I have in the terminal. &lt;/p&gt;
&lt;pre&gt;&lt;code&gt;Migrations for 'blog':
  0001_initial.py:
    - Create model Post
(project1) michaels-mbp-2:project1 michaelp$ python manage.py migrate blog
Operations to perform:
  Apply all migrations: blog
Running migrations:
  Rendering model states... DONE
  Applying blog.0001_initial... OK
&lt;/code&gt;&lt;/pre&gt;</t>
  </si>
  <si>
    <t>2015-12-12 16:30:51.413000+00:00</t>
  </si>
  <si>
    <t>How do I concatenate strings in a while loop?</t>
  </si>
  <si>
    <t>&lt;p&gt;So I'm trying to make it so I can type multiples strings and it will concatenate all of them. But everytime it just returns one string and doesn't add them.&lt;/p&gt;
&lt;pre&gt;&lt;code&gt;def addWords():
    s = 'a'
    while s != '':
        s = input( ' I will echo your input until you enter return only: ')
        return(s)
        a = a + s
        return (a)
&lt;/code&gt;&lt;/pre&gt;</t>
  </si>
  <si>
    <t>2015-01-29 06:01:49.243000+00:00</t>
  </si>
  <si>
    <t>2015-01-29 08:26:56.940000+00:00</t>
  </si>
  <si>
    <t>2015-01-29 06:04:28.413000+00:00</t>
  </si>
  <si>
    <t>python|string|concatenation</t>
  </si>
  <si>
    <t>Flink executes dataflow twice</t>
  </si>
  <si>
    <t>&lt;p&gt;I'm new to Flink and I work with DataSet API. After a whole bunch of processing as the last stage I need to normalize one of the values by dividing it by its maximum value. So, I have used the &lt;code&gt;.max()&lt;/code&gt; operator to take the max and later I'm passing the result as constructor's argument to the MapFunction. &lt;/p&gt;
&lt;p&gt;This works, however all the processing is performed twice. One job is executed to find max values, and later another job is executed to create final result (starting execution from the beginning)... Is there any workaround to execute whole dataflow only once?&lt;/p&gt;
&lt;pre&gt;&lt;code&gt;  final List&amp;lt;Tuple6&amp;lt;...&amp;gt;&amp;gt; maxValues = result.max(2).collect();
  assert maxValues.size() == 1;
  result.map(new NormalizeAttributes(maxValues.get(0))).writeAsCsv(...)
@FunctionAnnotation.ForwardedFields("f0; f1; f3; f4; f5")
@FunctionAnnotation.ReadFields("f2")
private static class NormalizeAttributes implements MapFunction&amp;lt;Tuple6&amp;lt;...&amp;gt;, Tuple6&amp;lt;...&amp;gt;&amp;gt; {
    private final Tuple6&amp;lt;...&amp;gt; maxValues;
    public NormalizeAttributes(Tuple6&amp;lt;...&amp;gt; maxValues) {
        this.maxValues = maxValues;
    }
    @Override
    public Tuple6&amp;lt;...&amp;gt; map(Tuple6&amp;lt;...&amp;gt; value) throws Exception {
        value.f2 /= maxValues.f2;
        return value;
    }
}
&lt;/code&gt;&lt;/pre&gt;</t>
  </si>
  <si>
    <t>2016-08-23 08:14:26.977000+00:00</t>
  </si>
  <si>
    <t>2016-08-23 14:35:15.803000+00:00</t>
  </si>
  <si>
    <t>2016-08-23 08:50:50.077000+00:00</t>
  </si>
  <si>
    <t>apache-flink</t>
  </si>
  <si>
    <t>Insert JS Snippet To WP Site</t>
  </si>
  <si>
    <t>&lt;p&gt;I've been slowly truing to teach myself some simple aspects regarding coding. Right now, I want to upload a snippet of JS code onto a single page. Here is some background followed with the code I want to use:&lt;/p&gt;
&lt;p&gt;The code will go on one page. This page is a form page where if someone does anything other than press "submit" a module pops up with some questions. I've been using wordpress. Any thoughts, guidance, etc. would be perfecto!&lt;/p&gt;
&lt;pre&gt;&lt;code&gt;&amp;lt;script&amp;gt;
            var config = new Object();
            config.surveyID = 3160325;
            /*config.animationMode = 0;*/
            config.takeSurveyURL = 'http://www.surveyanalytics.com/a/TakeSurvey';
            config.windowPositionLeft = 200;
            config.windowPositionTop = 300;
            config.home = 'http://www.surveyanalytics.com/';
            config.isRightToLeft = false;
            config.surveyStartMessage = 'Start Survey';
            config.popupInvitationLaterMessage = 'Later';
            config.showFooter = true;
            config.invitationDelay = 0;
            config.skipCount = 0;
            config.popupMode = 0;
            config.expirationTime = 60
               window.onbeforeunload = function() {
                        QP_popupMain();
               };
        &amp;lt;/script&amp;gt;
        &amp;lt;script language="javascript" type="text/javascript" src="http://www.surveyanalytics.com//javascript/exitSurveyInvitation.js"&amp;gt;&amp;lt;/script&amp;gt;
            &amp;lt;noscript&amp;gt;
            &amp;lt;a href="http://www.supporterfeedback.org/a/TakeSurvey?id=3160325"&amp;gt;Start Survey&amp;lt;/a&amp;gt;  &amp;lt;a href="http://www.surveyanalytics.com/"&amp;gt;Survey&amp;lt;/a&amp;gt;
            &amp;lt;/noscript&amp;gt;
&lt;/code&gt;&lt;/pre&gt;</t>
  </si>
  <si>
    <t>2014-10-28 23:12:17.083000+00:00</t>
  </si>
  <si>
    <t>2014-10-29 22:45:50.820000+00:00</t>
  </si>
  <si>
    <t>javascript|php|wordpress</t>
  </si>
  <si>
    <t>Rails, two dimensional table, pivot, nested hash loops</t>
  </si>
  <si>
    <t>&lt;p&gt;I am building grade-book report - a two dimensional table that shows lesson names going horizontally and a list of students going vertically.&lt;/p&gt;
&lt;pre&gt;&lt;code&gt;Student Name | LessonID x | LessonID x | LessonID x          
Joe                 95%        95%
Mary                80%        80% 
Sam                 80%                    80%
&lt;/code&gt;&lt;/pre&gt;
&lt;p&gt;My data is in a table that has these fields:&lt;/p&gt;
&lt;pre&gt;&lt;code&gt;student_id, lesson_id, grade_in_pct, grade_in_pts, grade_high, grade_low, grade_median
&lt;/code&gt;&lt;/pre&gt;
&lt;p&gt;The total number of students and lessons is not fixed.&lt;/p&gt;
&lt;p&gt;I considered using ruport/acts_as_reportable or mysql pivot procedure, however it looks like the pivot only gives me one dimension. So that's not going to work, because in my view I want to add mouse-over features and conditional formatting to show more info on each grade. &lt;/p&gt;
&lt;p&gt;So I think my only option is to generate a nested hash and then loop through it in the view. What are your thoughts? Could someone suggest a way to build a nested hash? Would it be too processor intensive to loop through 250 rows (~50 students, 5 lessons each)?&lt;/p&gt;
&lt;p&gt;I am stuck. Please help. Thanks!&lt;/p&gt;</t>
  </si>
  <si>
    <t>2010-11-17 17:18:30.577000+00:00</t>
  </si>
  <si>
    <t>2010-12-15 15:24:06.553000+00:00</t>
  </si>
  <si>
    <t>2010-12-15 15:09:22.370000+00:00</t>
  </si>
  <si>
    <t>ruby-on-rails|arrays|hash|pivot|ruport</t>
  </si>
  <si>
    <t>Schema.org is not validating: "it appears to include multiple reviews of an item, but no aggregate review information"</t>
  </si>
  <si>
    <t>&lt;p&gt;I am trying to implement Schema.org structured data to my website. On one of my pages, I have a possibility for users to rate and review a tourist attraction (for example St. Stephan's Cathedral in Vienna). Now I want to enhance my HTML with structured data for it.&lt;/p&gt;
&lt;p&gt;Here is an example code of it (also available on &lt;a href="http://pastebin.com/u8YZtrpW" rel="nofollow"&gt;http://pastebin.com/u8YZtrpW&lt;/a&gt;):&lt;/p&gt;
&lt;pre class="lang-html prettyprint-override"&gt;&lt;code&gt;&amp;lt;!doctype html&amp;gt;
&amp;lt;html lang="de"&amp;gt;
&amp;lt;head&amp;gt;&amp;lt;/head&amp;gt;
&amp;lt;body itemscope itemtype="http://schema.org/WebPage"&amp;gt;
&amp;lt;div itemscope itemtype="http://schema.org/Place"&amp;gt;
    &amp;lt;article class="boxy-full"&amp;gt;
        &amp;lt;div&amp;gt;
            &amp;lt;div class="rating" itemprop="aggregateRating" itemscope itemtype="http://schema.org/AggregateRating" title="Rating: 4.50/5 &amp;lt;br&amp;gt;# Ratings: 10"&amp;gt;
                &amp;lt;meta itemprop="ratingValue" content="4.50"/&amp;gt;
                &amp;lt;meta itemprop="bestRating" content="5"/&amp;gt;
                &amp;lt;meta itemprop="ratingCount" content="10"/&amp;gt;
                &amp;lt;i class="glyphicon glyphicon-star"&amp;gt;&amp;lt;/i&amp;gt;
                &amp;lt;i class="glyphicon glyphicon-star"&amp;gt;&amp;lt;/i&amp;gt;
                &amp;lt;i class="glyphicon glyphicon-star"&amp;gt;&amp;lt;/i&amp;gt;
                &amp;lt;i class="glyphicon glyphicon-star"&amp;gt;&amp;lt;/i&amp;gt;
                &amp;lt;i class="glyphicon glyphicon-star-empty"&amp;gt;&amp;lt;/i&amp;gt;
            &amp;lt;/div&amp;gt;
        &amp;lt;/div&amp;gt;
        &amp;lt;h1 itemprop="name"&amp;gt;Vienna - St. Stephan's Cathedral&amp;lt;/h1&amp;gt;
        &amp;lt;div class="ccheader"&amp;gt;
            &amp;lt;meta itemprop="image" content="/myimg.jpg"/&amp;gt;
            &amp;lt;img src="/myimg.jpg" alt="St. Stephan's Cathedral"/&amp;gt;
        &amp;lt;/div&amp;gt;
        &amp;lt;div class="content"&amp;gt;
            &amp;lt;p&amp;gt;Here comes some text to describe the Place...&amp;lt;/p&amp;gt;
        &amp;lt;/div&amp;gt;
    &amp;lt;/article&amp;gt;
    &amp;lt;div class="boxy-full"&amp;gt;
        &amp;lt;h2&amp;gt;User-Bewertungen&amp;lt;/h2&amp;gt;
        &amp;lt;article class="blueblock" itemscope itemtype="http://schema.org/Review"&amp;gt;
            &amp;lt;div class="pull-right" itemprop="reviewRating" itemscope itemtype="http://schema.org/Rating"&amp;gt;
                &amp;lt;meta itemprop="ratingValue" content="5"/&amp;gt;
                &amp;lt;meta itemprop="bestRating" content="5"/&amp;gt;
                &amp;lt;meta itemprop="worstRating" content="1"&amp;gt;
                &amp;lt;div class="rating" title="Rating: 5/5" data-placement="bottom"&amp;gt;
                    &amp;lt;i class="glyphicon glyphicon-star"&amp;gt;&amp;lt;/i&amp;gt;
                    &amp;lt;i class="glyphicon glyphicon-star"&amp;gt;&amp;lt;/i&amp;gt;
                    &amp;lt;i class="glyphicon glyphicon-star"&amp;gt;&amp;lt;/i&amp;gt;
                    &amp;lt;i class="glyphicon glyphicon-star"&amp;gt;&amp;lt;/i&amp;gt;
                    &amp;lt;i class="glyphicon glyphicon-star"&amp;gt;&amp;lt;/i&amp;gt;
                &amp;lt;/div&amp;gt;
            &amp;lt;/div&amp;gt;
            &amp;lt;meta itemprop="itemreviewed" content="Stephansdom in Wien"&amp;gt;
            &amp;lt;h3 itemprop="name"&amp;gt;Review 1 Title&amp;lt;/h3&amp;gt;
            &amp;lt;div class="co" itemprop="reviewBody"&amp;gt;
                Here comes some review text...
            &amp;lt;/div&amp;gt;
            &amp;lt;footer class="small"&amp;gt;Created by Gastuser, on 19.01.2015
                &amp;lt;meta itemprop="datePublished" content="2015-01-19"&amp;gt;
            &amp;lt;/footer&amp;gt;
        &amp;lt;/article&amp;gt;
        &amp;lt;article class="blueblock" itemscope itemtype="http://schema.org/Review"&amp;gt;
            &amp;lt;div class="pull-right" itemprop="reviewRating" itemscope itemtype="http://schema.org/Rating"&amp;gt;
                &amp;lt;meta itemprop="ratingValue" content="5"/&amp;gt;
                &amp;lt;meta itemprop="bestRating" content="5"/&amp;gt;
                &amp;lt;meta itemprop="worstRating" content="1"&amp;gt;
                &amp;lt;div class="rating" title="Rating: 5/5" data-placement="bottom"&amp;gt;
                    &amp;lt;i class="glyphicon glyphicon-star"&amp;gt;&amp;lt;/i&amp;gt;
                    &amp;lt;i class="glyphicon glyphicon-star"&amp;gt;&amp;lt;/i&amp;gt;
                    &amp;lt;i class="glyphicon glyphicon-star"&amp;gt;&amp;lt;/i&amp;gt;
                    &amp;lt;i class="glyphicon glyphicon-star"&amp;gt;&amp;lt;/i&amp;gt;
                    &amp;lt;i class="glyphicon glyphicon-star"&amp;gt;&amp;lt;/i&amp;gt;
                &amp;lt;/div&amp;gt;
            &amp;lt;/div&amp;gt;
            &amp;lt;meta itemprop="itemreviewed" content="Stephansdom in Wien"&amp;gt;
            &amp;lt;h3 itemprop="name"&amp;gt;Review 1 Title&amp;lt;/h3&amp;gt;
            &amp;lt;div class="co" itemprop="reviewBody"&amp;gt;
                Here comes some review text...
            &amp;lt;/div&amp;gt;
            &amp;lt;footer class="small"&amp;gt;Created by Gastuser, on 19.01.2015
                &amp;lt;meta itemprop="datePublished" content="2015-01-19"&amp;gt;
            &amp;lt;/footer&amp;gt;
        &amp;lt;/article&amp;gt;
    &amp;lt;/div&amp;gt;
&amp;lt;/div&amp;gt;
&amp;lt;/body&amp;gt;
&amp;lt;/html&amp;gt;
&lt;/code&gt;&lt;/pre&gt;
&lt;p&gt;My problem now is, that the Google webmaster tool for testing structured data (&lt;a href="https://www.google.com/webmasters/tools/richsnippets" rel="nofollow"&gt;https://www.google.com/webmasters/tools/richsnippets&lt;/a&gt;) gives me the following error message:&lt;/p&gt;
&lt;blockquote&gt;
  &lt;p&gt;No rich snippet will be generated for this data, because it appears to include multiple reviews of an item, but no aggregate review information.&lt;/p&gt;
&lt;/blockquote&gt;
&lt;p&gt;But there is an aggregated rating markup. What I am doing wrong?&lt;/p&gt;</t>
  </si>
  <si>
    <t>2015-01-19 17:23:23.510000+00:00</t>
  </si>
  <si>
    <t>2015-01-20 07:27:34.180000+00:00</t>
  </si>
  <si>
    <t>schema.org|rich-snippets|google-rich-snippets</t>
  </si>
  <si>
    <t>Counting Heroku errors</t>
  </si>
  <si>
    <t>&lt;p&gt;My (rails) application hosted on Heroku sometimes produces errors outside of the application stack.&lt;/p&gt;
&lt;p&gt;These are reported as H12 or H18 errors by the heroku router, and sometimes database connection timeouts somewhere high up in the Rails stack.&lt;/p&gt;
&lt;p&gt;They're indicators of performance problems, and the action that's failing is often not the one that has the performance problem.  And there isn't a single fix.&lt;/p&gt;
&lt;p&gt;So I'd like to be able to count how frequently these errors come up, and graph them, so I can watch the graph trend in the right direction.&lt;/p&gt;
&lt;p&gt;I've been doing this kind of ad-hoc by searching and parsing the logs.  This is fine as far as it goes, but as I drift towards graphing the data I suspect I'm starting to reinvent the wheel.&lt;/p&gt;
&lt;p&gt;Ideally I'd have an add-on to my Heroku application that would track these things and show me graphs over time.&lt;/p&gt;
&lt;p&gt;Does such a thing exist?  Is there something halfway to this point where I can carry it the rest of the way?&lt;/p&gt;</t>
  </si>
  <si>
    <t>2014-02-10 15:29:34.573000+00:00</t>
  </si>
  <si>
    <t>2014-03-19 20:29:59.580000+00:00</t>
  </si>
  <si>
    <t>performance|heroku</t>
  </si>
  <si>
    <t>Regex matching loop never terminates</t>
  </si>
  <si>
    <t>&lt;p&gt;I have an ASCII text file I am trying to use regex to parse in Java.  File example:&lt;/p&gt;
&lt;pre&gt;&lt;code&gt;09-JUN-15 22:33     Eq:1    P1010030    1   HPCT: 0.0   RlTqCur:532 RlTqMin:-266    RlTqMax:270 ESMIN:2 ESMAX:2
&lt;/code&gt;&lt;/pre&gt;
&lt;p&gt;I built my expressions, but I think I might be running into a possible runaway regex case.  My &lt;code&gt;while (m.find())&lt;/code&gt; loop never terminates.&lt;/p&gt;
&lt;p&gt;My regex pattern is very long.  Here is the problem area: &lt;code&gt;"(esmin:)(?&amp;lt;esmin&amp;gt;\\d+)"&lt;/code&gt;&lt;/p&gt;
&lt;p&gt;When I remove &lt;code&gt;(esmin:)&lt;/code&gt; from the expression the while loop terminates as expected.  Am I breaking a regex rule?  I'm not sure why I'm having difficulties.&lt;/p&gt;
&lt;p&gt;Thank you. &lt;/p&gt;
&lt;p&gt;&lt;strong&gt;EDIT:&lt;/strong&gt; Fixed the missing ")" sorry, that isn't the problem.  And yes I am using a case insensitive flag in the pattern.  Here is some more code:&lt;/p&gt;
&lt;pre&gt;&lt;code&gt;    Pattern p = Pattern.compile(regexData.getJobDataType1(),Pattern.CASE_INSENSITIVE | Pattern.DOTALL);
    Matcher m = p.matcher(fileData);
    while (m.find()) {
    }
&lt;/code&gt;&lt;/pre&gt;
&lt;p&gt;&lt;strong&gt;EDIT2:&lt;/strong&gt; The issue as pointed out below by stribizhev is that the string I'm reading in &lt;code&gt;fileData&lt;/code&gt; is actually the whole entire ASCII file.&lt;/p&gt;</t>
  </si>
  <si>
    <t>2015-10-07 12:45:07.720000+00:00</t>
  </si>
  <si>
    <t>2015-10-07 13:35:27.357000+00:00</t>
  </si>
  <si>
    <t>2015-10-07 13:31:28.940000+00:00</t>
  </si>
  <si>
    <t>AngularJS transfer data between one component to another</t>
  </si>
  <si>
    <t>&lt;p&gt;Have some data for one controller JSON, I fill by this data in ng-repeat my view.
But when selecting this data from view  I need pass selected data to Form Controller fill all forms.&lt;/p&gt;
&lt;p&gt;I don't know how to do this in angularJS with components. I built service, which parse data when i select it and pass to Form Controller. But it's additional work parse it again by service.Maybe exist some more good way how pickup just id, and  Form Controller load it automatically when get id's from service.&lt;/p&gt;
&lt;p&gt;AngularJS really hard for all ways as I understood :(  &lt;/p&gt;</t>
  </si>
  <si>
    <t>2016-06-22 21:39:08.550000+00:00</t>
  </si>
  <si>
    <t>2016-06-22 21:58:46.170000+00:00</t>
  </si>
  <si>
    <t>How to convert string to array in php? form post fields value string conversion to array</t>
  </si>
  <si>
    <t>&lt;p&gt;I have post this type of string in Form. Then in server side i get below string:&lt;/p&gt;
&lt;pre&gt;&lt;code&gt; "[['certi'=&amp;gt;[1],'state'=&amp;gt;[1,2]],['certi'=&amp;gt;[0],'state'=&amp;gt;[1,2,3,4,5]]]"
&lt;/code&gt;&lt;/pre&gt;
&lt;p&gt;I want this string in array format:&lt;/p&gt;
&lt;pre&gt;&lt;code&gt;[
    [
       'certi'=&amp;gt;[1],
       'state'=&amp;gt;[1,2]
    ],
    [
       'certi'=&amp;gt;[0],
       'state'=&amp;gt;[1,2,3,4,5]
    ]
]
&lt;/code&gt;&lt;/pre&gt;</t>
  </si>
  <si>
    <t>2016-11-03 14:57:46.910000+00:00</t>
  </si>
  <si>
    <t>2016-11-03 15:07:23.397000+00:00</t>
  </si>
  <si>
    <t>Putting a menu bar on the bottom of the screen while using ExpandableListView</t>
  </si>
  <si>
    <t>&lt;p&gt;I figured out how to get the menu bar on top of the screen.  It stays in position while I move around the main menu I created using expandableListView.  However, I would like the menu bar to be on the bottom of the screen instead of the top.  I played around with relativeView and got the bar on the bottom, however, the main menu disappears. 
Here is my main xml file&lt;/p&gt;
&lt;pre&gt;&lt;code&gt;&amp;lt;?xml version="1.0" encoding="UTF-8"?&amp;gt;
 &amp;lt;LinearLayout xmlns:android="http://schemas.android.com/apk/res/android"
 android:layout_width="fill_parent"
 android:layout_height="fill_parent"
 android:orientation="vertical" &amp;gt;
&amp;lt;LinearLayout
    android:id="@+id/buttons"
    android:layout_width="fill_parent"
    android:layout_height="wrap_content"
    android:orientation="horizontal" &amp;gt;
    &amp;lt;Button
        android:id="@+id/buttonbefore"
        android:layout_width="fill_parent"
        android:layout_height="wrap_content"
        android:layout_weight="50"
        android:text="back" /&amp;gt;
    &amp;lt;Button
        android:id="@+id/buttonnext"
        android:layout_width="fill_parent"
        android:layout_height="wrap_content"
        android:layout_weight="50"
        android:text="Next" /&amp;gt;
&amp;lt;/LinearLayout&amp;gt;
&amp;lt;ExpandableListView
    android:id="@+id/android:list"
    android:layout_width="fill_parent"
    android:layout_height="fill_parent" /&amp;gt;
&amp;lt;TextView
    android:id="@+id/android:empty"
    android:layout_width="fill_parent"
    android:layout_height="fill_parent"
    android:text="@string/main_no_items" /&amp;gt;
&lt;/code&gt;&lt;/pre&gt;
&lt;p&gt;  &lt;/p&gt;
&lt;p&gt;Then I used this for java to get it to appear in my program.&lt;/p&gt;
&lt;pre&gt;&lt;code&gt;   LinearLayout bottomMenu = (LinearLayout)findViewById(R.id.buttons);
&lt;/code&gt;&lt;/pre&gt;
&lt;p&gt;I tried playing around with the gravity and it did nothing.  I can add more code from my program if you think it will help.&lt;/p&gt;</t>
  </si>
  <si>
    <t>2012-01-14 23:14:30.287000+00:00</t>
  </si>
  <si>
    <t>2012-01-15 00:47:41.707000+00:00</t>
  </si>
  <si>
    <t>java|android|xml|android-layout</t>
  </si>
  <si>
    <t>IE11 FormData AJAX Post with File hangs after 401</t>
  </si>
  <si>
    <t>&lt;p&gt;In IE11, I'm using ajax to post a FormData element to a Windows Authenticated endpoint (IIS7.5 NTLM). If the FormData element only contains text fields, everything works great -- the initial request results in a 401 and the payload gets delivered in the subsequent request that carries the credentials/payload.&lt;/p&gt;
&lt;p&gt;However, this does &lt;em&gt;not&lt;/em&gt; work if there is a File input in the FormData object.  If there is a file in the FormData object, IE11 will send the request, get the 401, and then not send the subsequent request at all.  (note -- it &lt;em&gt;does&lt;/em&gt; work in FF/Chrome)&lt;/p&gt;
&lt;p&gt;Code:&lt;/p&gt;
&lt;pre&gt;&lt;code&gt;// This works
var fd = new FormData();    
fd.append("CaseId", 1188);
fd.append("PhaseId", 6);
// Adding this element to the FD makes IE11 hang
// but still works in FF &amp;amp; Chrome
fd.append("MyFile", document.getElementById("MyFileInput").files[0]);
$.ajax({
  url  : "myEndpoint.ashx",
  type : "POST",
  data : fd,
  contentType : false, // do not to adjust content-type
  processData : false, // do not to convert raw data to string
  success     : function(data){
    console.log("Hooray!");
  },
  error : function(xhr){
    console.log("Boo");
  }
});
&lt;/code&gt;&lt;/pre&gt;
&lt;p&gt;I have examined the request headers with/without the file input in Fiddler and the 401 request/responses are identical in every way.  &lt;/p&gt;
&lt;p&gt;Here is the Working Request (no file input). The subsequent request that follows this one includes credentials and results in a 200&lt;/p&gt;
&lt;pre&gt;&lt;code&gt;POST http://example.com/myEndpoint.ashx HTTP/1.1
X-Requested-With: XMLHttpRequest
Accept: */*
Content-Type: multipart/form-data; boundary=---------------------------7df11b0308d6
Referer: http://example.com/IE11FormDataTest.html
Accept-Language: en-US
Accept-Encoding: gzip, deflate
User-Agent: Mozilla/4.0 (compatible; MSIE 7.0; Windows NT 6.1; WOW64; Trident/7.0; SLCC2; .NET CLR 2.0.50727; .NET CLR 3.5.30729; .NET CLR 3.0.30729; Media Center PC 6.0; .NET4.0C; .NET4.0E; InfoPath.3; MS-RTC LM 8)
Connection: Keep-Alive
Host: example.com
Pragma: no-cache
Cookie: ASP.NET_SessionId=mqa12rwnmxerfoz3csx0wohk
Authorization: NTLM TlRMTVNTUAABAAAAB4IIogAAAAAAAAAAAAAAAAAAAAAGAbEdAAAADw==
Content-Length: 0
&lt;/code&gt;&lt;/pre&gt;
&lt;p&gt;And Here is the request that does NOT work (file input included in FormData object). When this returns, IE11 fails to issue a subsequent, authenticated request. In fact, the title of the tab just says "Waiting for mysite.com...":&lt;/p&gt;
&lt;pre&gt;&lt;code&gt;POST http://example.com/myEndpoint.ashx HTTP/1.1
X-Requested-With: XMLHttpRequest
Accept: */*
Content-Type: multipart/form-data; boundary=---------------------------7df2c7308d6
Referer: http://example.com/IE11FormDataTest.html
Accept-Language: en-US
Accept-Encoding: gzip, deflate
User-Agent: Mozilla/4.0 (compatible; MSIE 7.0; Windows NT 6.1; WOW64; Trident/7.0; SLCC2; .NET CLR 2.0.50727; .NET CLR 3.5.30729; .NET CLR 3.0.30729; Media Center PC 6.0; .NET4.0C; .NET4.0E; InfoPath.3; MS-RTC LM 8)
Connection: Keep-Alive
Host: example.com
Pragma: no-cache
Cookie: ASP.NET_SessionId=mqa12rwnmxerfoz3csx0wohk
Authorization: NTLM TlRMTVNTUAABAAAAB4IIogAAAAAAAAAAAAAAAAAAAAAGAbEdAAAADw==
Content-Length: 0
&lt;/code&gt;&lt;/pre&gt;
&lt;p&gt;Does anybody see anything that I could be missing or have any suggestions for tests I could run/create?  I have tried the same thing with a raw XMLHttpRequest, but the result was the same.&lt;/p&gt;</t>
  </si>
  <si>
    <t>2015-01-30 02:13:15.960000+00:00</t>
  </si>
  <si>
    <t>2016-03-29 12:02:19.220000+00:00</t>
  </si>
  <si>
    <t>2016-01-28 05:46:12.650000+00:00</t>
  </si>
  <si>
    <t>javascript|asp.net|ajax|iis-7.5|internet-explorer-11</t>
  </si>
  <si>
    <t>Tigther code - javascript object array</t>
  </si>
  <si>
    <t>&lt;p&gt;Inside the callback of a $.getJSON call, I have the code outlined below. The first for block aggregates 'total' &amp;amp; assigns values to sov[i]. The map function calculates the percentage of total. I then instantiate a variable called sovData. &lt;/p&gt;
&lt;p&gt;With the jQuery Flot graph, any objects that are empty aren't added to the pie chart, so this works for up to 7 different slices/datasets. What I'd like to do is only initialize the ones I need (e.g. sovData would have up to 'howMany - 1' (kws.length -1 ) objects inside of it, likely via something similar to dashboards[i] &amp;amp; sov[i]. How would I do this?&lt;/p&gt;
&lt;p&gt;Code: &lt;/p&gt;
&lt;pre&gt;&lt;code&gt;var sov = [], howMany = kws.length, total = 0, i = 0;
for ( i; i &amp;lt; howMany; i++) {
    total += sov[ i ] = +parseInt(data.sov['sov' + ( i+1 ) ],10) || 0;
}
var dashboards = data.dashboards;
sov = $.map( sov, function(v) {
    var s = Math.round( ( (v / total) * 10e3 ) / 100);
    return s &amp;lt; 1 ? 1 : s;
});
var sovData = [{
    label : dashboards[0],
    data : sov[0]
},
{
    label : dashboards[1],
    data : sov[1]
},
{
    label : dashboards[2],
    data : sov[2]
},
{
    label : dashboards[3],
    data : sov[3]
},
{
    label : dashboards[4],
    data : sov[4]
},
{
    label : dashboards[5],
    data : sov[5]   
},
{
    label : dashboards[6],
    data : sov[6]   
}
]
&lt;/code&gt;&lt;/pre&gt;</t>
  </si>
  <si>
    <t>2011-03-01 07:09:35.123000+00:00</t>
  </si>
  <si>
    <t>2011-03-01 07:55:38.700000+00:00</t>
  </si>
  <si>
    <t>Sliding pages with url change...how is that possible?</t>
  </si>
  <si>
    <t>&lt;p&gt;Today I was facinated from the following website &lt;a href="http://soulwire.co.uk/" rel="nofollow"&gt;http://soulwire.co.uk/&lt;/a&gt;
If clicked on the menu the site changes url and slides down. I've never seen such thing and I'm asking myself how that is working. JQuery can do such things but with setting anchors... &lt;/p&gt;
&lt;p&gt;Somebody know how that works?  &lt;/p&gt;</t>
  </si>
  <si>
    <t>2011-12-15 12:44:19.523000+00:00</t>
  </si>
  <si>
    <t>2011-12-15 13:01:55.880000+00:00</t>
  </si>
  <si>
    <t>jquery|html5|css3</t>
  </si>
  <si>
    <t>Use php sdk v4 to get 3 or more wall posts to display on website</t>
  </si>
  <si>
    <t>&lt;p&gt;Please I need a working example of a php script, that makes use of the &lt;a href="https://github.com/facebook/facebook-php-sdk-v4" rel="nofollow noreferrer"&gt;php sdk v4 for facebook&lt;/a&gt;, to pull the most recent wall posts from a user's page. &lt;/p&gt;
&lt;p&gt;I've looked around in google and on stackoverflow but most of the examples just show me how to get a login through fb script(which I already have set up on the site I am working on). I did find this &lt;a href="https://stackoverflow.com/questions/27237575/how-do-you-get-me-feed-using-php-sdk-v4"&gt;php sdk v4 question&lt;/a&gt;, but it left out how to get the access token(also if you can please include how to get an access token that doesn't expire in 60 days). I just started using the sdk today and have no idea how to get started. I have this bit of code which I got from copying and pasting from some of the examples online, but I don't know what to add so that I can get the feed/posts as explained in the linked question.&lt;/p&gt;
&lt;pre&gt;&lt;code&gt;&amp;lt;?php    
require_once('facebook-php-sdk-v4/autoload.php');
session_start();
use Facebook\FacebookSession;
use Facebook\FacebookRequest;
use Facebook\FacebookRedirectLoginHelper;
use Facebook\GraphUser;
FacebookSession::setDefaultApplication('xxxxxxxx','xxxxxxxxx');
&lt;/code&gt;&lt;/pre&gt;
&lt;p&gt;I may be asking for too much, or my question might be to general, but I really just need the example. If asking for the code is too much, please link me to an example online that shows me how to do it. I've also looked at the fb docs but they are very confusing for someone who has never used the sdk before. Thank you, in advance,for any and all help!&lt;/p&gt;</t>
  </si>
  <si>
    <t>2015-02-06 19:04:25.920000+00:00</t>
  </si>
  <si>
    <t>2015-02-09 20:36:09.833000+00:00</t>
  </si>
  <si>
    <t>2017-05-23 11:56:58.317000+00:00</t>
  </si>
  <si>
    <t>php|facebook|facebook-graph-api|sdk|facebook-php-sdk</t>
  </si>
  <si>
    <t>What exactly are the restrictions on the System.Diagnostics.Process.Start method?</t>
  </si>
  <si>
    <t>&lt;p&gt;MSDN states:&lt;/p&gt;
&lt;blockquote&gt;
  &lt;p&gt;ASP.NET Web page and server control code executes in the context of
  the ASP.NET worker process on the Web server. If you use the Start
  method in an ASP.NET Web page or server control, the new process
  executes on the Web server with restricted permissions. The process
  does not start in the same context as the client browser, and does not
  have access to the user desktop.
  &lt;a href="https://msdn.microsoft.com/en-us/library/0w4h05yb(v=vs.110).aspx" rel="nofollow"&gt;https://msdn.microsoft.com/en-us/library/0w4h05yb(v=vs.110).aspx&lt;/a&gt;&lt;/p&gt;
&lt;/blockquote&gt;
&lt;p&gt;Other than not having access to the desktop, are there any other restrictions?&lt;/p&gt;
&lt;p&gt;MSDN states that "the process does not start in the same context as the client browser . . . ." So what? ASP.NET does not run as the client browser any ways.&lt;/p&gt;
&lt;p&gt;So, what security context does it run as? If it runs as the same security context as the ASP.NET worker process (which I guess refers to the w3wp) then that's not really more restrictive. &lt;/p&gt;
&lt;p&gt;If the newly started process has more restrictions that the worker process, then what exactly are those extra restrictions?&lt;/p&gt;
&lt;p&gt;Here it claims that the newly spawned process inherits the security context from the parent ASP.NET worker process:&lt;/p&gt;
&lt;blockquote&gt;
  &lt;p&gt;The Process class in System.Diagnostics can start a new process, but
  the process always inherits the security context of the parent
  process. Even if the ASP.NET thread invoking the Start method is
  impersonating a client, the Process still starts with the ASP.NET
  worker process credentials.
  &lt;a href="http://odetocode.com/blogs/scott/archive/2004/10/28/createprocessasuser.aspx" rel="nofollow"&gt;http://odetocode.com/blogs/scott/archive/2004/10/28/createprocessasuser.aspx&lt;/a&gt;&lt;/p&gt;
&lt;/blockquote&gt;
&lt;p&gt;Does the new process inherit all of the parent ASP.NET worker process permissions? If so, then how is it more restricted?&lt;/p&gt;
&lt;p&gt;So, what exactly are the restricted permissions?&lt;/p&gt;</t>
  </si>
  <si>
    <t>2016-05-31 16:03:16.957000+00:00</t>
  </si>
  <si>
    <t>iOS: passing data from ChildViewController to GrandParentViewController?</t>
  </si>
  <si>
    <t>&lt;p&gt;Passing data between two view controllers seems to have been solved using delegates. My situation is little different and since I am new I don't know if I can solve this with delegates.&lt;/p&gt;
&lt;p&gt;I have 3 view controllers. &lt;code&gt;GrandParent&lt;/code&gt;, &lt;code&gt;Parent&lt;/code&gt; and &lt;code&gt;Child&lt;/code&gt;.&lt;br&gt;
&lt;code&gt;GrandParent&lt;/code&gt; instantiates &lt;code&gt;Parent&lt;/code&gt; that shows list of &lt;code&gt;CategoryGroups&lt;/code&gt;.&lt;br&gt;
Clicking on a &lt;code&gt;CategoryGroup&lt;/code&gt; instantiates &lt;code&gt;Child&lt;/code&gt; View Controller that shows list of &lt;code&gt;Categories&lt;/code&gt;.&lt;/p&gt;
&lt;p&gt;I want that when user clicks on any &lt;code&gt;Category&lt;/code&gt;, &lt;code&gt;GrandParent&lt;/code&gt; gets to know the &lt;code&gt;Category&lt;/code&gt; being clicked.  &lt;/p&gt;
&lt;p&gt;What I have now?  &lt;/p&gt;
&lt;p&gt;On &lt;code&gt;Child.h&lt;/code&gt; view controller&lt;/p&gt;
&lt;pre&gt;&lt;code&gt;@protocol CategorySelectDelegate&amp;lt;NSObject&amp;gt;
- (void) categorySelected:(CategoryModel *) categoryModel;
@end
&lt;/code&gt;&lt;/pre&gt;
&lt;p&gt;On &lt;code&gt;Child.m&lt;/code&gt; view controller  &lt;/p&gt;
&lt;pre&gt;&lt;code&gt;- (void)tableView:(UITableView *)tableView didSelectRowAtIndexPath:(NSIndexPath *)indexPath {
    NSLog(@"selected category:%@", _categories[(NSUInteger) indexPath.row]);
    [self.delegate categorySelected:_categories[(NSUInteger) indexPath.row]];
    [self dismissViewControllerAnimated:YES completion:nil];
}
&lt;/code&gt;&lt;/pre&gt;
&lt;p&gt;On &lt;code&gt;GrandParent.h&lt;/code&gt;  &lt;/p&gt;
&lt;pre&gt;&lt;code&gt;@interface GrandParent : UIViewController&amp;lt;CategorySelectDelegate&amp;gt;  
&lt;/code&gt;&lt;/pre&gt;
&lt;p&gt;On &lt;code&gt;GrandParent.m&lt;/code&gt;  &lt;/p&gt;
&lt;pre&gt;&lt;code&gt;- (void)viewDidLoad {
    [super viewDidLoad];
    ChildViewController *categoryViewController = [[ChildViewController alloc] init];
    childViewController.delegate = self;
}
- (void)categorySelected:(CategoryModel *)categoryModel {
    _categoryLabel.text = categoryModel.name;
    NSLog(@"categoryLabel:%@", _categoryLabel.text);
}
&lt;/code&gt;&lt;/pre&gt;
&lt;p&gt;But I know this is incorrect since &lt;code&gt;GrandParent&lt;/code&gt; is &lt;strong&gt;not&lt;/strong&gt; the one instantiating &lt;code&gt;Child&lt;/code&gt; directly, its is always parent who gives birth to &lt;code&gt;Child&lt;/code&gt;  &lt;/p&gt;
&lt;p&gt;&lt;strong&gt;Question&lt;/strong&gt;&lt;br&gt;
- How can I pass the &lt;code&gt;categoryModel&lt;/code&gt; from &lt;code&gt;Child&lt;/code&gt; to &lt;code&gt;GrandParent&lt;/code&gt;?&lt;br&gt;
- In general, how can I pass a data from one Child Controller back to any Ancestor Controller?&lt;/p&gt;
&lt;p&gt;&lt;strong&gt;UPDATE&lt;/strong&gt;  &lt;/p&gt;
&lt;p&gt;For now, I have added 2 delegates to solve this problem&lt;br&gt;
a.) 1 delegate from &lt;code&gt;Child&lt;/code&gt; to &lt;code&gt;Parent&lt;/code&gt;&lt;br&gt;
b.) 1 delegate from &lt;code&gt;Parent&lt;/code&gt; to &lt;code&gt;GrandParent&lt;/code&gt;&lt;br&gt;
This works but I don't think it is a good design is data needs to be passed between 2 or more view controllers since one will end up creating new delegates to pass values.&lt;/p&gt;</t>
  </si>
  <si>
    <t>2014-11-24 03:18:07.657000+00:00</t>
  </si>
  <si>
    <t>2014-11-24 05:53:02.947000+00:00</t>
  </si>
  <si>
    <t>2014-11-24 03:40:36.587000+00:00</t>
  </si>
  <si>
    <t>ios|objective-c|iphone|ios7</t>
  </si>
  <si>
    <t>Android: 2 threads listening on the same socket</t>
  </si>
  <si>
    <t>&lt;p&gt;&lt;strong&gt;Situation&lt;/strong&gt; : A client communicates to a server via a single socket connection. The Client can randomly send serialized objects, or just simple parameters, the the server.&lt;/p&gt;
&lt;p&gt;&lt;strong&gt;Problem&lt;/strong&gt; : How to make the server simultaneously listen for ObjectInputStream and InputStream from the Client ?&lt;/p&gt;
&lt;p&gt;&lt;strong&gt;What I'm thinking of:&lt;/strong&gt; A 'master' thread spawns 2 child Threads. One child listens to ObjectInputStreams from the client, and the other child listens to InputStreams.&lt;/p&gt;
&lt;p&gt;Will this approach work ? Because I've heard ObjectInputStream is blocking. What about thread safety ? Synchronization issues ?&lt;/p&gt;</t>
  </si>
  <si>
    <t>2014-01-17 15:59:41.043000+00:00</t>
  </si>
  <si>
    <t>2014-01-17 18:17:30.387000+00:00</t>
  </si>
  <si>
    <t>android|multithreading|sockets|inputstream|objectinputstream</t>
  </si>
  <si>
    <t>calling cgi script from div and javascript/jquery</t>
  </si>
  <si>
    <t>&lt;p&gt;I have a index.cgi which has a div like&lt;/p&gt;
&lt;pre&gt;&lt;code&gt;&amp;lt;div id="AddCodeTab"&amp;gt;
    &amp;lt;div id="CodeContainer" style="width: 100%;"&amp;gt;&amp;lt;/div&amp;gt;
&amp;lt;/div&amp;gt;
&lt;/code&gt;&lt;/pre&gt;
&lt;p&gt;So this div gets its content from &lt;code&gt;addcode.js&lt;/code&gt;&lt;/p&gt;
&lt;p&gt;I have another cgi page &lt;code&gt;databasecall.cgi&lt;/code&gt;&lt;/p&gt;
&lt;p&gt;So how do I define the &lt;code&gt;addcode.js&lt;/code&gt; so that dropdown box in the div will get its value from another cgi page &lt;code&gt;databasecall.cgi&lt;/code&gt;&lt;/p&gt;</t>
  </si>
  <si>
    <t>2016-10-19 13:13:49.947000+00:00</t>
  </si>
  <si>
    <t>2016-10-19 14:05:01.130000+00:00</t>
  </si>
  <si>
    <t>2016-10-19 14:00:42.630000+00:00</t>
  </si>
  <si>
    <t>javascript|jquery|cgi</t>
  </si>
  <si>
    <t>Cannot get Keyboard Accelerators to work...AT ALL</t>
  </si>
  <si>
    <t>&lt;p&gt;I've also posted this question to Microsoft's Documentation &lt;a href="https://docs.microsoft.com/en-us/windows/uwp/design/input/keyboard-accelerators#custom-keyboard-accelerator-behavior" rel="nofollow noreferrer"&gt;here&lt;/a&gt;.&lt;/p&gt;
&lt;p&gt;I am trying to implement both Access Keys and Keyboard Accelerators in a UWP app, which, as I understand it, is "good coding practice".  Here is a snippet from MainPage.xaml where I try to implement the "open" shortcut key of "Ctrl+O"&lt;/p&gt;
&lt;pre&gt;&lt;code&gt;&amp;lt;MenuFlyoutItem Text="Open" AccessKey="O" Click="menuFileOpen"&amp;gt;
   &amp;lt;MenuFlyoutItem.KeyboardAccelerators&amp;gt;
        &amp;lt;KeyboardAccelerator Modifiers="Control" Key="O" Invoked="menuFileOpen"/&amp;gt;
   &amp;lt;/MenuFlyoutItem.KeyboardAccelerators&amp;gt; 
&amp;lt;/MenuFlyoutItem&amp;gt;
&lt;/code&gt;&lt;/pre&gt;
&lt;p&gt;Inside MainPage.xaml.cs is the following snippet of code:&lt;/p&gt;
&lt;pre&gt;&lt;code&gt;    /// &amp;lt;summary&amp;gt;
    /// Menu option to select a file
    /// &amp;lt;/summary&amp;gt;
    private void menuFileOpen(object sender, RoutedEventArgs e)
    {
        this.OpenFile();
    }
    /// &amp;lt;summary&amp;gt;
    /// Keyboard Accelerator to select a file
    /// &amp;lt;/summary&amp;gt;
    private void menuFileOpen(KeyboardAccelerator sender, KeyboardAcceleratorInvokedEventArgs args)
    {
        this.OpenFile();
        args.Handled = true; // because the docs say to do this
    }
    /// &amp;lt;summary&amp;gt;
    /// Opens the dialog box to select a file.
    /// &amp;lt;/summary&amp;gt;
    private void OpenFile()
    {
        // TODO: write the code to open the file
        throw new NotImplementedException();
    }
&lt;/code&gt;&lt;/pre&gt;
&lt;p&gt;For debugging purposes, I haven't actually implemented the code to open the file, because of the issue I'm having.  All that should happen is, when I select Open from the menu, I should get "NotImplementedException" in the debugger, and the program should stop.&lt;/p&gt;
&lt;p&gt;In short, selecting the flyout menu item with a mouse throws the exception.  Using access keys also throws the exception.  Pressing the Keyboard Accelerator, however, does NOTHING!  It doesn't enter the "Invoked" method (the second method signature above), so I can't even place a break point to see if the method gets a hit at all...which I'm pretty certain it doesn't!&lt;/p&gt;
&lt;p&gt;What I've tried:&lt;/p&gt;
&lt;ul&gt;
&lt;li&gt;Renaming the methods to give them unique names&lt;/li&gt;
&lt;li&gt;Adding the "IsEnabled" property, setting it to true, on the KeyboardAccelerator tag in the XAML file.&lt;/li&gt;
&lt;/ul&gt;
&lt;p&gt;Any assistance is very much appreciated.&lt;/p&gt;</t>
  </si>
  <si>
    <t>2018-07-21 12:47:36.343000+00:00</t>
  </si>
  <si>
    <t>2018-07-22 01:25:16.507000+00:00</t>
  </si>
  <si>
    <t>c#|visual-studio|uwp|uwp-xaml</t>
  </si>
  <si>
    <t>POST 405 Not Allowed with Particular XMLHttpRequest and PHP</t>
  </si>
  <si>
    <t>&lt;p&gt;I am getting a POST &lt;a href="https://www.example.com/php/download.php" rel="nofollow"&gt;https://www.example.com/php/download.php&lt;/a&gt; 405 (Not Allowed) with this ajax call to my php script. It is for a http file server that I wrote to download files...grab them outside of web root using php. My other PHP scripts/ajax calls work for my http file server...I am only getting this issue with this particular ajax call/php script. I am using Nginx. &lt;/p&gt;
&lt;p&gt;Again, just to emphisize....On this same server other ajax calls and other php scripts work. So, kinda lost. &lt;/p&gt;
&lt;pre&gt;&lt;code&gt;&amp;lt;?php
$path = "/trunk/";
$file = $_POST['filename'];
$file_ext = pathinfo($file, PATHINFO_EXTENSION);
$file_name = pathinfo($file, PATHINFO_BASENAME);
$file_full = $path . $file_name;
$finfo = new finfo(FILEINFO_MIME);
$ctype = $finfo -&amp;gt; file($file_full);
header('Content-Disposition: attachment; filename=\"$file_name\"');
header("Content-Type: " .$ctype);
readfile($file_full);
?&amp;gt;
187 
188 function downloadFile(event) {
189         var fname = event.target.getAttribute("href");
190         fname.replace("#","");
191         var form = new FormData();
192         form.append("filename", fname);
193         
194         var xhr = new XMLHttpRequest();
195         xhr.onreadystatechange = function () {
196 //              setTimeout(refresh, 500);
197         }
198         
199         xhr.open("POST", "php/download.php", true);
200         xhr.send(form);
201 }
&lt;/code&gt;&lt;/pre&gt;
&lt;p&gt;Here is from Google's chrome network debugger: &lt;/p&gt;
&lt;pre&gt;&lt;code&gt;Request URL:https://www.example.com/php/download.php
Request Method:POST
Status Code:405 Not Allowed
Request Headersview source
Accept:*/*
Accept-Charset:ISO-8859-1,utf-8;q=0.7,*;q=0.3
Accept-Encoding:gzip,deflate,sdch
Accept-Language:en-US,en;q=0.8
Connection:keep-alive
Content-Length:172
Content-Type:multipart/form-data; boundary=----WebKitFormBoundaryNGHvOaUnlBV8ADWE
Host:www.example.com
Origin:https://www.example.com
Referer:https://www.example.com/index.php
User-Agent:Mozilla/5.0 (X11; Linux x86_64) AppleWebKit/537.4 (KHTML, like Gecko) Chrome/22.0.1229.79 Safari/537.4
Request Payload
------WebKitFormBoundaryNGHvOaUnlBV8ADWE
Content-Disposition: form-data; name="filename"
CentOS-6.3-x86_64-minimal-EFI.iso
------WebKitFormBoundaryNGHvOaUnlBV8ADWE--
Response Headersview source
Connection:keep-alive
Content-Length:568
Content-Type:text/html
Date:Fri, 30 Nov 2012 23:59:59 GMT
Keep-Alive:timeout=300
Server:nginx
&lt;/code&gt;&lt;/pre&gt;</t>
  </si>
  <si>
    <t>2012-11-30 23:37:53.437000+00:00</t>
  </si>
  <si>
    <t>2012-12-01 00:45:40.337000+00:00</t>
  </si>
  <si>
    <t>2012-12-01 00:08:56.430000+00:00</t>
  </si>
  <si>
    <t>php|javascript|post|xmlhttprequest|http-status-code-405</t>
  </si>
  <si>
    <t>Can i populate specific form when a item is selected from the combobox</t>
  </si>
  <si>
    <t>&lt;p&gt;When I select an item from combobox, I want to populate appropriate form for user input. Is it possible? e.g. if a user selects 'Address' from combo box, I want to populate form with address fields else if user selects phone, want to populate form to enter phone details.&lt;/p&gt;</t>
  </si>
  <si>
    <t>2016-06-09 03:49:51.970000+00:00</t>
  </si>
  <si>
    <t>2016-06-09 04:56:36.263000+00:00</t>
  </si>
  <si>
    <t>angularjs|asp.net-mvc-3</t>
  </si>
  <si>
    <t>Can I get boxplot notches in ggplot2?</t>
  </si>
  <si>
    <t>&lt;p&gt;Yes, I know it's been around, I've also found Hadley's answer on google groups that there is no notches yet for &lt;code&gt;ggplot2&lt;/code&gt; boxplots. So my question is twofold: Has this changed (there's a native implementation of notches already) and if not is there something one could do about it. &lt;/p&gt;
&lt;p&gt;I mean I do not need the notch optic, representing the confidence bounds by some shaded area that is suitably placed in another layer over the boxplot, would look nice, too. &lt;/p&gt;
&lt;p&gt;Also added a screenshot because I heard a graphics question is never complete without the graphic 
&lt;img src="https://i.stack.imgur.com/djV4v.png" alt="enter image description here"&gt;&lt;/p&gt;</t>
  </si>
  <si>
    <t>2011-11-15 10:16:40.047000+00:00</t>
  </si>
  <si>
    <t>2016-10-21 08:19:18.960000+00:00</t>
  </si>
  <si>
    <t>2011-11-15 10:41:44.023000+00:00</t>
  </si>
  <si>
    <t>r|ggplot2|boxplot</t>
  </si>
  <si>
    <t>How to obtain styled attributes anywhere outside custom view?</t>
  </si>
  <si>
    <t>&lt;p&gt;Custom attributes are great, but all tutorials mention usage in custom views where you have AttributeSet parameter ready. &lt;/p&gt;
&lt;p&gt;Contents of my attrs.xml:&lt;/p&gt;
&lt;pre&gt;&lt;code&gt;&amp;lt;declare-styleable name="StyledDialogs"&amp;gt;
   &amp;lt;attr name="sdlDialogStyle" format="reference" /&amp;gt;
&amp;lt;/declare-styleable&amp;gt;
&amp;lt;declare-styleable name="DialogStyle"&amp;gt;
   ...
&amp;lt;/declare-styleable&amp;gt;
&lt;/code&gt;&lt;/pre&gt;
&lt;p&gt;I'm struggling how to access those attributes in any class outside custom view.&lt;/p&gt;</t>
  </si>
  <si>
    <t>2013-06-27 19:00:38.720000+00:00</t>
  </si>
  <si>
    <t>android|android-library|android-styles</t>
  </si>
  <si>
    <t>sql select within dates from each other</t>
  </si>
  <si>
    <t>&lt;p&gt;&lt;img src="https://i.stack.imgur.com/unzUW.jpg" alt="enter image description here"&gt;I am trying to select all the B types within 12 months of each other. &lt;/p&gt;
&lt;p&gt;&lt;img src="https://i.stack.imgur.com/1WLkD.jpg" alt="enter image description here"&gt;&lt;/p&gt;
&lt;p&gt;This is what the table looks like. I need to select all type B s that are within 12 months. In this case, 5,4, and 3.&lt;/p&gt;
&lt;p&gt;Here is the SQL to create the table, just in case. &lt;/p&gt;
&lt;pre&gt;&lt;code&gt;CREATE TABLE [dbo].[tbl_ads]
(
    [id] [int] NULL,
    [dateStamp] [date] NULL,
    [type] [char](1) NULL
) ON [PRIMARY]
GO
SET ANSI_PADDING OFF
GO
INSERT [dbo].[tbl_ads] ([id], [dateStamp], [type]) 
VALUES (1, CAST(0x61370B00 AS Date), N'b')
INSERT [dbo].[tbl_ads] ([id], [dateStamp], [type]) 
VALUES (2, CAST(0x01380B00 AS Date), N'a')
INSERT [dbo].[tbl_ads] ([id], [dateStamp], [type]) 
VALUES (3, CAST(0x52380B00 AS Date), N'b')
INSERT [dbo].[tbl_ads] ([id], [dateStamp], [type]) 
VALUES (4, CAST(0x73380B00 AS Date), N'b')
INSERT [dbo].[tbl_ads] ([id], [dateStamp], [type]) 
VALUES (5, CAST(0xDA380B00 AS Date), N'b')
&lt;/code&gt;&lt;/pre&gt;
&lt;p&gt;I don't want to use any cursors. How do I accomplish this? &lt;/p&gt;
&lt;p&gt;thanks in advance.&lt;/p&gt;
&lt;p&gt;EDIT: I apologize for creating confusion. Img 2 is a better explanation of what I am trying. &lt;/p&gt;
&lt;p&gt;In this case, I'd include id=5 and id=3. &lt;/p&gt;
&lt;p&gt;It's like a bubble sort and then pick only records that are within 365days. &lt;/p&gt;</t>
  </si>
  <si>
    <t>2015-02-11 19:25:14.953000+00:00</t>
  </si>
  <si>
    <t>2015-02-12 04:16:15.500000+00:00</t>
  </si>
  <si>
    <t>2015-02-11 21:50:15.907000+00:00</t>
  </si>
  <si>
    <t>Neighbor edges sorted based on edge weights in networkx (Python)</t>
  </si>
  <si>
    <t>&lt;p&gt;I have build a graph based on networkx in which edges represent distance between them.&lt;/p&gt;
&lt;pre&gt;&lt;code&gt;  GraphLoc.G.add_edge(fnode_id, snode_id, score=score)
&lt;/code&gt;&lt;/pre&gt;
&lt;p&gt;score is the edge weight.&lt;/p&gt;
&lt;p&gt;I am not able to find API which can provide neighboring nodes which has edge and results are in sorted order of weight.&lt;/p&gt;
&lt;p&gt;Obviously i can also sort on my own , but i don't want run-time computation. So does networkx provide any solution for this &lt;/p&gt;</t>
  </si>
  <si>
    <t>2015-06-15 04:20:39.130000+00:00</t>
  </si>
  <si>
    <t>2015-06-21 19:43:13.553000+00:00</t>
  </si>
  <si>
    <t>python|graph|networkx</t>
  </si>
  <si>
    <t>Relation between calloc char array and null terminating character</t>
  </si>
  <si>
    <t>&lt;p&gt;This whole "debate" on the web about &lt;code&gt;strncpy&lt;/code&gt; being safe vs unsafe is driving me crazy. I find some people saying &lt;code&gt;strncpy&lt;/code&gt; is the "devil", which to me sounds like they lack the programming discipline. I get that there is no &lt;code&gt;\0&lt;/code&gt; character added to the end of &lt;code&gt;dest&lt;/code&gt; when the &lt;code&gt;src&lt;/code&gt; is greater than the &lt;code&gt;dest&lt;/code&gt; (which ultimately causes problems). I've heard of &lt;code&gt;strlcpy&lt;/code&gt;, but from what I gather it's not standard. I want my code to be as portable as possible, so I don't consider this a viable solution. &lt;/p&gt;
&lt;p&gt;Here is my current solution...&lt;/p&gt;
&lt;p&gt;First define the buffer size&lt;/p&gt;
&lt;pre&gt;&lt;code&gt;#define BUFSIZE 1024
&lt;/code&gt;&lt;/pre&gt;
&lt;p&gt;Within the program, allocate the buffer using &lt;code&gt;calloc&lt;/code&gt;&lt;/p&gt;
&lt;pre&gt;&lt;code&gt;char *buffer;
buffer = calloc(BUFSIZE+1, sizeof(char));
&lt;/code&gt;&lt;/pre&gt;
&lt;p&gt;Then later in the code, lets say I want to copy &lt;code&gt;msg&lt;/code&gt; to &lt;code&gt;buffer&lt;/code&gt; and I use&lt;/p&gt;
&lt;pre&gt;&lt;code&gt;strncpy(buffer,msg,BUFSIZE);
&lt;/code&gt;&lt;/pre&gt;
&lt;p&gt;Since I preallocated &lt;code&gt;buffer&lt;/code&gt; with &lt;code&gt;BUFSIZE + 1&lt;/code&gt; then this ensures that the last byte of &lt;code&gt;buffer&lt;/code&gt; is &lt;code&gt;\0&lt;/code&gt; regardless if &lt;code&gt;msg&lt;/code&gt; is greater than &lt;code&gt;BUFSIZE&lt;/code&gt;.&lt;/p&gt;
&lt;p&gt;Now the question is, does &lt;code&gt;calloc&lt;/code&gt; initialize the character array with &lt;code&gt;\0&lt;/code&gt;? Is it wrong to interpret the zero allocation of &lt;code&gt;calloc&lt;/code&gt; to be the same as &lt;code&gt;\0&lt;/code&gt;?&lt;/p&gt;</t>
  </si>
  <si>
    <t>2018-06-27 00:42:22.880000+00:00</t>
  </si>
  <si>
    <t>2018-06-27 00:49:04.197000+00:00</t>
  </si>
  <si>
    <t>c|calloc|strncpy|nul</t>
  </si>
  <si>
    <t>Alternate between Executing a MATLAB file and a Python script</t>
  </si>
  <si>
    <t>&lt;p&gt;I have a MATLAB file that currently saves its variables into a .mat workspace. The python script uses SciPy.io to read these variables from the workspace. The python script performs some operations &amp;amp; resaves variables into a MATLAB workspace(agin using Scipy.io) which matlab should then reopen. I'm using MATLABR2013a and I dont think there's an easy way to run the python script from within the .m file itself. &lt;/p&gt;
&lt;p&gt;There may be an easier way then the method I'm going about doing it but my current plan is to create a bash script that runs the matlab file and only proceeds to the latter section if a random variable (stored in another file) is of a certain value. The script then calls the python script, sets the random variable to a different (can view as a sort of boolean). The matlab script will then execute the second section but not the first section. I need to have about 5 or 6 such exclusive sections however and it's easier to have them all in the same .m file than it is to separate them&lt;/p&gt;
&lt;p&gt;This seems tedious however when all I really want is a way to have the system pause the matlab script, run the python script and come back to that spot in the matlab script. &lt;/p&gt;
&lt;p&gt;Appreciate all creative suggestions to make this workflow as efficient as possible and easy to modify&lt;/p&gt;</t>
  </si>
  <si>
    <t>2015-03-25 05:00:16.917000+00:00</t>
  </si>
  <si>
    <t>2015-03-27 03:18:23.130000+00:00</t>
  </si>
  <si>
    <t>python|bash|matlab|sh</t>
  </si>
  <si>
    <t>Netbeans system build fail</t>
  </si>
  <si>
    <t>&lt;p&gt;i have a question regarding netbeans build fail
During netbeans deployed, this happened.&lt;/p&gt;
&lt;pre&gt;&lt;code&gt;Updating property file: 
    C:\Users\Documents\NetBeansProjects\OnlineAuctionSystem\OnlineAuctionSystem\OnlineAuctionSystemLibrary\build\built-clean.properties
Deleting directory C:\Users\Documents\NetBeansProjects\OnlineAuctionSystem\OnlineAuctionSystem\OnlineAuctionSystemLibrary\build
    C:\Users\Documents\NetBeansProjects\OnlineAuctionSystem\OnlineAuctionSystem\OnlineAuctionSystem\nbproject\build-impl.xml:212: The following error occurred while executing this line:
    C:\Users\Documents\NetBeansProjects\OnlineAuctionSystem\OnlineAuctionSystem\OnlineAuctionSystem\OnlineAuctionSystem-ejb\nbproject\build-impl.xml:789: The following error occurred while executing this line:
    C:\Users\Documents\NetBeansProjects\OnlineAuctionSystem\OnlineAuctionSystem\OnlineAuctionSystemLibrary\nbproject\build-impl.xml:912: The following error occurred while executing this line:
    C:\Users\Documents\NetBeansProjects\OnlineAuctionSystem\OnlineAuctionSystem\OnlineAuctionSystemLibrary\nbproject\build-impl.xml:1394: Unable to delete file C:\Users\Documents\NetBeansProjects\OnlineAuctionSystem\OnlineAuctionSystem\OnlineAuctionSystemLibrary\dist\OnlineAuctionSystemLibrary.jar
&lt;/code&gt;&lt;/pre&gt;
&lt;p&gt;Server log from glassfish during deployment of system.&lt;/p&gt;
&lt;pre&gt;&lt;code&gt;Severe:   Exception while deploying the app [OnlineAuctionSystem]
Severe:   Exception during lifecycle processing
java.lang.IllegalArgumentException: Cannot resolve reference [Remote ejb-ref name=ejb.session.singleton.DataInitializationSessionBean/employeeControllerLocal,Remote 3.x interface =ejb.session.stateless.EmployeeControllerLocal,ejb-link=null,lookup=,mappedName=,jndi-name=,refType=Session] because there are [2] ejbs in the application with interface ejb.session.stateless.EmployeeControllerLocal. 
Some of the possible causes: 
1. The EJB bean class was packaged in an ear lib library (or through any other library mechanism which makes the library visible to all component modules), this makes all the component modules include this bean class indirectly. 
2. The EJB bean class was packaged in a component module which references the EJB, either directly or indirectly through Manifest, WEB-INF/lib. 
The EJB bean class should only be packaged in the declaring ejb module and not the referencing modules. The referencing modules should only include EJB interfaces.
    at com.sun.enterprise.deployment.util.ComponentValidator.accept(ComponentValidator.java:356)
    at org.glassfish.ejb.deployment.util.EjbBundleValidator.accept(EjbBundleValidator.java:409)
    at org.glassfish.ejb.deployment.descriptor.EjbDescriptor.visit(EjbDescriptor.java:2855)
    at org.glassfish.ejb.deployment.descriptor.EjbDescriptor.visit(EjbDescriptor.java:2843)
    at org.glassfish.ejb.deployment.util.EjbBundleValidator.accept(EjbBundleValidator.java:115)
    at com.sun.enterprise.deployment.BundleDescriptor.visit(BundleDescriptor.java:625)
    at org.glassfish.ejb.deployment.descriptor.EjbBundleDescriptorImpl.visit(EjbBundleDescriptorImpl.java:757)
    at com.sun.enterprise.deployment.util.ApplicationValidator.accept(ApplicationValidator.java:121)
    at com.sun.enterprise.deployment.BundleDescriptor.visit(BundleDescriptor.java:625)
    at com.sun.enterprise.deployment.archivist.ApplicationArchivist.validate(ApplicationArchivist.java:703)
    at com.sun.enterprise.deployment.archivist.ApplicationArchivist.openWith(ApplicationArchivist.java:248)
    at com.sun.enterprise.deployment.archivist.ApplicationFactory.openWith(ApplicationFactory.java:232)
    at org.glassfish.javaee.core.deployment.DolProvider.processDOL(DolProvider.java:193)
    at org.glassfish.javaee.core.deployment.DolProvider.load(DolProvider.java:227)
    at org.glassfish.javaee.core.deployment.DolProvider.load(DolProvider.java:96)
    at com.sun.enterprise.v3.server.ApplicationLifecycle.loadDeployer(ApplicationLifecycle.java:881)
    at com.sun.enterprise.v3.server.ApplicationLifecycle.setupContainerInfos(ApplicationLifecycle.java:821)
    at com.sun.enterprise.v3.server.ApplicationLifecycle.deploy(ApplicationLifecycle.java:377)
    at com.sun.enterprise.v3.server.ApplicationLifecycle.deploy(ApplicationLifecycle.java:219)
    at org.glassfish.deployment.admin.DeployCommand.execute(DeployCommand.java:491)
    at com.sun.enterprise.v3.admin.CommandRunnerImpl$2$1.run(CommandRunnerImpl.java:539)
    at com.sun.enterprise.v3.admin.CommandRunnerImpl$2$1.run(CommandRunnerImpl.java:535)
    at java.security.AccessController.doPrivileged(Native Method)
    at javax.security.auth.Subject.doAs(Subject.java:360)
    at com.sun.enterprise.v3.admin.CommandRunnerImpl$2.execute(CommandRunnerImpl.java:534)
    at com.sun.enterprise.v3.admin.CommandRunnerImpl$3.run(CommandRunnerImpl.java:565)
    at com.sun.enterprise.v3.admin.CommandRunnerImpl$3.run(CommandRunnerImpl.java:557)
    at java.security.AccessController.doPrivileged(Native Method)
    at javax.security.auth.Subject.doAs(Subject.java:360)
    at com.sun.enterprise.v3.admin.CommandRunnerImpl.doCommand(CommandRunnerImpl.java:556)
    at com.sun.enterprise.v3.admin.CommandRunnerImpl.doCommand(CommandRunnerImpl.java:1464)
    at com.sun.enterprise.v3.admin.CommandRunnerImpl.access$1300(CommandRunnerImpl.java:109)
    at com.sun.enterprise.v3.admin.CommandRunnerImpl$ExecutionContext.execute(CommandRunnerImpl.java:1846)
    at com.sun.enterprise.v3.admin.CommandRunnerImpl$ExecutionContext.execute(CommandRunnerImpl.java:1722)
    at com.sun.enterprise.v3.admin.AdminAdapter.doCommand(AdminAdapter.java:534)
    at com.sun.enterprise.v3.admin.AdminAdapter.onMissingResource(AdminAdapter.java:224)
    at org.glassfish.grizzly.http.server.StaticHttpHandlerBase.service(StaticHttpHandlerBase.java:189)
    at com.sun.enterprise.v3.services.impl.ContainerMapper$HttpHandlerCallable.call(ContainerMapper.java:459)
    at com.sun.enterprise.v3.services.impl.ContainerMapper.service(ContainerMapper.java:167)
    at org.glassfish.grizzly.http.server.HttpHandler.runService(HttpHandler.java:206)
    at org.glassfish.grizzly.http.server.HttpHandler.doHandle(HttpHandler.java:180)
    at org.glassfish.grizzly.http.server.HttpServerFilter.handleRead(HttpServerFilter.java:235)
    at org.glassfish.grizzly.filterchain.ExecutorResolver$9.execute(ExecutorResolver.java:119)
    at org.glassfish.grizzly.filterchain.DefaultFilterChain.executeFilter(DefaultFilterChain.java:283)
    at org.glassfish.grizzly.filterchain.DefaultFilterChain.executeChainPart(DefaultFilterChain.java:200)
    at org.glassfish.grizzly.filterchain.DefaultFilterChain.execute(DefaultFilterChain.java:132)
    at org.glassfish.grizzly.filterchain.DefaultFilterChain.process(DefaultFilterChain.java:111)
    at org.glassfish.grizzly.ProcessorExecutor.execute(ProcessorExecutor.java:77)
    at org.glassfish.grizzly.nio.transport.TCPNIOTransport.fireIOEvent(TCPNIOTransport.java:536)
    at org.glassfish.grizzly.strategies.AbstractIOStrategy.fireIOEvent(AbstractIOStrategy.java:112)
    at org.glassfish.grizzly.strategies.WorkerThreadIOStrategy.run0(WorkerThreadIOStrategy.java:117)
    at org.glassfish.grizzly.strategies.WorkerThreadIOStrategy.access$100(WorkerThreadIOStrategy.java:56)
    at org.glassfish.grizzly.strategies.WorkerThreadIOStrategy$WorkerThreadRunnable.run(WorkerThreadIOStrategy.java:137)
    at org.glassfish.grizzly.threadpool.AbstractThreadPool$Worker.doWork(AbstractThreadPool.java:591)
    at org.glassfish.grizzly.threadpool.AbstractThreadPool$Worker.run(AbstractThreadPool.java:571)
    at java.lang.Thread.run(Thread.java:748)
Severe:   Exception while deploying the app [OnlineAuctionSystem] : Cannot resolve reference [Remote ejb-ref name=ejb.session.singleton.DataInitializationSessionBean/employeeControllerLocal,Remote 3.x interface =ejb.session.stateless.EmployeeControllerLocal,ejb-link=null,lookup=,mappedName=,jndi-name=,refType=Session] because there are [2] ejbs in the application with interface ejb.session.stateless.EmployeeControllerLocal. 
Some of the possible causes: 
1. The EJB bean class was packaged in an ear lib library (or through any other library mechanism which makes the library visible to all component modules), this makes all the component modules include this bean class indirectly. 
2. The EJB bean class was packaged in a component module which references the EJB, either directly or indirectly through Manifest, WEB-INF/lib. 
The EJB bean class should only be packaged in the declaring ejb module and not the referencing modules. The referencing modules should only include EJB interfaces.
&lt;/code&gt;&lt;/pre&gt;
&lt;p&gt;I keep on meeting this error. What i did previously to resolve it was to go to the folder and delete the jar file myself. I also stop/terminated glass fish server and undeployed the client &amp;amp; the system.
May i know how do i resolve it? And what can be done about this?&lt;/p&gt;
&lt;p&gt;Thank you for your help! :)&lt;/p&gt;</t>
  </si>
  <si>
    <t>2017-10-25 11:23:54.577000+00:00</t>
  </si>
  <si>
    <t>2017-11-06 00:09:51.057000+00:00</t>
  </si>
  <si>
    <t>2017-10-25 12:38:02.767000+00:00</t>
  </si>
  <si>
    <t>user8779054</t>
  </si>
  <si>
    <t>java|netbeans|jar</t>
  </si>
  <si>
    <t>How does &lt;%$ %&gt; and &lt;%# %&gt; work in ASP.NET?</t>
  </si>
  <si>
    <t>&lt;p&gt;I was using ASP.NET Web Forms and ASP.NET MVC for some period of time. &lt;/p&gt;
&lt;p&gt;So &lt;code&gt;&amp;lt;%= %&amp;gt;&lt;/code&gt; in views mean &lt;code&gt;Response.Write()&lt;/code&gt;, &lt;code&gt;&amp;lt;%: %&amp;gt;&lt;/code&gt; introduced in MVC adds html escaping. &lt;/p&gt;
&lt;p&gt;In SqlDataSource control designer generates something like this &lt;code&gt;ConnectionString="&amp;lt;%$ ConnectionStrings:FooConnectionString %&amp;gt;"&lt;/code&gt; and in repeater you use &lt;code&gt;&amp;lt;%# Eval("") %&amp;gt;&lt;/code&gt; sytax.&lt;/p&gt;
&lt;p&gt;My question is what exactly do &lt;code&gt;&amp;lt;%$ %&amp;gt;&lt;/code&gt; and &lt;code&gt;&amp;lt;%# %&amp;gt;&lt;/code&gt; tags, what methods they traslated into and how do they behave?&lt;/p&gt;</t>
  </si>
  <si>
    <t>2011-12-01 12:56:38.473000+00:00</t>
  </si>
  <si>
    <t>2011-12-30 07:51:30.567000+00:00</t>
  </si>
  <si>
    <t>asp.net|webforms|webforms-view-engine</t>
  </si>
  <si>
    <t>Mysql Query, Get result in week s column,Kind Of Aging Bucket Report</t>
  </si>
  <si>
    <t>&lt;p&gt;I have a table let's us assume it has three column 1&gt; emailid, 2&gt; orderno, 3&gt; date&lt;/p&gt;
&lt;pre&gt;&lt;code&gt;    ========================================
orderno | emailid   |   date    |
=========================================
1   |asd@abc.com    |   2013-07-20|
-------------------------------------------
2   |asd@abc.com    |   2013-07-20|
-------------------------------------------
4   |asd@abc.com    |   2013-08-25|
-------------------------------------------
5   |xyz@abc.com    |   2013-07-23|
-------------------------------------------
6   |xyz@abc.com    |   2013-07-23|
-------------------------------------------
9   |xyz@abc.com    |   2013-08-26|
-------------------------------------------
11  |xyz@abc.com    |   2013-08-26|
-------------------------------------------
&lt;/code&gt;&lt;/pre&gt;
&lt;p&gt;............................................
table contains above type of data.
means emailid is repeating, and date is also.You can assume that per row for each customer and no of order on particular day.&lt;/p&gt;
&lt;p&gt;Now what i want &lt;/p&gt;
&lt;p&gt;I want result like&lt;/p&gt;
&lt;pre&gt;&lt;code&gt;    ===================================================
 emailid    |   2013-07-01  |2013-08-01|
====================================================
asd@abc.com |   2       |1     |
----------------------------------------------------
xyz@abc.com |   2       |2     |
----------------------------------------------------
&lt;/code&gt;&lt;/pre&gt;
&lt;p&gt;I have tried a lot of thing, by using if in select , union .sp.etc.
First i wrtie a sp, making a temp table for weeks, opening a cursor and insert into temp table by condition.
But it is not good b/c taking long time to execute.
When I am Using IF it is not working.
I can not write my query b/c table is not so  simple. &lt;/p&gt;
&lt;p&gt;So I need a select query with IF , as there are in oracle for aging report.
Thanks In Advance.&lt;/p&gt;</t>
  </si>
  <si>
    <t>2013-11-11 07:49:43.537000+00:00</t>
  </si>
  <si>
    <t>2013-11-11 08:56:17.510000+00:00</t>
  </si>
  <si>
    <t>2013-11-11 08:49:45.470000+00:00</t>
  </si>
  <si>
    <t>hold-to-select on mobile safari</t>
  </si>
  <si>
    <t>&lt;p&gt;There are 3 different sets of options triggered when holding to select text on ipad safari.&lt;/p&gt;
&lt;p&gt;Sometimes it's "copy", sometimes it's "copy/define", and sometimes it's "copy/selectAll/define". Are there any differences between the event(option) triggers?&lt;/p&gt;
&lt;p&gt;I kinda noticed "copy" is for selecting a whole element (the whole element gets the default highlighting effect). Is it possible to disable selection on the whole element but enable selection on text?&lt;/p&gt;
&lt;p&gt;My main question is: is it possible to enable user-select without having the highlights, and not to bring up the context menu?&lt;/p&gt;</t>
  </si>
  <si>
    <t>2014-07-29 05:22:32.083000+00:00</t>
  </si>
  <si>
    <t>2014-11-04 23:17:53.683000+00:00</t>
  </si>
  <si>
    <t>javascript-events|mobile-safari|touch-event</t>
  </si>
  <si>
    <t>Rotating array with one fixed value</t>
  </si>
  <si>
    <t>&lt;p&gt;I'm building a strong logic and randomized keygen with at base the 'partial key verification'. I need to add it another random function by rotanting an array but all sample i found here at Stack Overflow have different needs as mine.&lt;/p&gt;
&lt;p&gt;I'm starting with an array:&lt;/p&gt;
&lt;pre&gt;&lt;code&gt;   int[] q = new int[5];
   for (int i = 0; i &amp;lt; q.Length; i++)
   {
       q[i] = i;
   }
&lt;/code&gt;&lt;/pre&gt;
&lt;p&gt;Now i have:&lt;/p&gt;
&lt;pre&gt;&lt;code&gt;q[0] = 0;
q[1] = 1;
q[2] = 2;
q[3] = 3;
q[4] = 4;
&lt;/code&gt;&lt;/pre&gt;
&lt;p&gt;I need to clockwise it but I need to maintain a value immutable, as for example q[2] = 2;&lt;/p&gt;
&lt;p&gt;Then first step should result (by adding + 1 clockwise):&lt;/p&gt;
&lt;pre&gt;&lt;code&gt;q[0] = 1;
q[1] = 3; //bypassed 2nd value
q[2] = 2;
q[3] = 4;
q[4] = 0; //come back to 0
&lt;/code&gt;&lt;/pre&gt;
&lt;p&gt;A second step should be (by adding again + 1 clockwise):&lt;/p&gt;
&lt;pre&gt;&lt;code&gt;q[0] = 3; //bypassed 2nd value
q[1] = 4; 
q[2] = 2;
q[3] = 0; //come back to 0
q[4] = 1;
&lt;/code&gt;&lt;/pre&gt;
&lt;p&gt;If possible i need also the rollback function... thanks a lot&lt;/p&gt;
&lt;p&gt;Thanks both for the help: Meanwhile i created my solution:&lt;/p&gt;
&lt;pre&gt;&lt;code&gt;        for (int i = 0; i &amp;lt; q.Length; i++)
        {
            if (i == fixed_int) { } //donothing
            else if ((q[i] + 1) == fixed_int) { q[i] = q[i] + 2; }
            else if ((q[i] + 1) == (q.Length + 1)) { q[i] = 0; }
            else { q[i] = q[i] + 1; }
        }
&lt;/code&gt;&lt;/pre&gt;
&lt;p&gt;this will fail when the Fix value has not 2 more int forward but it's not my case. Please don't use this code, as it's not working in certain situations. Use the accepted answer because it rocks!&lt;/p&gt;</t>
  </si>
  <si>
    <t>2015-04-25 09:24:28.093000+00:00</t>
  </si>
  <si>
    <t>2015-04-25 11:41:10.920000+00:00</t>
  </si>
  <si>
    <t>c#|arrays|rotation</t>
  </si>
  <si>
    <t>How to delete duplicate results in SQL</t>
  </si>
  <si>
    <t>&lt;p&gt;I have the following table with two columns which is generated by a query in SQL: &lt;/p&gt;
&lt;pre&gt;&lt;code&gt;Lookup Value  Result
1             2
2             1
4             3
3             4
&lt;/code&gt;&lt;/pre&gt;
&lt;p&gt;As you can see it contains duplicate results. I only want it to show the first line and the third line. Does anyone know how to do this in SQL? &lt;/p&gt;
&lt;p&gt;Thanks&lt;/p&gt;</t>
  </si>
  <si>
    <t>2017-02-09 14:52:27.967000+00:00</t>
  </si>
  <si>
    <t>2017-02-09 15:38:15.733000+00:00</t>
  </si>
  <si>
    <t>2017-02-09 14:56:28.530000+00:00</t>
  </si>
  <si>
    <t>Pentaho DI (Kettle) best way to select flow based on csv file header?</t>
  </si>
  <si>
    <t>&lt;p&gt;I'm using Pentaho DI (kettle) and not sure what's the best way to do the following:
From a downloaded csv file, check if a column exists, and based on that select the right next step.
There are 3 possible options.&lt;/p&gt;
&lt;p&gt;Thanks,
Isaac&lt;/p&gt;</t>
  </si>
  <si>
    <t>2016-02-01 16:11:48.517000+00:00</t>
  </si>
  <si>
    <t>2016-02-01 22:47:12.187000+00:00</t>
  </si>
  <si>
    <t>kettle|pentaho-spoon</t>
  </si>
  <si>
    <t>Displaying a Image previous scanned or retrieved in Picturebox</t>
  </si>
  <si>
    <t>&lt;p&gt;I just want some help for my project which is RFID attendance system. The RFID tag should be scan to retrieve the information and Image from the database mysql. The first student will scan his RFID tag to display his picture in picturebox1 and when another student scan the picturebox1 will be updated to a new student picture and data and the previous one is on the picturebox2 displayed The issue here is how can I display the previous Image of the student. Just only the Image ,the data is not included.&lt;/p&gt;
&lt;p&gt;I have a 2 picturebox&lt;/p&gt;
&lt;p&gt;Picturebox1 is for new student scanned
Picturebox2 is for the previous one or the student who scan before the new.&lt;/p&gt;
&lt;p&gt;Thank you guys ..Any suggestions and comment will totally appreciated&lt;/p&gt;
&lt;p&gt;Here is my code &lt;/p&gt;
&lt;pre class="lang-vb prettyprint-override"&gt;&lt;code&gt;Private Sub studtag_TextChanged(ByVal sender As System.Object, ByVal e As System.EventArgs) Handles studtag.TextChanged
    If studtag.TextLength = 8 Then
        con = New MySqlConnection
        con.ConnectionString = "server=localhost;userid=root;password=1234;database=dat"
        Dim query As String
        query = "select * from dat.students"
        cmd = New MySqlCommand(query, con)
        Dim table As New DataTable
        Try
            con.Open()
            'Gets or sets an SQL statement or stored procedure used to select records in the database.
            With cmd
                .Connection = con
                .CommandText = "SELECT * from students where `studtags`='" &amp;amp; studtag.Text &amp;amp; "';"
            End With
            da.SelectCommand = cmd
            da.Fill(table)
            'it gets the data from specific column and fill it into textbox
            studtag.Text = table.Rows(0).Item(0)
            idno.Text = table.Rows(0).Item(1)
            lastxt.Text = table.Rows(0).Item(2)
            firstxt.Text = table.Rows(0).Item(3)
            middletxt.Text = table.Rows(0).Item(4)
            dob.Text = table.Rows(0).Item(6)
            crsetxt.Text = table.Rows(0).Item(10)
            tagtxt.Text = studtag.Text
            timein.Text = times.Text
            dr = cmd.ExecuteReader()
            dr.Read()
            If dob.Text = datenow.Text Then
                greet.Text = "Happy Birthday To You"
            End If
            Dim img() As Byte = CType(dr("studpic"), Byte())
            Using ms As New IO.MemoryStream(img)
                PictureBox1.Image = Image.FromStream(ms)
            End Using
            insert()
            loadtable()
        Catch ex As Exception
            Notenrolled.Show()
        Finally
            con.Dispose()
            con.Close()
        End Try
    End If
End Sub
Public Sub loadtable()
    con = New MySqlConnection
    con.ConnectionString = "server=localhost;userid=root;password=1234;database=dat"
    Dim SDA As New MySqlDataAdapter
    Dim dbDataset As New DataTable
    Dim bSource As New BindingSource
    Try
        con.Open()
        Dim query3 As String
        query3 = "select studtags,idno,lastxt,firstxt,middletxt,dob,log,timein,crse from dat.studlogs"
        cmd = New MySqlCommand(query3, con)
        SDA.SelectCommand = cmd
        SDA.Fill(dbDataset)
        bSource.DataSource = dbDataset
        DataGridView1.DataSource = bSource
        SDA.Update(dbDataset)
        DataGridView1.Sort(DataGridView1.Columns(8), System.ComponentModel.ListSortDirection.Ascending)
        If dbDataset.Rows.Count &amp;gt; 0 Then
            logins.Text = table2.Rows.Count.ToString()
        End If
        con.Close()
    Catch ex As Exception
        MessageBox.Show(ex.Message)
    Finally
        con.Dispose()
    End Try
End Sub
 Private Sub Students_Load(ByVal sender As System.Object, ByVal e As System.EventArgs) Handles MyBase.Load
    loadtable()
    ''Date Now 
    Timer2.Start()
    Try
        DataGridView1.AllowUserToAddRows = False ' Disabled or hide (*) Symbol...
        DataGridView1.RowHeadersVisible = False 'To hide Left indicator..
        DataGridView1.DefaultCellStyle.SelectionBackColor = Color.SteelBlue  'Selection backcolor....
        DataGridView1.AlternatingRowsDefaultCellStyle.BackColor = Color.LightGoldenrodYellow 'Alternating Backcolor.
        DataGridView1.AllowUserToResizeRows = False 'Disabled  row resize...
        DataGridView1.ReadOnly = True
        DataGridView1.MultiSelect = False
        DataGridView1.SelectionMode = DataGridViewSelectionMode.FullRowSelect
        DataGridView1.ShowRowErrors = False
        DataGridView1.ShowCellErrors = False
        table2.Columns.Add("Student Tag", Type.GetType("System.String"))
        table2.Columns.Add("Student ID", Type.GetType("System.Int32"))
        table2.Columns.Add("Last Name", Type.GetType("System.String"))
        table2.Columns.Add("First Name", Type.GetType("System.String"))
        table2.Columns.Add("Middle Name", Type.GetType("System.String"))
        table2.Columns.Add("Status", Type.GetType("System.String"))
        table2.Columns.Add("Birthday", Type.GetType("System.String"))
        table2.Columns.Add("Time in", Type.GetType("System.String"))
        table2.Columns.Add("Course/Sec", Type.GetType("System.String"))
    Catch ex As Exception
    End Try
&lt;/code&gt;&lt;/pre&gt;</t>
  </si>
  <si>
    <t>2017-11-21 18:45:13.360000+00:00</t>
  </si>
  <si>
    <t>2017-11-22 04:41:45.377000+00:00</t>
  </si>
  <si>
    <t>2017-11-21 19:41:30.977000+00:00</t>
  </si>
  <si>
    <t>mysql|vb.net|picturebox</t>
  </si>
  <si>
    <t>Problems reading rdf Jena</t>
  </si>
  <si>
    <t>&lt;p&gt;I have problem reading certain types of .rdf file. These files are taken from Manhein catalog. Here's a simple code:&lt;/p&gt;
&lt;pre&gt;&lt;code&gt; Model model = ModelFactory.createDefaultModel();  
 RDFDataMgr.read(model, "file.rdf");
 model.write(System.out);
&lt;/code&gt;&lt;/pre&gt;
&lt;p&gt;For some .rdf type files, I'm getting .nq but Manhein .rdf catalog files is taking place this following error:&lt;/p&gt;
&lt;blockquote&gt;
  &lt;p&gt;Exception in thread "main" org.apache.jena.riot.RiotException:  Code: 17/WHITESPACE in PATH: A single whitespace character. These match no grammar rules of URIs/IRIs. These characters are permitted in RDF URI References, XML system identifiers, and XML Schema anyURIs.&lt;/p&gt;
&lt;/blockquote&gt;
&lt;p&gt;I've tried other types of reading as RDFDataMgr. I also tried to create an empty model in fuseki and read the file in rdf and then press the fuseki, but gives the same error. I tried searching for the error and no success. Can someone help me?&lt;/p&gt;
&lt;p&gt;thank you&lt;/p&gt;</t>
  </si>
  <si>
    <t>2016-09-25 00:36:55.977000+00:00</t>
  </si>
  <si>
    <t>2016-09-25 08:35:32.613000+00:00</t>
  </si>
  <si>
    <t>Parse error: syntax error, unexpected end of file in</t>
  </si>
  <si>
    <t>&lt;p&gt;can you help i'm getting a Parse error: syntax error, unexpected end of file in C:\xampp\htdocs\xampp\form-to-email.php on line 42 wondering if you can helpme with this i'm so confused...&lt;/p&gt;
&lt;pre&gt;&lt;code&gt;&amp;lt;?php    {   
    if(!isset($_POST['submit']))
    {
    //This page should not be accessed directly. Need to submit the form.
    echo "error; you need to submit the form!";
    $name = $_POST['name'];
    $attend = $_POST['attend'];
    $email = $_POST['email'];
    $phone = $_POST['phone'];
    $office = $_POST['office'];
    $starter = $_POST['starter'];
    $mainmeal = $_POST['mainmeal'];
    $specialdietaryrequirements = $_POST['specialdietaryrequirements'];
    $otherdietaryrequirements = $_POST['otherdietaryrequirements'];
    $nameofguest = $_POST['nameofguest'];
    $starterguest = $_POST['starterguest'];
    $mainmealguest = $_POST['mainmealguest'];
    $guestspecialdietaryrequirements = $_POST['guestspecialdietaryrequirements'];
    $guestotherdietaryrequirements = $_POST['guestotherdietaryrequirements'];
    //email body
    $email_from = 'my@email.com';
    $email_subject = "Christmas Part Submission";
    $email_body = "You have received a new message from the user $name.\n".
    "Are you attending: $attend \n".
    "Email address from the person: $email \n".
    "Contact number: $phone \n".
    "Office: $office \n".
    "Starter: $starter \n".
    "Main Meal: $mainmeal \n".
    "Special Dietary Requirements: $specialdietaryrequirements \n".
    "Other Dietary Requirements: $otherdietaryrequirements \n".
    "Name of Guest: $nameofguest \n".
    "Guest Starter: $starterguest \n".
    "Guest Main Meal: $mainmealguest \n".
    "Guest Special Dietary requirements: $guestspecialdietaryrequirements \n".
    "Guest other Dietary requirements: $guestotherdietaryrequirements \n".
    // who it is being sent too (edit this)
    $to = "my@email.com";
    $headers = "From: $email_from \r\n";
    mail($to,$email_subject,$email_body,$headers);
    {   ?&amp;gt;
&lt;/code&gt;&lt;/pre&gt;</t>
  </si>
  <si>
    <t>2012-10-25 11:20:25.270000+00:00</t>
  </si>
  <si>
    <t>2012-10-25 11:24:35.903000+00:00</t>
  </si>
  <si>
    <t>php|parsing</t>
  </si>
  <si>
    <t>Attempting to recomple an old OS X screensaver in 10.8. Xcode reports Cocoa/Cocoa.h "file not found"</t>
  </si>
  <si>
    <t>&lt;p&gt;When I compile in Xcode 4.6.1, I am getting an error stating Cocoa/Cocoa.h "file not found"
I have tried troubleshooting this in the past, but ended up not being able to figure out what to do, or if this is even possible.  Anyone have any ideas? On what / where I should look? What to do next? &lt;/p&gt;
&lt;p&gt;The program I am attempting to compile is a screen saver from &lt;a href="http://www.spiderland.org/breve/download.php" rel="nofollow"&gt;http://www.spiderland.org/breve/download.php&lt;/a&gt; called breve creatures. It used to work back in the 10.4.x days. Hence me adding a legacy tag to this post. I can provide more details if you need them, I just don't know what is important information at this point.&lt;/p&gt;</t>
  </si>
  <si>
    <t>2014-03-01 05:55:07.127000+00:00</t>
  </si>
  <si>
    <t>2014-03-01 17:20:27.820000+00:00</t>
  </si>
  <si>
    <t>2014-03-01 06:04:08.470000+00:00</t>
  </si>
  <si>
    <t>xcode|macos|cocoa|legacy</t>
  </si>
  <si>
    <t>Error Compiling LibVLC for Android</t>
  </si>
  <si>
    <t>&lt;p&gt;i tried to compile LibVLC for android on ubuntu 16.04 and got the follwing error:&lt;/p&gt;
&lt;pre&gt;&lt;code&gt;priv.c:122: error: undefined reference to 'hw_get_module'
&lt;/code&gt;&lt;/pre&gt;
&lt;p&gt;clang++: error: linker command failed with exit code 1 (use -v to see invocation)
make: *** [private_libs/obj/local/armeabi-v7a/libanw.10.so] Error 1&lt;/p&gt;
&lt;p&gt;Have latest vlc - android from git and android sdk 23, android ndk 13.&lt;/p&gt;
&lt;p&gt;My first attempt was to add APP_STL := stlport_static to the Application.mk but this didnt fix the problem.&lt;/p&gt;
&lt;p&gt;Please, can someone help?&lt;/p&gt;
&lt;p&gt;Kind regards&lt;/p&gt;</t>
  </si>
  <si>
    <t>2016-11-05 11:27:27.003000+00:00</t>
  </si>
  <si>
    <t>2017-04-29 04:15:04.497000+00:00</t>
  </si>
  <si>
    <t>2016-11-05 14:49:21.107000+00:00</t>
  </si>
  <si>
    <t>android|android-ndk|vlc</t>
  </si>
  <si>
    <t>how to update datatable from managed bean jsf2 primefaces</t>
  </si>
  <si>
    <t>&lt;p&gt;I want to update datatable from managedBean&lt;/p&gt;
&lt;p&gt;this datatable is inside &lt;code&gt;p:tab&lt;/code&gt; inside &lt;code&gt;p:tabView&lt;/code&gt; inside &lt;code&gt;h:form&lt;/code&gt; inside &lt;code&gt;p:dialog&lt;/code&gt;&lt;/p&gt;
&lt;p&gt;I tested this : but it is not updated :&lt;/p&gt;
&lt;pre&gt;&lt;code&gt;RequestContext.getCurrentInstance().update("tabView:lesarticles");
&lt;/code&gt;&lt;/pre&gt;
&lt;p&gt;here is the dialog : &lt;/p&gt;
&lt;pre&gt;&lt;code&gt;&amp;lt;p:dialog id="dialogc" modal="true" header="Nouveau Article"
    widgetVar="dlgc"&amp;gt;
&lt;/code&gt;&lt;/pre&gt;
&lt;p&gt;and here is the form(inside dialog ) :&lt;/p&gt;
&lt;pre&gt;&lt;code&gt;&amp;lt;h:form prependId="false" id="formdialogc"&amp;gt;
&lt;/code&gt;&lt;/pre&gt;
&lt;p&gt;the tabView and datatable : &lt;/p&gt;
&lt;pre&gt;&lt;code&gt;&amp;lt;p:tabView id="tabView" style="font-size: 14px;"&amp;gt;
            &amp;lt;!-- ajouter elements --&amp;gt;
            &amp;lt;p:tab id="info_produit" title="Produits"&amp;gt;
&amp;lt;p:dataTable id="lesarticles"  var="car" widgetVar="carsTable"
                    rowKey="#{car.ligneCommandeFournisseurId}"
                    value="#{commandeMB.commande.ligneCommandeFournisseurs}"&amp;gt;
&lt;/code&gt;&lt;/pre&gt;
&lt;p&gt;is there any way to resolve this problem&lt;/p&gt;
&lt;p&gt;thank you in advance&lt;/p&gt;</t>
  </si>
  <si>
    <t>2013-04-30 13:27:12.007000+00:00</t>
  </si>
  <si>
    <t>2016-10-19 07:09:40.673000+00:00</t>
  </si>
  <si>
    <t>ajax|forms|primefaces|datatable|updates</t>
  </si>
  <si>
    <t>How do I update column data based on multiple conditions in other columns?</t>
  </si>
  <si>
    <t>&lt;p&gt;I have a dataframe:&lt;/p&gt;
&lt;pre&gt;&lt;code&gt;Color   Name    Age   City   Value
Blue    Bob     28    Atl    0
Green   Bob     27    Chi    0
Blue    Sam     28    Atl    0
&lt;/code&gt;&lt;/pre&gt;
&lt;p&gt;I have the above DF and I want all values to equal 1 if the color is blue, age is 28 and city is Atl.&lt;/p&gt;
&lt;p&gt;I tried using df.loc but I got an error that says 'too many indexers'&lt;/p&gt;</t>
  </si>
  <si>
    <t>2018-10-02 18:16:14.180000+00:00</t>
  </si>
  <si>
    <t>2018-10-10 16:11:47.140000+00:00</t>
  </si>
  <si>
    <t>Test IDs for Test Automation in HTML Markup?</t>
  </si>
  <si>
    <t>&lt;p&gt;We use automated tests to verify functionality of our web application. In order to make assertions in test cases less complicated and more flexible, we are considering the introduction of 'TestIDs', i.e. IDs in the HTML markup that help testcases find and verify elements on the page. Additionally, these TestIDs would allow more specific integration tests which are currently impossible due to the limited data on the pages.&lt;/p&gt;
&lt;p&gt;However, here is what makes us hesitate:&lt;/p&gt;
&lt;ul&gt;
&lt;li&gt;introducing test IDs means &lt;em&gt;changing the tested for testing&lt;/em&gt;&lt;/li&gt;
&lt;li&gt;&lt;em&gt;security&lt;/em&gt; - we would disclose internal domain object IDs and other information that would otherwise not be visible on the page&lt;/li&gt;
&lt;li&gt;&lt;em&gt;standards&lt;/em&gt; - depending on how we put the TestIDs into the markup we would most likely violate the intended semantic use of an element or attribute (e.g. 'id' or 'class' attributes, other html elements, etc.)&lt;/li&gt;
&lt;li&gt;&lt;em&gt;interference&lt;/em&gt; - TestIDs could interfere with application code&lt;/li&gt;
&lt;li&gt;&lt;em&gt;performance&lt;/em&gt; - TestIDs are unneccessary markup (to the user) and increase page size (only significant on large pages)&lt;/li&gt;
&lt;/ul&gt;
&lt;p&gt;Limiting TestIDs to test/staging HTML doesn't seem to be a good idea because we obviously want to test code that will be used in production and don't want our test/staging environment to behave differently. In fact, we currently run parts of our test suites against the live system after a release.&lt;/p&gt;
&lt;p&gt;Do you think TestIDs are a good idea and if so how would you put them into the markup?&lt;/p&gt;
&lt;hr/&gt;
&lt;p&gt;Some sample markup to demonstrate what I'm talking about:&lt;/p&gt;
&lt;pre&gt;&lt;code&gt;&amp;lt;!-- this test id allows an integration test to verify that
  the carrot 188271 is in fact green but exposes the id to the user --&gt;
&amp;lt;tr id="testid-carrot-id-188271"&amp;gt;
    &amp;lt;td class="color"&amp;gt;green&amp;lt;/td&amp;gt;
    &amp;lt;td class="size"&amp;gt;doesn't matter&amp;lt;/td&amp;gt;
&amp;lt;/tr&amp;gt;&lt;/code&gt;&lt;/pre&gt;</t>
  </si>
  <si>
    <t>2009-06-22 16:50:39.590000+00:00</t>
  </si>
  <si>
    <t>2009-06-24 13:42:15.227000+00:00</t>
  </si>
  <si>
    <t>2009-06-23 16:14:17.203000+00:00</t>
  </si>
  <si>
    <t>html|testing|web-applications|automated-tests|integration-testing</t>
  </si>
  <si>
    <t>Java - Define intervals of time with Joda</t>
  </si>
  <si>
    <t>&lt;p&gt;I have to model intervals of time that a commerce is open, for example: monday to friday 10hs-18hs, and with a function check if the commerce is open or not. I think the most rational is using the class "Interval" that Joda provides, but I can't instantiate an Interval only with days or hours. I must use Joda.&lt;/p&gt;</t>
  </si>
  <si>
    <t>2016-04-16 02:47:53.053000+00:00</t>
  </si>
  <si>
    <t>2016-04-16 03:17:06.713000+00:00</t>
  </si>
  <si>
    <t>java|date|time|jodatime|intervals</t>
  </si>
  <si>
    <t>How to validate if a string would be a valid java variable?</t>
  </si>
  <si>
    <t>&lt;p&gt;How can I best check if a string input would be a valid java variable for coding? I'm sure I'm not the first one who is willing to do this. But maybe I'm missing the right keyword to find something useful.&lt;/p&gt;
&lt;p&gt;Best would probably be a RegEx, which checks that:&lt;/p&gt;
&lt;ul&gt;
&lt;li&gt;&lt;p&gt;starts with a letter&lt;/p&gt;&lt;/li&gt;
&lt;li&gt;&lt;p&gt;can then contain digits, letters&lt;/p&gt;&lt;/li&gt;
&lt;li&gt;&lt;p&gt;can contain some special characters, like '_' (which?)&lt;/p&gt;&lt;/li&gt;
&lt;li&gt;may not contain a whitespace separator&lt;/li&gt;
&lt;/ul&gt;</t>
  </si>
  <si>
    <t>2013-03-15 16:47:50.543000+00:00</t>
  </si>
  <si>
    <t>2015-12-10 14:41:33.570000+00:00</t>
  </si>
  <si>
    <t>Convert String to KeyEvents</t>
  </si>
  <si>
    <t>&lt;p&gt;I want to convert a String into KeyEvent to do something like this :&lt;/p&gt;
&lt;pre&gt;&lt;code&gt;writeKeyboard(myBot,"abcd");
public void writeKeyboard(Robot bot, String st){
     char[] arr = arr.toCharArray();
     int i = arr.length();
     int j = 0;
     int keycode;
     while (j&amp;lt;i) {
         keycode = arr[j].something;
         bot.keyPress(keycode);
         bot.keyRelease(keycode);
         j++;
     }
}
&lt;/code&gt;&lt;/pre&gt;</t>
  </si>
  <si>
    <t>2009-08-08 10:21:03.830000+00:00</t>
  </si>
  <si>
    <t>2017-07-19 00:10:57.697000+00:00</t>
  </si>
  <si>
    <t>2016-12-07 14:09:03.687000+00:00</t>
  </si>
  <si>
    <t>java|awtrobot</t>
  </si>
  <si>
    <t>How can you obtain Get / Post URL parameters using Embedded Javascript (EJS)?</t>
  </si>
  <si>
    <t>&lt;p&gt;I'm looking for the equalivents in EJS, below is the php code: &lt;br&gt;&lt;/p&gt;
&lt;pre&gt;&lt;code&gt;&amp;lt;?php echo $_GET['name']; ?&amp;gt;
&lt;/code&gt;&lt;/pre&gt;
&lt;p&gt;and&lt;/p&gt;
&lt;pre&gt;&lt;code&gt;&amp;lt;?php echo $_POST['name']; ?&amp;gt;
&lt;/code&gt;&lt;/pre&gt;
&lt;p&gt;I'm using Node.js, Express and Embedded Javascript (EJS).&lt;/p&gt;</t>
  </si>
  <si>
    <t>2014-11-08 17:44:00.053000+00:00</t>
  </si>
  <si>
    <t>2016-08-22 07:57:51.833000+00:00</t>
  </si>
  <si>
    <t>2014-11-08 17:50:39.780000+00:00</t>
  </si>
  <si>
    <t>javascript|node.js|post|get|server-side</t>
  </si>
  <si>
    <t>Java Regex/run on groovy: how to extract all the captured blocks?</t>
  </si>
  <si>
    <t>&lt;p&gt;I'm trying to extract two blocks of code from a text file using Java regex.  However, I can only extract the last block.  Could some one point out what is is wrong with mycode?&lt;/p&gt;
&lt;p&gt;thanks.&lt;/p&gt;
&lt;p&gt;here it is&lt;/p&gt;
&lt;pre&gt;&lt;code&gt;import java.util.regex.*;
INPUT_START_OR_BLANK_LINE = /(?:\A|\n\n)/
FOUR_SPACES_OR_TAB = /(?:[ ]{4}|\t)/
CODE = /.*\n+/
CODE_LINES = /(?:$FOUR_SPACES_OR_TAB$CODE)/
LOOKAHEAD_FOR_NON_CODE_LINE = /(?:(?=^[ ]{0,4}\S)|\Z)/
// this regular expression will find all of the consecutive code lines in a markdown file
// in a markdown file, if the line starts with a tab or at least 4 spaces, it's a code line
// slightly modified from one in markdownj
// see: http://github.com/myabc/markdownj/tree/master/src/java/com/petebevin/markdown/MarkdownProcessor.java
MARKDOWN_CODE_BLOCK = "(?m)" + 
                      "$INPUT_START_OR_BLANK_LINE" +
                      "($CODE_LINES+)" +
                      "$LOOKAHEAD_FOR_NON_CODE_LINE"
def text="""
  Normal paragraph ....
    first Code block begin
       all codes
    first code block end
    how about this line?
   that is not good but what we have are very important
for the purpose of text. yes, we are good.
    second Code block begin
       all codes
    second code block end
    how about this line?
Normal returns
"""
 Pattern p = Pattern.compile(MARKDOWN_CODE_BLOCK);
 Matcher m = p.matcher(text); 
while (m.find() == true){
 m.group().eachLine {println it}
}
&lt;/code&gt;&lt;/pre&gt;
&lt;p&gt;the code was adopted from &lt;a href="http://naleid.com/blog/2009/01/01/using-groovy-regular-expressions-to-parse-code-from-a-markdown-file/" rel="nofollow"&gt;http://naleid.com/blog/2009/01/01/using-groovy-regular-expressions-to-parse-code-from-a-markdown-file/&lt;/a&gt;&lt;/p&gt;</t>
  </si>
  <si>
    <t>2010-10-30 00:31:15.467000+00:00</t>
  </si>
  <si>
    <t>2010-10-30 02:02:01.657000+00:00</t>
  </si>
  <si>
    <t>2010-10-30 00:48:11.003000+00:00</t>
  </si>
  <si>
    <t>java|regex|groovy</t>
  </si>
  <si>
    <t>jQuery localScroll, one click handles two events</t>
  </si>
  <si>
    <t>&lt;p&gt;I'm using the plugin &lt;a href="http://www.agendadelvolo.info" rel="nofollow"&gt;localScroll&lt;/a&gt;, where you can see that one click on the menu is handling two separate scrollings: the boxes and the footer's content.&lt;/p&gt;
&lt;p&gt;The problem is that it is creating trouble in the layout, like the footer's dislocated left alignment, or its being attached to the container. &lt;/p&gt;
&lt;p&gt;Could anyone tell me what I should add in the code?&lt;/p&gt;
&lt;pre&gt;&lt;code&gt;$(document).ready(function () {
    $.localScroll.defaults.axis = 'x';
    $('#menu').localScroll({
        target:'body',
        offset: -225
    }); 
});
&lt;/code&gt;&lt;/pre&gt;
&lt;p&gt;I tried to modify &lt;code&gt;$('#menu, #footer_top').localScroll&lt;/code&gt; but it doesn't work.&lt;/p&gt;</t>
  </si>
  <si>
    <t>2013-08-16 21:48:29.103000+00:00</t>
  </si>
  <si>
    <t>2013-08-23 14:49:08.247000+00:00</t>
  </si>
  <si>
    <t>user2690792</t>
  </si>
  <si>
    <t>Array of Objects: Reject all but ones with largest value</t>
  </si>
  <si>
    <t>&lt;p&gt;I have an array of Mortgage objects&lt;/p&gt;
&lt;pre&gt;&lt;code&gt;class Mortgage
  attr_accessor :rate, :deposit
  def initialize(deposit, rate)
    @deposit = deposit
    @rate = rate
  end
end
&lt;/code&gt;&lt;/pre&gt;
&lt;p&gt;I'd like to reject any mortgage which has a higher rate than another mortgage with the same deposit.&lt;/p&gt;
&lt;p&gt;For example, Imagine the following array of mortgages&lt;/p&gt;
&lt;pre&gt;&lt;code&gt;Mortgage 1, :rate =&amp;gt; 3, :deposit =&amp;gt; 20
Mortgage 2, :rate =&amp;gt; 5, :deposit =&amp;gt; 20
Mortgage 3, :rate =&amp;gt; 7, :deposit =&amp;gt; 30
&lt;/code&gt;&lt;/pre&gt;
&lt;p&gt;The method should reject mortgage 2.&lt;/p&gt;</t>
  </si>
  <si>
    <t>2011-05-12 09:55:10.120000+00:00</t>
  </si>
  <si>
    <t>2012-02-02 07:43:08.677000+00:00</t>
  </si>
  <si>
    <t>ruby|arrays</t>
  </si>
  <si>
    <t>What is the difference between cv2.StereoSGBM_create() and cv2.StereoBM_create() functions for disparity mapping on opencv3?</t>
  </si>
  <si>
    <t>&lt;p&gt;I am trying to understand the disparity mapping functions of opencv I came across two methods cv2.StereoSGBM_create and cv2.StereoBM_create I don't quite understand the difference. &lt;/p&gt;
&lt;p&gt;Also, what are the properties of the functions such as numDisparities or setSpeckleRange etc&lt;/p&gt;</t>
  </si>
  <si>
    <t>2018-08-09 02:41:36.217000+00:00</t>
  </si>
  <si>
    <t>python|c++|opencv|opencv3.0|disparity-mapping</t>
  </si>
  <si>
    <t>TranslateAnimation over SupportMapFragment</t>
  </si>
  <si>
    <t>&lt;p&gt;Hi I'm trying to slide up a &lt;code&gt;RelativeLayout&lt;/code&gt; over a &lt;code&gt;SupportMapFragment&lt;/code&gt;. Something like this:&lt;/p&gt;
&lt;p&gt;&lt;img src="https://i.stack.imgur.com/up0vx.png" alt="enter image description here"&gt;&lt;/p&gt;
&lt;p&gt;When I click in the marker the &lt;code&gt;RelativeLayout&lt;/code&gt; slides up. My problem is that as we all know, the SupportMapFragments relies in the &lt;code&gt;SurfaceView&lt;/code&gt; so any animation that I do over the &lt;code&gt;SupportMapFragment&lt;/code&gt; isn't shown until the view gets invalidated, for example, when I click the pause button. I can't show you the code because is in my job pc's. But theres nothing from another world. Just a plain and simple &lt;code&gt;TranslateAnimation&lt;/code&gt; that I load with &lt;code&gt;AnimationUtils.load(context,resource)&lt;/code&gt;. I even test the animation in another fragments and work well. Well, my question is: There's some workaround for this kind of problem, maybe wrap the &lt;code&gt;SupportMapFragment&lt;/code&gt; inside another view or something like that?&lt;/p&gt;
&lt;p&gt;Any tip is welcome!&lt;/p&gt;
&lt;p&gt;&lt;strong&gt;UPDATE:&lt;/strong&gt;
Basically in the xml I have the &lt;code&gt;SupportMapFragment&lt;/code&gt; and the &lt;code&gt;RelativeLayout&lt;/code&gt;. In the code I take the &lt;code&gt;RelativeLayout&lt;/code&gt; with the &lt;code&gt;findViewById&lt;/code&gt; then I load the animation with &lt;code&gt;AnimationUtils&lt;/code&gt; I set the animation to the &lt;code&gt;RelativeLayout&lt;/code&gt; with the &lt;code&gt;setAnimation&lt;/code&gt; method and later I start the animation. Seems work pretty well in another fragments, I doubt that the problem is here.&lt;/p&gt;</t>
  </si>
  <si>
    <t>2013-10-17 03:17:08.220000+00:00</t>
  </si>
  <si>
    <t>2013-10-17 04:06:44.140000+00:00</t>
  </si>
  <si>
    <t>java|android|surfaceview|translate-animation|supportmapfragment</t>
  </si>
  <si>
    <t>Android Studio Development. EditText</t>
  </si>
  <si>
    <t>&lt;p&gt;Im looking to make a simple app that involves the user to input an integer and depending on that integer, the same number of EditText will appear. For example, if the user inputs 5, then 5 EditTexts will materialize right below. I dont need help with the layout, just the java code. Im new to programming and im not quite sure how to approach this. thanks.&lt;/p&gt;</t>
  </si>
  <si>
    <t>2015-08-05 01:52:40.627000+00:00</t>
  </si>
  <si>
    <t>2015-08-10 12:24:39.893000+00:00</t>
  </si>
  <si>
    <t>java|loops|if-statement|android-studio|android-edittext</t>
  </si>
  <si>
    <t>QT excel editor</t>
  </si>
  <si>
    <t>&lt;p&gt;I am working on a test case editor, which is something like a excel sheet.
Where i need a excel sheet cells to enter data, combobox in excel sheet cells &amp;amp; few buttons, text editor.
Something like shown in these links. &lt;/p&gt;
&lt;p&gt;&lt;a href="http://www.theirishpenguin.com/assets/images/disc_jockey_list.png" rel="nofollow"&gt;http://www.theirishpenguin.com/assets/images/disc_jockey_list.png&lt;/a&gt;&lt;br&gt;
&lt;a href="http://qt-project.org/doc/qt-5.0/qtwidgets/images/spreadsheet-demo.png" rel="nofollow"&gt;http://qt-project.org/doc/qt-5.0/qtwidgets/images/spreadsheet-demo.png&lt;/a&gt;&lt;br&gt;
&lt;a href="http://multimedia-and-graphics.softlandmark.com/images/screenshots/QuickTime_MOV_QT_MP4_Converter_229513.gif" rel="nofollow"&gt;http://multimedia-and-graphics.softlandmark.com/images/screenshots/QuickTime_MOV_QT_MP4_Converter_229513.gif&lt;/a&gt;&lt;/p&gt;
&lt;p&gt;Please suggest should i use :--
&lt;code&gt;QT spreadsheet&lt;/code&gt; or &lt;code&gt;QT treewidget&lt;/code&gt; or &lt;code&gt;QT modelview&lt;/code&gt; ?&lt;/p&gt;
&lt;p&gt;What will be the right class to use, to get maximum flexibility with my editor ?&lt;/p&gt;</t>
  </si>
  <si>
    <t>2013-05-14 06:58:57.730000+00:00</t>
  </si>
  <si>
    <t>2013-05-14 08:20:21.227000+00:00</t>
  </si>
  <si>
    <t>1004 Error in small sub</t>
  </si>
  <si>
    <t>&lt;p&gt;I have this extremely small sub in my project that is giving me error 1004 on its last line. I have no idea why this is happening as this line is used elsewhere in the project with no trouble at all.&lt;/p&gt;
&lt;pre&gt;&lt;code&gt;Sheets(p1 &amp;amp; " Raw Results").Copy After:=Sheets(p1 &amp;amp; " Raw Results")
    ActiveSheet.name = p1 &amp;amp; " Raw Results Temp."
    ActiveSheet.Range("$A$1:$AE$10000").RemoveDuplicates Columns:=24, Header:=xlYes
&lt;/code&gt;&lt;/pre&gt;
&lt;p&gt;Any ideas?    &lt;/p&gt;</t>
  </si>
  <si>
    <t>2014-08-13 07:59:06.123000+00:00</t>
  </si>
  <si>
    <t>MVC: Html.DropDownList(...) question</t>
  </si>
  <si>
    <t>&lt;p&gt;I create a List with 11 values. The first element contains some text ("Please select ..."), the second is "0", the third is "1" and so on ...&lt;/p&gt;
&lt;p&gt;Note, that the 6th element contains "5" (five) in the "&lt;code&gt;Text&lt;/code&gt;" and the "&lt;code&gt;Value&lt;/code&gt;" property.
The 6th element is the only one where the "&lt;code&gt;Selected&lt;/code&gt;" property is set to "&lt;code&gt;true&lt;/code&gt;".&lt;/p&gt;
&lt;p&gt;This works fine for me.&lt;/p&gt;
&lt;p&gt;But:
How looks the &lt;code&gt;Html.DropDownList(...)&lt;/code&gt; in my website to show the 11 values &lt;strong&gt;and to pre-select the 6th element?&lt;/strong&gt;&lt;/p&gt;
&lt;pre&gt;&lt;code&gt;List&amp;lt;SelectListItem&amp;gt; xValues = new List&amp;lt;SelectListItem&amp;gt;() 
                                   {  new SelectListItem 
                                          {  Selected = false,          // Note: Set to false
                                             Text = "Please select ...",
                                             Value = "Please select ...",
                                          }
                                   };
for (int a = 0; a &amp;lt; 10; a++)
        {
           xValues.Add(new SelectListItem
                           {
                               Selected = ((a==5)?true:false), //Note:The 6th element will be set to true
                               Text = a.ToString(),
                               Value = a.ToString()
                           }
                      );
        }
&lt;/code&gt;&lt;/pre&gt;</t>
  </si>
  <si>
    <t>2010-08-17 07:40:52.417000+00:00</t>
  </si>
  <si>
    <t>2010-08-17 07:50:24.197000+00:00</t>
  </si>
  <si>
    <t>2010-08-17 07:47:00.327000+00:00</t>
  </si>
  <si>
    <t>asp.net|asp.net-mvc-2</t>
  </si>
  <si>
    <t>Grouping a range of dates in Python</t>
  </si>
  <si>
    <t>&lt;p&gt;I have the following db, I want to group PAS_DATE for a range of 3 days, for example form 2015-03-06 to 2015-03-09&lt;/p&gt;
&lt;pre&gt;&lt;code&gt;PAS_DATE    RED_DATE       TOT
2015-03-06  2015-03-07     2
            2015-03-17    14
            2015-12-22     1
2015-03-07  2015-03-08     3
            2015-03-19     6
            2015-10-14     2
            2015-12-07     1
2015-03-08  2015-09-16     8
2015-03-09  2015-03-09     7
            2015-03-15     6
            2015-03-18     8
            2015-04-04    15
            2015-04-12    19
            2015-05-04    44
            2015-08-17     5
            2015-09-09    13
            2015-12-06     3
            2015-12-13     3
2015-03-10  2015-03-10     7
&lt;/code&gt;&lt;/pre&gt;
&lt;p&gt;The output should be :&lt;/p&gt;
&lt;pre&gt;&lt;code&gt;PAS_DATE    RED_DATE      TOT
2015-03-09  2015-03-07     2
            2015-03-17    14
            2015-12-22     1
            2015-03-08     3
            2015-03-19     6
            2015-10-14     2
            2015-12-07     1
            2015-09-16     8
            2015-03-09     7
            2015-03-15     6
            2015-03-18     8
            2015-04-04    15
            2015-04-12    19
            2015-05-04    44
            2015-08-17     5
            2015-09-09    13
            2015-12-06     3
            2015-12-13     3
2015-03-12  2015-03-10     7
&lt;/code&gt;&lt;/pre&gt;
&lt;p&gt;Is there a way to perform this code without iterations in Pandas or Python?&lt;/p&gt;</t>
  </si>
  <si>
    <t>2015-10-11 18:17:02.813000+00:00</t>
  </si>
  <si>
    <t>2015-10-12 17:29:59.363000+00:00</t>
  </si>
  <si>
    <t>python|python-2.7|python-3.x|pandas</t>
  </si>
  <si>
    <t>"Must construct a QApplication before a QWidget"</t>
  </si>
  <si>
    <t>&lt;p&gt;I'm trying to make a simple Qt program.I have successfully build and run the program several times.These errors occurred when I added a getter method to pass a string from my MainWindow to a dialog's &lt;code&gt;QFileDialog::getSaveFileName()&lt;/code&gt; But when I comment below lines the programs runs successfully. my MainWindow.h&lt;br&gt;&lt;/p&gt;
&lt;pre&gt;&lt;code&gt;class MainWindow : public QMainWindow
{
    Q_OBJECT
    public:
    QString fileName();
};
&lt;/code&gt;&lt;/pre&gt;
&lt;p&gt;defination on MainWindow.cpp:&lt;br&gt;&lt;/p&gt;
&lt;pre&gt;&lt;code&gt;    QString MainWindow::fileName() {
    return "F:/Users/Admin/Desktop/" + dnldName;
}
&lt;/code&gt;&lt;/pre&gt;
&lt;p&gt;Implementation of fileName();&lt;br&gt;&lt;/p&gt;
&lt;pre&gt;&lt;code&gt;void Dialog::on_browseButton_clicked()
{
    QFileDialog folder;
    folder.setFileMode(QFileDialog::Directory);
    folder.setOption(QFileDialog::ShowDirsOnly);
    dirPath = folder.getSaveFileName(this, tr("Save File"), mWinObj.fileName(), tr("All Files"));
    ui-&amp;gt;savePathEdit-&amp;gt;setText(dirPath);
}
&lt;/code&gt;&lt;/pre&gt;
&lt;p&gt;The program builds successfully but gives the following errors when I try to run it.&lt;br&gt;&lt;/p&gt;
&lt;pre&gt;&lt;code&gt;    Starting F:\Users\Admin\Desktop\Imp Docs\C++ apps\build-GUINetworkApp-Desktop_Qt_5_2_0_MinGW_32bit-Debug\debug\GUINetworkApp.exe...
QWidget: Must construct a QApplication before a QWidget
Invalid parameter passed to C runtime function.
Invalid parameter passed to C runtime function.
F:\Users\Admin\Desktop\Imp Docs\C++ apps\build-GUINetworkApp-Desktop_Qt_5_2_0_MinGW_32bit-Debug\debug\GUINetworkApp.exe exited with code 3 
&lt;/code&gt;&lt;/pre&gt;
&lt;p&gt;My Main.cpp&lt;br&gt;&lt;/p&gt;
&lt;pre&gt;&lt;code&gt;#include "mainwindow.h"
#include &amp;lt;QApplication&amp;gt;
int main(int argc, char *argv[])
{
    QApplication a(argc, argv);
    MainWindow w;
    w.show();
    return a.exec();
}
&lt;/code&gt;&lt;/pre&gt;
&lt;p&gt;What's wrong with the code and how can I fix it?&lt;/p&gt;</t>
  </si>
  <si>
    <t>2014-04-17 14:59:44.180000+00:00</t>
  </si>
  <si>
    <t>2014-04-17 15:28:51.033000+00:00</t>
  </si>
  <si>
    <t>2014-04-17 15:21:58.540000+00:00</t>
  </si>
  <si>
    <t>c++|qt</t>
  </si>
  <si>
    <t>How to execute shell cmd (python) using php and print all constant-updated outputs?</t>
  </si>
  <si>
    <t>&lt;p&gt;I am pretty new to php actually. So here's the thing:
I want to make a simple web-shell for the well-known youtube-dl, so I made a simple webpage and a simple php page, trying to use php to execute the youtube-dl and display all the outputs to the browser.&lt;/p&gt;
&lt;p&gt;I've try the &lt;code&gt;command&lt;/code&gt; thing and escapeshellcmd(), both of them can output the very first few lines of constant-updating outputs from the youtube-dl (and they work well with some other cmd like "ls"), but it seems that when it get the first line, the python script just stop, no more updates, and there is also no downloaded video file on my server.&lt;/p&gt;
&lt;p&gt;BTW, it's all on Ubuntu 14 LTS.&lt;/p&gt;
&lt;p&gt;So far, I have tried these:&lt;/p&gt;
&lt;pre&gt;&lt;code&gt;    &amp;lt;?php
    $command = shell_exec('youtube-dl https://www.youtube.com/watch?v=z456k6yBeo0');
    echo "&amp;lt;pre&amp;gt;$command&amp;lt;/pre&amp;gt;";
    ?&amp;gt;
&lt;/code&gt;&lt;/pre&gt;
&lt;p&gt;and&lt;/p&gt;
&lt;pre&gt;&lt;code&gt;    &amp;lt;?php
    echo `youtube-dl https://www.youtube.com/watch?v=z456k6yBeo0`
    &amp;gt;
&lt;/code&gt;&lt;/pre&gt;
&lt;p&gt;and&lt;/p&gt;
&lt;pre&gt;&lt;code&gt;    &amp;lt;?php
    $command = escapeshellcmd('youtube-dl https://www.youtube.co/watch?v=z456k6yBeo0');
    $output = shell_exec($command);
    echo $output;
    ?&amp;gt;
&lt;/code&gt;&lt;/pre&gt;
&lt;p&gt;Both of them work well with "ls",but not working well with youtube-dl&lt;/p&gt;</t>
  </si>
  <si>
    <t>2015-04-14 15:52:57.457000+00:00</t>
  </si>
  <si>
    <t>2015-04-30 16:49:13.680000+00:00</t>
  </si>
  <si>
    <t>2015-04-14 16:12:53.963000+00:00</t>
  </si>
  <si>
    <t>php|python|linux|shell</t>
  </si>
  <si>
    <t>Silverlight: Web does not exist in namespace</t>
  </si>
  <si>
    <t>&lt;p&gt;I am a beginner in &lt;code&gt;Silverlight&lt;/code&gt; and I am trying to create a &lt;code&gt;web application&lt;/code&gt; that can connect to a &lt;code&gt;database&lt;/code&gt; using their &lt;code&gt;APIs&lt;/code&gt;. However, the connection to their API requires a reference to &lt;code&gt;System.Web&lt;/code&gt; in my &lt;code&gt;viewmodel class&lt;/code&gt;. &lt;/p&gt;
&lt;p&gt;How can I add this reference to my &lt;code&gt;Silverlight&lt;/code&gt; application? When I try to install &lt;code&gt;ASP.NET Web API 2.2&lt;/code&gt;, I get the error &lt;/p&gt;
&lt;blockquote&gt;
  &lt;p&gt;the package does not contain any assembly references or content files that are compatible with that framework.&lt;/p&gt;
&lt;/blockquote&gt;</t>
  </si>
  <si>
    <t>2015-02-21 05:02:47.793000+00:00</t>
  </si>
  <si>
    <t>2015-02-21 08:37:48.590000+00:00</t>
  </si>
  <si>
    <t>2015-02-21 05:11:25.793000+00:00</t>
  </si>
  <si>
    <t>user3559349</t>
  </si>
  <si>
    <t>c#|asp.net|xaml|http|silverlight</t>
  </si>
  <si>
    <t>I want to load a local html file through chrome custom tab, is that workable?</t>
  </si>
  <si>
    <t>&lt;p&gt;Currently I put my html file in assets, and I load it in WebView. Can I load it through chrome custom tab?&lt;/p&gt;</t>
  </si>
  <si>
    <t>2015-10-22 02:53:14.983000+00:00</t>
  </si>
  <si>
    <t>2015-10-22 09:39:48.560000+00:00</t>
  </si>
  <si>
    <t>chrome-custom-tabs</t>
  </si>
  <si>
    <t>How to play an animation frames for once each time?-LibGdx</t>
  </si>
  <si>
    <t>&lt;p&gt;I'm using an animation with 6 frames in my game for an event. It has a fixed order to be played.&lt;/p&gt;
&lt;pre&gt;&lt;code&gt;Array&amp;lt;TextureAtlas.AtlasRegion&amp;gt; anim=new Array&amp;lt;TextureAtlas.AtlasRegion&amp;gt;();
anim =  game.playAtlas.findRegions(RegionNames.FEATHER_ANIMATION);
TextureRegion[] ftr = {anim.get(0),anim.get(1),anim.get(2),anim.get(3),anim.get(4),anim.get(5)};
featherAnimation = new Animation(0.1f,ftr);
featherAnimation.setPlayMode(PlayMode.NORMAL);
&lt;/code&gt;&lt;/pre&gt;
&lt;p&gt;I want to run this animation only once(that means it should play 0th frame to 
 last frame and then should stop),when a particular boolean is true.&lt;/p&gt;
&lt;p&gt;After playing the last frame,It should stop and make the boolean false also.&lt;/p&gt;
&lt;p&gt;Like this I did&lt;/p&gt;
&lt;pre&gt;&lt;code&gt;if (featherBool &amp;amp;&amp;amp; egg.isEggAtNest()) {
  featherTexture = featherAnimation.getKeyFrame(animationTime, true);
  batch.draw(featherTexture, egg.getX() - featherTexture.getRegionWidth() / 2, fx.getY());
  featherBool = false;
}
&lt;/code&gt;&lt;/pre&gt;
&lt;p&gt;But this is not achieving what I want.&lt;/p&gt;
&lt;p&gt;The frames are not in the order I specified.
Also, how can I stop the animation once it plays 0 to 5&lt;sup&gt;th&lt;/sup&gt; frame?&lt;/p&gt;</t>
  </si>
  <si>
    <t>2017-10-27 12:46:22.823000+00:00</t>
  </si>
  <si>
    <t>2017-10-28 21:46:09.457000+00:00</t>
  </si>
  <si>
    <t>2017-10-28 06:42:43.233000+00:00</t>
  </si>
  <si>
    <t>java|animation|libgdx</t>
  </si>
  <si>
    <t>How to CAST a value in PostgreSQL for use in WHERE with LIKE statement?</t>
  </si>
  <si>
    <t>&lt;p&gt;I'm trying to fix a SQL query for later convert it to Doctrine2 DQL since it's part of a Symfony2 project. This is what my DDL has:&lt;/p&gt;
&lt;pre&gt;&lt;code&gt;CREATE TABLE "nomencladores"."norma" (
    "id" int4 NOT NULL,
    "comite_tecnico_id" int4,
    "numero" VARCHAR (10) COLLATE "default" NOT NULL,
    "anno" int4 NOT NULL,
    "nombre" VARCHAR (255) COLLATE "default" NOT NULL,
    "activo" bool,
    CONSTRAINT "norma_pkey" PRIMARY KEY ("id"),
    CONSTRAINT "fk_f00cbe8e84edad75" FOREIGN KEY ("comite_tecnico_id") REFERENCES "nomencladores"."comite_tecnico" ("id") ON DELETE NO ACTION ON UPDATE NO ACTION
) WITH (OIDS = FALSE);
&lt;/code&gt;&lt;/pre&gt;
&lt;p&gt;And I'm trying to execute a LIKE query to find &lt;code&gt;%45%&lt;/code&gt; and I've tried all this queries without success:&lt;/p&gt;
&lt;p&gt;&lt;strong&gt;The one generated by Doctrine2 in DQL&lt;/strong&gt;&lt;/p&gt;
&lt;pre&gt;&lt;code&gt;SELECT
    n0_.numero AS numero0,
    n0_.anno AS anno1,
    n0_. ID AS id2,
    n0_.nombre AS nombre3,
    n0_.activo AS activo4,
    n0_.comite_tecnico_id AS comite_tecnico_id5
FROM
    nomencladores.norma n0_
WHERE
    n0_.anno LIKE %45%;
&lt;/code&gt;&lt;/pre&gt;
&lt;p&gt;&lt;strong&gt;Trying to cast the values&lt;/strong&gt;&lt;/p&gt;
&lt;pre&gt;&lt;code&gt;SELECT
    n0_.numero AS numero0,
    n0_.anno AS anno1,
    n0_. ID AS id2,
    n0_.nombre AS nombre3,
    n0_.activo AS activo4,
    n0_.comite_tecnico_id AS comite_tecnico_id5
FROM
    nomencladores.norma n0_
WHERE
    CAST (n0_.anno AS CHAR) LIKE %45%;
&lt;/code&gt;&lt;/pre&gt;
&lt;hr&gt;
&lt;pre&gt;&lt;code&gt;SELECT
    n0_.numero AS numero0,
    n0_.anno AS anno1,
    n0_. ID AS id2,
    n0_.nombre AS nombre3,
    n0_.activo AS activo4,
    n0_.comite_tecnico_id AS comite_tecnico_id5
FROM
    nomencladores.norma n0_
WHERE
    CAST (n0_.anno, "FM9999") LIKE %45%
&lt;/code&gt;&lt;/pre&gt;
&lt;hr&gt;
&lt;pre&gt;&lt;code&gt;SELECT
    n0_.numero AS numero0,
    n0_.anno AS anno1,
    n0_. ID AS id2,
    n0_.nombre AS nombre3,
    n0_.activo AS activo4,
    n0_.comite_tecnico_id AS comite_tecnico_id5
FROM
    nomencladores.norma n0_
WHERE
    to_char(n0_.anno, "FM9999") LIKE %45%
&lt;/code&gt;&lt;/pre&gt;
&lt;hr&gt;
&lt;pre&gt;&lt;code&gt;SELECT
    n0_.numero AS numero0,
    n0_.anno AS anno1,
    n0_. ID AS id2,
    n0_.nombre AS nombre3,
    n0_.activo AS activo4,
    n0_.comite_tecnico_id AS comite_tecnico_id5
FROM
    nomencladores.norma n0_
WHERE
    n0_.anno::text LIKE "%45%"
&lt;/code&gt;&lt;/pre&gt;
&lt;p&gt;And none works, what is the right way to achieve this on PostgreSQL?&lt;/p&gt;</t>
  </si>
  <si>
    <t>2014-11-11 02:09:07.850000+00:00</t>
  </si>
  <si>
    <t>2014-11-13 16:58:06.797000+00:00</t>
  </si>
  <si>
    <t>ReynierPM</t>
  </si>
  <si>
    <t>postgresql|postgresql-9.2|casting</t>
  </si>
  <si>
    <t>What are the best options available for a rich UI in an ASP.NET MVC application?</t>
  </si>
  <si>
    <t>&lt;p&gt;So far I've found the following components for building ASP.NET MVC views:&lt;/p&gt;
&lt;ul&gt;
&lt;li&gt;&lt;a href="http://developer.yahoo.com/yui/" rel="nofollow noreferrer"&gt;Yahoo UI (YUI)&lt;/a&gt; &lt;/li&gt;
&lt;li&gt;&lt;a href="http://extjs.com/products/extjs/" rel="nofollow noreferrer"&gt;Ext JS&lt;/a&gt;&lt;/li&gt;
&lt;li&gt;&lt;a href="http://www.webplicity.net/flexigrid/" rel="nofollow noreferrer"&gt;Flexgrid&lt;/a&gt; (grid only)&lt;/li&gt;
&lt;/ul&gt;
&lt;p&gt;What are the other options that are currently available which inlcude a nice grid component?&lt;/p&gt;</t>
  </si>
  <si>
    <t>2008-10-28 19:43:52.807000+00:00</t>
  </si>
  <si>
    <t>2008-10-29 04:57:07.587000+00:00</t>
  </si>
  <si>
    <t>Opening CSV in Excel using VBA causes Data to appear in two columns instead of one</t>
  </si>
  <si>
    <t>&lt;p&gt;I have created VBA code in Excel 2007/2010 to import data from a CSV file. Unfortunately, when I open the CSV File programmatically, the data gets split into two columns (A and B) for certain rows of data.&lt;/p&gt;
&lt;p&gt;Generally the CSV data looks like this (example header row):&lt;/p&gt;
&lt;blockquote&gt;
  &lt;p&gt;TBWAKT;"TBWAKO";"TBSAIS";"TBSKU9   ";"TBSMOD";"TBLETT";"TBKBNR
  ";"TBBEZ2                        ";"TBFAR2&lt;br&gt;
  ";"TBSUGC";"TBSOGC";"TBEINK                        ";"TBKBGR ";"TBKBGF
  ";"TBVKPE   ";"TBVKPR   ";"TBEKPE&lt;br&gt;
  ";"TBAUAN";"TBFAAN";"TBREAN";"TBSTAN";"TBRUAN";"TBKPAG";"TBERDT 
  ";"TBDATV  ";"TBDATB  "&lt;/p&gt;
&lt;/blockquote&gt;
&lt;p&gt;The data that causes problems seems to include a , in some of the text. Here an example:&lt;/p&gt;
&lt;blockquote&gt;
  &lt;p&gt;JEAN 5 POCHES EXTENSIBLE+1,60M&lt;/p&gt;
&lt;/blockquote&gt;
&lt;p&gt;The really odd thing is that when I open the CSV File manually, everything displays fine!&lt;/p&gt;
&lt;p&gt;Here is the code I'm using in VBA:&lt;/p&gt;
&lt;pre&gt;&lt;code&gt;Private Sub OpenCSV(x As Integer, wkbDashboard As String, wkbCsvImport As String, wksDestination As Worksheet)
' Opens CSV and copies data to current workbook
Dim wkbCsvImportName As String
Dim r As Range
Workbooks(wkbDashboard).Activate
' Open and read CSV
Workbooks.Open Filename:=wkbCsvImport, Format:=xlDelimited, Delimiter:=";"
wkbCsvImportName = ActiveWorkbook.Name
&lt;/code&gt;&lt;/pre&gt;
&lt;p&gt;I'm including a screenshot of the the problem in Excel to help you get an idea of what I'm talking about. The stuff in red is in column B after opening the file.&lt;/p&gt;
&lt;p&gt;Anyone know why this would happen? Thanks for reading this far!&lt;/p&gt;
&lt;p&gt;&lt;img src="https://i.stack.imgur.com/fzSyb.png" alt="enter image description here"&gt;&lt;/p&gt;</t>
  </si>
  <si>
    <t>2012-12-06 15:03:12.027000+00:00</t>
  </si>
  <si>
    <t>2016-10-14 03:17:21.750000+00:00</t>
  </si>
  <si>
    <t>excel|csv|excel-vba|vba</t>
  </si>
  <si>
    <t>Datasource for Mailmerge in Word2010 lost if called from Access-VBA</t>
  </si>
  <si>
    <t>&lt;p&gt;I have a problem migrating from Office2007 to Office2010 (and WXP -&gt; W7). I'm using an Access program to create a CSV file that is used as a datasource for mailmerging. After creating the CSV my program creates a new word document from a template file. The template is setup to use the created CSV file as data source. The CSV is created in the same path all the time.&lt;/p&gt;
&lt;p&gt;I'm using the following code&lt;/p&gt;
&lt;pre&gt;&lt;code&gt;Set doc = msWord.Documents.Add(Template:=templatename)
&lt;/code&gt;&lt;/pre&gt;
&lt;p&gt;&lt;code&gt;msWord&lt;/code&gt; obviously is my word application reference, and &lt;code&gt;templatename&lt;/code&gt; is the full path to my template.&lt;/p&gt;
&lt;p&gt;This worked fine with Windows XP and Office 2007. It does NOT work with W7 and Office 2010. My template still creates a new document and it opens, but it is no longer a mail merge main document.&lt;/p&gt;
&lt;p&gt;Even stranger, if i create a new document simply by double clicking my template, everything works.&lt;/p&gt;
&lt;p&gt;The folder the template is in is a trusted folder for Word as well as for Access. Are there any changes in Office2010, perhaps some security settings? Does anyone know how to fix it? Or at least has some hints where to look?&lt;/p&gt;</t>
  </si>
  <si>
    <t>2012-03-26 12:29:15.307000+00:00</t>
  </si>
  <si>
    <t>2012-05-24 13:47:41.277000+00:00</t>
  </si>
  <si>
    <t>2012-03-26 13:17:14.423000+00:00</t>
  </si>
  <si>
    <t>vba|ms-access-2010|office-2010|mailmerge|word-2010</t>
  </si>
  <si>
    <t>Why "Courier New" font doesn't have all unicode signs with equal width?</t>
  </si>
  <si>
    <t>&lt;p&gt;I have hexdump view in my application:
&lt;a href="https://i.stack.imgur.com/naF4F.png" rel="nofollow noreferrer"&gt;&lt;img src="https://i.stack.imgur.com/naF4F.png" alt="enter image description here"&gt;&lt;/a&gt;&lt;/p&gt;
&lt;p&gt;I use Courier New font in java:&lt;/p&gt;
&lt;pre&gt;&lt;code&gt;private final Text contentText;
contentText.setFont(Font.font("Courier New"));
&lt;/code&gt;&lt;/pre&gt;
&lt;p&gt;But as you can see some unicode signs have more width.
There is some way or another font which make all signs with equal width?&lt;/p&gt;</t>
  </si>
  <si>
    <t>2015-09-21 14:55:07.987000+00:00</t>
  </si>
  <si>
    <t>2015-09-22 16:25:00.057000+00:00</t>
  </si>
  <si>
    <t>java|unicode|fonts|hexdump</t>
  </si>
  <si>
    <t>Is there a way to add controllers in $ionicModal similar to bootstrap's uibModal?</t>
  </si>
  <si>
    <t>&lt;p&gt;I have the following code in Angular and bootstrap, which I would like to replicate without using bootstrap.&lt;/p&gt;
&lt;p&gt;&lt;div class="snippet" data-lang="js" data-hide="false" data-console="true" data-babel="false"&gt;_x000D_
&lt;div class="snippet-code"&gt;_x000D_
&lt;pre class="snippet-code-js lang-js prettyprint-override"&gt;&lt;code&gt;(function() {_x000D_
    'use strict';_x000D_
_x000D_
    angular_x000D_
        .module('myApp')_x000D_
        .factory('appService', [_x000D_
            Service_x000D_
        ]);_x000D_
_x000D_
  function Service() {_x000D_
_x000D_
   var loader = {_x000D_
    open: openIndicator,_x000D_
    close: closeIndicator_x000D_
   };_x000D_
_x000D_
   var modalInstance;_x000D_
_x000D_
   function openIndicator(desc) {_x000D_
_x000D_
    if (modalInstance) {_x000D_
     return;_x000D_
    }_x000D_
_x000D_
     modalInstance = $uibModal.open({_x000D_
     backdrop : 'static',_x000D_
      templateUrl: 'template.html',_x000D_
      backdropClass: 'custom-backdrop',_x000D_
      controller: 'customController',_x000D_
      controllerAs: 'vm',_x000D_
      resolve: {_x000D_
       description: function() {_x000D_
        return desc;_x000D_
       }_x000D_
      }_x000D_
     });_x000D_
_x000D_
       _x000D_
_x000D_
      }_x000D_
_x000D_
   function closeIndicator() {_x000D_
    if (modalInstance) {_x000D_
     modalInstance.close();_x000D_
     modalInstance = null;_x000D_
    }_x000D_
   }_x000D_
_x000D_
   return loader;_x000D_
        }_x000D_
_x000D_
})();&lt;/code&gt;&lt;/pre&gt;_x000D_
&lt;/div&gt;_x000D_
&lt;/div&gt;_x000D_
&lt;/p&gt;
&lt;p&gt;&lt;div class="snippet" data-lang="js" data-hide="false" data-console="true" data-babel="false"&gt;_x000D_
&lt;div class="snippet-code"&gt;_x000D_
&lt;pre class="snippet-code-js lang-js prettyprint-override"&gt;&lt;code&gt;(function() {_x000D_
    'use strict';_x000D_
_x000D_
    angular_x000D_
        .module('myApp')_x000D_
        .factory('appService', [_x000D_
            Service_x000D_
        ]);_x000D_
_x000D_
  function Service() {_x000D_
_x000D_
   var loader = {_x000D_
    open: openIndicator,_x000D_
    close: closeIndicator_x000D_
   };_x000D_
_x000D_
   var modalInstance;_x000D_
_x000D_
   function openIndicator(desc) {_x000D_
_x000D_
    if (modalInstance) {_x000D_
     return;_x000D_
    }_x000D_
_x000D_
    modalInstance = $ionicModal.fromTemplateUrl('custom-template.html', {_x000D_
      //scope: $scope,_x000D_
      animation: 'slide-in-up'_x000D_
    }).then(function(modal) {_x000D_
      console.log("Hello..");_x000D_
      //$scope.modal = modal;_x000D_
    });_x000D_
_x000D_
       _x000D_
_x000D_
      }_x000D_
_x000D_
   function closeIndicator() {_x000D_
    if (modalInstance) {_x000D_
     modalInstance.close();_x000D_
     modalInstance = null;_x000D_
    }_x000D_
   }_x000D_
_x000D_
   return loader;_x000D_
        }_x000D_
_x000D_
})();&lt;/code&gt;&lt;/pre&gt;_x000D_
&lt;/div&gt;_x000D_
&lt;/div&gt;_x000D_
&lt;/p&gt;
&lt;p&gt;Any idea on how can I create a controller reference from service for uib modal?&lt;/p&gt;</t>
  </si>
  <si>
    <t>2018-02-21 17:31:13.560000+00:00</t>
  </si>
  <si>
    <t>javascript|jquery|css|ionic-framework|bootstrap-modal</t>
  </si>
  <si>
    <t>I have a difficulty in using ShareCompat and FileProvider to share Audio file to WhatsApp, Telegram, etc</t>
  </si>
  <si>
    <t>&lt;p&gt;I have a difficulty in Android Studio using &lt;code&gt;ShareCompat&lt;/code&gt; and &lt;code&gt;FileProvider&lt;/code&gt; to share Audio file... I use 1 Audio Files As an Example : &lt;/p&gt;
&lt;blockquote&gt;
  &lt;p&gt;/storage/emulated/0/Music/JPlayer/Cornerstone.m4a&lt;/p&gt;
&lt;/blockquote&gt;
&lt;p&gt;If I run my code and share Audio File to Whatsapp, It will show in Whatsapp this message : "Sharing Failed, please try again"
If I run my code and share Audio File to Telegram, It will show in Telegram this message : Unsupported Attachment&lt;/p&gt;
&lt;p&gt;This is my Code :&lt;/p&gt;
&lt;p&gt;&lt;strong&gt;MainActivity.java&lt;/strong&gt;&lt;/p&gt;
&lt;pre&gt;&lt;code&gt;public class MainActivity extends AppCompatActivity {
    public static final int MY_PERMISSIONS_REQUEST_READ_EXTERNAL_STORAGE = 123;
    @Override
    protected void onCreate(Bundle savedInstanceState) {
        super.onCreate(savedInstanceState);
        setContentView(R.layout.activity_main);
        ActivityCompat.requestPermissions(this, Array(Manifest.permission.WRITE_EXTERNAL_STORAGE, Manifest.permission.READ_EXTERNAL_STORAGE), MY_PERMISSIONS_REQUEST_READ_EXTERNAL_STORAGE);
        final File file = new File("/storage/emulated/0/Music/JPlayer/Cornerstone.m4a");
        final Uri uri = FileProvider.getUriForFile(this, this.getPackageName() + ".provider", file);
        Intent intent = ShareCompat.IntentBuilder.from(this)
                .setType("audio/*")
                .setStream(uri)
                .setChooserTitle("Choose File client")
                .getIntent();
        List&amp;lt;ResolveInfo&amp;gt; resInfoList = getPackageManager().queryIntentActivities(intent, PackageManager.MATCH_DEFAULT_ONLY);
        for (ResolveInfo resolveInfo : resInfoList) {
            String packageName = resolveInfo.activityInfo.packageName;
            grantUriPermission(packageName, uri, Intent.FLAG_GRANT_WRITE_URI_PERMISSION | Intent.FLAG_GRANT_READ_URI_PERMISSION);
        }
      startActivity(intent);
}
@Override
public void onRequestPermissionsResult(int requestCode, @NonNull String[] permissions, @NonNull int[] grantResults) {
    for (int i : grantResults) {
        if (i == PackageManager.PERMISSION_DENIED) {
            return;
        }
    }
    switch (requestCode) {
        case MY_PERMISSIONS_REQUEST_READ_EXTERNAL_STORAGE:
            break;
        default:
            super.onRequestPermissionsResult(requestCode, permissions, grantResults);
    }
}
&lt;/code&gt;&lt;/pre&gt;
&lt;p&gt;}
&lt;strong&gt;Manifest.xml&lt;/strong&gt;&lt;/p&gt;
&lt;pre&gt;&lt;code&gt;  &amp;lt;provider
            android:name="android.support.v4.content.FileProvider"
            android:authorities="${applicationId}.provider"
            android:exported="false"
            android:grantUriPermissions="true"&amp;gt;
            &amp;lt;meta-data
                android:name="android.support.FILE_PROVIDER_PATHS"
                android:resource="@xml/provider_paths"/&amp;gt;
  &amp;lt;/provider&amp;gt;
&lt;/code&gt;&lt;/pre&gt;
&lt;p&gt;&lt;strong&gt;xml/provider_paths.xml&lt;/strong&gt;&lt;/p&gt;
&lt;pre&gt;&lt;code&gt;&amp;lt;?xml version="1.0" encoding="utf-8"?&amp;gt;
&amp;lt;paths&amp;gt;
    &amp;lt;external-path name="external_files" path="."/&amp;gt;
&amp;lt;/paths&amp;gt;
&lt;/code&gt;&lt;/pre&gt;</t>
  </si>
  <si>
    <t>2018-08-10 12:49:41.600000+00:00</t>
  </si>
  <si>
    <t>2018-08-10 13:22:39.783000+00:00</t>
  </si>
  <si>
    <t>How can I get var output data when my return type is IEnumerable</t>
  </si>
  <si>
    <t>&lt;p&gt;I need to get data from &lt;code&gt;var result = new&lt;/code&gt; not from &lt;code&gt;IEnumerable&lt;/code&gt;. Please help me if is their any alternate solution, please let me know.&lt;/p&gt;
&lt;pre&gt;&lt;code&gt;public IEnumerable&amp;lt;Employee_Join&amp;gt; GetEmployees(int paginate)    
{
    int FilterdCount = 0;
    using (SqlConnection con = Db.Dbcontect)
    {
        var employee = new List&amp;lt;Employee_Join&amp;gt;();
        con.Open();
        SqlCommand cmd = new SqlCommand("SP_GetEmployees_By_Pagination", con);
        cmd.CommandType = CommandType.StoredProcedure;
        cmd.Parameters.AddWithValue("@Pagination", paginate);
        cmd.Parameters.AddWithValue("@Total", 5);
        SqlDataReader rdr = cmd.ExecuteReader();
        if (rdr.HasRows == true)
        {
            while (rdr.Read())
            {
                Employee_Join emp = new Employee_Join();
                if (!Convert.IsDBNull(rdr["EmployeeId"]))
                {
                    emp.Emp_Id = Convert.ToInt32(rdr["EmployeeId"]);
                }
                emp.EmpName = rdr["EmpName"].ToString();
                emp.Email = rdr["Email"].ToString();
                emp.Cnt_Name = rdr["CountryName"].ToString();
                employee.Add(emp);
            }
        }
        var result = new
                    {
                        iTotalRecords = GetTotalEmployeeCount(),
                        iTotalDisplayRecords = FilterdCount,
                        aaData = employee
                    };
        return employee;
    }
}
&lt;/code&gt;&lt;/pre&gt;
&lt;p&gt;I need &lt;code&gt;var result = new&lt;/code&gt; output not employee&lt;/p&gt;</t>
  </si>
  <si>
    <t>2017-12-03 17:08:27.343000+00:00</t>
  </si>
  <si>
    <t>2017-12-03 17:50:34.800000+00:00</t>
  </si>
  <si>
    <t>c#|sql-server</t>
  </si>
  <si>
    <t>oophp, method and property naming</t>
  </si>
  <si>
    <t>&lt;p&gt;In php, is there any difference between using&lt;/p&gt;
&lt;pre&gt;&lt;code&gt;$myClass::method()
&lt;/code&gt;&lt;/pre&gt;
&lt;p&gt;and &lt;/p&gt;
&lt;pre&gt;&lt;code&gt;$myClass-&amp;gt;method()
&lt;/code&gt;&lt;/pre&gt;
&lt;p&gt;What's the reason for the change? (I believe &lt;code&gt;-&amp;gt;&lt;/code&gt; has been around longer.)&lt;/p&gt;
&lt;p&gt;I could see a point of using &lt;code&gt;::&lt;/code&gt; for methods and &lt;code&gt;-&amp;gt;&lt;/code&gt; for properties or vice versa.&lt;/p&gt;</t>
  </si>
  <si>
    <t>2010-12-19 23:59:19.143000+00:00</t>
  </si>
  <si>
    <t>2012-12-24 17:45:24.223000+00:00</t>
  </si>
  <si>
    <t>php|oop|naming-conventions</t>
  </si>
  <si>
    <t>Set map borders to not cross inside the view area</t>
  </si>
  <si>
    <t>&lt;p&gt;I am trying to translate an old flash animation with animate. On the original flash animation the map image is draggable and zoomable but the map ��s borders always stick to the sides of the stage if you pan it or zoom it all the way.&lt;/p&gt;
&lt;p&gt;On my test i grabbed some code that allows panning and zooming but the map crosses the stage boundaries if you pan all the way, in fact you can make the map dissapear of the stage.&lt;/p&gt;
&lt;p&gt;I think there should be a way to draw like a secondary outer stage and not let the map image go beyond it.&lt;/p&gt;
&lt;p&gt;This is the code I have.&lt;/p&gt;
&lt;pre&gt;&lt;code&gt;var that = this;
var clickedX;
var clickedY;
var isDragging = false;
var friction = 0.85;
var speedX = 0;
var speedY = 0;
var mapOriginalX = this.map.x;
var mapOriginalY = this.map.y;
var mapNudge = 5;
var minScale = 0.25;
var maxScale = 3;
function onMouseWheel(e)
{
    var delta;
    if (e == window.event)
        delta = -10 / window.event.wheelDeltaY;
    else
        delta = e.detail / 30;
    var zoomFactor = delta; 
    scaleMap(zoomFactor);   
}
function mouseDown(e)
{
    clickedX = stage.mouseX;
    clickedY = stage.mouseY;
    isDragging = true;  
    console.log(stage.mouseX);
    console.log(stage.mouseY);
}
function stageMouseUp(e)
{
    isDragging = false;
}
function update(e)
{
if (isDragging)
{
    speedX = stage.mouseX - clickedX;
    speedY = stage.mouseY - clickedY;
}   
speedX *= friction;
speedY *= friction;
// saber el tama��o actual del mapa en este punto.
that.map.x += speedX;
that.map.y += speedY; 
console.log(that.map.y); 
console.log(that.map.x); 
clickedX = stage.mouseX;
clickedY = stage.mouseY;
    // 
}
function resetMap()
{
    that.map.x = mapOriginalX;
    that.map.y = mapOriginalY;
    that.map.scaleX = that.map.scaleY = 1;
}
function zoomMap(e)  //control visual
{  
    if (e.currentTarget == that.plusButton)
        scaleMap(-0.1);
    if (e.currentTarget == that.minusButton)
        scaleMap(0.1);
}
function moveMap(e) //control visual
{
    if (e.currentTarget == that.upButton)
        speedY -= mapNudge;
    else if (e.currentTarget == that.rightButton)
        speedX += mapNudge;
    else if (e.currentTarget == that.downButton)
        speedY += mapNudge;
    else if (e.currentTarget == that.leftButton)
        speedX -= mapNudge;
}
function scaleMap(amount)
{
    var map = that.map; // we will scale de map so this goes first.
    map.scaleX -= amount;  // same as map.scaleX = map.scaleX - amount
    map.scaleY = map.scaleX; 
    if (map.scaleX &amp;lt; minScale)
        map.scaleX = map.scaleY = minScale;
    else if (map.scaleX &amp;gt; maxScale)
        map.scaleX = map.scaleY = maxScale;
}
// listeners
this.map.on("mousedown", mouseDown.bind(this));
this.resetButton.on("click", resetMap.bind(this));
this.plusButton.on("click", zoomMap.bind(this));
this.minusButton.on("click", zoomMap.bind(this));
this.upButton.on("click", moveMap.bind(this));
this.rightButton.on("click", moveMap.bind(this));
this.downButton.on("click", moveMap.bind(this));
this.leftButton.on("click", moveMap.bind(this));
stage.on("stagemouseup", stageMouseUp.bind(this));
document.getElementById('canvas').addEventListener('mousewheel', onMouseWheel.bind(this));
document.getElementById('canvas').addEventListener('DOMMouseScroll', onMouseWheel.bind(this));
createjs.Ticker.addEventListener("tick", update.bind(this));
resetMap();
&lt;/code&gt;&lt;/pre&gt;</t>
  </si>
  <si>
    <t>2018-06-14 15:53:34.263000+00:00</t>
  </si>
  <si>
    <t>2018-07-13 15:47:33.647000+00:00</t>
  </si>
  <si>
    <t>createjs|animate-cc</t>
  </si>
  <si>
    <t>How can I check if a Windows device driver is loaded using Perl?</t>
  </si>
  <si>
    <t>&lt;p&gt;I was wondering how I could check if a device driver is loaded using Perl? The operating system is Windows Server 2003, and I'm interested in seeing if the driver for a particular video card is loaded correctly or not.&lt;/p&gt;</t>
  </si>
  <si>
    <t>2009-04-20 10:54:55.727000+00:00</t>
  </si>
  <si>
    <t>2009-04-20 17:34:47.357000+00:00</t>
  </si>
  <si>
    <t>windows|perl|driver</t>
  </si>
  <si>
    <t>How do I write an OR expression in Yii ActiveRecord?</t>
  </si>
  <si>
    <t>&lt;p&gt;I tried the following, but it didn't work.&lt;/p&gt;
&lt;blockquote&gt;
  &lt;p&gt;$kw = \app\models\Keyword::find()-&gt;where(['keyword'=&gt;$word, ['or', ['country' =&gt; $country], ['country' =&gt; null]], ['or', ['language' =&gt; $language], ['language' =&gt; null]]]);&lt;/p&gt;
&lt;/blockquote&gt;
&lt;p&gt;I also tried&lt;/p&gt;
&lt;blockquote&gt;
  &lt;p&gt;$kw = \app\models\Keyword::find()-&gt;where(['keyword'=&gt;$word, ['or', 'country' =&gt; $country, 'country' =&gt; null], ['or', 'language' =&gt; $language, 'language' =&gt; null]]);&lt;/p&gt;
&lt;/blockquote&gt;
&lt;p&gt;Worthless error:&lt;/p&gt;
&lt;blockquote&gt;
  &lt;p&gt;PHP Warning 'yii\base\ErrorException' with message 'strtoupper() expects parameter 1 to be string, array given'&lt;/p&gt;
&lt;/blockquote&gt;
&lt;p&gt;Docs: &lt;a href="http://www.yiiframework.com/doc-2.0/yii-db-queryinterface.html#where()-detail" rel="nofollow"&gt;http://www.yiiframework.com/doc-2.0/yii-db-queryinterface.html#where()-detail&lt;/a&gt;&lt;/p&gt;</t>
  </si>
  <si>
    <t>2015-07-30 19:58:08.690000+00:00</t>
  </si>
  <si>
    <t>2015-07-31 09:04:54.327000+00:00</t>
  </si>
  <si>
    <t>php|activerecord|yii2</t>
  </si>
  <si>
    <t>Inline CSS style "visibility" set to "visible" but computed style is "hidden". Why?</t>
  </si>
  <si>
    <t>&lt;p&gt;I have explicitly specified an element as "visibility: visible" yet it doesn't display in Chrome.  Using Chrome's Developer Tools, I can see the inline style specified, but the "Computed Style" shows "visibility: hidden".&lt;/p&gt;
&lt;p&gt;Well that explains why it's not displaying in Chrome, but I don't understand what's causing Chrome to compute the visibility to be hidden.  (Appears to work correctly in all other browsers.)&lt;/p&gt;
&lt;p&gt;I have also inspected all parent elements and all either do not mention visibility or specify it to be visible.&lt;/p&gt;
&lt;p&gt;I executed the following JavaScript command directly, via the Developer Tools console, to no avail (computed visibility remained "hidden"): &lt;/p&gt;
&lt;pre&gt;&lt;code&gt;document.getElementById("c_311").style.visibility="visible"
&lt;/code&gt;&lt;/pre&gt;
&lt;p&gt;See screenshot here:  &lt;a href="http://oi52.tinypic.com/ezrdcy.jpg" rel="nofollow"&gt;http://oi52.tinypic.com/ezrdcy.jpg&lt;/a&gt;&lt;/p&gt;</t>
  </si>
  <si>
    <t>2011-07-11 12:53:26.757000+00:00</t>
  </si>
  <si>
    <t>2012-11-21 19:36:11.443000+00:00</t>
  </si>
  <si>
    <t>2011-07-11 14:05:02.917000+00:00</t>
  </si>
  <si>
    <t>css|google-chrome|visibility</t>
  </si>
  <si>
    <t>webview transparent background</t>
  </si>
  <si>
    <t>&lt;p&gt;In a WebView i am loading html file.The html page is displayed with black background.
I want it to be semitransparent. If I set setAlphaValue: then webview content transparency changes. Is there a way to set (or control) transparency of html background.&lt;/p&gt;
&lt;p&gt;Editing html file would be last option. &lt;/p&gt;</t>
  </si>
  <si>
    <t>2011-05-18 12:40:23.913000+00:00</t>
  </si>
  <si>
    <t>2011-05-21 08:36:05.087000+00:00</t>
  </si>
  <si>
    <t>cocoa|macos|webview</t>
  </si>
  <si>
    <t>Updating GridView after insert</t>
  </si>
  <si>
    <t>&lt;p&gt;We are using Visual Studio 2010 and .NET 4.0 for an ASP.NET website and MVC for the general architecture.&lt;/p&gt;
&lt;p&gt;There are 2 parts to this question. Nothing is on how to do this but what is the right way as per good design and industry standards.&lt;/p&gt;
&lt;ol&gt;
&lt;li&gt;&lt;p&gt;If I have a GridView (AJAX enabled) with 1000 + records (lot of data), and show 100 records at a time, do I go back to database for next 100 records, or store the data in session and just rebind the gridview by taking new data from session?&lt;/p&gt;&lt;/li&gt;
&lt;li&gt;&lt;p&gt;In the case of an insert, I have 2 choices. One, insert a record in the database and reload the gridview and rebind. Two, insert record in session and database and update the GridView based on session data. I need not download new data from database.&lt;/p&gt;&lt;/li&gt;
&lt;/ol&gt;
&lt;p&gt;Can you please point me in right direction? &lt;/p&gt;</t>
  </si>
  <si>
    <t>2012-01-09 16:09:20.710000+00:00</t>
  </si>
  <si>
    <t>2012-01-09 16:34:47.667000+00:00</t>
  </si>
  <si>
    <t>Mongoose: Update does not work in nested array object</t>
  </si>
  <si>
    <t>&lt;p&gt;I have a document with the array of objects and one object contains multiple objects I want to update inner object with &lt;code&gt;$set&lt;/code&gt; but didn't get any luck.
can anybody give me any hint so that I can resolve it?.&lt;/p&gt;
&lt;p&gt;This is my object:&lt;/p&gt;
&lt;pre&gt;&lt;code&gt;{
  "_id": ObjectId("56fbfafdf86fa6161911d104"),
  "site": "xyz",
  "adsPerCategory": NumberInt(2),
  "sampledAt": ISODate("2016-03-30T16:12:45.138+0000"),
  "items": [
    {
      "id": "4563873",
      "content": {
        "title": "WATER DISTILLERS",
        "body": "Perfect to save money.",
      }
    },
    {
      "id": "4563s23232873",
      "content": {
        "title": "Cola water",
        "body": "Perfect for body.",
      }
    }
  ]
}
&lt;/code&gt;&lt;/pre&gt;
&lt;p&gt;I want to update &lt;code&gt;body&lt;/code&gt;.&lt;/p&gt;
&lt;p&gt;for now, I have given &lt;code&gt;single object&lt;/code&gt; but it can be multiple.&lt;/p&gt;
&lt;p&gt;Here what I tried&lt;/p&gt;
&lt;pre&gt;&lt;code&gt;models.Sample.update(
  {
    _id: samples._id
  },
  '$set': {
    'items.0.content.body': body.description
  },
  function(err, numAffected) {
    console.log(err);
    console.log('Affected....', numAffected);
  }
);
&lt;/code&gt;&lt;/pre&gt;
&lt;p&gt;It's working fine if I put &lt;code&gt;0&lt;/code&gt; but I want to make it dynamic.&lt;/p&gt;
&lt;p&gt;Like &lt;code&gt;'items.index.content.body': body.description&lt;/code&gt;&lt;/p&gt;
&lt;p&gt;Thank You.&lt;/p&gt;</t>
  </si>
  <si>
    <t>2016-03-30 17:59:19.357000+00:00</t>
  </si>
  <si>
    <t>2016-03-30 18:33:33.320000+00:00</t>
  </si>
  <si>
    <t>2016-03-30 18:19:01.860000+00:00</t>
  </si>
  <si>
    <t>jQuery Ticker - Move controls/nav from right to left</t>
  </si>
  <si>
    <t>&lt;p&gt;I'm trying to use the jQuery News Ticker (from jquerynewsticker.com). The location of the controls/navigation is on the right. I tried to move it to the left (before the news item) and thought it'd be possible to do through editing the CSS, but it looks like the controls are created in the jquery file and beyond what I know... Could you help?&lt;/p&gt;
&lt;p&gt;jquery file is here: &lt;em&gt;www.jquerynewsticker.com/includes/jquery.ticker.js&lt;/em&gt; and 
CSS file is here: &lt;em&gt;www.jquerynewsticker.com/styles/ticker-style.css&lt;/em&gt;&lt;/p&gt;
&lt;p&gt;Thanks&lt;/p&gt;</t>
  </si>
  <si>
    <t>2014-01-08 08:31:38.157000+00:00</t>
  </si>
  <si>
    <t>2014-01-08 09:03:50.370000+00:00</t>
  </si>
  <si>
    <t>jquery|news-ticker</t>
  </si>
  <si>
    <t>Twilio issues with multithreading</t>
  </si>
  <si>
    <t>&lt;p&gt;This is software design question more than a coding one. &lt;/p&gt;
&lt;p&gt;I am about to implement a feature where I can verify user's emails and phone numbers using Twilio's sms and voice apis. &lt;/p&gt;
&lt;p&gt;My current implementation instantiates a Voice client at start up of the app and then I reuse this client whenever any user decides to verify email or voice.&lt;/p&gt;
&lt;p&gt;Question: Is it a good idea to instantiate Twilio client once and then re-use it each time or should I create a new one each time it is needed?&lt;/p&gt;
&lt;p&gt;I have browsed the Net for articles but haven't found something conclusive. Hoping to clarify here.&lt;/p&gt;</t>
  </si>
  <si>
    <t>2016-03-01 11:03:27.487000+00:00</t>
  </si>
  <si>
    <t>2016-03-01 13:02:44.090000+00:00</t>
  </si>
  <si>
    <t>multithreading|design|architecture|twilio</t>
  </si>
  <si>
    <t>White Spaces Java Text File</t>
  </si>
  <si>
    <t>&lt;p&gt;Is is possible to remove the white spaces of a &lt;code&gt;String&lt;/code&gt; in a text file in Java? I have tried my approach but doesn't working.&lt;/p&gt;
&lt;pre&gt;&lt;code&gt;public static void main(String[] args) throws IOException {
    File f = new File("ejer2.txt");
    BufferedReader br = new BufferedReader(new FileReader(f));
    String linea = br.readLine();
    linea.replaceAll("\\s", "");
    while (linea != null) {
        System.out.println(linea);
        linea = br.readLine();
    }
    br.close();
}
&lt;/code&gt;&lt;/pre&gt;
&lt;p&gt;The only way I can get the white spaces out of the &lt;code&gt;String&lt;/code&gt; is when I print the line out in the &lt;code&gt;While&lt;/code&gt; loop by using the &lt;code&gt;replaceAll&lt;/code&gt; method in the &lt;code&gt;String&lt;/code&gt; class, but im trying to take them out of the &lt;code&gt;String&lt;/code&gt;in the &lt;code&gt;File&lt;/code&gt;, and I'm not sure if this is possible.&lt;/p&gt;</t>
  </si>
  <si>
    <t>2015-06-01 22:11:47.603000+00:00</t>
  </si>
  <si>
    <t>2015-09-25 21:34:05.637000+00:00</t>
  </si>
  <si>
    <t>java|file|spaces</t>
  </si>
  <si>
    <t>Bandwidth Monitoring Using google chrome</t>
  </si>
  <si>
    <t>&lt;p&gt;i was trying to log the amount of bandwidth i was consuming by making an extension for google chrome. So while googling i came across this command specific to google chrome:&lt;/p&gt;
&lt;p&gt;chrome://net-internals/#bandwidth&lt;/p&gt;
&lt;p&gt;it basically does what i wanted all along, but it gives readings in kilobytes and i want to extract this convert this to either megabytes/ gigabytes and show this to the user in a more descriptive and convenient way. i googled but i wasn't able to find a way to extract this information. Is there a way to extract this data? &lt;/p&gt;</t>
  </si>
  <si>
    <t>2014-01-15 13:21:37.833000+00:00</t>
  </si>
  <si>
    <t>2016-05-21 14:15:22.737000+00:00</t>
  </si>
  <si>
    <t>2014-01-16 07:00:56.267000+00:00</t>
  </si>
  <si>
    <t>google-chrome|networking|bandwidth</t>
  </si>
  <si>
    <t>Multiple alignments in a single table</t>
  </si>
  <si>
    <t>&lt;p&gt;Well the question is simple. &lt;/p&gt;
&lt;p&gt;How do I set a different alignment for two rows in te same table? I tried:&lt;/p&gt;
&lt;p&gt;&lt;code&gt;table.getColumnModel().getColumn(0).setCellRenderer(renderer)&lt;/code&gt;&lt;/p&gt;
&lt;p&gt;but it didn't work. Any ideas?&lt;/p&gt;</t>
  </si>
  <si>
    <t>2013-01-24 18:33:20.040000+00:00</t>
  </si>
  <si>
    <t>2013-01-25 17:30:01.767000+00:00</t>
  </si>
  <si>
    <t>2013-01-24 18:53:32.083000+00:00</t>
  </si>
  <si>
    <t>java|swing|jtable</t>
  </si>
  <si>
    <t>Chrome App SecurityError on file creation</t>
  </si>
  <si>
    <t>&lt;p&gt;I have the following code:&lt;/p&gt;
&lt;pre&gt;&lt;code&gt;chrome.runtime.getPackageDirectoryEntry(function(directoryEntry) 
{
    directoryEntry.getFile("files/test.txt", {create: true, exclusive: false}, function(fileEntry) 
    {
        console.log(fileEntry);
    },
    function(error)
    {
        console.log(error);
    });
});
&lt;/code&gt;&lt;/pre&gt;
&lt;p&gt;If the file does not exist and create is true I get an &lt;code&gt;It was determined that certain files are unsafe for access within a Web application, or that too many calls are being made on file resources.&lt;/code&gt; error. But if it does exist and create is false I get access to the file.&lt;/p&gt;
&lt;p&gt;What am I doing wrong?&lt;/p&gt;</t>
  </si>
  <si>
    <t>2014-12-30 23:03:59.267000+00:00</t>
  </si>
  <si>
    <t>javascript|google-chrome-app|html5-filesystem</t>
  </si>
  <si>
    <t>Taking time in UT to MET</t>
  </si>
  <si>
    <t>&lt;p&gt;I have a times in UT in the form Day/Month/Year; Hours:Minutes:Seconds.&lt;/p&gt;
&lt;p&gt;I need to convert this to MET - or to J2000 - in terms of seconds. Is there a built in python method which will do this? &lt;/p&gt;</t>
  </si>
  <si>
    <t>2018-02-04 00:44:30.740000+00:00</t>
  </si>
  <si>
    <t>2018-02-04 10:05:07.467000+00:00</t>
  </si>
  <si>
    <t>python|python-datetime</t>
  </si>
  <si>
    <t>Combobox doesn't add element with setCellFactory</t>
  </si>
  <si>
    <t>&lt;p&gt;I have an arraylist made of 10 Comboboxes. I would like to load each combobox with n imageviews. &lt;/p&gt;
&lt;p&gt;I get the data i need from a class which gaves me the correct data.
The arraylist of arraylist you find in the code is the "simulation" of different dices one over another, creating different columns.
For example i have max 10 columns each made by n dices.&lt;/p&gt;
&lt;p&gt;Here is the code: &lt;/p&gt;
&lt;pre&gt;&lt;code&gt;        //LOADING DICES INTO MY COMBOBOXES
    //List used to load strings  
    ObservableList&amp;lt;String&amp;gt; options = FXCollections.observableArrayList();
    //Arraylist made of arraylist containing the data I need
    ArrayList&amp;lt;ArrayList&amp;lt;Dice&amp;gt;&amp;gt; roundTrackData = gameManager.roundTrack.getDices();
    System.out.println(roundTrackData);
    for(int h=0; h&amp;lt;roundTrackData.size();h++){
        System.out.println(" h Value:" + h);
        ArrayList&amp;lt;Dice&amp;gt; testing = roundTrackData.get(h);
         System.out.println(" Testing:" + testing);
         System.out.println(" Testing size:" + testing.size());
        for(int u=0; u&amp;lt;testing.size();u++){
             System.out.println(" Inside cicle ");
             String color = Character.toString(testing.get(u).getColor());
             String value = testing.get(u).getValue().toString();
             String diceRound = value+color+".png";
             options.add(diceRound);
             //listaComboBox is an array list containing 10 comboboxes
             listaComboBox.get(h).setItems(options);
             listaComboBox.get(h).setCellFactory(c -&amp;gt; new StatusListCell());
             System.out.println("Dice color "+ color);
             System.out.println("Dice value"+ value);
       }
   }
&lt;/code&gt;&lt;/pre&gt;
&lt;p&gt;StatusListCell class:&lt;/p&gt;
&lt;pre&gt;&lt;code&gt;public class StatusListCell extends ListCell&amp;lt;String&amp;gt; {
protected void updateItem(String item, boolean empty) {
    super.updateItem(item, empty);
    System.out.println("IT'S NULL");
    setGraphic(null);
    setText(null);
    if (item != null) {
        System.out.println("IT'S NOT NULL!");
        ImageView imageView = new ImageView(new Image(item));
        imageView.setFitWidth(40);
        imageView.setFitHeight(40);
        setGraphic(imageView);
        setText("a");
    }
  }
}
&lt;/code&gt;&lt;/pre&gt;
&lt;p&gt;I have developed my code following this question: &lt;a href="https://stackoverflow.com/questions/38030534/javafx-combobox-image"&gt;JavaFX ComboBox Image&lt;/a&gt;&lt;/p&gt;
&lt;p&gt;The code works and insert the images i need into my Comboboxes, the problem is that it adds everytime more images to every combobox.&lt;/p&gt;
&lt;p&gt;&lt;strong&gt;For Example&lt;/strong&gt;: the first combobox loads properly the first 5 dices. When i add other 5 dices (which should only be added to the second combobox), they are added both to the first and second comboboxes, and i'll get two identical groups of elements (this keeps going on until the end).&lt;/p&gt;
&lt;p&gt;I tried to change my code adding a &lt;code&gt;options.clear()&lt;/code&gt; before the second cycle, so the options ObservableList is resetted and i can add my elements from 0, and then add them into my &lt;code&gt;h&lt;/code&gt; combobox. &lt;/p&gt;
&lt;p&gt;The problem is that i actually get no inserted imageView. &lt;/p&gt;
&lt;p&gt;I also tried to move &lt;/p&gt;
&lt;pre&gt;&lt;code&gt;listaComboBox.get(h).setItems(options);
listaComboBox.get(h).setCellFactory(c -&amp;gt; new StatusListCell());
&lt;/code&gt;&lt;/pre&gt;
&lt;p&gt;out of the second &lt;code&gt;for&lt;/code&gt; cycle, but i still get nothing.&lt;/p&gt;
&lt;p&gt;Any ideas of what's the problem? I have been trying for so long but i can't still figure out what's the real problem. &lt;/p&gt;</t>
  </si>
  <si>
    <t>2018-06-11 16:45:54.200000+00:00</t>
  </si>
  <si>
    <t>2018-06-13 21:22:34.020000+00:00</t>
  </si>
  <si>
    <t>java|javafx|combobox</t>
  </si>
  <si>
    <t>Getting count of object based on condition</t>
  </si>
  <si>
    <t>&lt;p&gt;I have an object containing a bunch of similar objects. I would like to get the count of the object only for those where a object property (status) is of a given value (true).  For instance, the count of the below object is 3.&lt;/p&gt;
&lt;pre&gt;&lt;code&gt;{
 6:{"name":"Mary", "status":true},
 2:{"name":"Mike", "status":true},
 1:{"name":"John", "status":false},
 4:{"name":"Mark", "status":true},
 5:{"name":"Jane", "status":false}
}
&lt;/code&gt;&lt;/pre&gt;
&lt;p&gt;Thanks&lt;/p&gt;</t>
  </si>
  <si>
    <t>2012-01-12 17:19:15.353000+00:00</t>
  </si>
  <si>
    <t>2015-08-16 02:40:26.383000+00:00</t>
  </si>
  <si>
    <t>2012-01-12 17:25:53.273000+00:00</t>
  </si>
  <si>
    <t>LINQ OrderBy not sorting as expected on string</t>
  </si>
  <si>
    <t>&lt;p&gt;I am using Umbraco CMS to attempt to sort a collection of node's (DynamicNode type), and the LINQ OrderBy statement is not working as one would expect.  I have to be missing something here right?&lt;/p&gt;
&lt;p&gt;I have been debugging this as so..&lt;/p&gt;
&lt;pre&gt;&lt;code&gt;DynamicNodeList thingsToDo = Model.Descendants("Tourism-Things-To-Do");
 if (thingsToDo != null &amp;amp;&amp;amp; thingsToDo.Count() &amp;gt; 0)
    {
       foreach(dynamic thingToDo in thingsToDo)
        {
           @thingToDo.Name &amp;lt;br /&amp;gt;   
        }
        &amp;lt;br /&amp;gt;
        foreach(dynamic thingToDo in thingsToDo.OrderBy(x =&amp;gt; x.Name, StringComparer.CurrentCultureIgnoreCase))
        {
           @thingToDo.Name &amp;lt;br /&amp;gt;   
        }
    }
&lt;/code&gt;&lt;/pre&gt;
&lt;p&gt;&lt;strong&gt;Output:&lt;/strong&gt;&lt;/p&gt;
&lt;pre&gt;
[Unsorted List from First Iteration]
Quality Inn &amp; Suites 
���Days Inn 
Palm Tree Inn 
���Super 8 
���Wyndie Crest Bed &amp; Breakfast
[Should be Alphabetical List from Second Iteration]
���Days Inn 
���Super 8 
���Wyndie Crest Bed &amp; Breakfast 
Palm Tree Inn 
Quality Inn &amp; Suites 
&lt;/pre&gt;
&lt;p&gt;Could anybody lend me some insight as to why this couldn't be working?  &lt;code&gt;Name&lt;/code&gt; in this code is just a string.&lt;/p&gt;</t>
  </si>
  <si>
    <t>2015-10-27 19:59:38.787000+00:00</t>
  </si>
  <si>
    <t>2015-10-28 17:09:10.463000+00:00</t>
  </si>
  <si>
    <t>c#|linq|razor</t>
  </si>
  <si>
    <t>update table id with related ID from other table</t>
  </si>
  <si>
    <t>&lt;p&gt;I'm having trouble updating a table in sql.
I have two tables.&lt;/p&gt;
&lt;p&gt;Systemobject table:&lt;/p&gt;
&lt;blockquote&gt;
  &lt;p&gt;Id SystempointID&lt;/p&gt;
  &lt;p&gt;1   NULL&lt;/p&gt;
  &lt;p&gt;2   NULL&lt;/p&gt;
  &lt;p&gt;3   NULL&lt;/p&gt;
&lt;/blockquote&gt;
&lt;p&gt;SystemPoint table:&lt;/p&gt;
&lt;blockquote&gt;
  &lt;p&gt;Id othercolumn&lt;/p&gt;
  &lt;p&gt;11   testpoint&lt;/p&gt;
  &lt;p&gt;12   testpoint2&lt;/p&gt;
  &lt;p&gt;13   testpoint 3&lt;/p&gt;
&lt;/blockquote&gt;
&lt;p&gt;I need to update the systemobject table with the systempoint Id. They need to match in order. This is how my SystemObject table has to be:&lt;/p&gt;
&lt;p&gt;Systemobject table:&lt;/p&gt;
&lt;blockquote&gt;
  &lt;p&gt;Id SystempointID&lt;/p&gt;
  &lt;p&gt;1   11&lt;/p&gt;
  &lt;p&gt;2   12&lt;/p&gt;
  &lt;p&gt;3   13&lt;/p&gt;
&lt;/blockquote&gt;
&lt;p&gt;I have 500+ of these Ids, so i want to know which query i have to use to fill my systemobject table with the systempoint Id automatically. the highest system point id has to match the highest systemobject id.&lt;br&gt;
I have tried this code:&lt;/p&gt;
&lt;pre&gt;&lt;code&gt;UPDATE [demo].[dbo].[SystemObject]
SET SystemPointId = (SELECT [demo].[dbo].[SystemPoint].[Id] FROM [demo].[dbo].[SystemPoint] 
WHERE SystemPoint.Id = (SELECT MAX(ID) FROM [demo].[dbo].[SystemPoint]))
&lt;/code&gt;&lt;/pre&gt;
&lt;p&gt;When i use this code i get one value (the highest systempoint id) on all of the rows in my systemobject column. I only want to fill in rows that have the value NULL so that i don't override my values that are already filled in. &lt;/p&gt;</t>
  </si>
  <si>
    <t>2015-03-03 13:56:00.180000+00:00</t>
  </si>
  <si>
    <t>2015-03-03 16:29:06.280000+00:00</t>
  </si>
  <si>
    <t>sql-server|sql-update|sql-order-by|rows</t>
  </si>
  <si>
    <t>How do I enable IntelliSense for Firebase in VS Code?</t>
  </si>
  <si>
    <t>&lt;p&gt;How do I get IntelliSense for Firebase in VS Code like in this video:  &lt;a href="https://youtu.be/sKFLI5FOOHs?t=2m13s" rel="nofollow noreferrer"&gt;https://youtu.be/sKFLI5FOOHs?t=2m13s&lt;/a&gt; ?&lt;/p&gt;</t>
  </si>
  <si>
    <t>2016-12-30 18:10:55.850000+00:00</t>
  </si>
  <si>
    <t>2016-12-31 11:41:37.707000+00:00</t>
  </si>
  <si>
    <t>firebase|visual-studio-code</t>
  </si>
  <si>
    <t>update is not working giving undefined variable</t>
  </si>
  <si>
    <t>&lt;p&gt;I am going to update the student database which contains name,location,address and phonenumber for a particular id.When i run the below code it is saying undefined mid is giving, can u please check it and rectify ,my error please....here is my code
insert.php&lt;/p&gt;
&lt;pre&gt;&lt;code&gt;&amp;lt;?php
   $user="root";
   $server="localhost";
   $password="";
   $db="students";
   $dbconn= mysql_connect($server,$user,$password);
   mysql_select_db($db,$dbconn);
   if(isset($_POST['submit'])) {
      $name=mysql_real_escape_string($_POST['name']);
      $location=mysql_real_escape_string($_POST['location']);
      $address=mysql_real_escape_string($_POST['address']);
      $phonenumber=mysql_real_escape_string($_POST['phonenumber']);    
      $str="insert into info(name,location,address,phonenumber) VALUES ('$name','$location','$address','$phonenumber')";
      $query=mysql_query($str);
      if($query) {
         echo"Inserted Successfully";
      } else {
         echo "Insert Failed";
      }
      $query2=mysql_query("select * from info");
      echo "&amp;lt;table border='2'&amp;gt;";
      echo "&amp;lt;tr&amp;gt;&amp;lt;th&amp;gt;Name&amp;lt;/th&amp;gt;&amp;lt;th&amp;gt;Location&amp;lt;/th&amp;gt;&amp;lt;th&amp;gt;Address&amp;lt;/th&amp;gt;&amp;lt;th&amp;gt;Phonenumber&amp;lt;/th&amp;gt;&amp;lt;th&amp;gt;Action&amp;lt;/th&amp;gt;&amp;lt;/tr&amp;gt;";
      while($row=mysql_fetch_array($query2)) {
         echo "&amp;lt;tr&amp;gt;";
         echo "&amp;lt;td&amp;gt;".$row['name']."&amp;lt;/td&amp;gt;";
         echo "&amp;lt;td&amp;gt;".$row['location']."&amp;lt;/td&amp;gt;";
         echo "&amp;lt;td&amp;gt;".$row['address']."&amp;lt;/td&amp;gt;";
         echo "&amp;lt;td&amp;gt;".$row['phonenumber']."&amp;lt;/td&amp;gt;";
         echo "&amp;lt;td&amp;gt;&amp;lt;a href='modify.php?sid=".$row['id']."'&amp;gt;Update&amp;lt;/a&amp;gt;&amp;lt;/td&amp;gt;";        
         echo "&amp;lt;/tr&amp;gt;";
      }
      echo "&amp;lt;/table&amp;gt;";
   }
?&amp;gt;
&lt;/code&gt;&lt;/pre&gt;
&lt;p&gt;modify.php&lt;/p&gt;
&lt;pre&gt;&lt;code&gt;&amp;lt;?php
   $user="root";
   $server="localhost";
   $password="";
   $db="students";
   $dbconn= mysql_connect($server,$user,$password);
   mysql_select_db($db,$dbconn);
   if(isset($_GET['sid'])) {
      $mid=$_GET['sid'];
      echo  $mid;
   }
   $q="select * from info where id=$mid";
   echo $q;
   $query3=mysql_query($q);    
   $row=mysql_fetch_array($query3);
?&amp;gt;
&amp;lt;html&amp;gt;
&amp;lt;head&amp;gt;&amp;lt;title&amp;gt;Updation&amp;lt;/title&amp;gt;&amp;lt;/head&amp;gt;
&amp;lt;body&amp;gt;    
   &amp;lt;form method="POST" action="edit.php" id="myform"&amp;gt;
      EnterName:&amp;lt;input type="text" name="name" id="name" value="&amp;lt;?php echo $row['name'];?&amp;gt;"&amp;gt;&amp;lt;br/&amp;gt;
      EnterLocation:&amp;lt;input type="text" name="location" id="location"value="&amp;lt;?php echo $row['location'];?&amp;gt;"&amp;gt;&amp;lt;br/&amp;gt;
      EnterAddress:&amp;lt;input type="text" name="address" id="address" value="&amp;lt;?php echo $row['address'];?&amp;gt;"&amp;gt;&amp;lt;br/&amp;gt;
      EnterPhoneNumber:&amp;lt;input type="text" name="phonenumber" id="phonenumber" value="&amp;lt;?php echo $row['phonenumber'];?&amp;gt;"&amp;gt;&amp;lt;br/&amp;gt;
      &amp;lt;input type="hidden" name="id" value=&amp;lt;?php if(isset($mid)) echo $mid; ?&amp;gt;&amp;gt;
      &amp;lt;input type="submit" name="update" value="update"&amp;gt;
   &amp;lt;/form&amp;gt;    
&amp;lt;/body&amp;gt;
&amp;lt;/html&amp;gt;
&lt;/code&gt;&lt;/pre&gt;
&lt;p&gt;Finally i am redirecting update to edit.php
edit.php&lt;/p&gt;
&lt;pre&gt;&lt;code&gt;&amp;lt;?php
   $user="root";
   $server="localhost";
   $password="";
   $db="students";
   $dbconn= mysql_connect($server,$user,$password);
   mysql_select_db($db,$dbconn);
   if(isset($_GET['sid'])) {
      $mid=$_GET['sid'];
      echo  $mid;
   }
?&amp;gt;
&amp;lt;html&amp;gt;
&amp;lt;head&amp;gt;&amp;lt;title&amp;gt;&amp;lt;/title&amp;gt;&amp;lt;/head&amp;gt;
&amp;lt;body&amp;gt;
   &amp;lt;form&amp;gt;
      &amp;lt;input type="hidden" name="id" value="&amp;lt;?php if(isset($mid)) echo $mid; ?&amp;gt;"&amp;gt;
   &amp;lt;/form&amp;gt;
&amp;lt;/body&amp;gt;
&amp;lt;/html&amp;gt;
&amp;lt;?php
   if(isset($_POST['update'])) {
      echo $mid;
      $name=mysql_real_escape_string($_POST['name']);
      $location=mysql_real_escape_string($_POST['location']);
      $address=mysql_real_escape_string($_POST['address']);
      $phonenumber=mysql_real_escape_string($_POST['phonenumber']);
      $query5=mysql_query("update info set name='$name',location='$location',address='$address',phonenumber='$phonenumber' where id=$mid");
      if($query5) {
         echo "update success";
      } else {
         echo "Update Failed";
      }    
   }
?&amp;gt;
&lt;/code&gt;&lt;/pre&gt;</t>
  </si>
  <si>
    <t>2017-02-23 10:03:15.293000+00:00</t>
  </si>
  <si>
    <t>2017-02-23 10:48:02.407000+00:00</t>
  </si>
  <si>
    <t>postgres ALTER TABLE being blocked</t>
  </si>
  <si>
    <t>&lt;p&gt;Im running Postgres 8.3 and I am having trouble running AN ALTER TABLE ADD COLUMN statement which seems to be blocked by an AccessShareLock when I run this query &lt;/p&gt;
&lt;pre&gt;&lt;code&gt;SELECT t.relname,l.locktype,page,virtualtransaction,pid,mode,granted FROM pg_locks l, pg_stat_all_tables t WHERE l.relation=t.relid ORDER BY relation asc;
&lt;/code&gt;&lt;/pre&gt;
&lt;p&gt;The table's name is dealer. &lt;/p&gt;
&lt;pre&gt;&lt;code&gt;    relname      | locktype | page | virtualtransaction |  pid  |        mode         | granted
dealer           | relation |      | 2/40               | 12719 | AccessExclusiveLock | f
dealer           | relation |      | -1/154985751       |       | AccessShareLock     | t
&lt;/code&gt;&lt;/pre&gt;
&lt;p&gt;I also ran &lt;/p&gt;
&lt;pre&gt;&lt;code&gt;SELECT * FROM pg_prepared_xacts    
&lt;/code&gt;&lt;/pre&gt;
&lt;p&gt;That returned &lt;/p&gt;
&lt;pre&gt;&lt;code&gt;transaction |                                             gid                                              |           prepared            |  owner   |      database      
  154985751 | 131075_MS1hMzIwM2E3OmIwMjM6NTQxMGY0MzE6MWM1ZTg5OQ==_YTMyMDNhNzpiMDIzOjU0MTBmNDMxOjFjNWU4OWM= | 2014-09-19 08:01:49.650957+10 | user     | database
&lt;/code&gt;&lt;/pre&gt;
&lt;p&gt;The transaction id 154985751 looks similar to the virtualtransaction in the pg_locks table -1/154985751&lt;/p&gt;
&lt;p&gt;I ran this command to view any processes that may be running queries on the database &lt;/p&gt;
&lt;pre&gt;&lt;code&gt;ps axu | grep postgres | grep -v idle 
&lt;/code&gt;&lt;/pre&gt;
&lt;p&gt;and have confirmed there are no other processes running queries on the database.&lt;/p&gt;
&lt;p&gt;The log file shows this after the query has been run&lt;/p&gt;
&lt;pre&gt;&lt;code&gt;2014-11-14 17:25:00.794 EST (pid: 12719) LOG:  statement: BEGIN;
2014-11-14 17:25:00.794 EST (pid: 12719) LOG:  statement: ALTER TABLE dealer ADD bullet1 varchar;
2014-11-14 17:25:01.795 EST (pid: 12719) LOG:  process 12719 still waiting for AccessExclusiveLock on relation 2321398 of database 2321293 after 1000.133 ms
2014-11-14 17:25:01.795 EST (pid: 12719) STATEMENT:  ALTER TABLE dealer ADD bullet1 varchar;
&lt;/code&gt;&lt;/pre&gt;
&lt;p&gt;What could be causing the AccessShareLock on the dealer table? Im guessing it has something to do with the transaction 154985751 is there a way to terminate a transaction with using the virtual id?&lt;/p&gt;</t>
  </si>
  <si>
    <t>2014-11-14 07:20:11.190000+00:00</t>
  </si>
  <si>
    <t>2014-11-14 07:51:34.150000+00:00</t>
  </si>
  <si>
    <t>postgresql|postgresql-8.3</t>
  </si>
  <si>
    <t>Colour of two overlapping circles</t>
  </si>
  <si>
    <t>&lt;p&gt;I'm creating a planning tool for a game. Imagine two 2D static gun emplacements with different ranges and damage per second. I want to draw these ranges with different colours according to damage, in a scale similar to this &lt;a href="http://www.celtrio.com/support/documentation/coverazone/2.1.0/ui.viewmode.heatmapcolorscale.html" rel="nofollow"&gt;http://www.celtrio.com/support/documentation/coverazone/2.1.0/ui.viewmode.heatmapcolorscale.html&lt;/a&gt;&lt;/p&gt;
&lt;p&gt;I got that part working with CSS border radiuses. My problem is that if ranges overlap, the overlapping area doesn't show the combined damage. &lt;/p&gt;
&lt;p&gt;I found heatmap.js &lt;a href="http://www.patrick-wied.at/static/heatmapjs/" rel="nofollow"&gt;http://www.patrick-wied.at/static/heatmapjs/&lt;/a&gt; but it doesn't allow you to set a different radius for each point. I also can't find a way to turn off the gradient... the damage of these guns at its maximum range is the same at its minimum range. I realise that's sort of the point of a heatmap normally haha but I'm not too sure what I should be googling.&lt;/p&gt;
&lt;p&gt;I had a think about a PHP solution which would create a greyscale image using varying levels of opacity to represent different damage. I'd then loop through all the pixels and recolour them according to the scale. But that would be far too slow. It needs to update in as close to realtime as possible as the user drags the guns around the screen.&lt;/p&gt;
&lt;p&gt;There's probably a very simple way to do this, a CSS filter maybe, but I can't find anything. Any ideas? Thanks!&lt;/p&gt;</t>
  </si>
  <si>
    <t>2013-06-06 13:18:42.040000+00:00</t>
  </si>
  <si>
    <t>2013-06-06 13:50:57.670000+00:00</t>
  </si>
  <si>
    <t>javascript|css</t>
  </si>
  <si>
    <t>MemberQ in Mathematica</t>
  </si>
  <si>
    <t>&lt;p&gt;I am a bit at a loss how to do the following efficiently in Mathematica:&lt;/p&gt;
&lt;pre&gt;&lt;code&gt;a = { 1, 2, 3, 4, 5 };  (* list of integers *)
b = { 2, 4, 6, 8 };     (* another list of integers *)
filter = Table[MemberQ[b, element], {element,a}]
&lt;/code&gt;&lt;/pre&gt;
&lt;p&gt;Expected output is:&lt;/p&gt;
&lt;pre&gt;&lt;code&gt;{False, True, False, True, False}
&lt;/code&gt;&lt;/pre&gt;
&lt;p&gt;My lists &lt;code&gt;a&lt;/code&gt; and &lt;code&gt;b&lt;/code&gt; are big, so Mathematica is doing a kazillion linear searches through &lt;code&gt;b&lt;/code&gt;. I want it to do faster lookups with a hashtable. But there seems to be no such structure. The closest I could find is a SparseArray, but&lt;/p&gt;
&lt;pre&gt;&lt;code&gt;sa = SparseArray[{1 -&amp;gt; True, 2 -&amp;gt; True}];
MemberQ[sa, 1]
&lt;/code&gt;&lt;/pre&gt;
&lt;p&gt;is &lt;code&gt;False&lt;/code&gt;.&lt;/p&gt;
&lt;p&gt;I'm sure this must be possible in Mathematica in one line of code or less, I just can't see it for the trees, or something.&lt;/p&gt;
&lt;p&gt;Any hero to the rescue? Meanwhile, I'm going to do this with C#.&lt;/p&gt;</t>
  </si>
  <si>
    <t>2010-09-12 19:03:51.017000+00:00</t>
  </si>
  <si>
    <t>2010-09-13 20:00:41.290000+00:00</t>
  </si>
  <si>
    <t>2010-09-13 05:13:51.560000+00:00</t>
  </si>
  <si>
    <t>hashtable|wolfram-mathematica</t>
  </si>
  <si>
    <t>Access SQL- Filtering to ignore Null value in triple state box- Not Working</t>
  </si>
  <si>
    <t>&lt;p&gt;I'm trying to make a form that essentially acts as a filter with six checkboxes. What I would like is for it to return results that match the checkboxes ignoring Null values.&lt;/p&gt;
&lt;p&gt;Here is what I have:&lt;/p&gt;
&lt;p&gt;&lt;code&gt;SELECT * 
FROM ProfitAnalysisT
WHERE (MissingPPS= iif(Forms!ProfitAnalysisFilterF!PPSCK Is Null, "*",Forms!ProfitAnalysisFilterF!PPSCK));&lt;/code&gt;&lt;/p&gt;
&lt;p&gt;(PPSCK is the checkbox on the Form.)&lt;/p&gt;
&lt;p&gt;My other thought was to do a nested iif()&lt;/p&gt;
&lt;p&gt;&lt;code&gt;SELECT *
FROM ProfitAnalysisT
WHERE (MissingPPS=IIf([Forms]![ProfitAnalysisFilterF]![PPSCK]=TRUE,TRUE,IIf([Forms]![ProfitAnalysisFilterF]![PPSCK]=FALSE,FALSE,"*")));&lt;/code&gt;&lt;/p&gt;
&lt;p&gt;I'm tried this with TRUE/FALSE and -1/0. ALl of these result in an error saying it is either typed incorrectly or too complex to execute.&lt;/p&gt;
&lt;p&gt;I'm flummoxed here! I'm a beginner, so I apologise if I missed something glaringly obvious. Any help would be greatly appreciated!&lt;/p&gt;</t>
  </si>
  <si>
    <t>2016-11-22 18:35:46.523000+00:00</t>
  </si>
  <si>
    <t>2016-11-22 18:59:00.300000+00:00</t>
  </si>
  <si>
    <t>sql|forms|null|access</t>
  </si>
  <si>
    <t>React Native iOS - FlatList: click on any item in the list and show an alert</t>
  </si>
  <si>
    <t>&lt;p&gt;I wanna know how can I make the action: touch in any item in the list (I'm using FlatList) and show an alert with the position clicked, in React Native - iOS. Follow below, the code must important of my DetailProduct class:&lt;/p&gt;
&lt;blockquote&gt;
  &lt;p&gt;&lt;strong&gt;DetailProduct&lt;/strong&gt;&lt;/p&gt;
&lt;/blockquote&gt;
&lt;pre&gt;&lt;code&gt;export default class DetailProduct extends React.Component {
  state = {
    stores: []
  };
  componentDidMount() {
    this.setState({stores});
  }
  render() {
    return (
      &amp;lt;View style={styles.container}&amp;gt;
            &amp;lt;FlatList 
              data={this.state.stores}
              showsVerticalScrollIndicator={false}
              initialNumToRender={2}
              renderItem={({item, index}) =&amp;gt; 
                &amp;lt;View style={styleItem.container}&amp;gt;
                  &amp;lt;View style={styleItem.holderImage}&amp;gt;
                    &amp;lt;Image source={{uri : item.logo_company}} style={{width: '100%', height: '100%'}} resizeMode='contain'/&amp;gt;
                  &amp;lt;/View&amp;gt;
                  &amp;lt;Text style={item.amount &amp;gt; 0 ? styleItem.textAvailable : styleItem.textUnavailable}&amp;gt;{item.is_available == true ? 'Disponivel' : 'Indisponivel'}&amp;lt;/Text&amp;gt;
                  &amp;lt;TouchableOpacity style={item.amount &amp;gt; 0 ? styleItem.qtdHolder : styleItem.qtdHolderUnavailable} activeOpacity={0.8}&amp;gt;        
                    &amp;lt;Text style={item.amount &amp;gt; 0 ? styleItem.textQtdNum : styleItem.textQtdNumUnavailable}&amp;gt;{item.amount}&amp;lt;/Text&amp;gt;
                    &amp;lt;Image source={require('../imgs/assets/ic_arrow_detail_store.png')} style={item.amount &amp;gt; 0 ? styleItem.icShowDetail : {position: 'absolute', top: -1000}}/&amp;gt;
                  &amp;lt;/TouchableOpacity&amp;gt;
                &amp;lt;/View&amp;gt;
              }
              keyExtractor={item =&amp;gt; item.id_store}
            /&amp;gt;
      &amp;lt;/View&amp;gt;
    );
  }
}
&lt;/code&gt;&lt;/pre&gt;</t>
  </si>
  <si>
    <t>2018-05-22 19:20:03.563000+00:00</t>
  </si>
  <si>
    <t>2018-05-22 20:48:22.670000+00:00</t>
  </si>
  <si>
    <t>2018-05-22 20:00:07.710000+00:00</t>
  </si>
  <si>
    <t>reactjs|react-native|react-native-ios|react-native-flatlist</t>
  </si>
  <si>
    <t>Replace variable value in build.xml using Jenkins file pipeline script</t>
  </si>
  <si>
    <t>&lt;p&gt;I have created one pipeline script in which I have used Global variable name BRANCH_NAME. Now I want to use that variable value in my build.xml file but I am not able to use that variable.&lt;/p&gt;
&lt;p&gt;&lt;strong&gt;Below is my Pipeline script.&lt;/strong&gt;&lt;/p&gt;
&lt;pre&gt;&lt;code&gt;script {
    def prjName = 'collaborate_'
    echo "${prjName}${BRANCH_NAME.replace("/","_")}"
    def fullPrjName = "${prjName}${BRANCH_NAME.replace("/","_")}"
    environment{
            sonar.project="${fullPrjName}"
            sonar.projectDir="${WORKSPACE}"
            }
        }
&lt;/code&gt;&lt;/pre&gt;
&lt;p&gt;&lt;strong&gt;Below is my Build.xml property.&lt;/strong&gt;&lt;/p&gt;
&lt;pre&gt;&lt;code&gt;&amp;lt;property name="sonar.project" value="collaborate_develop" /&amp;gt;
&amp;lt;property name="sonar.projectKey" value="${sonar.project}" /&amp;gt;
&amp;lt;property name="sonar.projectName" value="${sonar.project}" /&amp;gt;
&lt;/code&gt;&lt;/pre&gt;
&lt;p&gt;I want to override value of sonar.project from jenkins pipeline script.&lt;/p&gt;
&lt;p&gt;We are using sonarQube analysis target and in that we want to place specific feature branch value as part of sonar.project.&lt;/p&gt;</t>
  </si>
  <si>
    <t>2018-04-04 07:49:01.670000+00:00</t>
  </si>
  <si>
    <t>2018-04-04 16:30:21.647000+00:00</t>
  </si>
  <si>
    <t>jenkins|ant|jenkins-plugins|jenkins-pipeline</t>
  </si>
  <si>
    <t>Bloated PDF created by TCPDF</t>
  </si>
  <si>
    <t>&lt;p&gt;In a web app developed in PHP we are generating Quotations and Invoices (which are very simple and of single page) using TCPDF lib.&lt;/p&gt;
&lt;p&gt;The lib is working just great but it seems to generate very large PDF files. For example in our case it is generating PDF files as large as 4 MB (+/- a few KB).&lt;/p&gt;
&lt;p&gt;How to reduce this bloating of PDF files generated by TCPDF?&lt;/p&gt;
&lt;p&gt;Here is code snippet that I am using&lt;/p&gt;
&lt;pre&gt;&lt;code&gt;ob_start();
                include('quote_view_bag_pdf.php'); //This file is valid HTML file with PHP code to insert data from DB
                $quote = ob_get_contents();  //Capture the content of 'quote_view_bag_pdf.php' file and store in variable
                ob_end_clean();
                //Code to generate PDF file for this Quote
                //This line is to fix a few errors in tcpdf
                $k_path_url='';
                require_once('tcpdf/config/lang/eng.php');
                require_once('tcpdf/tcpdf.php');
                // create new PDF document
                $pdf = new TCPDF();
                // remove default header/footer
                $pdf-&amp;gt;setPrintHeader(false);
                $pdf-&amp;gt;setPrintFooter(false); 
                // add a page
                $pdf-&amp;gt;AddPage();
                // print html formated text
                $pdf-&amp;gt;writeHtml($quote, true, 0, true, 0); //Insert Variables contents here.
                //Build Out File Name
                $pdf_out_file = "pdf/Quote_".$_POST['quote_id']."_.pdf";
                //Close and output PDF document
                $pdf-&amp;gt;Output($pdf_out_file, 'F');
                $pdf-&amp;gt;Output($pdf_out_file, 'I');
                ///////////////
enter code here
&lt;/code&gt;&lt;/pre&gt;
&lt;p&gt;Hope this code fragment will give some idea?&lt;/p&gt;</t>
  </si>
  <si>
    <t>2010-06-08 14:01:37.777000+00:00</t>
  </si>
  <si>
    <t>2012-03-23 10:54:17.587000+00:00</t>
  </si>
  <si>
    <t>php|pdf|tcpdf</t>
  </si>
  <si>
    <t>Android HashMap + Retrolambda</t>
  </si>
  <si>
    <t>&lt;p&gt;The question is, does using HashMap with Retrolambda results in Java8-like bucket structure - balanced tree?&lt;br&gt;
I know that aapt plugin translates Java8 to Java7 bytecode, but they say:&lt;/p&gt;
&lt;blockquote&gt;
  &lt;p&gt;Java 8 features other than lambda expressions are not supported by RetroLambda&lt;/p&gt;
&lt;/blockquote&gt;
&lt;p&gt;So does it simply uses Java7 HashMap during translation instead of Java8 HashMap?&lt;/p&gt;</t>
  </si>
  <si>
    <t>2016-02-17 12:39:41.600000+00:00</t>
  </si>
  <si>
    <t>android|hashmap|java-8|retrolambda</t>
  </si>
  <si>
    <t>Google Static Maps rejecting my request, but its enabled</t>
  </si>
  <si>
    <t>&lt;p&gt;I've been at this for hours now, tons of people seem to have the same problem but no one has an answer.&lt;/p&gt;
&lt;p&gt;I'm trying to embed a static map into my website.&lt;/p&gt;
&lt;pre&gt;&lt;code&gt;&amp;lt;iframe width="600" height="450" frameborder="0" style="border:0" src="https://www.google.com/maps/embed/v1/place?q=Phoenix%2C%20Arizona%2C%20United%20States&amp;amp;key=key"&amp;gt;&amp;lt;/iframe&amp;gt;
&lt;/code&gt;&lt;/pre&gt;
&lt;p&gt;I am getting this error:&lt;/p&gt;
&lt;p&gt;&lt;img src="https://i.stack.imgur.com/1ITY3.png" alt=""&gt;&lt;/p&gt;
&lt;p&gt;But I have the static maps API enabled in my console&lt;/p&gt;
&lt;p&gt;&lt;img src="https://i.stack.imgur.com/tIe6D.png" alt="enter image description here"&gt;&lt;/p&gt;</t>
  </si>
  <si>
    <t>2014-07-27 19:36:07.700000+00:00</t>
  </si>
  <si>
    <t>2014-07-29 08:31:24.003000+00:00</t>
  </si>
  <si>
    <t>google-maps</t>
  </si>
  <si>
    <t>Block Range of IPs</t>
  </si>
  <si>
    <t>&lt;p&gt;I'm trying to block a range of IPs from visiting my website&lt;/p&gt;
&lt;p&gt;Here is what I have in my .htaccess file&lt;/p&gt;
&lt;pre&gt;&lt;code&gt;order allow,deny
Deny from 64.244.0.0/64.245.255.255
Deny from 64.244.0.0/15
allow from all
&lt;/code&gt;&lt;/pre&gt;
&lt;p&gt;I'd like to know if anyone can tell (or estimate) me how many IPs have i blocked there? &lt;/p&gt;</t>
  </si>
  <si>
    <t>2011-06-13 20:10:12.677000+00:00</t>
  </si>
  <si>
    <t>2017-08-03 03:41:44.963000+00:00</t>
  </si>
  <si>
    <t>.htaccess|ip|block</t>
  </si>
  <si>
    <t>Handling non-utf8 characters in csv in Python 3 vs Python 2</t>
  </si>
  <si>
    <t>&lt;p&gt;I have the following code which reads csv files (some containing non-UTF8 characters). It works well in Python 2.7.x:&lt;/p&gt;
&lt;pre&gt;&lt;code&gt;    encodings = {'ukprocessed.csv': 'utf8',
                 'usprocessed.csv': 'utf8',
                 'uyprocessed.csv': 'latin1',
                 'arprocessed.csv': 'latin1'}
    with codecs.open(filepath, 'r') as csvfile:
        reader = csv.reader(csvfile)
        for row in reader:
            row = [x.decode(encodings[filename]).encode('utf8') for x in row]
&lt;/code&gt;&lt;/pre&gt;
&lt;p&gt;However, in Python 3.4.x the tests fail with a variety of errors:&lt;/p&gt;
&lt;ul&gt;
&lt;li&gt;AttributeError: 'str' object has no attribute 'decode'&lt;/li&gt;
&lt;li&gt;UnicodeDecodeError: 'ascii' codec can't decode byte 0xf1 in position 1078: ordinal not in range(128)
etc...&lt;/li&gt;
&lt;/ul&gt;
&lt;p&gt;I have played around with specifying 'encoding=' in the file open, opening as bytes with 'rb' and a number of other things but I can't find a solution which works in both Python 2 and 3.&lt;/p&gt;
&lt;p&gt;Does anyone have any ideas as to how I can fix this?&lt;/p&gt;
&lt;p&gt;Thanks&lt;/p&gt;</t>
  </si>
  <si>
    <t>2015-11-12 17:27:39.193000+00:00</t>
  </si>
  <si>
    <t>2015-11-13 22:00:47.630000+00:00</t>
  </si>
  <si>
    <t>python|python-2.7|csv|python-3.x|unicode</t>
  </si>
  <si>
    <t>c# - How to check if current logged in user has access to page in Sharepoint 2013</t>
  </si>
  <si>
    <t>&lt;p&gt;I'm writing a webpart for Sharepoint 2013. I have the url list of .aspx files under &lt;code&gt;Pages&lt;/code&gt; . These are pages like aboutus.aspx, departments.aspx e.t.c. I need to check permissions of these pages for current logged in user and anonymous user. I get the files in a loop and I also have the CurrentUser but have no idea how I compare privileges.&lt;/p&gt;
&lt;pre&gt;&lt;code&gt;//web.CurrentUser //Current user
foreach(...) {
    SPFile tmpfile = web.GetFile(tmpfilestring); //Page
    //need to compare privileges here
}
&lt;/code&gt;&lt;/pre&gt;</t>
  </si>
  <si>
    <t>2014-09-12 05:15:12.870000+00:00</t>
  </si>
  <si>
    <t>2014-09-12 06:54:45.427000+00:00</t>
  </si>
  <si>
    <t>c#|sharepoint|sharepoint-2013</t>
  </si>
  <si>
    <t>Laravel Route to Standalone WebApp</t>
  </si>
  <si>
    <t>&lt;p&gt;I am trying to build a portal in Laravel to serve some other, standalone web apps (not built in Laravel), but I am struggling to find out how to route to these apps if I want to place them outside the public folder. 
In the past, I would use (temporary) symlinks for this kind of things, but I was wondering if Laravel provides another solution.&lt;/p&gt;
&lt;p&gt;So, I have a folder: &lt;/p&gt;
&lt;pre&gt;&lt;code&gt;module 
module/index.php 
module/js/whatever 
module/css/whatever 
module/img/whatever
&lt;/code&gt;&lt;/pre&gt;
&lt;p&gt;and I want a route /modules/1 to link to index.php in the module-folder in such a way that the resources in this folder (js/css/img) are also accessible.&lt;/p&gt;
&lt;p&gt;Any suggestions?&lt;/p&gt;</t>
  </si>
  <si>
    <t>2018-01-09 09:20:08.913000+00:00</t>
  </si>
  <si>
    <t>2018-01-11 13:51:20.423000+00:00</t>
  </si>
  <si>
    <t>2018-01-09 09:52:06.497000+00:00</t>
  </si>
  <si>
    <t>laravel|routing</t>
  </si>
  <si>
    <t>Speech Api limits to 65 seconds instead of 180 minutes</t>
  </si>
  <si>
    <t>&lt;p&gt;according to &lt;a href="https://cloud.google.com/speech/quotas" rel="nofollow noreferrer"&gt;https://cloud.google.com/speech/quotas&lt;/a&gt;, asyncronous request lasts 180 minutes.&lt;/p&gt;
&lt;p&gt;But when I use this code: &lt;/p&gt;
&lt;pre&gt;&lt;code&gt;public async Task&amp;lt;object&amp;gt; StreamingMicRecognizeAsync(int seconds)
{
    streamingCall =  SpeechClient.Create().StreamingRecognize();
    await streamingCall.WriteAsync(
        new StreamingRecognizeRequest()
        {
            StreamingConfig = new StreamingRecognitionConfig()
            {
                Config = new RecognitionConfig()
                {
                    Encoding = RecognitionConfig.Types.AudioEncoding.Linear16,
                    SampleRateHertz = 16000,
                    LanguageCode = "en-US" 
                },
                InterimResults = true,
                SingleUtterance = false
            }
        }
    );
    Task prinResp = Task.Run(async () =&amp;gt;
    {
        while (await streamingCall.ResponseStream.MoveNext(default(CancellationToken)))
        {
            foreach (var result in streamingCall.ResponseStream.Current.Results)
            {
                MessageBox.Show(result.Alternatives[0].Transcript.ToString());
            }
        }
    });
    // Read from the microphone and stream to API.
    object writeLock = new object();
    bool writeMore = true;
    waveIn = new NAudio.Wave.WaveInEvent();
    waveIn.DeviceNumber = 0;
    waveIn.WaveFormat = new NAudio.Wave.WaveFormat(16000, 1);
    waveIn.DataAvailable +=
        (object sender, NAudio.Wave.WaveInEventArgs args) =&amp;gt;
        {
            lock (writeLock)
            {
                if (!writeMore || !isActive) return;
                try
                {
                    streamingCall.WriteAsync(
                        new StreamingRecognizeRequest()
                        {
                            AudioContent = Google.Protobuf.ByteString.CopyFrom(args.Buffer, 0, args.BytesRecorded)
                        }).Wait();
                }
                catch (Exception e) { my.message(e.Message); }
            }
        };
    waveIn.StartRecording();
    await Task.Delay(TimeSpan.FromSeconds(180*60));
    waveIn.StopRecording();
    lock (writeLock) writeMore = false;
    await streamingCall.WriteCompleteAsync();
    await prinResp; 
    return 0;
}
&lt;/code&gt;&lt;/pre&gt;
&lt;p&gt;after 65 seconds &lt;code&gt;streamingCall.WriteAsync&lt;/code&gt; shows "Exceeded maximum allowed stream duration of 65 seconds." error.&lt;/p&gt;
&lt;p&gt;How do i Get 180 minutes?
( i.e. on translate.google.com you can use "speak" feature more than minute, how can achieve it)?&lt;/p&gt;</t>
  </si>
  <si>
    <t>2018-03-04 19:39:59.160000+00:00</t>
  </si>
  <si>
    <t>2018-03-08 17:02:38.857000+00:00</t>
  </si>
  <si>
    <t>2018-03-04 19:51:25.777000+00:00</t>
  </si>
  <si>
    <t>c#|google-cloud-speech</t>
  </si>
  <si>
    <t>HTML Email Builds - Using long blocks of text in image alt attribute</t>
  </si>
  <si>
    <t>&lt;p&gt;I have written up a beautiful email template and everything is going swimmingly - except my alt text.&lt;/p&gt;
&lt;p&gt;The images I have labelled with short alt text are working fine.&lt;/p&gt;
&lt;p&gt;The images where I have placed paragraphs of text in just do not show (this is probably due to it overflowing the box).&lt;/p&gt;
&lt;p&gt;I used to work in an email marketing company and I'm sure I remember being able to use a long block of text in an alt attribute.&lt;/p&gt;
&lt;p&gt;I have tried applying using inline styles a small font-size, line-height and white-space:pre. I have also broken my text up onto multiple lines. All having no effect.&lt;/p&gt;
&lt;p&gt;Can a litmus legend share their wealth of knowledge and help me get the longer blocks of alt text showing too?&lt;/p&gt;
&lt;p&gt;Here is an example of my insanity:&lt;/p&gt;
&lt;pre&gt;&lt;code&gt;&amp;lt;tr&amp;gt;
&amp;lt;td width="640" align="center" valign="top"&amp;gt;
    &amp;lt;img src="/email/241018/infographic_02.png" class="full-width" alt="DIGITAL | Using a range of programming languages,
    we build digital platforms that often act as a 
    campaign hub for our clients��� marketing efforts. 
    This ranges from bespoke informational websites 
    profiling more than 1000 products through to 
    more concise microsites developed as a knowledge 
    hub for a campaign as well as tailored product 
    and informational apps designed to appeal to 
    specific target groups. Email marketing, webinars 
    and digital surveys are further digital tools 
    which we implement on behalf of our clients. 
    As well as building sites we also utilise 
    search engine optimisation techniques to ensure 
    that our client���s websites are reaching optimum 
    performance." width="640" height="287" border="0" style="display:block; font-size: 12px; line-height: 14px; white-space:pre;"&amp;gt;&amp;lt;/a&amp;gt;
&amp;lt;/td&amp;gt;
&lt;/code&gt;&lt;/pre&gt;
&lt;p&gt;&lt;/p&gt;
&lt;p&gt;Thanks, Jason.&lt;/p&gt;</t>
  </si>
  <si>
    <t>2018-10-24 16:09:04.880000+00:00</t>
  </si>
  <si>
    <t>2018-10-24 16:28:03.983000+00:00</t>
  </si>
  <si>
    <t>html|email|html-email|alt</t>
  </si>
  <si>
    <t>How to detect file_get_contents is returning gzipped content</t>
  </si>
  <si>
    <t>&lt;p&gt;Im using the following to get the url of a video on my site. &lt;/p&gt;
&lt;pre&gt;&lt;code&gt;$vid = 231231; 
$url = file_get_contents("https://www.thevideositeurl.com/embed/{$vid}/") 
echo $url ; 
&lt;/code&gt;&lt;/pre&gt;
&lt;p&gt;&lt;strong&gt;Please note:&lt;/strong&gt; the &lt;code&gt;$vid&lt;/code&gt; variable is dynamic and sometimes, it returns &lt;code&gt;gziped&lt;/code&gt; content.&lt;/p&gt;
&lt;p&gt;I already know that I can use the &lt;code&gt;gzdecode&lt;/code&gt; function to unzip that content like this:&lt;/p&gt;
&lt;pre&gt;&lt;code&gt;$vid = 231231; 
$url = file_get_contents("https://www.thevideositeurl.com/embed/{$vid}/") 
$decodeit = gzdecode($url);
echo $decodeit; 
&lt;/code&gt;&lt;/pre&gt;
&lt;p&gt;Now, the problem is I need to find a way to decode the &lt;code&gt;$url&lt;/code&gt; variable, only if needed. By "&lt;strong&gt;needed&lt;/strong&gt;", I mean: if (&lt;code&gt;$url&lt;/code&gt;) it's returning &lt;code&gt;gziped&lt;/code&gt; content because I need to use the same code to the same source.&lt;/p&gt;
&lt;p&gt;Is it possible to do some checking, here? How?&lt;/p&gt;</t>
  </si>
  <si>
    <t>2018-05-11 15:56:56.903000+00:00</t>
  </si>
  <si>
    <t>2018-05-12 00:58:31.867000+00:00</t>
  </si>
  <si>
    <t>php|http-headers|gzip</t>
  </si>
  <si>
    <t>String Convert into double in swift 4.1</t>
  </si>
  <si>
    <t>&lt;pre&gt;&lt;code&gt;let getLongijson: String = "67.0011"
let getlatijson: String = "24.8607"
let jsonlong = (getLongijson as NSString).doubleValue
let jsonlat = (getlatijson as NSString).doubleValue
&lt;/code&gt;&lt;/pre&gt;
&lt;p&gt;Error i am Facing this
    Cannot use instance member 'getLongijson' within property initializer; property initializers run before 'self' is available&lt;/p&gt;</t>
  </si>
  <si>
    <t>2018-05-14 08:33:27.403000+00:00</t>
  </si>
  <si>
    <t>2018-05-14 08:49:27.490000+00:00</t>
  </si>
  <si>
    <t>swift|casting</t>
  </si>
  <si>
    <t>Using "And" operator comparing three variables</t>
  </si>
  <si>
    <t>&lt;pre&gt;&lt;code&gt;if (dr["programmeCode"].ToString() == (combo_Programme.ToString())) &amp;amp;= (dr["Actions_ProgrammeDerivedCode"].ToString()) = null;
&lt;/code&gt;&lt;/pre&gt;
&lt;p&gt;Can anyone help and explain why my "And" expression "&amp;amp;=" (or "&amp;amp;&amp;amp;") will not work in the above expression ?&lt;/p&gt;</t>
  </si>
  <si>
    <t>2017-03-10 22:03:51.683000+00:00</t>
  </si>
  <si>
    <t>2017-03-10 22:20:43.437000+00:00</t>
  </si>
  <si>
    <t>2017-03-10 22:07:29.907000+00:00</t>
  </si>
  <si>
    <t>java.io.EOFException when decoding image from the web</t>
  </si>
  <si>
    <t>&lt;p&gt;I'm launching several threads for fetching images from the web. The problem is that randomally I get java.io.EOFException in one or two of the requests. This is the code I'm using, and the exception occurs on the decodeStream call:&lt;/p&gt;
&lt;pre&gt;&lt;code&gt;InputStream inputStream = (InputStream) new URL(slot.mUrl).getContent();
mBitmap = BitmapFactory.decodeStream(inputStream);
inputStream.close();
&lt;/code&gt;&lt;/pre&gt;
&lt;p&gt;and this is the stack info:&lt;/p&gt;
&lt;pre&gt;&lt;code&gt;java.io.EOFException
at libcore.io.Streams.readAsciiLine(Streams.java:203)
at libcore.net.http.HttpEngine.readResponseHeaders(HttpEngine.java:560)
at libcore.net.http.HttpEngine.readResponse(HttpEngine.java:813)
at libcore.net.http.HttpURLConnectionImpl.getResponse(HttpURLConnectionImpl.java:274)
at libcore.net.http.HttpURLConnectionImpl.getHeaderField(HttpURLConnectionImpl.java:130)
at java.net.URLConnection.getContentType(URLConnection.java:326)
at java.net.URLConnection.getContent(URLConnection.java:193)
at java.net.URL.getContent(URL.java:447)
&lt;/code&gt;&lt;/pre&gt;
&lt;p&gt;Any idea what's the problem?&lt;/p&gt;
&lt;p&gt;Thanks,
yakobom&lt;/p&gt;</t>
  </si>
  <si>
    <t>2013-08-08 12:19:37.417000+00:00</t>
  </si>
  <si>
    <t>2013-08-08 12:40:12.100000+00:00</t>
  </si>
  <si>
    <t>Java collection not have Map as part of collection framework</t>
  </si>
  <si>
    <t>&lt;p&gt;If your look at &lt;a href="http://docs.oracle.com/javase/1.4.2/docs/api/java/util/Collection.html" rel="noreferrer"&gt;&lt;strong&gt;collection framework&lt;/strong&gt;&lt;/a&gt; you will see the following, but Map is not in the list of interfaces. While we talk about map we say it is a part of collection framework, so if Map is a part of collection framework then why it is not in the interfaces list.&lt;/p&gt;
&lt;pre&gt;&lt;code&gt; java.util
Interface Collection
All Known Subinterfaces:
    BeanContext, BeanContextServices, List, Set, SortedSet
All Known Implementing Classes:
    AbstractCollection, AbstractList, AbstractSet, ArrayList, BeanContextServicesSupport, BeanContextSupport, HashSet, LinkedHashSet, LinkedList, TreeSet, Vector 
&lt;/code&gt;&lt;/pre&gt;</t>
  </si>
  <si>
    <t>2012-08-24 07:27:45.960000+00:00</t>
  </si>
  <si>
    <t>2017-08-02 06:57:14.767000+00:00</t>
  </si>
  <si>
    <t>java|collections|map</t>
  </si>
  <si>
    <t>Dynamic dependent select boxes (PHP+JQuery+AJAX)</t>
  </si>
  <si>
    <t>&lt;p&gt;I have been working on a dependent select boxes form using PHP as the server-side language and JQuery with Ajax. I am having an issue with getting the response text, as it is not displaying as options in the second select box.&lt;/p&gt;
&lt;p&gt;P.S. I am new to Ajax and there is no video that can help me with my problem.&lt;/p&gt;
&lt;p&gt;HTML&amp;amp;PHP:&lt;/p&gt;
&lt;pre&gt;&lt;code&gt;&amp;lt;center&amp;gt;&amp;lt;form method="post" action="php/functions.php" id="catForm"&amp;gt;
&amp;lt;select name="catSelect" class="catSelect" name="category"&amp;gt;
&amp;lt;option value='null' default&amp;gt;�������� ����������:&amp;lt;/option&amp;gt;
&amp;lt;?php 
        $selectCategories = mysqli_query($connectionDB, "SELECT * FROM categories");
        while($categoriesDisplay = mysqli_fetch_array($selectCategories)){
    echo '&amp;lt;option value="'.$categoriesDisplay['id'].'"&amp;gt;'.$categoriesDisplay['category'].'&amp;lt;/option&amp;gt;';
        }
 ?&amp;gt;
&amp;lt;/select&amp;gt;&amp;lt;br/&amp;gt;&amp;lt;br/&amp;gt;
&amp;lt;select name="subCatSelect" class="subCatSelect"&amp;gt;
&amp;lt;option value="null" default&amp;gt;�������� ����������:&amp;lt;/option&amp;gt;
&amp;lt;?php
$catSelectVal = $_POST['catSelect'];
$selectSubCat = mysqli_query($connectionDB, "SELECT * FROM sub_categories WHERE id LIKE '$catSelectVal'");
while($subCatDisplay = mysqli_fetch_array($selectSubCat)){
    echo '&amp;lt;option value="'.$subCatDisplay['id'].'"&amp;gt;'.$subCatDisplay['subCategory'].'&amp;lt;/option&amp;gt;';
}
?&amp;gt;
&amp;lt;/select&amp;gt;&amp;lt;br/&amp;gt;
&amp;lt;h1&amp;gt;&amp;lt;/h1&amp;gt;
&amp;lt;input type="submit" value="��������" class="submitForm" /&amp;gt;&amp;lt;br/&amp;gt;
&amp;lt;/form&amp;gt;&amp;lt;/center&amp;gt;
&lt;/code&gt;&lt;/pre&gt;
&lt;p&gt;Jquery code:&lt;/p&gt;
&lt;pre&gt;&lt;code&gt;$(document).ready(function(){
    $('.catSelect').change(function(){
        var changeURL = $('#catForm').attr("action");
        var data = $('.catSelect').val();
        $.post(changeURL, {category : data}, function(subCategory){
            $('.subCatSelect').append(subCategory);
        });
    });
});
&lt;/code&gt;&lt;/pre&gt;
&lt;p&gt;The code that should work on getting the options for the second select box:&lt;/p&gt;
&lt;pre&gt;&lt;code&gt;$catSelectVal = $_POST['catSelect'];
$selectSubCat = mysqli_query($connectionDB, "SELECT * FROM sub_categories WHERE id LIKE '$catSelectVal'");
while($subCatDisplay = mysqli_fetch_array($selectSubCat)){
    echo '&amp;lt;option value="'.$subCatDisplay['id'].'"&amp;gt;'.$subCatDisplay['subCategory'].'&amp;lt;/option&amp;gt;';
}
&lt;/code&gt;&lt;/pre&gt;</t>
  </si>
  <si>
    <t>2016-07-13 23:37:56.923000+00:00</t>
  </si>
  <si>
    <t>2016-07-14 02:34:23.883000+00:00</t>
  </si>
  <si>
    <t>Using own implementation of HashSet.add()</t>
  </si>
  <si>
    <t>&lt;p&gt;I am using a HashSet to add unique Users to the hashset. These users are updated frequently from an online source and when it reads it in from there it gets a new object each time so all the Users get added again.&lt;/p&gt;
&lt;p&gt;I have a UserID variable in my user class and would like to use this to add users to the HashSet and ensure uniqueness.&lt;/p&gt;
&lt;pre&gt;&lt;code&gt;private HashSet&amp;lt;User&amp;gt; userHashSet = new HashSet&amp;lt;User&amp;gt;();
userHashSet.add(user);
//based on the users id it will either add or not
&lt;/code&gt;&lt;/pre&gt;
&lt;p&gt;I want to do this without losing efficiency and preferably only one HashSet&lt;/p&gt;</t>
  </si>
  <si>
    <t>2015-07-16 00:49:27.190000+00:00</t>
  </si>
  <si>
    <t>2015-07-16 00:53:23.677000+00:00</t>
  </si>
  <si>
    <t>java|performance|data-structures|hash|hashset</t>
  </si>
  <si>
    <t>DbContext Changes Date which is Stored in Database Upon Object Graph Creation</t>
  </si>
  <si>
    <t>&lt;p&gt;This question is now a curiosity, more than anything. Dates will be the end of me.&lt;/p&gt;
&lt;p&gt;Using EF 6.&lt;/p&gt;
&lt;p&gt;I am storing a date and in the same http request, pulling the object back out of the database.&lt;/p&gt;
&lt;p&gt;When I look at the SQL which EF sends, the milliseconds of the date in question which are returned are the same as that which are stored in the db (expected behaviour).&lt;/p&gt;
&lt;p&gt;BUT, when EF deserializes that into the object graph in memory, the milliseconds are different.&lt;/p&gt;
&lt;p&gt;So, I save '2018-10-16 21:46:22.293'&lt;br&gt;
SQL retrieves '2018-10-16 21:46:22.293'&lt;br&gt;
EF deserializes to 2018-10-16 21:46:22.294 !  &lt;/p&gt;
&lt;p&gt;I created a workaround by hitting the db with a raw ADO.NET query that gets the exact date ('2018-10-16 21:46:22.293').&lt;/p&gt;
&lt;p&gt;Even weirder, if I use a fresh DbContext and grab the whole object with that, the date is fine i.e. '2018-10-16 21:46:22.293'&lt;/p&gt;
&lt;p&gt;So, it is only when I use the same DbContext that save the data, to retrieve the data that the date gets rounded (or something).&lt;/p&gt;
&lt;p&gt;Anyone seen this weird behaviour? Is there a better fix than either raw SQL (ado.net) or a fresh DbContext?&lt;/p&gt;
&lt;p&gt;Cheers&lt;/p&gt;</t>
  </si>
  <si>
    <t>2018-11-05 04:57:30.913000+00:00</t>
  </si>
  <si>
    <t>entity-framework-6</t>
  </si>
  <si>
    <t>ASP.NET MVC + jQuery + IIS6: Multiple Ajax requests</t>
  </si>
  <si>
    <t>&lt;p&gt;I'm not sure where the problem is...&lt;/p&gt;
&lt;p&gt;I have an ajax request that checks the tracking information for a package on a page with a list of packages:&lt;/p&gt;
&lt;pre&gt;&lt;code&gt;$(".fedex_status").each(function() {
    var item = this;
    // some code to construct tracking_url
    $.ajax({
         type: "GET", 
         url: tracking_url, 
         async: true, 
         cache: false, 
         success: function(data) { $(item).html("(" + data  + ")"); }, 
         error: function() { $(item).html("request failed...");} 
         });
 });
&lt;/code&gt;&lt;/pre&gt;
&lt;p&gt;So if there are 10 packages on the page (10 things with class 'fedex_status') 10 requests are created.  The requests work fine, but results are returned one at a time (in a serial manner).  I added a timestamp to the start and stop of a request within the controller action:&lt;/p&gt;
&lt;pre&gt;&lt;code&gt;    public ActionResult Fedex(string trackingNumber)
    {
        DateTime requestStart = DateTime.Now;
        TrackingService tracking = new TrackingService();
        string status = tracking.FedexTrackingNumberStatus(trackingNumber);
        return Content(status + " - " + requestStart.ToString("hh:mm:ss.FFF") + " - " + DateTime.Now.ToString("hh:mm:ss.FFF"));
    }
&lt;/code&gt;&lt;/pre&gt;
&lt;p&gt;None of the timestamps overlap.  So the controller is processing the requests one at a time.  This seems crappy.&lt;/p&gt;
&lt;p&gt;Now, the ajax request 'should' be parallel.  It definitely returns immediately (its asynchronous).  When I look at the IIS logs the requests have the same timestamp as the controller action return.&lt;/p&gt;
&lt;p&gt;So my question is:  is jquery not sending all the ajax requests in parallel or is IIS or ASP.NET only processing requests serially.  I'm a big noob with IIS and the technical details of ASP.NET, so maybe its been misconfigured forever and only responds to one request at a time on everything (its internal use only, low traffic).  That said, I'm also an idiot at jquery and not sure how to test when the requests are actually being fired (all I know is the $.ajax call returns immediately).&lt;/p&gt;
&lt;p&gt;Thanks!&lt;/p&gt;</t>
  </si>
  <si>
    <t>2009-05-13 21:17:22.713000+00:00</t>
  </si>
  <si>
    <t>2009-05-14 17:34:23.357000+00:00</t>
  </si>
  <si>
    <t>2009-05-13 21:27:07.173000+00:00</t>
  </si>
  <si>
    <t>asp.net|jquery|asp.net-mvc|iis|iis-6</t>
  </si>
  <si>
    <t>Can %NOTFOUND return null after a fetch?</t>
  </si>
  <si>
    <t>&lt;p&gt;&lt;a href="https://stackoverflow.com/q/11271739/458741"&gt;This question&lt;/a&gt; raised a very interesting point; there seems to be a contradiction in the Oracle documentation on whether it's possible for &lt;code&gt;%NOTFOUND&lt;/code&gt; to be null after a fetch. Is it?&lt;/p&gt;
&lt;p&gt;To quote from the &lt;a href="http://docs.oracle.com/cd/E11882_01/appdev.112/e25519/static.htm#LNPLS546" rel="nofollow noreferrer"&gt;11g documentation&lt;/a&gt;&lt;/p&gt;
&lt;blockquote&gt;
  &lt;p&gt;Note: In Example 6-16, if FETCH never fetches a row, then c1%NOTFOUND
  is always NULL and the loop is never exited. To prevent infinite
  looping, use this EXIT statement instead: EXIT WHEN c1%NOTFOUND OR
  (c1%NOTFOUND IS NULL);&lt;/p&gt;
&lt;/blockquote&gt;
&lt;p&gt;The documentation seems to directly contradict itself as it also says the following, which implies that after a fetch &lt;code&gt;%NOTFOUND&lt;/code&gt; &lt;em&gt;cannot&lt;/em&gt; be null.&lt;/p&gt;
&lt;blockquote&gt;
  &lt;p&gt;%NOTFOUND (the logical opposite of %FOUND) returns:&lt;br&gt;
  NULL after the explicit cursor is opened but before the first fetch&lt;br&gt;
  FALSE if the most recent fetch from the explicit cursor returned a row&lt;br&gt;
  TRUE otherwise  &lt;/p&gt;
&lt;/blockquote&gt;
&lt;p&gt;The &lt;a href="http://docs.oracle.com/cd/B19306_01/appdev.102/b14261/cursor_attributes.htm#LNPLS01311" rel="nofollow noreferrer"&gt;10g documentation&lt;/a&gt; has a similar warning, which isn't, necessarily, a direct contradiction as it warns that a fetch might not execute successfully in order for this behaviour to be exhibited.&lt;/p&gt;
&lt;blockquote&gt;
  &lt;p&gt;Before the first fetch, %NOTFOUND evaluates to NULL. If FETCH never
  executes successfully, the EXIT WHEN condition is never TRUE and the
  loop is never exited. To be safe, you might want to use the following
  EXIT statement instead:&lt;/p&gt;
  &lt;p&gt;EXIT WHEN c1%NOTFOUND OR c1%NOTFOUND IS NULL;&lt;/p&gt;
&lt;/blockquote&gt;
&lt;p&gt;In what situations might a fetch either "fail" or might &lt;code&gt;%NOTFOUND&lt;/code&gt; return null after a fetch has been executed?&lt;/p&gt;</t>
  </si>
  <si>
    <t>2012-06-30 09:55:54.597000+00:00</t>
  </si>
  <si>
    <t>2012-07-03 20:26:38.933000+00:00</t>
  </si>
  <si>
    <t>2017-05-23 12:30:52.020000+00:00</t>
  </si>
  <si>
    <t>oracle|plsql|cursor</t>
  </si>
  <si>
    <t>Why won't this exit out the while loop?</t>
  </si>
  <si>
    <t>&lt;p&gt;I'm trying to exit outside this while look, so my script can post to Wordpress.com blogs. However, even when I try to use break; inside the if statement, the loop continues. &lt;/p&gt;
&lt;p&gt;This function starts up the script and basically handles the posting:&lt;/p&gt;
&lt;pre&gt;&lt;code&gt;function getFlogArticle($url, $mail) {  
list($id, $title, $content, $tags) = getNewArticle();
while ($id != 0)
{
    $start = getTime(); 
    doesArticleExist($url, $id);
        if ($exist = 0)
            {
                wordpress($title, $content, $mail, $tags, $url, $id);
                break;  
                $end = getTime(); 
                echo  '&amp;lt;strong&amp;gt;Exist While&amp;lt;/strong&amp;gt;: '.round($end - $start,4).' seconds&amp;lt;br /&amp;gt;'; 
            }
    list($id, $title, $content, $tags) = getNewArticle();   
    echo 'I cant stop'; 
}
}
&lt;/code&gt;&lt;/pre&gt;
&lt;p&gt;This function grabs the article from the database every time doesARticleExist() returns 1:&lt;/p&gt;
&lt;pre&gt;&lt;code&gt;function getNewArticle() {
$start = getTime(); 
global $db;
$count = $db-&amp;gt;query("SELECT * FROM flog_articles");
$count = $count-&amp;gt;num_rows;
$offset = mt_rand(0, $count - 1);
$stmt = "SELECT * FROM flog_articles LIMIT 1 OFFSET $offset";
$result = $db-&amp;gt;query($stmt);
$post = $result-&amp;gt;fetch_array(MYSQLI_ASSOC);
return array($post['article_id'], $post['article_title'], $post['article_content'], $post['article_keyword']);
$end = getTime(); 
echo  '&amp;lt;strong&amp;gt;getNewArticle()&amp;lt;/strong&amp;gt;: '.round($end - $start,4).' seconds&amp;lt;br /&amp;gt;';
}
&lt;/code&gt;&lt;/pre&gt;
&lt;p&gt;And this script checks to see if the article exists in the database. If it doesn't, it returns a 0. If it does, it returns a 1.&lt;/p&gt;
&lt;pre&gt;&lt;code&gt;function doesArticleExist($url, $id) {
$start = getTime(); 
global $db; 
$count = $db-&amp;gt;query("SELECT * FROM flog_posted WHERE http = $url AND article_id = $id");
$count = $count-&amp;gt;num_rows;
if ($count &amp;gt; 0) {
    $exist = 1;
    return $exist;
} else{
    $exist = 0;
    return $exist;
}
$end = getTime();
echo  '&amp;lt;strong&amp;gt;doesArticleExist()&amp;lt;/strong&amp;gt;: '.round($end - $start,4).' seconds&amp;lt;br /&amp;gt;';
}
&lt;/code&gt;&lt;/pre&gt;
&lt;p&gt;Basically, the script gets an article from the database. After it gets the article, it checks to see if that article/url combination exists in another table of the same database. If it does not exist, i want it to post to the wordpress blog, and then break out of the loop, so it won't post again.&lt;/p&gt;
&lt;p&gt;The only problem is that it does not even exit the loop. Is it because the exist values are not being passed? &lt;/p&gt;</t>
  </si>
  <si>
    <t>2013-05-18 13:59:21.043000+00:00</t>
  </si>
  <si>
    <t>2013-05-18 15:22:07.387000+00:00</t>
  </si>
  <si>
    <t>2013-05-18 14:03:50.497000+00:00</t>
  </si>
  <si>
    <t>php|while-loop</t>
  </si>
  <si>
    <t>Python -- TypeError: int object is not subscriptable</t>
  </si>
  <si>
    <t>&lt;p&gt;I've got next error:&lt;/p&gt;
&lt;pre&gt;&lt;code&gt;Traceback (most recent call last):                                                                                                                                                                                                   
  File "DungeonGame.py", line 92, in &amp;lt;module&amp;gt;                                                                                                                                                                                        
    possible = possibleMoves(locations["player"])                                                                                                                                                                                    
  File "DungeonGame.py", line 65, in possibleMoves                                                                                                                                                                                   
      if player[0][0] == 0: 
TypeError: 'int' object is not subscriptable
&lt;/code&gt;&lt;/pre&gt;
&lt;p&gt;Here is my code:&lt;/p&gt;
&lt;pre&gt;&lt;code&gt;def possibleMoves(player):
    options = ["RIGHT", "LEFT", "UP", "DOWN"]
    if player[0][0] == 0:
        options.remove("LEFT")
    elif player[0][0] == 4:
        options.remove("RIGHT")    
    elif player[0][1] == 0:
        options.remove("DOWN")
    elif player[0][1] == 4:
       options.remove("UP")
    return options 
...
locations = {"monster" : (1, 2), "door" : (3, 2), "player" : (4, 1)}
possible = possibleMoves(locations["player"])
&lt;/code&gt;&lt;/pre&gt;
&lt;p&gt;Could someone help me with this?&lt;/p&gt;</t>
  </si>
  <si>
    <t>2017-08-28 00:22:51.277000+00:00</t>
  </si>
  <si>
    <t>2017-08-28 14:24:20.313000+00:00</t>
  </si>
  <si>
    <t>python|int|tuples|typeerror|accessor</t>
  </si>
  <si>
    <t>Python function unexpectedly modifies variable in outer function</t>
  </si>
  <si>
    <t>&lt;p&gt;So I am seeing really strange behavior from my python code and couldn't find any other examples of my problem. From what I've read of python, a function can only access variables that are either global or inside it. However, I've discovered in the following snippet that the two print statements return different results even though the variable 'density' is never returned by the function and isn't declared globally.&lt;/p&gt;
&lt;pre&gt;&lt;code&gt;def findHeight(density):
  print density
  height = integrateHeight(density, cutOff)
  print density
  return height
&lt;/code&gt;&lt;/pre&gt;
&lt;p&gt;This is a real pain in the a** because it is messing up code later on in the script. &lt;/p&gt;
&lt;p&gt;I am using python 2.7.6 and my function definition is as follows:&lt;/p&gt;
&lt;pre&gt;&lt;code&gt;def integrateHeight(data, cutOff):
  # accumulate data values and rescale to fit interval [0,1]
  # Calculate bin widths (first one is a different size from the others)
  data[0,1] = -2*data[0,0]*data[0,1]
  data[1:,1] = (data[2,0] - data[1,0])*data[1:,1]
  # accumulate distribution and divide by the total
  data[:,1] = np.cumsum(data[:,1]) / data[:,1].sum()
  # Assign a default height value
  height = data[0,0]
  # store the first height,fraction pair
  prev = data[0]
  # loop through remaining height,fraction pairs
  for row in data[1:]:
    # check that the cut-off is between two values
    if row[1] &amp;gt; cutOff &amp;gt;= prev[1]:
      # Interpolate between height values
      height = interpolate(cutOff, prev[::-1], row[::-1])
      # exit the loop when the height is found
      break
    # store the current height,fraction value
    prev = row
  return height
&lt;/code&gt;&lt;/pre&gt;
&lt;p&gt;This particular script is supposed to take a distribution, accumulate it, and find the height corresponding to a certain fraction of the cumulative distribution.&lt;/p&gt;</t>
  </si>
  <si>
    <t>2016-01-28 16:40:57.220000+00:00</t>
  </si>
  <si>
    <t>2016-01-28 16:47:55.557000+00:00</t>
  </si>
  <si>
    <t>python|function|scope</t>
  </si>
  <si>
    <t>Unable to insert unicode characters through freetds unixODBC in MS SQL 2008</t>
  </si>
  <si>
    <t>&lt;p&gt;I have a c++ application built on RHEL 5 that connects to MS SQL 2008 through freeTDS and unixODBC situated on a windows machine.&lt;/p&gt;
&lt;p&gt;This is the query the application sends to the database.&lt;/p&gt;
&lt;p&gt;&lt;code&gt;INSERT INTO mytable (SAMPLE) VALUES(N'������������')&lt;/code&gt;&lt;/p&gt;
&lt;p&gt;&lt;code&gt;Um@D@Iz&lt;/code&gt; is actually inserted into the database when the above query is invoked.&lt;/p&gt;
&lt;p&gt;Following are the configurations which I am using -&lt;/p&gt;
&lt;pre&gt;&lt;code&gt;== freetds.conf ==
[myserver.mydomain.com]
client charset = UTF-16
debug flags = 0xffff
dump file = /tmp/dump.log
dump file append = yes
host = 127.0.01
port = 1433
tds version = 7.3
== odbcinst.ini ==
[FreeTDS Driver]
Description     = FreeTDS
Driver          = /usr/lib64/libtdsodbc.so.0
== odbc.ini ==
[mydsn]
Description     = MS SQL connection to 'mydb' database
Driver          = FreeTDS Driver
Servername      = myserver.mydomain.com
Port            = 1433
TDS_Version     = 7.3
Database        = mydb
UserName        = sa
Password        = mypassword
Trace           = Yes
TraceFile       = /tmp/odbc.log
ForceTrace      = Yes
&lt;/code&gt;&lt;/pre&gt;
&lt;p&gt;I can directly insert the data into the database through&lt;/p&gt;
&lt;p&gt;&lt;code&gt;INSERT INTO mytable (SAMPLE) VALUES(N'������������')&lt;/code&gt; but not through freeTDS and unixODBC&lt;/p&gt;
&lt;p&gt;Please find the code which i am using below:&lt;/p&gt;
&lt;pre&gt;&lt;code&gt;#include &amp;lt;iostream&amp;gt;
#ifdef WIN32
  #include &amp;lt;windows.h&amp;gt;
#endif
#include &amp;lt;sql.h&amp;gt;
#include &amp;lt;sqlext.h&amp;gt;
#include &amp;lt;sqltypes.h&amp;gt;
#include "unicode/ustdio.h"
using namespace std;
int main (int argc, char* argv[])
{
  SQLHSTMT hSQLStatement = 0;
  SQLHENV hSQLEnvironment = 0;
  SQLHDBC hSQLODBC = 0;
  SQLRETURN sqlRet = SQLAllocHandle(SQL_HANDLE_ENV, SQL_NULL_HANDLE, &amp;amp;hSQLEnvironment);
  if(SQL_SUCCEEDED(sqlRet))
  {
    sqlRet = SQLSetEnvAttr(hSQLEnvironment, 
                           SQL_ATTR_ODBC_VERSION,
                           (void*)SQL_OV_ODBC3, 
                           0);
    if(SQL_SUCCEEDED(sqlRet))
    {
        sqlRet = SQLAllocHandle(SQL_HANDLE_DBC, 
                                hSQLEnvironment, 
                                &amp;amp;hSQLODBC);
    }
    else
    {
      cout &amp;lt;&amp;lt; "Error in SQLAllocHandle for SQL_HANDLE_DBC" &amp;lt;&amp;lt; endl;
    }
  }
  else
  {
    cout &amp;lt;&amp;lt; "Error in SQLAllocHandle for SQL_HANDLE_ENV" &amp;lt;&amp;lt; endl;
  }
  UnicodeString DSNName = "mydsn";
  UnicodeString UserName = "sa";
  UnicodeString Password = "mypassword";
  UnicodeString Value = "";
  UChar32 character = 20053;
  Value.append(character);
  character = 20077;
  Value.append(character);
  character = 131140;
  Value.append(character);
  character = 131145;
  Value.append(character);
  character = 20090;
  Value.append(character);
  character = 19989;
  Value.append(character);
  UnicodeString SQLStatement = "INSERT INTO mytable (sample) VALUES(N";
  SQLStatement.append("'");
  SQLStatement.append(Value);
  SQLStatement.append("'");
  SQLStatement.append(")");
  if(0 != hSQLODBC)
  {
    SQLRETURN sqlRet = SQLConnectW(hSQLODBC, 
                                   (SQLWCHAR*)DSNName.getTerminatedBuffer(),
                                   SQL_NTS, 
                                   (SQLWCHAR*)UserName.getTerminatedBuffer(),
                                   SQL_NTS,
                                   (SQLWCHAR*)Password.getTerminatedBuffer(),
                                   SQL_NTS);
    if(SQL_SUCCEEDED(sqlRet))
    {
      cout &amp;lt;&amp;lt; "Connection to database successful" &amp;lt;&amp;lt; endl;
      SQLRETURN sqlRet = SQLAllocHandle(SQL_HANDLE_STMT, 
                                        hSQLODBC, 
                                        &amp;amp;hSQLStatement);
      if(SQL_SUCCEEDED(sqlRet))
      {
        sqlRet = SQLExecDirectW(hSQLStatement, 
                                (SQLWCHAR*)SQLStatement.getTerminatedBuffer(), 
                                SQL_NTS);
        if(SQL_SUCCEEDED(sqlRet))
        {
          cout &amp;lt;&amp;lt; "Query Execution successful" &amp;lt;&amp;lt; endl;
        }
        else
          cout &amp;lt;&amp;lt; "Query Execution failed" &amp;lt;&amp;lt; endl;
      }
    }
    else
    {
      cout &amp;lt;&amp;lt; "Connection to database failed" &amp;lt;&amp;lt; endl;
    }
  }
  return 0;
}
&lt;/code&gt;&lt;/pre&gt;
&lt;p&gt;Any idea what might be wrong here?&lt;/p&gt;
&lt;p&gt;EDIT 1: Added sample code&lt;/p&gt;
&lt;p&gt;EDIT 2: Updated as per Oliver's suggestion&lt;/p&gt;</t>
  </si>
  <si>
    <t>2016-02-23 09:33:43.233000+00:00</t>
  </si>
  <si>
    <t>2016-02-26 07:32:50.653000+00:00</t>
  </si>
  <si>
    <t>2016-02-25 13:22:44.477000+00:00</t>
  </si>
  <si>
    <t>sql-server|sql-server-2008|unicode|freetds|unixodbc</t>
  </si>
  <si>
    <t>Does the ObjectContext change for each result set?</t>
  </si>
  <si>
    <t>&lt;p&gt;There are a number of &lt;a href="https://msdn.microsoft.com/en-us/data/jj691402.aspx" rel="nofollow"&gt;examples&lt;/a&gt; showing how to use &lt;code&gt;ObjectContext&lt;/code&gt; to get results from a multi-result set stored procedure when using Entity Framework.&lt;br&gt;
These examples always take the &lt;code&gt;DbContext&lt;/code&gt;, cast it to a &lt;code&gt;IObjectContextAdapter&lt;/code&gt;, and get the &lt;code&gt;ObjectContext&lt;/code&gt;, even if they did the same thing a few lines up.&lt;/p&gt;
&lt;p&gt;Example from &lt;a href="https://msdn.microsoft.com/en-us/data/jj691402.aspx" rel="nofollow"&gt;MSDN&lt;/a&gt; (original comments removed to simplify and highlight my comments):&lt;/p&gt;
&lt;pre&gt;&lt;code&gt;using (var db = new BloggingContext())
{
    db.Database.Initialize(force: false);
    var cmd = db.Database.Connection.CreateCommand();
    cmd.CommandText = "[dbo].[GetAllBlogsAndPosts]";
    try
    {
        db.Database.Connection.Open();
        var reader = cmd.ExecuteReader();
        var blogs = ((IObjectContextAdapter)db)
            .ObjectContext                                              //First Time
            .Translate&amp;lt;Blog&amp;gt;(reader, "Blogs", MergeOption.AppendOnly);
        foreach (var item in blogs)
        { 
            Console.WriteLine(item.Name);
        }
        reader.NextResult();
        var posts = ((IObjectContextAdapter)db)
            .ObjectContext                                              //Second Time
            .Translate&amp;lt;Post&amp;gt;(reader, "Posts", MergeOption.AppendOnly);
        foreach (var item in posts)
        {
            Console.WriteLine(item.Title);
        }
    }
    finally
    {
        db.Database.Connection.Close();
    }
}
&lt;/code&gt;&lt;/pre&gt;
&lt;p&gt;My stored procedures return many result sets, so I would like to simplify the code as much as possible by copying the reference to &lt;code&gt;ObjectContext&lt;/code&gt; to a local variable, but I am not sure if doing so will cause issues.&lt;br&gt;
I did find an &lt;a href="http://www.c-sharpcorner.com/UploadFile/ff2f08/objectcontext-vs-dbcontext/" rel="nofollow"&gt;article&lt;/a&gt; which indicates that "Conceptually 'DbContext' is the same as 'ObjectContext'."&lt;br&gt;
I have not found anything explicitly indicating the scope and lifetime of the object instance.&lt;br&gt;
The documentation for &lt;a href="https://msdn.microsoft.com/en-us/library/system.data.entity.core.objects.objectcontext(v=vs.113).aspx" rel="nofollow"&gt;&lt;code&gt;ObjectContext&lt;/code&gt;&lt;/a&gt; is a bit lacking in details.&lt;/p&gt;
&lt;p&gt;I prefer a link to the official documentation supporting any answer.&lt;/p&gt;</t>
  </si>
  <si>
    <t>2016-05-04 19:17:56.690000+00:00</t>
  </si>
  <si>
    <t>2016-05-04 21:47:02.213000+00:00</t>
  </si>
  <si>
    <t>c#|entity-framework-6</t>
  </si>
  <si>
    <t>Which tts engine is voicerss.org using?</t>
  </si>
  <si>
    <t>&lt;p&gt;The voices used by &lt;a href="http://www.voicerss.org" rel="nofollow"&gt;http://www.voicerss.org&lt;/a&gt; are really good. Does anybody has an idea what tts engine is used for voicerss.org?&lt;/p&gt;</t>
  </si>
  <si>
    <t>2015-10-24 03:26:30.170000+00:00</t>
  </si>
  <si>
    <t>2015-11-12 14:47:12.350000+00:00</t>
  </si>
  <si>
    <t>text-to-speech</t>
  </si>
  <si>
    <t>How can I stop the hyper HTTP web server and return an error?</t>
  </si>
  <si>
    <t>&lt;p&gt;The &lt;a href="https://docs.rs/hyper/0.12.8/hyper/" rel="nofollow noreferrer"&gt;docs for the hyper crate&lt;/a&gt; have a simple example to start a web server:&lt;/p&gt;
&lt;pre&gt;&lt;code&gt;extern crate hyper;
use hyper::service::service_fn_ok;
use hyper::{Body, Response, Server};
fn main() {
    // Construct our SocketAddr to listen on...
    let addr = ([127, 0, 0, 1], 3000).into();
    // And a NewService to handle each connection...
    let new_service = || service_fn_ok(|_req| Response::new(Body::from("Hello World")));
    // Then bind and serve...
    let server = Server::bind(&amp;amp;addr).serve(new_service);
    // Finally, spawn `server` onto an Executor...
    hyper::rt::run(server.map_err(|e| {
        eprintln!("server error: {}", e);
    }));
}
&lt;/code&gt;&lt;/pre&gt;
&lt;p&gt;I want to embed this web server in a procedure that returns an error:&lt;/p&gt;
&lt;pre&gt;&lt;code&gt;// Executes a web server. Returns a result object with an error object
// if the server stopped unexpectedly
fn run_and_stop_web_server(addr: std::net::SocketAddr) -&amp;gt; Result&amp;lt;(), Error&amp;gt; {
    let server_builder = Server::try_bind(&amp;amp;addr)?;
    let server = server_builder.serve(move || {
        let handler: Handler = Handler::new();
        hyper::service::service_fn(move |req| handler.serve(req))
    });
    // Run the server
    // HERE: I don't know how to handle the error so I can return it from
    //       the run_and_stop_web_server() function
    hyper::rt::run(server.map_err(|e| eprintln!("Ignored Server error: {}", e)));
    Result::Ok(())
}
&lt;/code&gt;&lt;/pre&gt;
&lt;p&gt;I don't know how I can handle the error. Instead of using &lt;code&gt;eprintln!()&lt;/code&gt; I want to return the error from the &lt;code&gt;run_and_stop_web_server&lt;/code&gt; function.&lt;/p&gt;</t>
  </si>
  <si>
    <t>2018-08-23 13:35:39.013000+00:00</t>
  </si>
  <si>
    <t>2018-08-30 20:02:36.853000+00:00</t>
  </si>
  <si>
    <t>2018-08-23 14:59:26.200000+00:00</t>
  </si>
  <si>
    <t>rust|rust-tokio</t>
  </si>
  <si>
    <t>Apache Pig not parsing a tuple fully</t>
  </si>
  <si>
    <t>&lt;p&gt;I have a file called &lt;code&gt;data&lt;/code&gt; that looks like this: &lt;em&gt;(note there are tabs after the 'personA')&lt;/em&gt;&lt;/p&gt;
&lt;pre&gt;&lt;code&gt;personA (1, 2, 3)
personB (2, 1, 34)
&lt;/code&gt;&lt;/pre&gt;
&lt;p&gt;And I have an Apache pig script like this:&lt;/p&gt;
&lt;pre&gt;&lt;code&gt;A = LOAD 'data' AS (name: chararray, nodes: tuple(a:int, b:int, c:int));
C = foreach A generate nodes.$0;
dump C;
&lt;/code&gt;&lt;/pre&gt;
&lt;p&gt;The output of which makes sense:&lt;/p&gt;
&lt;pre&gt;&lt;code&gt;(1)
(2)
&lt;/code&gt;&lt;/pre&gt;
&lt;p&gt;However if I change the schema of the script to be like this:&lt;/p&gt;
&lt;pre&gt;&lt;code&gt;A = LOAD 'data' AS (name: chararray, nodes: tuple());
C = foreach A generate nodes.$0;
dump C;
&lt;/code&gt;&lt;/pre&gt;
&lt;p&gt;Then the output I get is this:&lt;/p&gt;
&lt;pre&gt;&lt;code&gt;(1, 2, 3)
(2, 1, 34)
&lt;/code&gt;&lt;/pre&gt;
&lt;p&gt;It looks like the first (and only) element in this tuple is a bytearray. i.e. it's not parsing the input text &lt;code&gt;1, 2, 3&lt;/code&gt; into a tuple.&lt;/p&gt;
&lt;p&gt;In future my input will have an unknown &amp;amp; variable number of elements in the &lt;code&gt;nodes&lt;/code&gt; item, so I can't just write out &lt;code&gt;a:int, ���&lt;/code&gt;.&lt;/p&gt;
&lt;p&gt;Is there anyway to get Pig to parse the input tuple as a tuple without having to write out the full schema?&lt;/p&gt;</t>
  </si>
  <si>
    <t>2012-01-12 16:18:47.367000+00:00</t>
  </si>
  <si>
    <t>2015-10-29 21:45:39.963000+00:00</t>
  </si>
  <si>
    <t>2012-01-12 22:34:45.143000+00:00</t>
  </si>
  <si>
    <t>hadoop|mapreduce|apache-pig</t>
  </si>
  <si>
    <t>How to create an REST API endpoint with multiple selection of id</t>
  </si>
  <si>
    <t>&lt;p&gt;I'm new to REST API and I'm creating endpoints right now for my project. My question is?&lt;/p&gt;
&lt;p&gt;What is the right approach in creating an endpoint for multiple record. Instead of doing this&lt;/p&gt;
&lt;pre&gt;&lt;code&gt;/users/:id
&lt;/code&gt;&lt;/pre&gt;
&lt;p&gt;I want to select multiple users like in sql &lt;/p&gt;
&lt;pre&gt;&lt;code&gt;"where users.id in [ ]"
&lt;/code&gt;&lt;/pre&gt;
&lt;p&gt;Is it correct to create an endpoint like this:&lt;/p&gt;
&lt;pre&gt;&lt;code&gt;/users?user_id=1,2,3
&lt;/code&gt;&lt;/pre&gt;
&lt;p&gt;selecting users with ID of 1,2 and 3?&lt;/p&gt;</t>
  </si>
  <si>
    <t>2016-10-11 02:01:23.900000+00:00</t>
  </si>
  <si>
    <t>2016-10-11 17:15:36.833000+00:00</t>
  </si>
  <si>
    <t>rest|api</t>
  </si>
  <si>
    <t>Get .txt files from Windows Phone 7 to a PC</t>
  </si>
  <si>
    <t>&lt;p&gt;I am able to  write to a .txt file in Windows Phone 7. I know I can read this file programmatically, but how will I be able to get this file to a PC? Where exactly is the file stored on the phone?&lt;/p&gt;</t>
  </si>
  <si>
    <t>2011-11-14 16:59:55.593000+00:00</t>
  </si>
  <si>
    <t>2014-07-10 22:33:17.810000+00:00</t>
  </si>
  <si>
    <t>windows-phone-7</t>
  </si>
  <si>
    <t>fatal: division by zero attempted</t>
  </si>
  <si>
    <t>&lt;p&gt;when ever I am trying to calculate mean and standard deviation using awk i am getting "awk: fatal: division by zero attempted" error.&lt;/p&gt;
&lt;p&gt;my command is&lt;/p&gt;
&lt;pre&gt;&lt;code&gt;BEGIN{
recvs = 0;
routing_packets = 0;
}
{
state       =   $1;
layer       =   $3;
tipe_data   =   $6;
}
{
if (state == "r" &amp;amp;&amp;amp; tipe_data == "tcp" &amp;amp;&amp;amp; layer=="AGT") recvs++;
if (state == "s"  &amp;amp;&amp;amp; layer == "AGT" &amp;amp;&amp;amp; tipe_data =="AODV") routing_packets++;   
}
END{
printf("##################################################################################\n");
printf("\n");
printf("                       Normalized Routing Load = %.3f\n", routing_packets/recvs);
printf("\n");
printf("##################################################################################\n");
} 
&lt;/code&gt;&lt;/pre&gt;
&lt;p&gt;thanks&lt;/p&gt;</t>
  </si>
  <si>
    <t>2014-07-02 06:56:22.977000+00:00</t>
  </si>
  <si>
    <t>2014-07-02 07:27:33.560000+00:00</t>
  </si>
  <si>
    <t>awk</t>
  </si>
  <si>
    <t>css3 to stack 2 background images on the body</t>
  </si>
  <si>
    <t>&lt;p&gt;I would like to use 2 images as a fixed image's background image so I used the code on the body. &lt;/p&gt;
&lt;pre&gt;&lt;code&gt;background: url(images/31.jpg) 100% no-repeat, url(images/12.jpg) 100% no-repeat;
background-position: fixed;
&lt;/code&gt;&lt;/pre&gt;
&lt;p&gt;I need them to fit the browser width 100% and I want image 2 to stack vertically after image 1. I have read quite a few websites about using multiple images with CSS3. Is this possible without JavaScript and if so why do my images stack on top of one another and image 1 doesn't start at top left?  &lt;/p&gt;</t>
  </si>
  <si>
    <t>2014-02-26 12:08:20.140000+00:00</t>
  </si>
  <si>
    <t>2014-02-26 17:14:19.553000+00:00</t>
  </si>
  <si>
    <t>2014-02-26 13:50:03.220000+00:00</t>
  </si>
  <si>
    <t>css3</t>
  </si>
  <si>
    <t>Obtain registry key values dynamically based on number of keys</t>
  </si>
  <si>
    <t>&lt;p&gt;Say there exists a location in the registry:&lt;/p&gt;
&lt;pre&gt;&lt;code&gt;HKEY_CURRENT_USER\Software\ABC\XYZ\
&lt;/code&gt;&lt;/pre&gt;
&lt;p&gt;In this location there are multiple values present, no fixed number. But the value names are having same prefix like &lt;strong&gt;ABC0&lt;/strong&gt;, &lt;strong&gt;ABC1&lt;/strong&gt;, &lt;strong&gt;ABC2&lt;/strong&gt;, ...&lt;/p&gt;
&lt;p&gt;Generally I would use this query to fetch each individual value:&lt;/p&gt;
&lt;pre&gt;&lt;code&gt;FOR /F "usebackq tokens=3*" %%A IN (`REG QUERY "HKEY_CURRENT_USER\Software\ABC\XYZ\" /v ABC0`) DO (
    SET Value=%%A
)
&lt;/code&gt;&lt;/pre&gt;
&lt;p&gt;This would set the value of &lt;strong&gt;ABC0&lt;/strong&gt; to the variable &lt;strong&gt;Value&lt;/strong&gt;.&lt;/p&gt;
&lt;p&gt;But I don't know the number of values that might exist.&lt;/p&gt;
&lt;p&gt;Is there any way to obtain all the values with suffix ABC (in the above location) and store them into a variable or store them in multiple variables?&lt;/p&gt;
&lt;p&gt;Something like:&lt;/p&gt;
&lt;p&gt;Value1 = Value_of_ABC0&lt;br&gt;
Value2 = Value_of_ABC1&lt;br&gt;
and so on.&lt;/p&gt;</t>
  </si>
  <si>
    <t>2015-03-19 05:41:10.853000+00:00</t>
  </si>
  <si>
    <t>2015-03-19 08:45:27.220000+00:00</t>
  </si>
  <si>
    <t>2015-03-19 07:00:23.720000+00:00</t>
  </si>
  <si>
    <t>batch-file|automation|registry|registrykey</t>
  </si>
  <si>
    <t>javascript - function not calling as and when expected</t>
  </si>
  <si>
    <t>&lt;p&gt;This should be a very basic and easy thing, but I don't really understand this behaviour and I'm searching for a quick explanation on why it's doing what it's doing.&lt;/p&gt;
&lt;p&gt;Here's the code I have for now:&lt;/p&gt;
&lt;pre&gt;&lt;code&gt;var addNewResToDb = function () {
    console.log("Add new res to db")
};
var deleteResource = function () {
    console.log("Delete res to db")
};
var editResource = function () {
    console.log("Edit res to db")
};
var searchResource = function () {
    console.log("Search res in db")
};
var getAllResources = function () {
    console.log("Get all res from db")
};
var databaseActions = {
    addNewres: addNewResToDb,
    deleteResource: deleteResource,
    editResource: editResource,
    searchResource: searchResource,
    getAllResources: getAllResources,
};
$(document).ready(function () {
    var search = $(".searchbar");
    search.keyup(databaseActions.searchResource);
})
&lt;/code&gt;&lt;/pre&gt;
&lt;p&gt;So, an object which acts like a "class" and should call a specific variable (function) when required.&lt;/p&gt;
&lt;p&gt;After this setup, I'm trying to call &lt;code&gt;searchResource&lt;/code&gt; on keyup, but it's called on windows load and NOT on every keyup.&lt;/p&gt;
&lt;p&gt;My questions here are:&lt;/p&gt;
&lt;p&gt;1) Why it's calling on document ready, even if it should be called only on keyup?&lt;/p&gt;
&lt;p&gt;2) why it's not calling on keyup?&lt;/p&gt;
&lt;p&gt;Sorry for the very basic question, but I'd like to understand this a bit more as I'm trying to use this object approach&lt;/p&gt;</t>
  </si>
  <si>
    <t>2016-07-22 21:32:17.157000+00:00</t>
  </si>
  <si>
    <t>BATCH: String substitution sub</t>
  </si>
  <si>
    <t>&lt;p&gt;I'm trying to make a sub in batch that find a string in a string and replace it with a third one.
Searching around, I found &lt;a href="http://www.dostips.com/DtTipsStringManipulation.php#Snippets.Remove" rel="nofollow"&gt;here&lt;/a&gt; that I can erase a string with the &lt;code&gt;SET&lt;/code&gt; command.&lt;/p&gt;
&lt;p&gt;So, here's what I tried:&lt;/p&gt;
&lt;pre&gt;&lt;code&gt;:modifyString what with [in]
SET _what=%~1
ECHO "%_what%"
SET "_with=%~2
ECHO "%toWith%"
SET _In=%~3
ECHO "%_In%"
SET _In=%_In:%toWhat%=%toWith%%
ECHO %_In%
SET "%~3=%_In%"
EXIT /B
&lt;/code&gt;&lt;/pre&gt;
&lt;p&gt;The &lt;code&gt;ECHO&lt;/code&gt;s are there only for "debugging" purposes.&lt;/p&gt;
&lt;p&gt;What I know is that the error is in...&lt;/p&gt;
&lt;pre&gt;&lt;code&gt;SET _In=%_In:%toWhat%=%toWith%%
&lt;/code&gt;&lt;/pre&gt;
&lt;p&gt;...because of the % character that close the &lt;code&gt;%_in%&lt;/code&gt; variable.&lt;/p&gt;
&lt;p&gt;I tried also things such as...&lt;/p&gt;
&lt;pre&gt;&lt;code&gt;SET _In=%_In:!toWhat!=!toWith!%
SET _In=!_In:%toWhat%=%toWith%!
&lt;/code&gt;&lt;/pre&gt;
&lt;p&gt;...and others without sense.&lt;/p&gt;
&lt;p&gt;This is the main problem, the other is to return &lt;code&gt;%_In%&lt;/code&gt; in &lt;code&gt;[in]&lt;/code&gt;.&lt;/p&gt;
&lt;p&gt;Any tips?&lt;/p&gt;</t>
  </si>
  <si>
    <t>2013-02-02 14:37:28.410000+00:00</t>
  </si>
  <si>
    <t>2013-02-02 23:17:34.287000+00:00</t>
  </si>
  <si>
    <t>2013-02-02 14:44:58.420000+00:00</t>
  </si>
  <si>
    <t>string|batch-file|substitution</t>
  </si>
  <si>
    <t>Create Merge Request Not Working in Gitlab</t>
  </si>
  <si>
    <t>&lt;p&gt;I just pushed a new branch "TEST" and Gitlab has the button to create a new merge request.  When I click it though, it takes me to a page that asks me to select the source, and what it should be merged into.&lt;/p&gt;
&lt;p&gt;The problem is the only branch in the source is master.  The TEST branch is not there. &lt;/p&gt;
&lt;p&gt;I can however see the TEST branch on the branches tab on the repository page.&lt;/p&gt;
&lt;p&gt;Any ideas?&lt;/p&gt;</t>
  </si>
  <si>
    <t>2013-07-15 16:36:07.323000+00:00</t>
  </si>
  <si>
    <t>2017-08-22 15:27:22.423000+00:00</t>
  </si>
  <si>
    <t>2013-07-15 16:52:05.707000+00:00</t>
  </si>
  <si>
    <t>git|gitlab</t>
  </si>
  <si>
    <t>How to change the background of a Frame - Tkinter !?</t>
  </si>
  <si>
    <t>&lt;p&gt;I have been creating an Frame using Tkinter in Python 2.7 and get a different Background!. However, when I use this code it gives the following error:&lt;/p&gt;
&lt;pre&gt;&lt;code&gt;_tkinter.TclError: unknown option "-bg"
&lt;/code&gt;&lt;/pre&gt;
&lt;p&gt;and the full traceback:&lt;/p&gt;
&lt;pre&gt;&lt;code&gt;Traceback (most recent call last):
  File "//MCLSERVER4/MCL Sicherung/M.Grbic/Python/Power Cycling Test/pwrMultiCycling.py", line 26, in &amp;lt;module&amp;gt;
    gui = Interface(root)
  File "//MCLSERVER4/MCL Sicherung/M.Grbic/Python/Power Cycling Test/pwrMultiCycling.py", line 20, in __init__
    self.frame = Frame(parent, bg='', colormap='new')
  File "S:\Python27\lib\lib-tk\ttk.py", line 735, in __init__
    Widget.__init__(self, master, "ttk::frame", kw)
  File "S:\Python27\lib\lib-tk\ttk.py", line 555, in __init__
    Tkinter.Widget.__init__(self, master, widgetname, kw=kw)
  File "S:\Python27\lib\lib-tk\Tkinter.py", line 2036, in __init__
    (widgetName, self._w) + extra + self._options(cnf))
_tkinter.TclError: unknown option "-bg"
&lt;/code&gt;&lt;/pre&gt;
&lt;p&gt;and my code:&lt;/p&gt;
&lt;pre&gt;&lt;code&gt;from Tkinter import *
from ttk import *
import os
from PIL import Image
class Interface:
    def __init__(self, parent):
        self.parent = parent
        parent.title("")
        local_directory = os.path.dirname(os.path.realpath(__file__))
        self.dataname = "/does/not/exist"
        self.frame = Frame(parent, bg='', colormap='new')
if __name__ == '__main__':
    root = Tk()
    gui = Interface(root)
    root.mainloop()
&lt;/code&gt;&lt;/pre&gt;</t>
  </si>
  <si>
    <t>2016-09-16 06:42:55.307000+00:00</t>
  </si>
  <si>
    <t>2016-09-16 07:00:59.937000+00:00</t>
  </si>
  <si>
    <t>python|python-2.7|tkinter</t>
  </si>
  <si>
    <t>directx9 button and directx9 gui</t>
  </si>
  <si>
    <t>&lt;p&gt;I��m searching for a predefined class or stuct in directx, which has the functionality of a button.&lt;/p&gt;
&lt;p&gt;I want to program a litte game and I have learned, that it is very usefull to use already existing classes and functions. But, the doc of directx is so big, that I can��t find the things, which I��m needing.&lt;/p&gt;
&lt;p&gt;Now I��m searching for a button class or a GUI.&lt;/p&gt;
&lt;p&gt;If I write it on my own, then it will take a lot of time, and I want to create a game and not a GUI. So I��m searching for a already existing GUI, which I have only to inlucde.&lt;/p&gt;
&lt;p&gt;I��m using c++
directx9
visual studio 2012&lt;/p&gt;</t>
  </si>
  <si>
    <t>2013-04-16 22:13:44.747000+00:00</t>
  </si>
  <si>
    <t>2013-04-17 09:05:27.703000+00:00</t>
  </si>
  <si>
    <t>2013-04-16 22:33:57.520000+00:00</t>
  </si>
  <si>
    <t>button|user-interface|directx|directx-9</t>
  </si>
  <si>
    <t>C++ TCP Client Send Immidiately</t>
  </si>
  <si>
    <t>&lt;p&gt;Is there any way to get a C TCP Client to send its messages immidiately after the socket descriptor has been written to?&lt;/p&gt;
&lt;p&gt;I have tried setting &lt;code&gt;TCP_NODELAY&lt;/code&gt;&lt;/p&gt;</t>
  </si>
  <si>
    <t>2015-08-15 03:17:11.513000+00:00</t>
  </si>
  <si>
    <t>c|tcp</t>
  </si>
  <si>
    <t>How to call woocommerce API using 0auth in php</t>
  </si>
  <si>
    <t>&lt;p&gt;I am working on a wordpress site that uses woocomerce plugin, I want the products to be stock wise maintained using Woocomerce API.
* I tried using postman tool but it works fine with the tool . I don't know the the php code that works with woocomerce 0auth.&lt;/p&gt;
&lt;p&gt;I tried the below solution
&lt;a href="https://packagist.org/packages/automattic/woocommerce" rel="nofollow noreferrer"&gt;https://packagist.org/packages/automattic/woocommerce&lt;/a&gt;  &lt;/p&gt;
&lt;p&gt;But none of them worked out for me. &lt;/p&gt;</t>
  </si>
  <si>
    <t>2018-08-09 11:00:00.393000+00:00</t>
  </si>
  <si>
    <t>2018-08-09 11:07:36.157000+00:00</t>
  </si>
  <si>
    <t>php|wordpress|api|woocommerce|woocommerce-rest-api</t>
  </si>
  <si>
    <t>VB.NET WCF Soap Web Service Variables Missing</t>
  </si>
  <si>
    <t>&lt;p&gt;I have created a WCF VB.Net Soap service.  The service compiles and runs, but at runtime, only half of the variables passed to the function via a soap request are received.  Would anyone please be able to help me determine why only part of the variables are being passed in.  Thanks in advance.&lt;/p&gt;
&lt;p&gt;Interface&lt;/p&gt;
&lt;pre&gt;&lt;code&gt;Imports System.ServiceModel
Imports System.ServiceModel.Web
&amp;lt;ServiceContract(Namespace:="http://tms.m33integrated.com/")&amp;gt; _
Public Interface IRateService
    &amp;lt;WebInvoke(Method:="POST"), OperationContract(Action:="http://tms.m33integrated.com/RateShop")&amp;gt; _
    Function RateShop(ByVal rateRequest As RateRequest) As ShoppedRate()
    &amp;lt;WebInvoke(Method:="POST"), OperationContract(Action:="http://tms.m33integrated.com/RateShipment")&amp;gt; _
    Function RateShipment(ByVal rr As RateRequest) As Rate
    &amp;lt;WebInvoke(Method:="POST"), OperationContract(Action:="http://tms.m33integrated.com/RateMultiStopShipment")&amp;gt; _
    Function RateMultiStopShipment(ByVal rr As MultiStopRateRequest) As MultiStopRate
    &amp;lt;WebInvoke(Method:="POST"), OperationContract(Action:="http://tms.m33integrated.com/RateShopMultiStopShipment")&amp;gt; _
    Function RateShopMultiStopShipment(ByVal msrr As MultiStopRateShopRequest) As MultiStopRates
End Interface
&lt;/code&gt;&lt;/pre&gt;
&lt;p&gt;Implementation&lt;/p&gt;
&lt;pre&gt;&lt;code&gt;Imports System.IO
Imports System.Net
Imports System.Web
Imports System.Xml
Imports System.Xml.Serialization
Imports System.Text
Imports System.Text.RegularExpressions
Imports System.Data
Imports System.Data.SqlClient
Imports System.Web.Script.Serialization
Imports System.Runtime.Serialization
Imports System.Runtime.Serialization.Json
Imports System.ServiceModel
Imports System.ServiceModel.Web
Imports System.Configuration
&amp;lt;ServiceBehavior(ConcurrencyMode:=ConcurrencyMode.Single, InstanceContextMode:=InstanceContextMode.Single)&amp;gt; _
Public Class RateService
    Implements IRateService
    Public Function RateShop(ByVal rateRequest As RateRequest) As ShoppedRate() Implements IRateService.RateShop
    End Function
    '
    ' A remote method to rate a single load.
    '
    Public Function RateShipment(ByVal rr As RateRequest) As Rate Implements IRateService.RateShipment
    End Function
    Public Function RateMultiStopShipment(ByVal rr As MultiStopRateRequest) As MultiStopRate Implements IRateService.RateMultiStopShipment
    End Function
    Public Function RateShopMultiStopShipment(ByVal msrr As MultiStopRateShopRequest) As MultiStopRates Implements IRateService.RateShopMultiStopShipment
    End Function
End Class
&amp;lt;DataContract(Namespace:="http://tms.m33integrated.com")&amp;gt; _
Public Class LoadDetail
    &amp;lt;DataMember()&amp;gt;
    Public freightClass As String
    &amp;lt;DataMember()&amp;gt;
    Public weight As String
    &amp;lt;DataMember()&amp;gt;
    Public palletCount As String
    &amp;lt;DataMember()&amp;gt;
    Public linearFeet As String
End Class
&amp;lt;DataContract(Namespace:="http://tms.m33integrated.com")&amp;gt; _
Public Class Accessorial
    &amp;lt;DataMember()&amp;gt;
    Public name As String
    &amp;lt;DataMember()&amp;gt;
    Public argCount As Integer
    &amp;lt;DataMember()&amp;gt;
    Public value As String
    &amp;lt;DataMember()&amp;gt;
    Public value0 As String
    &amp;lt;DataMember()&amp;gt;
    Public passThrough As Boolean
End Class
&amp;lt;DataContract(Namespace:="http://tms.m33integrated.com")&amp;gt; _
Public Class RateRequest
    &amp;lt;DataMember()&amp;gt;
    Public LoadID As String
    &amp;lt;DataMember()&amp;gt;
    Public UserID As String
    &amp;lt;DataMember()&amp;gt;
    Public clientName As String
    &amp;lt;DataMember()&amp;gt;
    Public scac As String           'not used when rate shopping
    &amp;lt;DataMember()&amp;gt;
    Public rateShopCode As String   'only used when rate shopping
    &amp;lt;DataMember()&amp;gt;
    Public mode As String
    &amp;lt;DataMember()&amp;gt;
    Public shipDate As String
    '--------------------------------------------------------------------------------------- ETM /*
    &amp;lt;DataMember()&amp;gt;
    Public miles As String
    &amp;lt;DataMember()&amp;gt;
    Public typePractical As String
    '--------------------------------------------------------------------------------------- ETM */
    &amp;lt;DataMember()&amp;gt;
    Public origin As ShippingPoint
    &amp;lt;DataMember()&amp;gt;
    Public destination As ShippingPoint
    &amp;lt;DataMember()&amp;gt;
    Public details() As LoadDetail
    &amp;lt;DataMember()&amp;gt;
    Public accessorials() As Accessorial
End Class
Public Class Rate
    Public Result As String
    Public Rate As Double
    Public RateACC As Double
    Public RateFUE As Double
    Public TariffName As String
    Public TariffDate As String
    Public Movement As String
    Public TariffMin As String
    Public Miles As String
    Public RatedWt As String
    Public DeficitWt As String
    Public ActualWt As String
    Public RatePerCWT As String
    Public PalletRate As String
    Public FuelCalc As String
    Public DiscPercent As String
    Public GrossAmt As String
    Public DiscAmt As String
    Public LHDiscAmt As String
    Public FuelAmt As String
    Public AccAmt As String
    Public NetAmt As String
    Public serviceType As String
    Public TransitDays As String
    Public mileType As String
    Public RatePerMile As String
    Public FuelFactor As String
    Public MinCharge As String
    Public MinFloor As String
    Public Currency As String
    Public details() As RateShoppedLoadDetail
    Public accessorials() As Accessorial
End Class
Public Class ShoppedRate
    Public rateResultID As String
    Public result As String
    Public clientName As String
    Public DriverUnloads As String
    Public scac As String
    Public mode As String
    Public shipDate As String
    Public origin As ShippingPoint
    Public destination As ShippingPoint
    Public ratedWeight As String
    Public deficitWeight As String
    Public actualWeight As String
    Public tariffWeight As String
    Public tariffDate As String
    Public tariffName As String
    Public ratePerCWT As String
    Public ratePerPalette As String
    Public fuelType As String
    Public mileType As String
    Public minFloor As String
    Public discountPercent As String
    Public fuelFactor As String
    Public tariffMin As String
    Public totalMiles As String
    Public grossAmount As String
    Public discountAmount As String
    Public fuelAmount As String
    Public lhDiscountAmount As String
    Public totalAccessorialAmount As String
    Public netAmount As String
    Public movementType As String
    Public serviceType As String
    Public TransitDays As String
    Public Currency As String
    Public details() As RateShoppedLoadDetail
    Public accessorials() As Accessorial
End Class
Public Class RateShoppedLoadDetail
    Public freightClass As String
    Public weight As String
    Public palletCount As String
    Public linearFeet As String
    Public fak As String
    Public rate As String
    Public detailGrossAmount As String
    Public detailNetAmount As String
    Public detailDeficitWeight As String
    Public cubicFeet As String
End Class
&amp;lt;DataContract(Namespace:="http://tms.m33integrated.com")&amp;gt; _
Public Class MultiStopRateRequest
    &amp;lt;DataMember()&amp;gt;
    Public LoadID As String
    &amp;lt;DataMember()&amp;gt;
    Public UserID As String
    &amp;lt;DataMember()&amp;gt;
    Public clientName As String
    &amp;lt;DataMember()&amp;gt;
    Public scac As String
    &amp;lt;DataMember()&amp;gt;
    Public mode As String
    &amp;lt;DataMember()&amp;gt;
    Public shipDate As String
    &amp;lt;DataMember()&amp;gt;
    Public driverUnloads As String
    &amp;lt;DataMember()&amp;gt;
    Public Resequence As String
    &amp;lt;DataMember()&amp;gt;
    Public DestinationFixed As String
    &amp;lt;DataMember()&amp;gt;
    Public UsePRMiles As String
    &amp;lt;DataMember()&amp;gt;
    Public LockFirst As String
    &amp;lt;DataMember()&amp;gt;
    Public segment() As Segment
End Class
&amp;lt;DataContract(Namespace:="http://tms.m33integrated.com")&amp;gt; _
Public Class Segment
    &amp;lt;DataMember()&amp;gt;
    Public origin As ShippingPoint
    &amp;lt;DataMember()&amp;gt;
    Public destination As ShippingPoint
    '--------------------------------------------------------------------------------------- ETM /*
    &amp;lt;DataMember()&amp;gt;
    Public miles As String          ' 05/27/2010 added miles so milage can be directly passed to the rater
    '--------------------------------------------------------------------------------------- ETM */
    &amp;lt;DataMember()&amp;gt;
    Public details() As LoadDetail
    &amp;lt;DataMember()&amp;gt;
    Public accessorials() As Accessorial
End Class
Public Class RatedSegment
    Public MovementType As String
    Public DriverUnloads As String
    Public TotalLinearFeet As String
    Public MileType As String
    Public RatedWeight As String
    Public ActualWeight As String
    Public TotalNoPallets As String
    Public TariffName As String
    Public TariffDate As String
    Public TariffNameCWT As String
    Public TariffDateCWT As String
    Public TariffNamePLT As String
    Public TariffDatePLT As String
    Public RateStatus As String
    Public SegMiles As String
    Public SegCharges As String
    Public StopOffCharges As String
    Public TotalMiles As String
    Public FuelType As String
    Public RatePerCWT As String
    Public RatePerMile As String
    Public RatePerMileBH As String
    Public FuelFactor As String
    Public MinCharge As String
    Public TransitDays As String
    Public ServiceType As String
    Public GrossAmount As String
    Public FuelAmount As String
    Public TotalAccAmount As String
    Public NetAmount As String
    Public Currency As String
    Public origin As ShippingPoint
    Public destination As ShippingPoint
End Class
Public Class MultiStopRate
    Public result As String
    Public LoadID As String
    Public UserID As String
    Public clientName As String
    Public scac As String
    Public mode As String
    Public shipDate As String
    Public driverUnloads As String
    Public Resequence As String
    Public DestinationFixed As String
    Public UsePRMiles As String
    Public LockFirst As String
    Public segment() As RatedSegment
End Class
&amp;lt;DataContract(Namespace:="http://tms.m33integrated.com")&amp;gt; _
Public Class MultiStopRateShopRequest
    &amp;lt;DataMember()&amp;gt;
    Public LoadID As String
    &amp;lt;DataMember()&amp;gt;
    Public UserID As String
    &amp;lt;DataMember()&amp;gt;
    Public clientName As String
    &amp;lt;DataMember()&amp;gt;
    Public scacs() As String
    &amp;lt;DataMember()&amp;gt;
    Public mode As String
    &amp;lt;DataMember()&amp;gt;
    Public shipDate As String
    &amp;lt;DataMember()&amp;gt;
    Public driverUnloads As String
    &amp;lt;DataMember()&amp;gt;
    Public Resequence As String
    &amp;lt;DataMember()&amp;gt;
    Public DestinationFixed As String
    &amp;lt;DataMember()&amp;gt;
    Public UsePRMiles As String
    &amp;lt;DataMember()&amp;gt;
    Public LockFirst As String
    &amp;lt;DataMember()&amp;gt;
    Public segment() As Segment
End Class
Public Class MultiStopRates
    Public Result As String
    Public MultiStopRate() As MultiStopRate
End Class
'--------------------------------------------------------------------------------------- ETM /*
Public Class Leg
    Public distance As Double
    Public time As Double
    Public origin As String
    Public destination As String
End Class
Public Class PCMiler_Return
    Public distance As Double
    Public errorMessage As String
    Public time As Double
    Public legList As System.Collections.Generic.List(Of Leg)
End Class
Public Class Carrier
    Public name As String
    Public lastUpdate As String
    Public type As String
    Public SCAC As String
    Public contact As Contact
End Class
Public Class Terminal
    Public name As String
    Public contact As Contact
End Class
Public Class Contact
    Public city As String
    Public name As String
    Public title As String
    Public email As String
    Public phoneNumbers As System.Collections.Generic.List(Of PhoneNumber)
    Public postalCode As String
    Public stateRegion As String
    Public street1 As String
    Public street2 As String
End Class
Public Class PhoneNumber
    Public number As String
    Public type As String
End Class
Public Class CarrierConnect_Return
    Public errorMessage As String
    Public origin As String
    Public destination As String
    Public originServiceType As String
    Public destinationServiceType As String
    Public directService As String
    Public serviceDays As String
    Public carrierInformation As Carrier
    Public originTerminalInformation As Terminal
    Public destinationTerminalInformation As Terminal
End Class
&lt;/code&gt;&lt;/pre&gt;
&lt;p&gt;.Config File&lt;/p&gt;
&lt;pre&gt;&lt;code&gt;&amp;lt;?xml version="1.0" encoding="utf-8" ?&amp;gt;
&amp;lt;configuration&amp;gt;
    &amp;lt;system.serviceModel&amp;gt;
        &amp;lt;behaviors&amp;gt;
            &amp;lt;serviceBehaviors&amp;gt;
                &amp;lt;behavior name="RaterWebService.Service1Behavior"&amp;gt;
                    &amp;lt;serviceMetadata httpGetEnabled="true" /&amp;gt;
                    &amp;lt;serviceDebug includeExceptionDetailInFaults="true" /&amp;gt;
                &amp;lt;/behavior&amp;gt;
            &amp;lt;/serviceBehaviors&amp;gt;
        &amp;lt;/behaviors&amp;gt;
        &amp;lt;services&amp;gt;
            &amp;lt;service behaviorConfiguration="RaterWebService.Service1Behavior"
                name="RaterWebService.RateService"&amp;gt;
                &amp;lt;endpoint address="" binding="basicHttpBinding" contract="RaterWebService.IRateService" /&amp;gt;
                &amp;lt;endpoint address="mex" binding="mexHttpBinding" contract="IMetadataExchange" /&amp;gt;
                &amp;lt;host&amp;gt;
                    &amp;lt;baseAddresses&amp;gt;
                        &amp;lt;add baseAddress="http://localhost:8080/" /&amp;gt;
                    &amp;lt;/baseAddresses&amp;gt;
                &amp;lt;/host&amp;gt;
            &amp;lt;/service&amp;gt;
        &amp;lt;/services&amp;gt;
    &amp;lt;/system.serviceModel&amp;gt;
&amp;lt;/configuration&amp;gt;
&lt;/code&gt;&lt;/pre&gt;
&lt;p&gt;Soap Request Being Sent&lt;/p&gt;
&lt;pre&gt;&lt;code&gt;&amp;lt;s:Envelope xmlns:s="http://schemas.xmlsoap.org/soap/envelope/"&amp;gt;
  &amp;lt;s:Body&amp;gt;
    &amp;lt;RateShop xmlns="http://tms.m33integrated.com/"&amp;gt;
      &amp;lt;rateRequest xmlns:tms="http://tms.m33integrated.com" xmlns:i="http://www.w3.org/2001/XMLSchema-instance"&amp;gt;
        &amp;lt;tms:LoadID&amp;gt;&amp;lt;/tms:LoadID&amp;gt;
    &amp;lt;tms:UserID&amp;gt;49277&amp;lt;/tms:UserID&amp;gt;
        &amp;lt;tms:accessorials&amp;gt;
        &amp;lt;tms:Accessorial&amp;gt;
                &amp;lt;tms:name&amp;gt;&amp;lt;/tms:name&amp;gt;
            &amp;lt;/tms:Accessorial&amp;gt;
        &amp;lt;/tms:accessorials&amp;gt;
        &amp;lt;tms:clientName&amp;gt;Acucote Inc&amp;lt;/tms:clientName&amp;gt;
        &amp;lt;tms:destination&amp;gt;
        &amp;lt;tms:city&amp;gt;Greenville&amp;lt;/tms:city&amp;gt;
        &amp;lt;tms:country&amp;gt;USA&amp;lt;/tms:country&amp;gt;   
        &amp;lt;tms:postalCode&amp;gt;29614&amp;lt;/tms:postalCode&amp;gt;
        &amp;lt;tms:state&amp;gt;SC&amp;lt;/tms:state&amp;gt;
    &amp;lt;/tms:destination&amp;gt;
        &amp;lt;tms:details&amp;gt;
        &amp;lt;tms:LoadDetail&amp;gt;
                &amp;lt;tms:freightClass&amp;gt;55&amp;lt;/tms:freightClass&amp;gt;
                &amp;lt;tms:linearFeet&amp;gt;0&amp;lt;/tms:linearFeet&amp;gt;
                &amp;lt;tms:palletCount&amp;gt;0&amp;lt;/tms:palletCount&amp;gt;
                &amp;lt;tms:weight&amp;gt;500&amp;lt;/tms:weight&amp;gt;
            &amp;lt;/tms:LoadDetail&amp;gt;
    &amp;lt;/tms:details&amp;gt;
        &amp;lt;tms:miles&amp;gt;&amp;lt;/tms:miles&amp;gt;
        &amp;lt;tms:mode&amp;gt;LTL&amp;lt;/tms:mode&amp;gt;
        &amp;lt;tms:origin&amp;gt;
        &amp;lt;tms:city&amp;gt;Gaffney&amp;lt;/tms:city&amp;gt;
        &amp;lt;tms:country&amp;gt;USA&amp;lt;/tms:country&amp;gt;
        &amp;lt;tms:postalCode&amp;gt;29340&amp;lt;/tms:postalCode&amp;gt;
        &amp;lt;tms:state&amp;gt;SC&amp;lt;/tms:state&amp;gt;
    &amp;lt;/tms:origin&amp;gt;
        &amp;lt;tms:rateShopCode&amp;gt;6&amp;lt;/tms:rateShopCode&amp;gt;
        &amp;lt;tms:scac&amp;gt;&amp;lt;/tms:scac&amp;gt;
        &amp;lt;tms:shipDate&amp;gt;07/23/2010&amp;lt;/tms:shipDate&amp;gt;
        &amp;lt;tms:typePractical&amp;gt;&amp;lt;/tms:typePractical&amp;gt;
      &amp;lt;/rateRequest&amp;gt;
    &amp;lt;/RateShop&amp;gt;
  &amp;lt;/s:Body&amp;gt;
&amp;lt;/s:Envelope&amp;gt;
&lt;/code&gt;&lt;/pre&gt;</t>
  </si>
  <si>
    <t>2010-07-27 19:49:08.003000+00:00</t>
  </si>
  <si>
    <t>2010-09-22 16:52:44.630000+00:00</t>
  </si>
  <si>
    <t>2010-07-27 23:14:05.510000+00:00</t>
  </si>
  <si>
    <t>xml|vb.net|wcf|soap</t>
  </si>
  <si>
    <t>Ember.js set embedded subdocument value with input (same form)</t>
  </si>
  <si>
    <t>&lt;p&gt;I am having trouble accessing the values of subdocuments from my form inputs in Ember-data.&lt;/p&gt;
&lt;p&gt;Using RESTAdapter, I want to construct a record for 'business information' with an embedded subdocument structure that might look something like this:&lt;/p&gt;
&lt;pre&gt;&lt;code&gt;"businessHours": {
        "monday":{
            "operating-status": "open",
            "from": null,
            "to": null
        }, 
        "tuesday": {
            "operating-status": "open",
            "from": null,
            "to": null
        }
    }
&lt;/code&gt;&lt;/pre&gt;
&lt;p&gt;Where business hours is just one attribute of the business object. I am attempting to define that subdocument relationship with the following models. &lt;strong&gt;Problem is, the form inputs (code below) are not updating the businessHours attribute in the Ember inspector.&lt;/strong&gt; When I save the record, the entire attribute is null.&lt;/p&gt;
&lt;p&gt;In the business model (among all the other attributes):&lt;/p&gt;
&lt;pre&gt;&lt;code&gt;businessHours: DS.belongsTo('hours', {async: false}),
&lt;/code&gt;&lt;/pre&gt;
&lt;p&gt;the 'hours' model:&lt;/p&gt;
&lt;pre&gt;&lt;code&gt;export default DS.Model.extend({
  bizinfo: DS.belongsTo('location.js', {async: false}),
  monday: DS.belongsTo('day', {async: false}),
  tuesday: DS.belongsTo('day', {async: false}),
  wednesday: DS.belongsTo('day', {async: false}),
  thursday: DS.belongsTo('day', {async: false}),
  friday: DS.belongsTo('day', {async: false}),
  saturday: DS.belongsTo('day', {async: false}),
  sunday: DS.belongsTo('day', {async: false})
});
&lt;/code&gt;&lt;/pre&gt;
&lt;p&gt;And finally the 'day' model:&lt;/p&gt;
&lt;pre&gt;&lt;code&gt;import DS from 'ember-data';
export default DS.Model.extend({
  hours: DS.belongsTo('hours', {async: false}),
  operatingStatus: DS.attr('string'),
  from: DS.attr(),
  to: DS.attr()
});
&lt;/code&gt;&lt;/pre&gt;
&lt;p&gt;As for templates, I have a business-hours component and feed it the businessHours portion of the model like this:&lt;/p&gt;
&lt;pre&gt;&lt;code&gt;&amp;lt;h3&amp;gt;Business Hours&amp;lt;/h3&amp;gt;
{{business-hours hours=model.businessHours}}
&lt;/code&gt;&lt;/pre&gt;
&lt;p&gt;Then, I set the values on the inputs to equal what I would imagine are those values in the subdocument. Is this where I go wrong?&lt;/p&gt;
&lt;pre&gt;&lt;code&gt;&amp;lt;tr&amp;gt;
    &amp;lt;td&amp;gt;Wednesday&amp;lt;/td&amp;gt;
    &amp;lt;td&amp;gt;&amp;lt;select {{value hours.wednesday.operatingStatus}}&amp;gt;
          &amp;lt;option value="closed"&amp;gt;Closed&amp;lt;/option&amp;gt;
          &amp;lt;option value="open"&amp;gt;Open&amp;lt;/option&amp;gt;
          &amp;lt;option value="24hr"&amp;gt;24hr&amp;lt;/option&amp;gt;
    &amp;lt;/select&amp;gt;&amp;lt;/td&amp;gt;
    &amp;lt;td&amp;gt;{{input type="time" value=hours.wednesday.from}}&amp;lt;/td&amp;gt;
    &amp;lt;td&amp;gt;{{input type="time" value=hours.wednesday.to}}&amp;lt;/td&amp;gt;
&amp;lt;/tr&amp;gt;
&lt;/code&gt;&lt;/pre&gt;
&lt;p&gt;Thanks much for any help!&lt;/p&gt;</t>
  </si>
  <si>
    <t>2016-05-09 17:30:52.373000+00:00</t>
  </si>
  <si>
    <t>Jquery horizontal drop down menu?</t>
  </si>
  <si>
    <t>&lt;p&gt;I want to make a drop down menu. I try to do something like this: &lt;a href="http://jsfiddle.net/GPpbz/11/" rel="nofollow"&gt;http://jsfiddle.net/GPpbz/11/&lt;/a&gt;&lt;/p&gt;
&lt;pre&gt;&lt;code&gt;&amp;lt;div&amp;gt;
    &amp;lt;nav&amp;gt;Parent Menu&amp;lt;/nav&amp;gt;
    &amp;lt;nav&amp;gt;Sub Menu&amp;lt;/nav&amp;gt;
    &amp;lt;nav&amp;gt;Sub Menu&amp;lt;/nav&amp;gt;
&amp;lt;/div&amp;gt;
&lt;/code&gt;&lt;/pre&gt;
&lt;p&gt;But I have a problem. When mouse leave from parent li, sub menu container slideUp. It should visible during mouse over on sub menu container. Maybe I cant explain, but if you look example, you understand me. &lt;/p&gt;
&lt;p&gt;How can I solve this problem. Or Do you offer something different? (Sub menu is 100% width an inline)&lt;/p&gt;
&lt;p&gt;Thanks.&lt;/p&gt;</t>
  </si>
  <si>
    <t>2012-11-08 08:44:29.927000+00:00</t>
  </si>
  <si>
    <t>2012-11-08 08:54:39.143000+00:00</t>
  </si>
  <si>
    <t>jquery|html|css|drop-down-menu</t>
  </si>
  <si>
    <t>Making/Initializing Array of Struct Like Objects in Java</t>
  </si>
  <si>
    <t>&lt;p&gt;I am using Java SE on NetBeans 7.3.1.&lt;/p&gt;
&lt;p&gt;I would like to form a Java array similar to the following in C&lt;/p&gt;
&lt;pre&gt;&lt;code&gt;typedef struct sNewStruct{
    int min;
    int max;
} NewStruct;
NewStruct nsVar[19];
&lt;/code&gt;&lt;/pre&gt;
&lt;p&gt;I tried the following&lt;/p&gt;
&lt;pre&gt;&lt;code&gt;class IntRange{
    int min, max;    
}
IntRange[]  rangeNodes = new IntRange[19];
&lt;/code&gt;&lt;/pre&gt;
&lt;p&gt;My problem is that, while rangeNodes is successfully allocated, all of its elements are nulls.&lt;/p&gt;</t>
  </si>
  <si>
    <t>2013-09-01 00:50:31.943000+00:00</t>
  </si>
  <si>
    <t>2013-09-01 00:59:32.010000+00:00</t>
  </si>
  <si>
    <t>2013-09-01 00:57:13.987000+00:00</t>
  </si>
  <si>
    <t>java|c|arrays</t>
  </si>
  <si>
    <t>regex how can I split this word?</t>
  </si>
  <si>
    <t>&lt;p&gt;I have a list of &lt;em&gt;several&lt;/em&gt; phrases in the following format&lt;/p&gt;
&lt;pre&gt;&lt;code&gt;thisIsAnExampleSentance
hereIsAnotherExampleWithMoreWordsInIt
&lt;/code&gt;&lt;/pre&gt;
&lt;p&gt;and I'm trying to end up with&lt;/p&gt;
&lt;pre&gt;&lt;code&gt;This Is An Example Sentance
Here Is Another Example With More Words In It
&lt;/code&gt;&lt;/pre&gt;
&lt;p&gt;Each phrase has the white space &lt;em&gt;condensed&lt;/em&gt; and the first letter is forced to &lt;em&gt;lowercase&lt;/em&gt;.&lt;/p&gt;
&lt;p&gt;Can I use &lt;code&gt;regex&lt;/code&gt; to add a space before each &lt;code&gt;A-Z&lt;/code&gt; and have the first letter of the phrase be &lt;em&gt;capitalized&lt;/em&gt;?&lt;/p&gt;
&lt;p&gt;I thought of doing something like&lt;/p&gt;
&lt;pre&gt;&lt;code&gt;([a-z]+)([A-Z])([a-z]+)([A-Z])([a-z]+) // etc
$1 $2$3 $4$5 // etc
&lt;/code&gt;&lt;/pre&gt;
&lt;p&gt;but on &lt;em&gt;50 records&lt;/em&gt; of &lt;em&gt;varying length&lt;/em&gt;, my idea is a poor solution. Is there a way to &lt;code&gt;regex&lt;/code&gt; in a way that will be more &lt;em&gt;dynamic&lt;/em&gt;? &lt;strong&gt;&lt;em&gt;Thanks&lt;/em&gt;&lt;/strong&gt;&lt;/p&gt;</t>
  </si>
  <si>
    <t>2012-03-15 19:31:44.047000+00:00</t>
  </si>
  <si>
    <t>2012-03-15 21:32:47.823000+00:00</t>
  </si>
  <si>
    <t>xcodebuild far slower than Xcode?</t>
  </si>
  <si>
    <t>&lt;p&gt;Building from the command line with xcodebuild is orders of magnitude slower than building the same project, same scheme, same target from within Xcode.  Does anyone know why this might be the case and how I might speed up my xcodebuild build?  &lt;/p&gt;
&lt;p&gt;I'm invoking xcodebuild as follows:&lt;/p&gt;
&lt;pre&gt;&lt;code&gt;xcodebuild -scheme &amp;lt;SCHEME&amp;gt; -workspace &amp;lt;WORKSPACE&amp;gt; -configuration Debug -sdk iphonesimulator7.0 -jobs 12 build
&lt;/code&gt;&lt;/pre&gt;
&lt;p&gt;for building on a  12-core Mac Pro.  I guessed at the -jobs setting but it seems reasonable.  Does anyone have any advice?  Is there a way, by analyzing Xcode's build log, to tell what settings for xcodebuild most closely map to what Xcode itself is using?  Thanks!&lt;/p&gt;</t>
  </si>
  <si>
    <t>2014-01-30 23:20:20.723000+00:00</t>
  </si>
  <si>
    <t>2016-01-06 00:47:49.347000+00:00</t>
  </si>
  <si>
    <t>objective-c|xcode|build|xcodebuild</t>
  </si>
  <si>
    <t>Aurelia - waiting for a promise to return in the router prerender step</t>
  </si>
  <si>
    <t>&lt;p&gt;&lt;strong&gt;TL;DR&lt;/strong&gt; - How can I delay the &lt;code&gt;ProcessResult()&lt;/code&gt; function in &lt;code&gt;aurelia-router.js&lt;/code&gt; from executing because I'm still waiting on the result of a promise in my code? It results in the right module rendering, with the wrong address/href.&lt;/p&gt;
&lt;p&gt;Example: if you're on base-module, then click on admin, the admin module will load, but the &lt;code&gt;href&lt;/code&gt; remains &lt;code&gt;www.mycompany.com/#/base-module&lt;/code&gt; instead of &lt;code&gt;www.mycompany.com/#/admin&lt;/code&gt;, and this error can be seen in the console:&lt;/p&gt;
&lt;blockquote&gt;
  &lt;p&gt;ERROR [app-router] Error: Expected router pipeline to return a navigation result, but got [{}] instead&lt;/p&gt;
&lt;/blockquote&gt;
&lt;p&gt;&lt;strong&gt;Longer version:&lt;/strong&gt; &lt;br&gt;
&lt;br&gt;
I have a prerender step in my router that checks whether the user is enabled for a particular module before rendering the view.&lt;/p&gt;
&lt;p&gt;In my PreRenderStep class I have a run function, which calls a mediator to get the permissions for a user, then checks whether the module the user clicked on is in their enabled modules list. The call to the mediator involves a promise.&lt;/p&gt;
&lt;p&gt;The problem is that the run promise in the prerender step resolves before a promise within the run method finishes. Therefore, the view is eventually rendered (because the user is enabled) but the previous href remains in the address bar.&lt;/p&gt;
&lt;p&gt;&lt;em&gt;Router:&lt;/em&gt;&lt;/p&gt;
&lt;p&gt;&lt;div class="snippet" data-lang="js" data-hide="false" data-console="true" data-babel="false"&gt;_x000D_
&lt;div class="snippet-code"&gt;_x000D_
&lt;pre class="snippet-code-js lang-js prettyprint-override"&gt;&lt;code&gt; configureRouter(config, router) {_x000D_
        config.title = "Tramonex";_x000D_
        config.addPipelineStep('authorize', AuthorizeStep);_x000D_
        config.addPreRenderStep(PreRenderStep);_x000D_
        config.map([_x000D_
            {_x000D_
                route: ['', 'log-in-out'],_x000D_
                name: 'home',_x000D_
                moduleId: 'modules/authentication/log-in-out'_x000D_
            },_x000D_
            {_x000D_
                route: 'passwordReset',_x000D_
                moduleId: 'modules/authentication/password-reset',_x000D_
            },_x000D_
            {route: 'app', moduleId: 'app', auth: true},_x000D_
            {_x000D_
                route: 'base-module',_x000D_
                name: 'base-module',_x000D_
                moduleId: 'modules/base-module',_x000D_
                href: 'base-module',_x000D_
                nav: true,_x000D_
                auth: true_x000D_
            },_x000D_
            {_x000D_
                route: 'test1',_x000D_
                name: 'test1',_x000D_
                moduleId: 'modules/test1/test1',_x000D_
                href: 'test1',_x000D_
                nav: true,_x000D_
                auth: true,_x000D_
                settings: {moduleAuthRequired: true}_x000D_
_x000D_
            },_x000D_
            {_x000D_
                route: 'test2',_x000D_
                name: 'test2',_x000D_
                moduleId: 'modules/test2/test2',_x000D_
                href: 'test2',_x000D_
                nav: true,_x000D_
                auth: true,_x000D_
                settings: {moduleAuthRequired: true}_x000D_
            },_x000D_
            {_x000D_
                route: 'admin',_x000D_
                name: 'admin',_x000D_
                moduleId: 'modules/admin/admin',_x000D_
                href: 'admin',_x000D_
                nav: true,_x000D_
                auth: true,_x000D_
                settings: {moduleAuthRequired: true}_x000D_
            },_x000D_
        ]);_x000D_
_x000D_
        this.router = router;_x000D_
    }_x000D_
}&lt;/code&gt;&lt;/pre&gt;_x000D_
&lt;/div&gt;_x000D_
&lt;/div&gt;_x000D_
&lt;/p&gt;
&lt;p&gt;&lt;em&gt;PreRenderStep:&lt;/em&gt;&lt;/p&gt;
&lt;p&gt;&lt;div class="snippet" data-lang="js" data-hide="false" data-console="true" data-babel="false"&gt;_x000D_
&lt;div class="snippet-code"&gt;_x000D_
&lt;pre class="snippet-code-js lang-js prettyprint-override"&gt;&lt;code&gt;@inject(Mediator, AuthenticationService)_x000D_
class PreRenderStep {_x000D_
_x000D_
    constructor(mediator, authenticationService) {_x000D_
        this.mediator = mediator;_x000D_
        this.authenticationService = authenticationService;_x000D_
    }_x000D_
_x000D_
    run(navigationInstruction, next) {_x000D_
       _x000D_
        if (navigationInstruction.getAllInstructions().some(i =&amp;gt; i.config.settings.moduleAuthRequired)) {_x000D_
_x000D_
            this.redirect = false;_x000D_
            this.mediator.getPermissionsForUser()_x000D_
                .then(user =&amp;gt; {_x000D_
                    userPerms = user.modules;_x000D_
                    var isEnabled = userPerms.includes(navigationInstruction.config.name);_x000D_
                    if (!isEnabled) {_x000D_
                        this.redirect = true;_x000D_
                    }_x000D_
                })_x000D_
                .then(() =&amp;gt; {_x000D_
                    return this.redirect next.cancel(navigationInstruction.router.navigateToRoute('base-module')) : next();_x000D_
                });_x000D_
        }_x000D_
        else {_x000D_
            return next();_x000D_
        }_x000D_
    }_x000D_
}&lt;/code&gt;&lt;/pre&gt;_x000D_
&lt;/div&gt;_x000D_
&lt;/div&gt;_x000D_
&lt;/p&gt;
&lt;p&gt;When the user clicks on a module that requires an auth check, the code is hit and whilst we're waiting on the promise from the mediator.getPermissionsForUser() to return, this code in aurelia-router.js is hit (the lines with stars):&lt;/p&gt;
&lt;p&gt;&lt;div class="snippet" data-lang="js" data-hide="false" data-console="true" data-babel="false"&gt;_x000D_
&lt;div class="snippet-code"&gt;_x000D_
&lt;pre class="snippet-code-js lang-js prettyprint-override"&gt;&lt;code&gt;function processResult(instruction, result, instructionCount, router) {_x000D_
  if (!(result &amp;amp;&amp;amp; 'completed' in result &amp;amp;&amp;amp; 'output' in result)) {_x000D_
    result = result || {};_x000D_
    **result.output = new Error('Expected router pipeline to return a navigation result, but got [' + JSON.stringify(result) + '] instead.');**_x000D_
  }_x000D_
_x000D_
  var finalResult = null;_x000D_
  if (isNavigationCommand(result.output)) {_x000D_
    result.output.navigate(router);_x000D_
  } else {_x000D_
    finalResult = result;_x000D_
_x000D_
    if (!result.completed) {_x000D_
      if (result.output instanceof Error) {_x000D_
        logger.error(result.output);_x000D_
      }_x000D_
_x000D_
      **restorePreviousLocation(router);**_x000D_
    }_x000D_
  }&lt;/code&gt;&lt;/pre&gt;_x000D_
&lt;/div&gt;_x000D_
&lt;/div&gt;_x000D_
&lt;/p&gt;</t>
  </si>
  <si>
    <t>2016-12-05 17:48:20.627000+00:00</t>
  </si>
  <si>
    <t>2016-12-06 13:25:48.097000+00:00</t>
  </si>
  <si>
    <t>2016-12-05 17:53:33.923000+00:00</t>
  </si>
  <si>
    <t>javascript|promise|aurelia|es6-promise|aurelia-router</t>
  </si>
  <si>
    <t>how to get index of same object when compare 2 nsmuatablearray in ios</t>
  </si>
  <si>
    <t>&lt;p&gt;I have 2 array :&lt;/p&gt;
&lt;pre&gt;&lt;code&gt;array1 = "a", "b", "c","d";
array2 = "c", "b";
=&amp;gt; array3 = "2", "1"; // array get index from array1
&lt;/code&gt;&lt;/pre&gt;
&lt;p&gt;i want to get index from array1 when objects in array2 is equals array1. &lt;strong&gt;I used this code but it not correct when array2 has only 1 object.&lt;/strong&gt;&lt;/p&gt;
&lt;pre&gt;&lt;code&gt;for (id obj in array2) {
   if([array1 containsObject:obj]){
       [array3 addObject:[NSNumber numberWithInteger:[array1 indexOfObject:obj]]];
 }
&lt;/code&gt;&lt;/pre&gt;
&lt;p&gt;Do you have any suggestions ?&lt;/p&gt;</t>
  </si>
  <si>
    <t>2013-08-18 09:56:49.657000+00:00</t>
  </si>
  <si>
    <t>2013-08-18 15:47:13.370000+00:00</t>
  </si>
  <si>
    <t>2013-08-18 14:15:22.207000+00:00</t>
  </si>
  <si>
    <t>ios|objective-c|cocoa-touch|nsmutablearray</t>
  </si>
  <si>
    <t>xhr.responseURL not supported in IE</t>
  </si>
  <si>
    <t>&lt;p&gt;Since IE doesn't support xhr.responseURL, is there any alternatives for xhr.responseURL for ajax calls other than setting custom response headers from the backend? &lt;/p&gt;
&lt;p&gt;Thanks&lt;/p&gt;</t>
  </si>
  <si>
    <t>2018-08-08 14:32:34.993000+00:00</t>
  </si>
  <si>
    <t>ajax|xmlhttprequest</t>
  </si>
  <si>
    <t>Java Servlet: Force init to create data object on Payara server start?</t>
  </si>
  <si>
    <t>&lt;p&gt;i'm looking for a way to generate a data object in my java servlet (on Payara) before the first request, since the created data object takes some time to parse other websites (about 4 seconds). &lt;/p&gt;
&lt;p&gt;I assumed it is enough to set &lt;/p&gt;
&lt;pre&gt;&lt;code&gt;@WebServlet(urlPatterns = "/reports/*", loadOnStartup = 1)
&lt;/code&gt;&lt;/pre&gt;
&lt;p&gt;in the beginning to force the initialization by the servlet container when the payara server is being started (based on &lt;a href="http://www.codejava.net/java-ee/servlet/webservlet-annotation-examples" rel="nofollow noreferrer"&gt;http://www.codejava.net/java-ee/servlet/webservlet-annotation-examples&lt;/a&gt;). However, it does not work. I still have the 4 second delay for the first request, with no delay on subsequent requests. The following code works, the problem is just the delay on the first request.&lt;/p&gt;
&lt;pre&gt;&lt;code&gt;@WebServlet(urlPatterns = "/reports/*", loadOnStartup = 1)
public class SingleReportServlet extends HttpServlet {
    ReportData m_myData;
    @Override
    public void init() throws ServletException {        
        m_myData = new ReportData(); //This takes about 4 seconds, once
        System.out.println("My servlet has been initialized");        
    }
    @Override
    protected void doGet(HttpServletRequest request, HttpServletResponse response) throws ServletException, IOException {        
        String requestPath = request.getPathInfo();
        String[] components = requestPath.split("/");
        String requestedData = components[components.length-1].trim().toUpperCase();
        String report = m_myData.getFullReport(requestedData, Locale.GERMAN, DisplayType.HTML_PARTIAL);
        String headline = "Report for "+requestedData;
        System.out.println(headline);
        System.out.println(report);         
        request.setAttribute("headline", headline);
        request.setAttribute("report", report); 
        request.getRequestDispatcher("/WEB-INF/singleReport.jsp").forward(request, response);       
    }    
}
&lt;/code&gt;&lt;/pre&gt;</t>
  </si>
  <si>
    <t>2018-06-01 07:02:10.017000+00:00</t>
  </si>
  <si>
    <t>2018-06-01 08:46:53.350000+00:00</t>
  </si>
  <si>
    <t>java|servlets|init|payara</t>
  </si>
  <si>
    <t>Link to destination in HTML Page</t>
  </si>
  <si>
    <t>&lt;p&gt;I have a bit of code that I use to display an html page in a div tag based on clicking thumbnail images in a different div tag.&lt;/p&gt;
&lt;p&gt;What I am having an issue with is placing a type of anchor tag to the div tag where the html pages are loaded so that the page automatically scrolls down. &lt;/p&gt;
&lt;p&gt;From what I have seen it is not possible to place an  tag within an  tag, so im not sure if this is even possible with my current code, I would appreciate any help or advice, I am new to web design&lt;/p&gt;
&lt;p&gt;Example of my code is as follows:&lt;/p&gt;
&lt;pre&gt;&lt;code&gt; &amp;lt;!DOCTYPE html PUBLIC "-//W3C//DTD XHTML 1.0 Strict//EN" "http://www.w3.org/TR/xhtml1/DTD/xhtml1-strict.dtd"&amp;gt;
&amp;lt;!--
Design by Free CSS Templates
http://www.freecsstemplates.org
Released for free under a Creative Commons Attribution 2.5 License
Name       : Seascape 
Description: A two-column, fixed-width design with dark color scheme.
Version    : 1.0
Released   : 20131201
--&amp;gt;
&amp;lt;html xmlns="http://www.w3.org/1999/xhtml"&amp;gt;
&amp;lt;head&amp;gt;
&amp;lt;meta http-equiv="Content-Type" content="text/html; charset=utf-8" /&amp;gt;
&amp;lt;title&amp;gt;Home&amp;lt;/title&amp;gt;
&amp;lt;meta name="keywords" content="" /&amp;gt;
&amp;lt;meta name="description" content="" /&amp;gt;
&amp;lt;link href="http://fonts.googleapis.com/css?family=Open+Sans:400,300,600,700,800" rel="stylesheet" /&amp;gt;
&amp;lt;link href="default.css" rel="stylesheet" type="text/css" media="all" /&amp;gt;
&amp;lt;link href="fonts.css" rel="stylesheet" type="text/css" media="all" /&amp;gt;
&amp;lt;script type="text/javascript"&amp;gt;
/***********************************************
* Dynamic Ajax Content- �� Dynamic Drive DHTML code library (www.dynamicdrive.com)
* This notice MUST stay intact for legal use
* Visit Dynamic Drive at http://www.dynamicdrive.com/ for full source code
***********************************************/
var loadedobjects=""
var rootdomain="http://"+window.location.hostname
function ajaxpage(url, containerid)
{
var page_request = false
if (window.XMLHttpRequest) // if Mozilla, Safari etc
page_request = new XMLHttpRequest()
else if (window.ActiveXObject){ // if IE
try {
page_request = new ActiveXObject("Msxml2.XMLHTTP")
} 
catch (e){
try{
page_request = new ActiveXObject("Microsoft.XMLHTTP")
}
catch (e){}
}
}
else
return false
page_request.onreadystatechange=function(){
loadpage(page_request, containerid)
}
page_request.open('GET', url, true)
page_request.send(null)
}
function loadpage(page_request, containerid){
if (page_request.readyState == 4 &amp;amp;&amp;amp; (page_request.status==200 || window.location.href.indexOf("http")==-1))
document.getElementById(containerid).innerHTML=page_request.responseText
}
function loadobjs(){
if (!document.getElementById)
return
for (i=0; i&amp;lt;arguments.length; i++){
var file=arguments[i]
var fileref=""
if (loadedobjects.indexOf(file)==-1){ //Check to see if this object has not already been added to page before proceeding
if (file.indexOf(".js")!=-1){ //If object is a js file
fileref=document.createElement('script')
fileref.setAttribute("type","text/javascript");
fileref.setAttribute("src", file);
}
else if (file.indexOf(".css")!=-1){ //If object is a css file
fileref=document.createElement("link")
fileref.setAttribute("rel", "stylesheet");
fileref.setAttribute("type", "text/css");
fileref.setAttribute("href", file);
}
}
if (fileref!=""){
document.getElementsByTagName("head").item(0).appendChild(fileref)
loadedobjects+=file+" " //Remember this object as being already added to page
}
}
}
&amp;lt;/script&amp;gt;
&amp;lt;style type="text/css"&amp;gt;
#leftcolumn{
    float: none;
    width: 959px;
    height: auto;
    border: 3px none black;
    padding: 5px;
    padding-left: 5px;
    margin-top: -61px;
    min-width: 900px;
    min-height: 300px;
    margin-left: auto;
    margin-right: auto;
    position: static;
}
#leftcolumn a{
padding: 3px 1px;
display: block;
width: 100%;
text-decoration: none;
font-weight: bold;
border-bottom: 1px solid gray;
}
#leftcolumn a:hover{
    background-color: #CCCCCC;
}
#rightcolumn{
    float: none;
    width: 1000px;
    min-height: 275px;
    border: 3px none black;
    padding: 5px;
    padding-bottom: 5px;
    margin-top: 13px;
    margin-bottom: 143px;
    min-width: 1000px;
    background-color: #FFFFFF;
    position: static;
    margin-left: auto;
    margin-right: auto;
}
* html #rightcolumn{ /*IE only style*/
    float: left;
    width: 1200px;
    min-height: 400px;
    border: 3px solid black;
    margin-left: 66px;
    padding: 5px;
    padding-bottom: 5px;
    margin-top: 12px;
    margin-bottom: 143px;
    min-width: 1450px;
    background-color: #FFFFFF;
}
&amp;lt;/style&amp;gt;
&amp;lt;/head&amp;gt;
&amp;lt;body&amp;gt;
&amp;lt;div id="header-wrapper"&amp;gt;
    &amp;lt;div id="header" class="container"&amp;gt;
        &amp;lt;div id="logo"&amp;gt;
            &amp;lt;h1&amp;gt;&amp;lt;a href="Index.html"&amp;gt;VapeCulture&amp;lt;/a&amp;gt;&amp;lt;/h1&amp;gt;
&amp;lt;p&amp;gt;&amp;lt;span style="FONT-SIZE: 8pt; color: #666; text-align: center;"&amp;gt; Smoking is dead, Vaping is the future, and the future is NOW!&amp;lt;/span&amp;gt;&amp;lt;/p&amp;gt;
        &amp;lt;/div&amp;gt;
        &amp;lt;div id="menu"&amp;gt;
            &amp;lt;ul&amp;gt;
                &amp;lt;li&amp;gt;&amp;lt;a href="index.html" accesskey="1" title=""&amp;gt;Home&amp;lt;/a&amp;gt;&amp;lt;/li&amp;gt;
                &amp;lt;li class="current_page_item"&amp;gt;&amp;lt;a href="Vapes.html" accesskey="2" title=""&amp;gt;Vapes&amp;lt;/a&amp;gt;&amp;lt;/li&amp;gt;
                &amp;lt;li&amp;gt;&amp;lt;a href="Juice.html" accesskey="3" title=""&amp;gt;Juice&amp;lt;/a&amp;gt;&amp;lt;/li&amp;gt;
                &amp;lt;li&amp;gt;&amp;lt;a href="Accessories.html" accesskey="5" title=""&amp;gt;Accessories&amp;lt;/a&amp;gt;&amp;lt;/li&amp;gt;
                &amp;lt;li&amp;gt;&amp;lt;a href="AboutVaping.html" accesskey="5" title=""&amp;gt;About Vaping&amp;lt;/a&amp;gt;&amp;lt;/li&amp;gt;
                &amp;lt;li&amp;gt;&amp;lt;a href="AboutUs.html" accesskey="5" title=""&amp;gt;About Us&amp;lt;/a&amp;gt;&amp;lt;/li&amp;gt;
                &amp;lt;li&amp;gt;&amp;lt;a href="ContactUs.html" accesskey="5" title=""&amp;gt;Contact&amp;lt;/a&amp;gt;&amp;lt;/li&amp;gt;
            &amp;lt;/ul&amp;gt;
        &amp;lt;/div&amp;gt;
    &amp;lt;/div&amp;gt;
&amp;lt;/div&amp;gt;
&amp;lt;div id="featured"&amp;gt;
&amp;lt;div id="leftcolumn"&amp;gt;
&amp;lt;div id="Thumbnail1"&amp;gt;&amp;lt;a href="javascript:ajaxpage('ItasteEP.html', 'rightcolumn');"&amp;gt;
  &amp;lt;img src="images/EP/thumbnail.png" width="172" height="205"  alt=""/&amp;gt;&amp;lt;/a&amp;gt;&amp;lt;/div&amp;gt;
  &amp;lt;div id="leothunb"&amp;gt;&amp;lt;a href="javascript:ajaxpage('ItasteLeoPro.html', 'rightcolumn');"&amp;gt;&amp;lt;img src="images/LeoPro/leothumbnail.png" width="172" height="205"  alt=""/&amp;gt;&amp;lt;/a&amp;gt;&amp;lt;/div&amp;gt;
    &amp;lt;div id="VVthumb"&amp;gt;&amp;lt;a href="javascript:ajaxpage('ItasteVV3.html', 'rightcolumn');"&amp;gt;&amp;lt;img src="images/VV/VVthumbnail.png" width="172" height="205"  alt=""/&amp;gt;&amp;lt;/a&amp;gt;&amp;lt;/div&amp;gt;
&amp;lt;div id="MVDthumb"&amp;gt;&amp;lt;a href="javascript:ajaxpage('ItasteMVP2.html', 'rightcolumn');"&amp;gt;&amp;lt;img src="images/mvp/MVPthumbnail.png" width="172" height="205"  alt=""/&amp;gt;&amp;lt;/a&amp;gt;&amp;lt;/div&amp;gt;
&amp;lt;div id="SVDthumb"&amp;gt;&amp;lt;a href="javascript:ajaxpage('ItatseSVD.html', 'rightcolumn');"&amp;gt;&amp;lt;img src="images/sVd/sVdthumbnail.png" width="172" height="205"  alt=""/&amp;gt;&amp;lt;/a&amp;gt;&amp;lt;/div&amp;gt;
&amp;lt;div id="VTRthumb"&amp;gt;&amp;lt;a href="javascript:ajaxpage('ItasteVTR.html', 'rightcolumn');"&amp;gt;&amp;lt;img src="images/tvr/VTRthumbnail.png" width="172" height="205"  alt=""/&amp;gt;&amp;lt;/a&amp;gt;&amp;lt;/div&amp;gt;
&amp;lt;div id="new134tag"&amp;gt;&amp;lt;a href="javascript:ajaxpage('Itaste134.html', 'rightcolumn');"&amp;gt;&amp;lt;img src="images/134/134thumbnail.png" width="172" height="205"  alt=""/&amp;gt;&amp;lt;/a&amp;gt;&amp;lt;/div&amp;gt;
&amp;lt;div id="coolfire1thumb"&amp;gt;&amp;lt;a href="javascript:ajaxpage('CoolFire1.html', 'rightcolumn');"&amp;gt;&amp;lt;img src="images/coolfire1/Coolfire1thumbnail.png" width="172" height="205"  alt=""/&amp;gt;&amp;lt;/a&amp;gt;&amp;lt;/div&amp;gt;
&amp;lt;div id="Coolfire2thumb"&amp;gt;&amp;lt;a href="javascript:ajaxpage('CoolFire2.html', 'rightcolumn');"&amp;gt;&amp;lt;img src="images/coolfire2/Coolfire2thumbnail.png" width="172" height="205"  alt=""/&amp;gt;&amp;lt;/a&amp;gt;&amp;lt;/div&amp;gt;
&amp;lt;div id="AIOthumb"&amp;gt;&amp;lt;a href="javascript:ajaxpage('AOI.html', 'rightcolumn');"&amp;gt;&amp;lt;img src="images/aio/aoithumbnail.png" width="172" height="205"  alt=""/&amp;gt;&amp;lt;/a&amp;gt;&amp;lt;/div&amp;gt;
  &amp;lt;/div&amp;gt;
&amp;lt;div id="rightcolumn"&amp;gt;&amp;lt;h3&amp;gt;&amp;lt;img src="InnokinHeaderV1.png" width="1000" height="275"  alt=""/&amp;gt;&amp;lt;/h3&amp;gt;
&amp;lt;/div&amp;gt;
&amp;lt;div style="clear: left; margin-bottom: 1em"&amp;gt;&amp;lt;/div&amp;gt;
&amp;lt;/div&amp;gt;
&amp;lt;div id="banner-wrapper"&amp;gt;
    &amp;lt;div id="banner" class="container"&amp;gt;
        &amp;lt;div class="box-left"&amp;gt;
          &amp;lt;h2&amp;gt;Delivery and collection options available&amp;lt;/h2&amp;gt;
             &amp;lt;/div&amp;gt;
        &amp;lt;div class="box-right"&amp;gt; &amp;lt;a href="ContactUs.html" class="button button-big"&amp;gt;Order Now&amp;lt;/a&amp;gt;&amp;lt;/div&amp;gt;
    &amp;lt;/div&amp;gt;
&amp;lt;/div&amp;gt;
&amp;lt;div id="wrapper"&amp;gt;&amp;lt;/div&amp;gt;
&amp;lt;div id="copyright" class="container"&amp;gt;
    &amp;lt;p&amp;gt;Vape culture Cape Town south africa 2013 &amp;lt;/p&amp;gt;
    &amp;lt;p&amp;gt;happy vaping&amp;lt;/p&amp;gt;
&amp;lt;/div&amp;gt;
&amp;lt;/body&amp;gt;
&amp;lt;/html&amp;gt;
&lt;/code&gt;&lt;/pre&gt;</t>
  </si>
  <si>
    <t>2014-01-13 13:19:08.660000+00:00</t>
  </si>
  <si>
    <t>2014-01-13 13:21:32.963000+00:00</t>
  </si>
  <si>
    <t>html|ajax|hyperlink</t>
  </si>
  <si>
    <t>Ambiguous column name not detected or warned for some columns</t>
  </si>
  <si>
    <t>&lt;blockquote&gt;
  &lt;p&gt;&lt;strong&gt;Possible Duplicate:&lt;/strong&gt;&lt;br&gt;
  &lt;a href="https://stackoverflow.com/questions/6293193/why-oracle-10g-doesnt-complain-about-column-ambiguity"&gt;Why Oracle 10g doesn&amp;#39;t complain about column ambiguity?&lt;/a&gt;  &lt;/p&gt;
&lt;/blockquote&gt;
&lt;p&gt;Relatively simple query:&lt;/p&gt;
&lt;pre&gt;&lt;code&gt;SELECT X.a
       ,X.b
       ,X.c
       ,created_date -- exists in X, Y and Z, as you might expect
FROM X
LEFT JOIN Y
    ON Y.b = X.b
LEFT JOIN Z
    ON Z.c = X.c
&lt;/code&gt;&lt;/pre&gt;
&lt;p&gt;We get no error regarding ambiguous join, but notice unexpected &lt;code&gt;NULL&lt;/code&gt;s in the data for &lt;code&gt;created_date&lt;/code&gt; - after investigating, it turns out correctly when prefix &lt;code&gt;created_date&lt;/code&gt; with &lt;code&gt;X&lt;/code&gt;.&lt;/p&gt;
&lt;p&gt;Other columns, when prefixes are removed, do cause an error when creating the package.&lt;/p&gt;
&lt;p&gt;Advised colleague to ensure table alias prefixes are always used, but why would it not warn about ambiguity when creating the package for come columns and not for others?&lt;/p&gt;</t>
  </si>
  <si>
    <t>2012-04-25 16:13:25.480000+00:00</t>
  </si>
  <si>
    <t>2012-04-26 11:58:44.230000+00:00</t>
  </si>
  <si>
    <t>2017-05-23 10:25:23.447000+00:00</t>
  </si>
  <si>
    <t>sql|oracle|oracle10g</t>
  </si>
  <si>
    <t>ArrayList vs Array and List</t>
  </si>
  <si>
    <t>&lt;p&gt;I've been programming for quite a bit and recently started learning more pure Computer Science topics (for a job interview).&lt;/p&gt;
&lt;p&gt;I know the difference between an Array and a LinkedList data structure, but now that I have started using Java I'm seeing this ArrayList, which I'm having trouble conceptualizing.&lt;/p&gt;
&lt;p&gt;Web searches have only really shown me HOW to use them and WHEN to use them (benefits of each), but nothing can answer my question of:&lt;/p&gt;
&lt;p&gt;What is an ArrayList? My assumption is that it is a list that maintains memory references to each element, making it also able to act like an array.&lt;/p&gt;
&lt;p&gt;I also have a feeling since Java is open, that I should be able to look at the Class definition, but haven't figured out how to do that yet either.&lt;/p&gt;
&lt;p&gt;Thanks!&lt;/p&gt;</t>
  </si>
  <si>
    <t>2015-08-02 15:37:23.910000+00:00</t>
  </si>
  <si>
    <t>2015-08-03 07:06:28.070000+00:00</t>
  </si>
  <si>
    <t>java|arrays|arraylist|data-structures|linked-list</t>
  </si>
  <si>
    <t>How can I insert a character into a string? (VBA)</t>
  </si>
  <si>
    <t>&lt;p&gt;I have a column of product numbers that are all formatted like this:&lt;/p&gt;
&lt;pre&gt;&lt;code&gt;MK444LLA
&lt;/code&gt;&lt;/pre&gt;
&lt;p&gt;...same number and letter pattern, same character count. I need to insert a &lt;code&gt;/&lt;/code&gt; into each cell so they all end up like this: &lt;/p&gt;
&lt;pre&gt;&lt;code&gt;MK444LL/A
&lt;/code&gt;&lt;/pre&gt;
&lt;p&gt;I'm thinking I just need a solution for the first row, which I can then apply to the entire column.&lt;/p&gt;</t>
  </si>
  <si>
    <t>2018-06-05 15:34:33.073000+00:00</t>
  </si>
  <si>
    <t>2018-06-05 15:44:53.860000+00:00</t>
  </si>
  <si>
    <t>vba|excel-vba|excel</t>
  </si>
  <si>
    <t>Laravel Homestead 403 Forbidden On Routes</t>
  </si>
  <si>
    <t>&lt;p&gt;I'm getting this error on my new Homestead install and I stumped, I'm not very well versed in server configuration, hence the use of Homestead.&lt;/p&gt;
&lt;p&gt;I've followed the instructions and the box is active. When I go to the index view I get a "This server requires a username and password" prompt and then any other route I've created just returns a 403 Forbidden message.&lt;/p&gt;
&lt;p&gt;I'm probably not give an ideal amount of information but any thoughts would definitely help!&lt;/p&gt;</t>
  </si>
  <si>
    <t>2014-12-18 04:34:09.297000+00:00</t>
  </si>
  <si>
    <t>laravel|homestead</t>
  </si>
  <si>
    <t>iReport generates different PDFs than Web App</t>
  </si>
  <si>
    <t>&lt;p&gt;I have some troubles with JasperReports. I generated a formular with iReport including two subreports which generates a grid of values (1 or 2 Characters long).&lt;/p&gt;
&lt;p&gt;The compiled PDF from iReport it works fine and looks good, but if i use the same *.jrxml and *.jasper files for my web app the generated PDF has some minor differences. One big problem is, that some cells of the grid now are 2 lines high. Values like "NB" only use one line but "GS" for example uses 2 lines.&lt;/p&gt;
&lt;p&gt;For me it is not possible to find the error. Workarounds with smaller font size or wider cells didn't help.&lt;/p&gt;</t>
  </si>
  <si>
    <t>2011-05-24 11:08:03.163000+00:00</t>
  </si>
  <si>
    <t>2011-05-30 13:59:29.943000+00:00</t>
  </si>
  <si>
    <t>java|pdf|jasper-reports|ireport</t>
  </si>
  <si>
    <t>Show specific area with plotly</t>
  </si>
  <si>
    <t>&lt;p&gt;I want to show how much points each country has given. I can show it on a map but it is a map that takes the size of the whole world when I just want to show Europe.
My code looks like this:&lt;/p&gt;
&lt;pre&gt;&lt;code&gt;import plotly.plotly as py
import plotly.graph_objs as go
import pandas as pd
%matplotlib inline
df = pd.read_csv('Songfestival/PointsForBelgium.csv')
data = [ dict(
        type = 'choropleth',
        locations = df['CODE'],
        z = df['Points'],
        text = df['Nationality'],
        colorscale = [[0,"rgb(5, 10, 172)"],[0.35,"rgb(40, 60, 190)"],[0.5,"rgb(70, 100, 245)"],\
            [0.6,"rgb(90, 120, 245)"],[0.7,"rgb(106, 137, 247)"],[1,"rgb(220, 220, 220)"]],
        autocolorscale = False,
        reversescale = True,
        marker = dict(
            line = dict (
                color = 'rgb(180,180,180)',
                width = 0.5
            ) ),
        colorbar = dict(
            autotick = False,
            title = 'Points Given'),
      ) ]
layout = dict(
    title = 'Final result',
    geo = dict(
        showframe = False,
        showcoastlines = False,
        projection = dict(
            type = 'Mercator'
        )
    )
)
fig = dict( data=data, layout=layout )
py.iplot( fig, validate=False, filename='europe-map' )
&lt;/code&gt;&lt;/pre&gt;
&lt;p&gt;This is the result (world map)&lt;/p&gt;
&lt;p&gt;&lt;a href="https://i.stack.imgur.com/JWqqh.jpg" rel="nofollow noreferrer"&gt;&lt;img src="https://i.stack.imgur.com/JWqqh.jpg" alt="This is the result "&gt;&lt;/a&gt;&lt;/p&gt;
&lt;p&gt;Is their a way to zoom automatically to show only Europe? Because my data is only in Europe.&lt;/p&gt;</t>
  </si>
  <si>
    <t>2018-01-17 10:47:10+00:00</t>
  </si>
  <si>
    <t>2018-01-17 10:53:25.327000+00:00</t>
  </si>
  <si>
    <t>python|jupyter-notebook|plotly</t>
  </si>
  <si>
    <t>Basic Android - Purpose of MainActivity</t>
  </si>
  <si>
    <t>&lt;p&gt;Just started developing with Android.&lt;/p&gt;
&lt;p&gt;Do we want the MainActivity to contain any sort of user interface? Ex. Should it present the user with a login option or whatever? Or should MainActivity just have instructions to be executed at the apps launch, and then redirect to another java file that will present the user with the first thing s/he sees?&lt;/p&gt;
&lt;p&gt;If it is the latter, how can I make MainActivity redirect to another java file once everything is executed upon the apps launch? As in automatically, without the click of a button or anything.&lt;/p&gt;
&lt;p&gt;Thanks and sorry but I am new to this&lt;/p&gt;
&lt;p&gt;EDIT:
Is there anything like the iOS app delegate?&lt;/p&gt;</t>
  </si>
  <si>
    <t>2014-07-03 21:59:00.307000+00:00</t>
  </si>
  <si>
    <t>2016-02-16 12:28:22.883000+00:00</t>
  </si>
  <si>
    <t>2014-07-03 22:10:53.120000+00:00</t>
  </si>
  <si>
    <t>struts variable value in href id</t>
  </si>
  <si>
    <t>&lt;p&gt;I have Map   type.
I want to iterate over it using struts tag library.
now want to generate a token using { id + '_nav' } and set this token to id field of href.&lt;/p&gt;
&lt;p&gt;Can You please help me out how to do that in struts?&lt;/p&gt;
&lt;p&gt;The JSP Code :&lt;/p&gt;
&lt;pre&gt;&lt;code&gt;&amp;lt;div class="box-heading"&amp;gt;Quick Links&amp;lt;/div&amp;gt;
&amp;lt;ul&amp;gt;
&amp;lt;s:set name="currentPage" value="currentNavigationPage"&amp;gt;&amp;lt;/s:set&amp;gt;
&amp;lt;s:iterator value="orderedSectionName_StartPageMap" &amp;gt;
    &amp;lt;s:if test="%{#currentPage &amp;gt; key}"&amp;gt;
    &amp;lt;li&amp;gt;&amp;lt;a id="{key + '_nav'}"  href="#" &amp;gt;&amp;lt;s:property value="value"/&amp;gt;&amp;lt;/a&amp;gt;&amp;lt;/li&amp;gt;
    &amp;lt;/s:if&amp;gt;
    &amp;lt;s:else&amp;gt;
    &amp;lt;li&amp;gt;&amp;lt;a href="#" &amp;gt;&amp;lt;s:property value="value"/&amp;gt;&amp;lt;/a&amp;gt;&amp;lt;/li&amp;gt;
    &amp;lt;/s:else&amp;gt;
&amp;lt;/s:iterator&amp;gt;
&amp;lt;/ul&amp;gt;
&lt;/code&gt;&lt;/pre&gt;
&lt;p&gt;&lt;/p&gt;
&lt;p&gt;Can u please suggest me , how can i appen key from map with '_nav' token ?
Thanks.&lt;/p&gt;</t>
  </si>
  <si>
    <t>2011-11-28 10:34:18.633000+00:00</t>
  </si>
  <si>
    <t>2013-05-29 12:08:35.820000+00:00</t>
  </si>
  <si>
    <t>struts2</t>
  </si>
  <si>
    <t>Hide custom annoation view on clicking anywherwher in mapview</t>
  </si>
  <si>
    <t>&lt;p&gt;How to hide custom annoation view on clicking anywherwher in mapview&lt;/p&gt;
&lt;p&gt;I have used touchsBegan method, But it won't work properly when click around pin area.&lt;/p&gt;</t>
  </si>
  <si>
    <t>2017-06-01 10:36:05.720000+00:00</t>
  </si>
  <si>
    <t>2017-06-01 10:39:33.473000+00:00</t>
  </si>
  <si>
    <t>CSS width mix fixed and % -- auto fill max space --</t>
  </si>
  <si>
    <t>&lt;p&gt;I have a wrap  that contains a side bar and a content area, my side bar is fixed to 240px but the content area I want to be max width of the remainder of the window. &lt;/p&gt;
&lt;p&gt;However I can't achieve this. I have attempted &lt;code&gt;width: 100%&lt;/code&gt; which stretches over the entire window. I tried auto which doesn't work. I don't know what else I can try.&lt;/p&gt;
&lt;p&gt;Here is my code:&lt;/p&gt;
&lt;pre&gt;&lt;code&gt;/*** Content ***/
.con_wrap{
    width: 100%;
    display: block;
}
.cont{
    width: 100%;
    background: red;
}
.left_side{
    background: #22282b;
    height: 100vh;
    margin: 0;
    width: 240px;
    float: left;
}
&lt;/code&gt;&lt;/pre&gt;</t>
  </si>
  <si>
    <t>2015-04-15 19:27:51.953000+00:00</t>
  </si>
  <si>
    <t>2015-04-15 19:38:44.987000+00:00</t>
  </si>
  <si>
    <t>2015-04-15 19:31:29.440000+00:00</t>
  </si>
  <si>
    <t>WPF DispatcherTimer on Modalless window</t>
  </si>
  <si>
    <t>&lt;p&gt;I have a wpf progress window defined as following:&lt;/p&gt;
&lt;pre&gt;&lt;code&gt;&amp;lt;Window x:Class="NeoinfoXmlEditor.WPF.Forms.ProgressDisplayForm"
        xmlns="http://schemas.microsoft.com/winfx/2006/xaml/presentation"
        xmlns:x="http://schemas.microsoft.com/winfx/2006/xaml"
        Height="84" Width="505" x:Name="root" WindowStartupLocation="CenterScreen"&amp;gt;
    &amp;lt;Grid&amp;gt;
        &amp;lt;ProgressBar Height="15" x:Name="MessageProgessBar" HorizontalAlignment="Stretch" VerticalAlignment="Top" Maximum="10000" Margin="10,2,10,2" &amp;gt;
            &amp;lt;ProgressBar.Triggers&amp;gt;
                &amp;lt;EventTrigger RoutedEvent="ProgressBar.Loaded"&amp;gt;
                    &amp;lt;BeginStoryboard&amp;gt;
                        &amp;lt;Storyboard x:Name="sb"&amp;gt;
                            &amp;lt;DoubleAnimation Storyboard.TargetName="MessageProgessBar"
                                 Storyboard.TargetProperty="Value"
                                 From="0" To="10000" Duration="0:0:45"/&amp;gt;
                        &amp;lt;/Storyboard&amp;gt;
                    &amp;lt;/BeginStoryboard&amp;gt;
                &amp;lt;/EventTrigger&amp;gt;
            &amp;lt;/ProgressBar.Triggers&amp;gt;
        &amp;lt;/ProgressBar&amp;gt;
        &amp;lt;TextBlock HorizontalAlignment="Center" VerticalAlignment="Bottom" Margin="5" Text="{Binding ElementName=root, Path=Message}" /&amp;gt;
    &amp;lt;/Grid&amp;gt;
&amp;lt;/Window&amp;gt;
&lt;/code&gt;&lt;/pre&gt;
&lt;p&gt;And a code behind file as follows:&lt;/p&gt;
&lt;pre&gt;&lt;code&gt;public partial class ProgressDisplayForm : Window
    {
        public static readonly DependencyProperty MessageProperty =
            DependencyProperty.Register("Message", typeof (string), typeof (ProgressDisplayForm));
        public string Message
        {
            get { return (string) GetValue(MessageProperty); }
            set { SetValue(MessageProperty, value); }
        }
        public ProgressDisplayForm()
        {
            InitializeComponent();
        }
        public void DisplayWindow()
        {
            this.Show();
            this.BeginStoryboard(sb);
        }
    }
&lt;/code&gt;&lt;/pre&gt;
&lt;p&gt;You can see that I try to start a progressBar animation in two ways:
-using EventTrigger, on ProgressBar.Loaded
-from code behind, explicitely&lt;/p&gt;
&lt;p&gt;The problem is - neither works. &lt;/p&gt;
&lt;p&gt;Note - I need to open this window and start animation as modalless window, so &lt;strong&gt;ShowDialog() is not na option&lt;/strong&gt;. Also, I tried using DispatcherTimer, but it somehow doesn't work, niether the this.Dispatcher.Invoke() while using System.Timers.Timer class.&lt;/p&gt;
&lt;p&gt;I'm calling the DisplayWindow() method from the main app window.&lt;/p&gt;
&lt;p&gt;What am I missing?&lt;/p&gt;
&lt;p&gt;Thanks in advance&lt;/p&gt;</t>
  </si>
  <si>
    <t>2011-04-06 10:14:02.787000+00:00</t>
  </si>
  <si>
    <t>2011-04-07 08:41:29.110000+00:00</t>
  </si>
  <si>
    <t>c#|wpf|wpf-controls|window|dispatcher</t>
  </si>
  <si>
    <t>How to apply a random font to a textbox by scripting InDesign?</t>
  </si>
  <si>
    <t>&lt;p&gt;I want to choose a random font from my installed fonts and apply it to a text box. I am using basil.js to facilitate coding.&lt;/p&gt;
&lt;p&gt;I don't want to write a list of all available fonts by myself, like this:&lt;/p&gt;
&lt;pre&gt;&lt;code&gt;var font = [];
font[0] = "Times New Roman";
font[1] = "Myriad Pro";
font[2] = "Impact";
b.textFont( font[Math.floor(Math.random()*font.length)] );     
&lt;/code&gt;&lt;/pre&gt;
&lt;p&gt;(this idea is from: &lt;a href="http://forums.adobe.com/thread/325180" rel="nofollow"&gt;http://forums.adobe.com/thread/325180&lt;/a&gt;)&lt;/p&gt;
&lt;p&gt;Many Thanks!&lt;/p&gt;</t>
  </si>
  <si>
    <t>2013-10-03 12:55:38.153000+00:00</t>
  </si>
  <si>
    <t>2013-10-08 15:52:36.490000+00:00</t>
  </si>
  <si>
    <t>fonts|indesign|basil.js</t>
  </si>
  <si>
    <t>How to change background-image of a div?</t>
  </si>
  <si>
    <t>&lt;p&gt;CSS&lt;/p&gt;
&lt;pre&gt;&lt;code&gt;background-image:url(../back/back01.jpg); //this works
&lt;/code&gt;&lt;/pre&gt;
&lt;p&gt;JS&lt;/p&gt;
&lt;pre&gt;&lt;code&gt;function switchRight(){
    $('#slider00').css("background-image","url(../back/back02.jpg)");
}
&lt;/code&gt;&lt;/pre&gt;
&lt;p&gt;back01.jpg is removed, but back02.jpg is not loaded.&lt;/p&gt;</t>
  </si>
  <si>
    <t>2012-12-05 06:52:15.150000+00:00</t>
  </si>
  <si>
    <t>2012-12-06 04:11:40.397000+00:00</t>
  </si>
  <si>
    <t>jquery|css|background-image</t>
  </si>
  <si>
    <t>Extract unicode text from dump file</t>
  </si>
  <si>
    <t>&lt;p&gt;I had a program freeze (sql developer specifically) that had some unsaved files in it.  I used sysinternal's process explorer to create a dump file before killing the process.  I really only lost a couple of hours of work but I thought it would be a good learning experience to see what I could extract from the dump file.  So far I've downloaded and ran windbg and have found my text with:&lt;/p&gt;
&lt;pre&gt;&lt;code&gt;s -u 0x00000000 L?0xffffffff "text I know exists in my file"
&lt;/code&gt;&lt;/pre&gt;
&lt;p&gt;From there I got the relevent memory addresses and could view the text in the memory window along with much of the file.  However, from here I'm a bit stuck.  I know I could use the du command to dump text but what sort of strategy should I use to determine the begin and end range.  This is a 1 Gig dump so I'm nevervous to dump 0x00000000 to 0xffffffff as I wouldn't have text file that most editors could open.  Is there a way to just dump user memory or non-code memory, etc?  It doesn't have to be perfect by any means.  I was content just opening the dump file in textpad, but unicode data doesn't show up, only the occational ascii (presumably because textpad cant detect the type or because it's a 64 bit dump).&lt;/p&gt;</t>
  </si>
  <si>
    <t>2012-11-21 21:15:41.313000+00:00</t>
  </si>
  <si>
    <t>2012-11-27 14:08:11.420000+00:00</t>
  </si>
  <si>
    <t>2012-11-21 22:13:42.643000+00:00</t>
  </si>
  <si>
    <t>debugging|windbg</t>
  </si>
  <si>
    <t>Sampling a hemisphere using an arbitary distribtuion</t>
  </si>
  <si>
    <t>&lt;p&gt;I am writing a ray tracer and I wish to fire rays from a point &lt;strong&gt;p&lt;/strong&gt; into a hemisphere above that point according to some distribution. &lt;/p&gt;
&lt;p&gt;1) I have derived a method to uniformly sample within a solid angle (defined by theta) above &lt;strong&gt;p&lt;/strong&gt; &lt;a href="http://postimg.org/image/4wcboqudj/" rel="nofollow"&gt;Image&lt;/a&gt;&lt;/p&gt;
&lt;p&gt;&lt;code&gt;phi = 2*pi*X_1&lt;/code&gt;&lt;/p&gt;
&lt;p&gt;&lt;code&gt;alpha = arccos (1-(1-cos(theta))*X_2)&lt;/code&gt;&lt;/p&gt;
&lt;p&gt;&lt;code&gt;x = sin(alpha)*cos(phi)&lt;/code&gt;&lt;/p&gt;
&lt;p&gt;&lt;code&gt;y = sin(alpha)*sin*phi&lt;/code&gt;&lt;/p&gt;
&lt;p&gt;&lt;code&gt;z = -cos(alpha)&lt;/code&gt;&lt;/p&gt;
&lt;p&gt;Where &lt;code&gt;X&lt;/code&gt; is a uniform random number&lt;/p&gt;
&lt;p&gt;That works and Im pretty happy with that. But my question is what happens if I do not want a uniform distribution. &lt;/p&gt;
&lt;p&gt;I have used the algorithm on page 27 from &lt;a href="http://graphics.ucsd.edu/courses/cse168_s06/ucsd/lecture09.pdf" rel="nofollow"&gt;here&lt;/a&gt; and I can draw samples from a piecewise arbitrary distribution. However if I simply say: &lt;/p&gt;
&lt;p&gt;&lt;code&gt;alpha = arccos (1-(1-cos(theta)) B1)&lt;/code&gt;&lt;/p&gt;
&lt;p&gt;Where &lt;code&gt;B&lt;/code&gt; is a random number generated from an arbiatry distribution. 
It doesn't behave nicely...What am I doing wrong? Thanks in advance. I really really need help on this&lt;/p&gt;
&lt;p&gt;&lt;strong&gt;Additional:&lt;/strong&gt;
Perhaps I am asking a leading question. Taking a step back: 
Is there a way to generate points on a hemisphere according to an arbitrary distribution. I have a method for uniformly sampling a hemisphere and one for cosine-weighted hemisphere sampling. (pg 663-669 &lt;a href="http://www.pbrt.org/" rel="nofollow"&gt;pbrt.org&lt;/a&gt;)&lt;/p&gt;</t>
  </si>
  <si>
    <t>2013-06-13 09:05:03.323000+00:00</t>
  </si>
  <si>
    <t>2013-06-16 12:53:27.223000+00:00</t>
  </si>
  <si>
    <t>graphics|random|raytracing|sampling|montecarlo</t>
  </si>
  <si>
    <t>Laravel make a resource available to only guest users</t>
  </si>
  <si>
    <t>&lt;p&gt;This is my route:&lt;/p&gt;
&lt;pre&gt;&lt;code&gt;Route::group(array('before' =&amp;gt; 'auth'), function() {
    Route::resource('restaurants', 'RestaurantsController');
});
&lt;/code&gt;&lt;/pre&gt;
&lt;p&gt;I want the &lt;code&gt;restaurants.create&lt;/code&gt; to be available for guest users.&lt;/p&gt;
&lt;p&gt;Is that possible?&lt;/p&gt;</t>
  </si>
  <si>
    <t>2014-07-01 15:29:23.697000+00:00</t>
  </si>
  <si>
    <t>2014-07-01 17:18:43.233000+00:00</t>
  </si>
  <si>
    <t>2014-07-01 17:16:47.133000+00:00</t>
  </si>
  <si>
    <t>php|laravel|laravel-4</t>
  </si>
  <si>
    <t>Remove Blank option from Select Option with AngularJS</t>
  </si>
  <si>
    <t>&lt;p&gt;I am new to AngularJS. I searched a lot, but it does not solve my problem.&lt;/p&gt;
&lt;p&gt;I am getting a blank option for the first time in select box.&lt;/p&gt;
&lt;p&gt;Here is my HTML code&lt;/p&gt;
&lt;pre&gt;&lt;code&gt;&amp;lt;div ng-app="MyApp1"&amp;gt;
    &amp;lt;div ng-controller="MyController"&amp;gt;
        &amp;lt;input type="text" ng-model="feed.name" placeholder="Name" /&amp;gt;
        &amp;lt;select ng-model="feed.config"&amp;gt;
            &amp;lt;option ng-repeat="template in configs"&amp;gt;{{template.name}}&amp;lt;/option&amp;gt;
        &amp;lt;/select&amp;gt;
    &amp;lt;/div&amp;gt;
&amp;lt;/div&amp;gt;
&lt;/code&gt;&lt;/pre&gt;
&lt;p&gt;&lt;strong&gt;JS&lt;/strong&gt;&lt;/p&gt;
&lt;pre&gt;&lt;code&gt;var MyApp=angular.module('MyApp1',[])
MyApp.controller('MyController', function($scope) {
    $scope.feed = {};
      //Configuration
      $scope.configs = [
                                 {'name': 'Config 1',
                                  'value': 'config1'},
                                 {'name': 'Config 2',
                                  'value': 'config2'},
                                 {'name': 'Config 3',
                                  'value': 'config3'}
                               ];
      //Setting first option as selected in configuration select
      $scope.feed.config = $scope.configs[0].value;
});
&lt;/code&gt;&lt;/pre&gt;
&lt;p&gt;But it doesn't seem to work. 
How can I get this solved? Here is &lt;a href="http://jsfiddle.net/ugkPr/1/" rel="noreferrer"&gt;JSFiddle Demo&lt;/a&gt;&lt;/p&gt;</t>
  </si>
  <si>
    <t>2013-12-23 07:33:04.547000+00:00</t>
  </si>
  <si>
    <t>2018-08-16 12:40:13.933000+00:00</t>
  </si>
  <si>
    <t>2018-07-22 17:33:01.540000+00:00</t>
  </si>
  <si>
    <t>angularjs|angularjs-select</t>
  </si>
  <si>
    <t>Creating a `Users` show page using Devise</t>
  </si>
  <si>
    <t>&lt;p&gt;I'm trying to create a User &lt;code&gt;show&lt;/code&gt; page (that will function as a profile page) but am confused about how to do this with Devise.  It doesn't seem as though Devise comes with any sort of &lt;code&gt;show&lt;/code&gt; definition - is there any way I can access the controllers Devise is implementing in order to make one or do I have to override them?    &lt;/p&gt;</t>
  </si>
  <si>
    <t>2011-08-17 00:03:38.467000+00:00</t>
  </si>
  <si>
    <t>2015-08-17 17:12:11.437000+00:00</t>
  </si>
  <si>
    <t>ruby-on-rails|devise|show</t>
  </si>
  <si>
    <t>DateTime, DateTime? and LINQ</t>
  </si>
  <si>
    <t>&lt;p&gt;When I retrieve a record using LINQ that has a DateTime field only the ToString() is available. &lt;/p&gt;
&lt;p&gt;Where are all the other DateTime methods? &lt;/p&gt;
&lt;p&gt;I have to Convert.ToDateTime the DateTime? that the Field returns?&lt;/p&gt;
&lt;p&gt;What is the difference between (DateTime) and (DateTime?)&lt;/p&gt;</t>
  </si>
  <si>
    <t>2008-10-04 02:58:23.257000+00:00</t>
  </si>
  <si>
    <t>2008-10-06 12:52:47.097000+00:00</t>
  </si>
  <si>
    <t>ctrlShiftBryan</t>
  </si>
  <si>
    <t>.net|linq|datetime</t>
  </si>
  <si>
    <t>PHP for ; foreach variable scope</t>
  </si>
  <si>
    <t>&lt;p&gt;Do variables in the for / foreach loop have a local scope? If so, how do I make it global? &lt;/p&gt;
&lt;p&gt;page.php:&lt;/p&gt;
&lt;pre&gt;&lt;code&gt;&amp;lt;?php
$title = "2";                  
$menu[0] = "1";   
$menu[1] = "2";
$menu[2] = "3";
$menu[3] = "4";
$menu[4] = "5";
$menu[5] = "6";
$menu[6] = "7";
$menu[7] = "8";
foreach ($menu as $value){ 
if ($title == $value){   
       $active = "active";
       echo "if " . $active. $title . $menu[$x] ." &amp;lt;br /&amp;gt;&amp;lt;br /&amp;gt;";
} 
else {
     $active = "";
     echo "else " . $active. $title . $menu[$x] ." &amp;lt;br /&amp;gt;&amp;lt;br /&amp;gt;";
}}
include "header.php"; 
foreach ($menu as $value) {
var_dump($active);
    echo "$value &amp;lt;br&amp;gt;";
}
include "header.php"; 
?&amp;gt;
&amp;lt;!-- begin page content --&amp;gt;
!!!!!!!!!!!!!!!!!!!!!!!!!!!!!!!!!!
!!!!!!!!!!!!!!!!!!!!!!!!!!!!!!!!!!
&amp;lt;!-- end page content --&amp;gt;
&amp;lt;?php
include "footer.php";                
?&amp;gt;
&lt;/code&gt;&lt;/pre&gt;
&lt;p&gt;Essentially, I have this line in the header.php:&lt;/p&gt;
&lt;pre&gt;&lt;code&gt;&amp;lt;li class="mainNav &amp;lt;?php echo $active; ?&amp;gt;" style="z-index:8"&amp;gt;
&amp;lt;a href="http://www.com"&amp;gt;&amp;lt;?php echo $menu[0]; ?&amp;gt;&amp;lt;/a&amp;gt;&amp;lt;/li&amp;gt;
&lt;/code&gt;&lt;/pre&gt;
&lt;p&gt;I want the list to have &lt;strong&gt;class="mainNav active"&lt;/strong&gt; if it's that page and &lt;strong&gt;class="mainNav"&lt;/strong&gt; if not.&lt;/p&gt;
&lt;p&gt;!!!!!!!!!!!!!!!!!!!!!!!!!!!!!!!!!!!!!!!!!!!!!!!!!!!!!!!!!!!!!!!&lt;/p&gt;
&lt;p&gt;So I created a function from @urfusion suggestion. Now page.php:&lt;/p&gt;
&lt;pre&gt;&lt;code&gt;&amp;lt;?php
$title = "2";                  
$menu[0] = "1";   
$menu[1] = "2";
$menu[2] = "3";
$menu[3] = "4";
$menu[4] = "5";
$menu[5] = "6";
$menu[6] = "7";
$menu[7] = "8;
?&amp;gt;
&amp;lt;?php
function mainNav($menu) {
foreach ($menu as $value){ 
 if ($title == $value){   
       $active = "active";
       echo "if " . $active. $title . $menu[$x] . " &amp;lt;br /&amp;gt;&amp;lt;br /&amp;gt;";
   } 
   else {
     $active = " ";
     echo "else " . $active. $title . $menu[$x] . " &amp;lt;br /&amp;gt;&amp;lt;br /&amp;gt;";
    }  
echo "function" . $active . $value;
  return $active;
}
}
include "header.php"; 
?&amp;gt;
&amp;lt;!-- begin page content --&amp;gt;
!!!!!!!!!!!!!!!!!!!!!!!!!!!!!!!!!!
!!!!!!!!!!!!!!!!!!!!!!!!!!!!!!!!!!
&amp;lt;!-- end page content --&amp;gt;
&amp;lt;?php
include "footer.php";                
?&amp;gt;
&lt;/code&gt;&lt;/pre&gt;
&lt;p&gt;And the header.php:&lt;/p&gt;
&lt;pre&gt;&lt;code&gt; &amp;lt;li class="mainNav &amp;lt;?php mainNav(); ?&amp;gt;" style="z-index:8"&amp;gt;
&amp;lt;a href="http://www.com"&amp;gt;&amp;lt;?php echo $menu[1]; ?&amp;gt;&amp;lt;/a&amp;gt;&amp;lt;/li&amp;gt; 
&lt;/code&gt;&lt;/pre&gt;
&lt;p&gt;Still nothing and now I seem to have lost the output of the echo statements ...&lt;/p&gt;</t>
  </si>
  <si>
    <t>2016-01-06 16:10:20.163000+00:00</t>
  </si>
  <si>
    <t>2016-01-06 19:45:29.713000+00:00</t>
  </si>
  <si>
    <t>2016-01-06 18:14:29.623000+00:00</t>
  </si>
  <si>
    <t>php|loops|variables|scope</t>
  </si>
  <si>
    <t>CoreData Swift: How to save and load data?</t>
  </si>
  <si>
    <t>&lt;p&gt;I'm writing an iOS game in Swift, and I wanted to include a highscore label at the end. I think that the saving function is correct, but the load one is the one which is giving me problems. I already created an entity ("BestScores") and the attributes ("classicBestScoreTF"):&lt;/p&gt;
&lt;p&gt;To save the highscore:&lt;/p&gt;
&lt;pre&gt;&lt;code&gt;var bestscore25 = 1000
var score: int
func savescore() {    
    var appDel: AppDelegate = (UIApplication.sharedApplication().delegate as AppDelegate)
    var context:NSManagedObjectContext = appDel.managedObjectContext!
    var score25: AnyObject! = NSEntityDescription.insertNewObjectForEntityForName("BestScores", inManagedObjectContext: context) as NSManagedObject
    score25.setValue(score, forKey: "classicBestScoreTF")
    context.save(nil)
}
func loadscore() {
    var appDel: AppDelegate = (UIApplication.sharedApplication().delegate as AppDelegate)
    var context:NSManagedObjectContext = appDel.managedObjectContext!
    bestScore25 = valueForKey("classicBestScoreTF") as Int
}
func endgame() {
    if score &amp;gt; bestScore25 {
        savescore()
        loadscore()
        bestScoreLabel.text = "Best Score: \(bestScore25)"
    }
    if score &amp;lt; bestscore {            
        loadscore()
        bestScoreLabel.text = "Best Score: \(bestScore25)"
    }    
}
&lt;/code&gt;&lt;/pre&gt;
&lt;p&gt;It's not working :( Please help!&lt;/p&gt;</t>
  </si>
  <si>
    <t>2014-08-30 20:43:26.487000+00:00</t>
  </si>
  <si>
    <t>2018-09-17 16:47:44.193000+00:00</t>
  </si>
  <si>
    <t>2015-02-22 05:20:36.867000+00:00</t>
  </si>
  <si>
    <t>ios|swift|core-data</t>
  </si>
  <si>
    <t>How does server density monitor their servers?</t>
  </si>
  <si>
    <t>&lt;p&gt;If server density is a monitoring service, then how do they monitor their own servers?&lt;/p&gt;</t>
  </si>
  <si>
    <t>2012-10-23 19:53:41.037000+00:00</t>
  </si>
  <si>
    <t>2012-10-23 22:02:45.017000+00:00</t>
  </si>
  <si>
    <t>monitoring</t>
  </si>
  <si>
    <t>Export Database's Table from button Laravel 5.3 into .sql files</t>
  </si>
  <si>
    <t>&lt;p&gt;i had already try this code in my Model :&lt;/p&gt;
&lt;pre&gt;&lt;code&gt;    $file = storage_path('table.sql');
    DB::statement("SELECT * INTO OUTFILE '".addslashes($file)."' FROM table_name");
&lt;/code&gt;&lt;/pre&gt;
&lt;p&gt;but if i opened table.sql in my text editor, i got this :&lt;/p&gt;
&lt;blockquote&gt;
  &lt;p&gt;41    9   Not Present Not Present Not Present 2016-05-09  18:45:56    \N
  42  5   Come    \N  \N  2016-11-09  18:46:21    \N
  43  25  Come    Go Home \N  2016-11-09  18:46:29    19:24:33
  47  25  Late    Go Home \N  2016-11-10  08:43:21    08:46:19
  48  26  Late    \N  \N  2016-12-01  08:46:28    \N
  66  5   Late    \N  \N  2017-01-01  19:23:57    \N
  67  1   Late    Go Home \N  2017-02-03  15:23:32    15:46:29
  68  3   Late    Go Home \N  2017-02-14  07:14:07    07:16:56
  69  5   Late    \N  \N  2017-02-14  07:48:47    \N
  70  6   Late    Go Home \N  2017-02-14  08:04:25    08:10:12
  71  7   Late    \N  \N  2017-02-14  08:19:31    \N
  72  8   Late    \N  \N  2017-02-20  07:44:22    \N
  73  10  Late    \N  \N  2017-02-20  07:54:54    \N
  74  5   Late    \N  \N  2017-02-20  07:56:44    \N
  75  3   Late    \N  \N  2017-02-20  07:57:01    \N
  76  2   Late    \N  \N  2017-02-20  08:07:24    \N
  77  1   Late    Go Home \N  2017-02-20  08:08:30    08:19:25
  78  24  Late    Go Home \N  2017-02-20  08:20:43    08:27:47
  79  22  Late    \N  \N  2017-02-20  08:28:31    \N
  80  21  Late    Go Home \N  2017-02-20  08:29:13    08:30:23
  81  18  Late    Go Home \N  2017-02-20  08:32:12    08:32:50
  82  17  Late    Go Home \N  2017-02-20  08:34:21    09:05:19
  83  25  Late    Go Home \N  2017-02-20  08:53:02    08:53:24
  84  23  Late    Go Home \N  2017-02-20  08:55:55    08:58:47
  85  19  Late    \N  \N  2017-02-20  09:04:16    \N
  86  15  Late    \N  \N  2017-02-20  10:30:37    \N
  87  13  Late    \N  \N  2017-02-20  10:31:58    \N
  88  12  Late    \N  \N  2017-02-20  10:32:28    \N&lt;/p&gt;
&lt;/blockquote&gt;
&lt;p&gt;it's totally difference when i exported my table using export menu in my PHPMyAdmin and opened it in my text editor.&lt;/p&gt;
&lt;p&gt;please you guys help me to solving my problem... or you guys have some other ways...&lt;/p&gt;
&lt;p&gt;Thanks&lt;/p&gt;</t>
  </si>
  <si>
    <t>2017-02-21 04:21:57.583000+00:00</t>
  </si>
  <si>
    <t>mysql|laravel|laravel-5.3|database-backups</t>
  </si>
  <si>
    <t>how to do unit testing with phpstorm and zend framework?</t>
  </si>
  <si>
    <t>&lt;p&gt;i am trying to run some testing on my framework with phpstorm.&lt;/p&gt;
&lt;p&gt;i am working with xampp and i have php unit installed. &lt;/p&gt;
&lt;p&gt;the framework is located: &lt;/p&gt;
&lt;pre&gt;&lt;code&gt;C:\xampp\htdocs\zend\zend\application\
C:\xampp\htdocs\zend\zend\library\
C:\xampp\htdocs\zend\zend\library\zend\...
...
&lt;/code&gt;&lt;/pre&gt;
&lt;p&gt;the php interpreter i set up is php 5.4.4&lt;/p&gt;
&lt;p&gt;when i run the testing i get &lt;/p&gt;
&lt;p&gt;C:\xampp\php\php.exe C:\Users\test\AppData\Local\Temp\ide-phpunit.php --no-configuration C:\xampp\htdocs\zend\zend
Testing started at 2:24 PM ...&lt;/p&gt;
&lt;p&gt;Warning: require_once(Zend/Cache/Backend/ExtendedInterface.php): failed to open stream: No such file or directory in C:\xampp\htdocs\zend\zend\library\Zend\Cache\Backend\Test.php on line 27&lt;/p&gt;
&lt;p&gt;Fatal error: require_once(): Failed opening required 'Zend/Cache/Backend/ExtendedInterface.php' (include_path='.;C:\xampp\php\PEAR') in C:\xampp\htdocs\zend\zend\library\Zend\Cache\Backend\Test.php on line 27&lt;/p&gt;
&lt;p&gt;Process finished with exit code 255&lt;/p&gt;
&lt;p&gt;in Test.php in the zend library there is an include &lt;code&gt;require_once 'Zend/Cache/Backend/ExtendedInterface.php';&lt;/code&gt; and it seems that the ide can't figure out the path.&lt;/p&gt;
&lt;p&gt;any ideas on this issue?&lt;/p&gt;
&lt;p&gt;thanks&lt;/p&gt;</t>
  </si>
  <si>
    <t>2012-08-05 21:56:12.407000+00:00</t>
  </si>
  <si>
    <t>2012-08-05 22:01:41.530000+00:00</t>
  </si>
  <si>
    <t>php|zend-framework|phpunit|pear|phpstorm</t>
  </si>
  <si>
    <t>Toolbar has too small height</t>
  </si>
  <si>
    <t>&lt;p&gt;Why Toolbar has so small height on start? But if user scrolls down then it looks like on second screenshot.
&lt;br&gt;&lt;a href="https://i.stack.imgur.com/Hhzx4.png" rel="nofollow noreferrer"&gt;&lt;img src="https://i.stack.imgur.com/Hhzx4.png" alt="Screenshot on start"&gt;&lt;/a&gt;
&lt;a href="https://i.stack.imgur.com/WQtUU.png" rel="nofollow noreferrer"&gt;&lt;img src="https://i.stack.imgur.com/WQtUU.png" alt="Screenshot of expanded Toolbar"&gt;&lt;/a&gt;
&lt;br&gt;As you can see on screenshot it also has incorrect top padding.
It's my layout xml of &lt;code&gt;MainActivity&lt;/code&gt;:&lt;/p&gt;
&lt;pre&gt;&lt;code&gt;&amp;lt;android.support.v4.widget.DrawerLayout
    xmlns:android="http://schemas.android.com/apk/res/android"
    xmlns:app="http://schemas.android.com/apk/res-auto"
    xmlns:tools="http://schemas.android.com/tools"
    android:layout_height="match_parent"
    android:layout_width="match_parent"
    android:fitsSystemWindows="true" &amp;gt;
    &amp;lt;android.support.design.widget.CoordinatorLayout
        android:fitsSystemWindows="true"
        android:layout_width="match_parent"
        android:layout_height="match_parent" &amp;gt;
        &amp;lt;android.support.design.widget.AppBarLayout
            android:layout_width="match_parent"
            android:layout_height="?attr/actionBarSize"
            android:fitsSystemWindows="true"
            android:theme="@style/Theme.Paper.AppBarOverlay"&amp;gt;
            &amp;lt;android.support.v7.widget.Toolbar
                android:fitsSystemWindows="true"
                app:layout_scrollFlags="scroll|enterAlways"
                android:layout_height="?attr/actionBarSize"
                android:layout_width="match_parent"
                app:popupTheme="@style/Theme.Paper.PopupOverlay"&amp;gt;
                &amp;lt;include
                    android:layout_width="match_parent"
                    android:layout_height="?attr/actionBarSize"
                    layout="@layout/toolbar_spinner" /&amp;gt;
            &amp;lt;/android.support.v7.widget.Toolbar&amp;gt;
        &amp;lt;/android.support.design.widget.AppBarLayout&amp;gt;
        &amp;lt;FrameLayout
            android:layout_width="match_parent"
            android:layout_height="match_parent"
            app:layout_behavior="@string/appbar_scrolling_view_behavior"/&amp;gt;
        &amp;lt;android.support.design.widget.FloatingActionButton
            android:layout_width="wrap_content"
            android:layout_height="wrap_content"
            android:layout_gravity="bottom|end"
            style="@style/Theme.Paper.FloatingActionButton"/&amp;gt;
    &amp;lt;/android.support.design.widget.CoordinatorLayout&amp;gt;
    &amp;lt;fragment
        class="com.test.modal.NavigatorFragment"
        android:layout_width="match_parent"
        android:layout_height="match_parent"
        android:layout_gravity="start"
        tools:layout="@layout/navigator"
        android:fitsSystemWindows="true"/&amp;gt;
&amp;lt;/android.support.v4.widget.DrawerLayout&amp;gt;
&lt;/code&gt;&lt;/pre&gt;
&lt;p&gt;Who knows that I doing wrong? In &lt;code&gt;FrameLayout&lt;/code&gt; I inflate &lt;code&gt;ViewPager&lt;/code&gt; if it has value.&lt;/p&gt;</t>
  </si>
  <si>
    <t>2016-02-09 22:09:42.107000+00:00</t>
  </si>
  <si>
    <t>2016-02-10 17:42:18.100000+00:00</t>
  </si>
  <si>
    <t>android|android-toolbar</t>
  </si>
  <si>
    <t>How to print a response from Express.js into the POST requesting html page?</t>
  </si>
  <si>
    <t>&lt;p&gt;I wanted to print the login validation messages on the login page itself. But the response is being printed on a new blank page. Is there any way to fetch the response and print in on any existing div tags?&lt;/p&gt;
&lt;p&gt;I'm using Express.js to handle the login validation.&lt;/p&gt;
&lt;pre&gt;&lt;code&gt;app.post('/login',function(req,res){
    var user_name=req.body.user;
    var password=req.body.pwd;
    console.log("User name = "+user_name+", password is "+password);
    if (user_name=="sudheesh" &amp;amp;&amp;amp; password=="pass") {
        sess = req.session;
        sess.user=user_name;
        console.log("Logged in..");
        res.send('done');
    }
    else {
        res.send('not_done');
    }
});
&lt;/code&gt;&lt;/pre&gt;
&lt;p&gt;The HTML script looks like this,&lt;/p&gt;
&lt;pre&gt;&lt;code&gt;&amp;lt;script&amp;gt;
    $(document).ready(function(){
        var user,pwd;
        $("#submit").click(function(){
            email=$("#user").val();
            pass=$("#pwd").val();
            /*
            * Perform some validation here.
            */
            $.post("http://localhost:3000/login",{user:user,pwd:pwd},function(data){ 
              console.log(data);
        if(data=='done')           
        {
            alert("you have logged in..!");
            window.location.href="/about";
        }
    });
        });
    });
&amp;lt;/script&amp;gt;
&lt;/code&gt;&lt;/pre&gt;</t>
  </si>
  <si>
    <t>2015-04-10 08:39:00.907000+00:00</t>
  </si>
  <si>
    <t>2015-04-10 08:46:10.417000+00:00</t>
  </si>
  <si>
    <t>javascript|jquery|html|express</t>
  </si>
  <si>
    <t>How do I call a function from my DLL during run-time linking?</t>
  </si>
  <si>
    <t>&lt;p&gt;I do not understand DLLs very well, so I've constructed a simple example that I woudl like some help with. I have a simple dll here.&lt;/p&gt;
&lt;pre&gt;&lt;code&gt;// HelloDLL.cpp
#include "stdafx.h"
int     __declspec(dllexport)   Hello(int x, int y);    
int Hello(int x, int y)
{
    return (x + y);
}
&lt;/code&gt;&lt;/pre&gt;
&lt;p&gt;How would I call the &lt;code&gt;Hello(int x, int y)&lt;/code&gt; function in a separate program once I've run &lt;code&gt;LoadLibrary()&lt;/code&gt;? Here's a rough layout of what I have so far but I'm not sure if what I have is correct, and if it is, how to proceed.&lt;/p&gt;
&lt;pre&gt;&lt;code&gt;// UsingHelloDLL.cpp
#include "stdafx.h"
#include &amp;lt;windows.h&amp;gt; 
int main(void) 
{ 
    HINSTANCE hinstLib;  
    // Get the dll
    hinstLib = LoadLibrary(TEXT("HelloDLL.dll")); 
    // If we got the dll, then get the function
    if (hinstLib != NULL) 
    {
        //
        // code to handle function call goes here.
        //
        // Free the dll when we're done
        FreeLibrary(hinstLib); 
    } 
    // else print a message saying we weren't able to get the dll
    printf("Could not load HelloDLL.dll\n");
    return 0;
}
&lt;/code&gt;&lt;/pre&gt;
&lt;p&gt;Could anyone help me out on how to handle the function call? Any special cases I should be aware of for future usage of dlls?&lt;/p&gt;</t>
  </si>
  <si>
    <t>2014-01-15 00:10:07.523000+00:00</t>
  </si>
  <si>
    <t>2014-01-15 01:47:12.547000+00:00</t>
  </si>
  <si>
    <t>c++|dll|runtime</t>
  </si>
  <si>
    <t>MRI Ruby garbage collector not collecting everything?</t>
  </si>
  <si>
    <t>&lt;pre&gt;&lt;code&gt;$ ruby -v
ruby 2.3.0p0 (2015-12-25 revision 53290) [x86_64-linux]
$ irb
&lt;/code&gt;&lt;/pre&gt;
&lt;p&gt;Memory usage right after IRB starts: &lt;strong&gt;56MB&lt;/strong&gt;&lt;/p&gt;
&lt;pre&gt;&lt;code&gt;&amp;gt;&amp;gt; a = []
&amp;gt;&amp;gt; 1000.times { a &amp;lt;&amp;lt; (1..50000).to_a.map { |i| "abc" }.join }
&amp;gt;&amp;gt; a = nil
&lt;/code&gt;&lt;/pre&gt;
&lt;p&gt;Memory usage now: &lt;strong&gt;244MB&lt;/strong&gt; (as expected)&lt;/p&gt;
&lt;pre&gt;&lt;code&gt;&amp;gt;&amp;gt; GC.start
&lt;/code&gt;&lt;/pre&gt;
&lt;p&gt;Memory usage now: &lt;strong&gt;146MB&lt;/strong&gt;&lt;/p&gt;
&lt;p&gt;Where did the rest of the memory go and why hasn't it been freed by the garbage collector?&lt;/p&gt;</t>
  </si>
  <si>
    <t>2016-04-09 17:38:00.670000+00:00</t>
  </si>
  <si>
    <t>2016-12-19 23:38:00.453000+00:00</t>
  </si>
  <si>
    <t>ruby|garbage-collection</t>
  </si>
  <si>
    <t>How to run gdb against a daemon in the background?</t>
  </si>
  <si>
    <t>&lt;p&gt;I'm trying to debug a server I wrote with gdb as it segfaults under very specific and rare conditions. &lt;/p&gt;
&lt;p&gt;Is there any way I can make gdb run in the background (via quiet or batch mode?), follow children (as my server is a daemon and detaches from the main PID) and automatically dump the core and the backtrace (to a designated file) once the program crashes?&lt;/p&gt;</t>
  </si>
  <si>
    <t>2010-01-12 17:05:00.710000+00:00</t>
  </si>
  <si>
    <t>2011-09-16 16:52:21.300000+00:00</t>
  </si>
  <si>
    <t>c++|linux|debugging|unix|gdb</t>
  </si>
  <si>
    <t>Windows Live Auth - Get User Profile</t>
  </si>
  <si>
    <t>&lt;p&gt;I created an application in &lt;strong&gt;Microsoft Application Registration Portal&lt;/strong&gt;
&lt;a href="https://apps.dev.microsoft.com/" rel="nofollow noreferrer"&gt;https://apps.dev.microsoft.com/&lt;/a&gt;&lt;/p&gt;
&lt;p&gt;On my page, I put a button redirecting the user to the microsoft website. I get the user back after he accepts to dispose the data to my application. So far, nothing wrong.&lt;/p&gt;
&lt;p&gt;After the user returns to my page with the code, I make the call to api from microsoft through the url: &lt;a href="https://apis.live.net/v5.0/me?access_token=" rel="nofollow noreferrer"&gt;https://apis.live.net/v5.0/me?access_token=&lt;/a&gt;{code}&amp;amp;oauth_token={code}.
This request is made by library.&lt;/p&gt;
&lt;p&gt;The request return to me an error.&lt;/p&gt;
&lt;pre&gt;&lt;code&gt;{
    "error": {
      "code": "request_token_invalid", 
      "message": "The access token isn't valid."
   }
}
&lt;/code&gt;&lt;/pre&gt;
&lt;p&gt;Library used: &lt;a href="https://github.com/titarenko/OAuth2" rel="nofollow noreferrer"&gt;https://github.com/titarenko/OAuth2&lt;/a&gt;&lt;/p&gt;</t>
  </si>
  <si>
    <t>2018-01-05 16:35:49.090000+00:00</t>
  </si>
  <si>
    <t>c#|.net|api|oauth-2.0</t>
  </si>
  <si>
    <t>Dependency injection by the condition in the runtime</t>
  </si>
  <si>
    <t>&lt;p&gt;Suppose, there is the following code:&lt;/p&gt;
&lt;pre&gt;&lt;code&gt;@RestController
@RequiredArgsConstructor(onConstructor = @__(@Autowired))
class Controller {
    /* inject here */
    public @NonNull GenericService service;
    public void doo(List&amp;lt;GenericDTO&amp;gt; list, String type) {
        service.doo(list);
    }
}
class GenericDTO { ... }
class GenericService { ... }
class OfferService extends GenericService { ... }
class OtherService extends GenericService { ... }
&lt;/code&gt;&lt;/pre&gt;
&lt;p&gt;If &lt;code&gt;type&lt;/code&gt; from &lt;code&gt;doo&lt;/code&gt; method is equal to &lt;code&gt;"offer"&lt;/code&gt;, I want to inject an  &lt;code&gt;OfferService&lt;/code&gt; instance to &lt;code&gt;service&lt;/code&gt;. If I receive &lt;code&gt;"other"&lt;/code&gt;, I have to use &lt;code&gt;OtherService&lt;/code&gt;, and so on. Is that possible?&lt;/p&gt;</t>
  </si>
  <si>
    <t>2016-04-28 17:04:38.407000+00:00</t>
  </si>
  <si>
    <t>2018-05-20 14:03:33.417000+00:00</t>
  </si>
  <si>
    <t>java|spring|dependency-injection|autowired|lombok</t>
  </si>
  <si>
    <t>Swift 4.2 round function</t>
  </si>
  <si>
    <t>&lt;p&gt;I have func in my app which trims numbers, e.x. 9.81-&gt;9.8. But after updating swift behavior has changed.&lt;/p&gt;
&lt;pre&gt;&lt;code&gt;let myNum = 9.7
print(round(myNum / 0.1) * 0.1)
Swift 4.1.2 output - 9.7 
Swift 4.2 output - 9.700000000000001
&lt;/code&gt;&lt;/pre&gt;
&lt;p&gt;Please advise how to resolve this issue. May it is swift's bug?&lt;/p&gt;</t>
  </si>
  <si>
    <t>2018-09-19 09:32:04.180000+00:00</t>
  </si>
  <si>
    <t>2018-09-19 17:17:04.880000+00:00</t>
  </si>
  <si>
    <t>2018-09-19 09:34:16.527000+00:00</t>
  </si>
  <si>
    <t>ms botframework send message to user on fatal error</t>
  </si>
  <si>
    <t>&lt;p&gt;I want to send custom message to the user whenever there is a fatal error. I have a  handler to catch all fatal errors, but it does not have session object. Please find the code below:&lt;/p&gt;
&lt;pre&gt;&lt;code&gt;bot.on('error', (error, data) =&amp;gt; {
    console.log('the error ---', error);
});
&lt;/code&gt;&lt;/pre&gt;
&lt;p&gt;How do we send custom message to the user in this case ?&lt;/p&gt;</t>
  </si>
  <si>
    <t>2018-09-07 14:03:56.477000+00:00</t>
  </si>
  <si>
    <t>node.js|botframework</t>
  </si>
  <si>
    <t>android studio:java.lang.NullPointerException: Attempt to invoke interface method 'int java.util.List.size()' on a null object reference</t>
  </si>
  <si>
    <t>&lt;p&gt;I'm having a problem with my code. Displays the message: java.lang.NullPointerException: Attempt to invoke the interface method 'int java.util.List.size ()' on a null object reference. My code is:`
public class MainActivity extends FragmentActivity implements GoogleMap.OnMyLocationButtonClickListener, OnMyLocationClickListener, OnMapReadyCallback {&lt;/p&gt;
&lt;pre&gt;&lt;code&gt;private GoogleMap maps;
ArrayList&amp;lt;LatLng&amp;gt; markerPoints=new ArrayList&amp;lt;&amp;gt;();
MarkerOptions markerOptions;
MarkerOptions markerOpt;
LatLng latLng;
@Override
protected void onCreate(Bundle savedInstanceState) {
    super.onCreate(savedInstanceState);
    setContentView(R.layout.activity_main);
    //parapobh sto SupportMapFragment ths Activity_main
    SupportMapFragment fm = ((SupportMapFragment) getSupportFragmentManager().findFragmentById(R.id.map));
    /* lhpsh xarth gia to SupportMapFragment */
    fm.getMapAsync(this);
}
@Override
public void onMapReady(GoogleMap googleMap) {
    maps = googleMap;
    LatLng Greece = new LatLng(37.97, 23.73);
    //googleMap.addMarker(new MarkerOptions().position(Greece).title("Marker in Greece"));
    //googleMap.moveCamera(CameraUpdateFactory.newLatLngZoom(Greece,16));
    Button btn_find = (Button) findViewById(R.id.btn_find);
    OnClickListener findClickListener = new OnClickListener() {
        @Override
        public void onClick(View v) {
            EditText etLocation = (EditText) findViewById(R.id.et_location);
            String location = etLocation.getText().toString();
            if (location != null &amp;amp;&amp;amp; !location.equals("")) {
                new GeocoderTask().execute(location);
            }
        }
    };
    btn_find.setOnClickListener(findClickListener);
    Button btn_go=(Button) findViewById(R.id.btn_go);
    OnClickListener goClickListener=new OnClickListener() {
        @Override
        public void onClick(View v) {
            EditText etDieuthinsh=(EditText) findViewById(R.id.et_dieuthinsh);
            String dieuthinsh=etDieuthinsh.getText().toString();
            if(dieuthinsh!=null &amp;amp;&amp;amp; !dieuthinsh.equals("")){
                new GeocoderTask1().execute(dieuthinsh);
            }
        }
    };
    btn_go.setOnClickListener(goClickListener);
}
private class GeocoderTask extends AsyncTask&amp;lt;String,Void,List&amp;lt;Address&amp;gt;&amp;gt; {
    @Override
    protected List&amp;lt;Address&amp;gt; doInBackground(String... locationName) {
        Geocoder geocoder = new Geocoder(getBaseContext());
        List&amp;lt;Address&amp;gt;addresses=null;
            try {
                addresses = geocoder.getFromLocationName(locationName[0], 8);
            } catch (IOException e) {
                e.printStackTrace();
            }
        return addresses;
    }
    @Override
    protected void onPostExecute(List&amp;lt;Address&amp;gt;addresses) {
       if (addresses==null||addresses.size()==0) {
         Toast.makeText(getBaseContext(), "No Location found", Toast.LENGTH_SHORT).show();
        }
       maps.clear();
        //try {
            for (int t = 0; t &amp;lt; addresses.size(); t++) {
                Address address = (Address) addresses.get(t);
                latLng = new LatLng(address.getLatitude(), address.getLongitude());
                String addressText = String.format("%s,%s", address.getMaxAddressLineIndex() &amp;gt; 0 ? address.getAddressLine(0) : "", address.getCountryName());
                markerOptions = new MarkerOptions();
                markerOptions.position(latLng);
                /**
                 * for the start location,the color of marker is Green and*
                 * for the end location, the color of marker is Red
                 */
                markerOptions.icon(BitmapDescriptorFactory.defaultMarker(BitmapDescriptorFactory.HUE_GREEN));
                //prosthesh neou deikth sto GoogleMaps Android API V2
                markerOptions.title(addressText);
                maps.addMarker(markerOptions);
                if (t == 0)
                    maps.animateCamera(CameraUpdateFactory.newLatLng(latLng));
                if (markerPoints.size() == 1) {
                    //lhpsh URL sto Google Directions API
                    String url = getDirectionsUrls(markerPoints.get(0));
                    DownloadTask downloadTask = new DownloadTask();
                    //xekinhste thn lhpsh dedomenwn json apo to Google Directions API
                    downloadTask.execute(url);
                }
            }
        //} catch(NullPointerException e){
        //   e.printStackTrace();
       // }
        }
}
         private class GeocoderTask1 extends AsyncTask&amp;lt;String, Void, List&amp;lt;Address&amp;gt;&amp;gt; {
             @Override
             protected List&amp;lt;Address&amp;gt; doInBackground(String... dieuthinshName) {
                 Geocoder geocoders = new Geocoder(getBaseContext());
                 List&amp;lt;Address&amp;gt; dieuts = null;
                 try {
                  dieuts = geocoders.getFromLocationName(dieuthinshName[0], 8);
                 } catch (IOException e) {
                     e.printStackTrace();
                 }
                 return dieuts;
             }
             @Override
             protected void onPostExecute(List&amp;lt;Address&amp;gt; dieuts) {
                if (dieuts == null || dieuts.size() == 0) {
                    Toast.makeText(getBaseContext(), "No Dieuthinsh found", Toast.LENGTH_SHORT).show();
                }
                 maps.clear();
                 //try{
                for (int k = 0; k &amp;lt; dieuts.size(); k++) {
                     Address address1 = (Address) dieuts.get(k);
                     latLng = new LatLng(address1.getLatitude(), address1.getLongitude());
                     String address1Text = String.format("%s,%s", address1.getMaxAddressLineIndex() &amp;gt; 0 ? address1.getAddressLine(0) : "", address1.getCountryName());
                     markerOpt = new MarkerOptions();
                    markerOpt.position(latLng);
                markerOpt.icon(BitmapDescriptorFactory.defaultMarker(BitmapDescriptorFactory.HUE_RED));
                     markerOpt.title(address1Text);
                    maps.addMarker(markerOpt);
                    if (k == 0)
                        maps.animateCamera(CameraUpdateFactory.newLatLng(latLng));
                        if(markerPoints.size()==2) {
                            //lhpsh URL sto Google Directions API
                            String url1 = getDirectionsUrl(markerPoints.get(1));
                            DownloadTask1 downloadTask1 = new DownloadTask1();
                            //xekinhste thn lhpsh dedomenwn json apo to Google Directions API
                            downloadTask1.execute(url1);
                        }
                 }
                // } catch (NullPointerException e) {
                  //   e.printStackTrace();
                 //}
             }
        }
&lt;/code&gt;&lt;/pre&gt;
&lt;p&gt;the answers that exist on the site do not solve the problem.&lt;/p&gt;</t>
  </si>
  <si>
    <t>2018-06-14 11:22:37.623000+00:00</t>
  </si>
  <si>
    <t>2018-06-14 13:46:38.470000+00:00</t>
  </si>
  <si>
    <t>How to default your asp.net-mvc site to look for razor views first?</t>
  </si>
  <si>
    <t>&lt;p&gt;I am converting all of my views over to razor so I have created all new view files but I haven't deleted the aspx file (I just have them excluded from the project).  When i go to test my site, it seems to try to look for and load the aspx files.  When I delete these files, it works fine and defaults to my razor cshtml files.&lt;/p&gt;
&lt;p&gt;My issues, I that i want to keep my aspx files around for a little bit (at least until i know everything is working).&lt;/p&gt;
&lt;p&gt;Is there anyway to have an asp.net-mvc site look for razor view files first so i don't need to delete my aspx files to get this to work? &lt;/p&gt;</t>
  </si>
  <si>
    <t>2011-11-27 13:15:10.607000+00:00</t>
  </si>
  <si>
    <t>2011-11-27 18:31:42.380000+00:00</t>
  </si>
  <si>
    <t>asp.net-mvc|razor|viewengine</t>
  </si>
  <si>
    <t>TypeError: Cannot read property in but property is present</t>
  </si>
  <si>
    <t>&lt;p&gt;I have a weird issue &lt;code&gt;TypeError: Cannot read property 'allowed' of undefined&lt;/code&gt; on last element in &lt;code&gt;$scope.leaveType&lt;/code&gt;. &lt;/p&gt;
&lt;p&gt;&lt;strong&gt;Update :&lt;/strong&gt;&lt;/p&gt;
&lt;p&gt;Thanks @dusky its fixed the problem, but now am getting below errors in console, &lt;strong&gt;but app is working&lt;/strong&gt; here is screenshot &lt;/p&gt;
&lt;p&gt;Full code of controller is &lt;a href="http://pastebin.com/L70pkbJp" rel="nofollow noreferrer"&gt;here&lt;/a&gt;&lt;/p&gt;
&lt;p&gt;its seems its not getting &lt;code&gt;$scope.myLeaves[id]&lt;/code&gt;&lt;/p&gt;
&lt;pre&gt;&lt;code&gt;$scope.myLeaves = { "1": 18, "2": 12, "3": 0, "4": 0, "5": 1, "6": 1, "7": 1};
&lt;/code&gt;&lt;/pre&gt;
&lt;p&gt;&lt;img src="https://i.stack.imgur.com/ru8NX.jpg" alt="enter image description here"&gt;&lt;/p&gt;
&lt;p&gt;Please help what i have missed here.&lt;/p&gt;
&lt;pre&gt;&lt;code&gt;  $scope.leaveType = [
    { "id": "1", "name": "Paid Leave", "allowed": 18},
    { "id": "2", "name": "Caual Leave", "allowed": 12},
    { "id": "3", "name": "Maternity Leave", "allowed": 0},
    { "id": "4", "name": "Paternity Leave", "allowed": 0},
    { "id": "5", "name": "Celebration Leave", "allowed": 1},
    { "id": "6", "name": "Compensatory Off","allowed": 1},
    { "id": "7", "name": "Optional Holiday Leave", "allowed": 1}
  ];
  $scope.myLeaves = { "1": 18, "2": 12, "3": 0, "4": 0, "5": 1, "6": 1, "7": 1};
  $scope.taken  = function (index) {
        var allowed = $scope.leaveType[index].allowed,
            leaveTypeId = $scope.leaveType[index].id,
            taken = (parseFloat(allowed,10)) - (parseFloat($scope.myLeaves[leaveTypeId], 10));
        return taken;
  }
    //Get remaining leaves in a category
  $scope.remaining  = function (index) {
        var allowed = $scope.leaveType[index].allowed,
            leaveTypeId = $scope.leaveType[index].id,
            remain = (parseFloat(allowed,10)) - $scope.taken(leaveTypeId, allowed);
        return remain;
  }
&lt;/code&gt;&lt;/pre&gt;
&lt;p&gt;Here is &lt;a href="http://plnkr.co/edit/i6gFvDu2fmBdDniWVYig?p=preview" rel="nofollow noreferrer"&gt;Plunker&lt;/a&gt;&lt;/p&gt;</t>
  </si>
  <si>
    <t>2014-11-25 09:43:07.637000+00:00</t>
  </si>
  <si>
    <t>2014-11-26 03:11:12.683000+00:00</t>
  </si>
  <si>
    <t>Animation Queue</t>
  </si>
  <si>
    <t>&lt;p&gt;I'm hoping this is something simple and small that I'm missing, but currently, This code I have applies the animation to all three divs at once, Where as I need one to animate, then once it's finished apply the second animation, then apply the third once that's finished. &lt;/p&gt;
&lt;p&gt;Here's what I have: &lt;/p&gt;
&lt;pre&gt;&lt;code&gt;container.live('mouseenter',function(){ 
    $('.pop1').animate({ marginTop: '0px'}, 'slow').next().animate({marginTop: '0px'}, 'slow').animate({marginTop: '0px'}, 'slow');
});
&lt;/code&gt;&lt;/pre&gt;
&lt;p&gt;Someone please help! :(&lt;/p&gt;</t>
  </si>
  <si>
    <t>2012-08-21 08:07:29.597000+00:00</t>
  </si>
  <si>
    <t>2014-05-06 15:42:22.623000+00:00</t>
  </si>
  <si>
    <t>javascript|jquery|html|animation</t>
  </si>
  <si>
    <t>AngularJS - create ui-router states from JSON file</t>
  </si>
  <si>
    <t>&lt;p&gt;I am currently developing an single page application using &lt;code&gt;MEAN&lt;/code&gt; stack. &lt;/p&gt;
&lt;p&gt;Instead of routes, I use states for my frontend. For states, I'll go with &lt;code&gt;ui.router&lt;/code&gt; dependency. What I'd like to do is to create one static &lt;code&gt;json&lt;/code&gt; file for my states and load them inside my application's configuration file in order to keep my &lt;code&gt;app.js&lt;/code&gt; file as minimal as possible. &lt;/p&gt;
&lt;p&gt;Before going on into any details, my folder structure for my frontend is following:&lt;/p&gt;
&lt;pre&gt;&lt;code&gt;app
��������� app-components
������� ��������� auth
������� ������� ��������� index.view.html
������� ������� ��������� login
������� ������� ������� ��������� index.controller.js
������� ������� ������� ��������� index.view.html
������� ������� ��������� password
������� ������� ������� ��������� index.controller.js
������� ������� ������� ��������� recover
������� ������� ������� ������� ��������� index.view.html
������� ������� ������� ��������� reset
������� ������� �������     ��������� index.view.html
������� ������� ��������� signup
������� �������     ��������� index.controller.js
������� �������     ��������� index.view.html
������� �������     ��������� verify-email
������� �������         ��������� index.view.html
������� ��������� dashboard
������� ������� ��������� index.controller.js
������� ������� ��������� index.view.html
������� ������� ��������� messages
������� ������� ������� ��������� index.controller.js
������� ������� ������� ��������� index.view.html
��������� app-providers
������� ��������� routing.provider.js
��������� app-routes
������� ��������� states.json
��������� app-services
������� ��������� authentication.service.js
��������� app.js
��������� index.html
��������� MainCtrl.js
&lt;/code&gt;&lt;/pre&gt;
&lt;p&gt;&lt;code&gt;index.html&lt;/code&gt; in the root is the skeleton where I will load all my stylesheets and angular files. &lt;/p&gt;
&lt;p&gt;&lt;code&gt;index.view.html&lt;/code&gt; inside the &lt;code&gt;auth&lt;/code&gt; folder is a parent view for all the auth based views inside subfolders (these are nested views). Same goes for the dasboard. Underneath is what I've tried so far without a luck.&lt;/p&gt;
&lt;p&gt;&lt;strong&gt;&lt;code&gt;app.js&lt;/code&gt; file is following:&lt;/strong&gt;&lt;/p&gt;
&lt;pre&gt;&lt;code&gt;(function () {
    'use strict';
    angular
        .module('app', ['ui.router', 'Routing'])
        .config(config)
        .run(run);
    function config($stateProvider, $urlRouterProvider, $locationProvider, routerProvider) {
        $locationProvider.html5Mode(true).hashPrefix('!');
        /**
         * ************************************************
         * Front-end routes &amp;amp; templates (states since we are using $stateProvider instead or $routeProvider)
         *
         * NOTE! Since we are declaring how we serve static files in our express server file,
         * we need to prepend our templateUrl values with "angular/" -prefix
         * see reference: https://stackoverflow.com/questions/25833675/angular-renders-the-main-view-twice-instead-of-loading-the-correct-template
         * ************************************************
         */
        // default route
        $urlRouterProvider.otherwise("/");
        $stateProvider
            .state('login', {
                url: '/account/login',
                templateUrl: '/angular/app-components/auth/login/index.view.html',
                controller: 'Login.IndexController',
                controllerAs: 'vm'
            })
        $urlRouterProvider.otherwise('/');
        // set all the routes from states.json file
        routerProvider.setCollectionUrl('/angular/app-routes/states.json');
    }
    function run($rootScope, $state, $stateParams, $location) {
        // log states
        console.log($state.get());
        $rootScope.$state = $state;
        $rootScope.$stateParams = $stateParams;
        // check authentication on every page request
        $rootScope.$on('$locationChangeStart', function (event, next, current) {
            // all the public routes
            var publicPages = [
                '/account/login',
                '/account/',
                '/account/signup'
            ];
            // secured routes (all the pages that are not inside the publicPages array
            var restrictedPage = publicPages.indexOf($location.path()) === -1;
            // redirect user to login page if page is restricted
            if (restrictedPage) {
                $location.path('/account/login');
            }
        });
        $rootScope.$on('$stateChangeSuccess', function (event, toState, toParams, fromState, fromParams) {
            $rootScope.title = toState.title;
        });
    }
})();
&lt;/code&gt;&lt;/pre&gt;
&lt;p&gt;When I &lt;code&gt;console.log($state.go());&lt;/code&gt; the states inside my &lt;code&gt;run&lt;/code&gt; function, I can only see the login state which is not dynamically loaded from json file.
When the application runs, it will load the &lt;code&gt;login&lt;/code&gt; state but when I'm trying to switch to another, nothing happens.&lt;/p&gt;
&lt;p&gt;&lt;code&gt;states.json&lt;/code&gt; is just a standard &lt;code&gt;JSON&lt;/code&gt; file where the states are declared:&lt;/p&gt;
&lt;pre&gt;&lt;code&gt;{
  "dashboard": {
    "title": "Dashboard",
    "url": "/",
    "templateUrl": "/angular/app-components/dashboard/index.view.html",
    "controller": "Dashboard.IndexController",
    "controllerAs": "vm",
    "abstract": true
  },
  "dashboard.messages": {
    "title": "Messages",
    "url": "messages",
    "templateUrl": "/angular/app-components/dashboard/messages/index.view.html",
    "controllerAs": "vm"
  },
  "account": {
    "url": "/",
    "templateUrl": "/angular/app-components/auth/index.view.html",
    "abstract": true,
    "controller": "",
    "controllerAs": ""
  },
  "account.login": {
    "title": "Sign in",
    "url": "/login",
    "templateUrl": "/angular/app-components/auth/login/index.view.html",
    "controllerAs": "vm",
    "controller": "Login.IndexController",
  },
  "account.signup": {
    "title": "Sign up",
    "url": "/signup",
    "templateUrl": "/angular/app-components/auth/signup/index.view.html",
    "controllerAs": "vm",
    "controller": "SignUp.IndexController",
  }
}
&lt;/code&gt;&lt;/pre&gt;
&lt;p&gt;&lt;strong&gt;&lt;code&gt;routing.provider.js&lt;/code&gt;&lt;/strong&gt;&lt;/p&gt;
&lt;pre&gt;&lt;code&gt;'use strict';
angular.module('Routing', ['ui.router'])
    .provider('router', function ($stateProvider) {
        var urlCollection;
        this.$get = function ($http, $state) {
            return {
                setUpRoutes: function () {
                    $http.get(urlCollection).then(function (collection) {
                        for (var routeName in collection.data) {
                            if (!$state.get(routeName)) {
                                $stateProvider.state(routeName, collection.data[routeName]);
                            }
                        }
                    });
                }
            }
        };
        this.setCollectionUrl = function (url) {
            urlCollection = url;
        }
    })
    .run(function (router) {
        router.setUpRoutes();
    });
&lt;/code&gt;&lt;/pre&gt;
&lt;p&gt;This custom &lt;code&gt;routeProvider&lt;/code&gt; will load the &lt;code&gt;states.json&lt;/code&gt; file (observable at &lt;code&gt;Network&lt;/code&gt; tab in &lt;code&gt;DevTools&lt;/code&gt;) but it doesn't set the states for my application. My console won't output any errors, so everything should be working. Any help would be much appreciated.&lt;/p&gt;</t>
  </si>
  <si>
    <t>2018-06-11 00:02:19.693000+00:00</t>
  </si>
  <si>
    <t>angularjs|json|angular-ui-router</t>
  </si>
  <si>
    <t>how to sort an array in C in one cycle?</t>
  </si>
  <si>
    <t>&lt;p&gt;Is there any algorythm to sort an array of float numbers in one cycle?&lt;/p&gt;</t>
  </si>
  <si>
    <t>2010-12-06 17:59:08.820000+00:00</t>
  </si>
  <si>
    <t>2018-04-02 11:54:27.457000+00:00</t>
  </si>
  <si>
    <t>2012-06-12 13:01:42.967000+00:00</t>
  </si>
  <si>
    <t>c|sorting|floating-point</t>
  </si>
  <si>
    <t>Hex Bitmasking in Python</t>
  </si>
  <si>
    <t>&lt;p&gt;What is the most pythonic / simplest way to achieve bit masking using hex representation of data please?&lt;/p&gt;
&lt;p&gt;For example, I have &lt;/p&gt;
&lt;pre&gt;&lt;code&gt;test = b'\x02\x00\x00\x01'
ref = b'\x02\x00\x00\x00'
&lt;/code&gt;&lt;/pre&gt;
&lt;p&gt;And I want to effectively compute bitwise:&lt;/p&gt;
&lt;pre&gt;&lt;code&gt;test &amp;amp; ref
&lt;/code&gt;&lt;/pre&gt;
&lt;p&gt;It seems Python can't compare bytes type objects, so I think I need to convert to some other representation first, but I'm not which / the optimum way to do it.&lt;/p&gt;
&lt;p&gt;binascii and struct packages look reasonable, but convert to decimal numbers. Is this correct?&lt;/p&gt;</t>
  </si>
  <si>
    <t>2017-08-07 00:59:35.253000+00:00</t>
  </si>
  <si>
    <t>2017-08-07 02:00:04.553000+00:00</t>
  </si>
  <si>
    <t>python|python-3.x|hex|bitwise-operators|bin</t>
  </si>
  <si>
    <t>Using ItemTemplate for a TreeView when adding items in code</t>
  </si>
  <si>
    <t>&lt;p&gt;I'm adding TreeViewItems manually in code behind and would like to use a DataTemplate to display them but can't figure out how to. I'm hoping to do something like this but the items are displayed as empty headers. What am I doing wrong?&lt;/p&gt;
&lt;p&gt;XAML&lt;/p&gt;
&lt;pre&gt;&lt;code&gt;&amp;lt;Window x:Class="TreeTest.WindowTree"
    xmlns="http://schemas.microsoft.com/winfx/2006/xaml/presentation"
    xmlns:x="http://schemas.microsoft.com/winfx/2006/xaml"
    Title="WindowTree" Height="300" Width="300"&amp;gt;
    &amp;lt;Grid&amp;gt;
        &amp;lt;TreeView Name="_treeView"&amp;gt;
            &amp;lt;TreeView.ItemTemplate&amp;gt;
                &amp;lt;DataTemplate&amp;gt;
                    &amp;lt;StackPanel Orientation="Horizontal"&amp;gt;
                        &amp;lt;TextBlock Text="{Binding Path=Name}" /&amp;gt;
                        &amp;lt;TextBlock Text="{Binding Path=Age}" /&amp;gt;
                    &amp;lt;/StackPanel&amp;gt;
                &amp;lt;/DataTemplate&amp;gt;
            &amp;lt;/TreeView.ItemTemplate&amp;gt;
        &amp;lt;/TreeView&amp;gt;
    &amp;lt;/Grid&amp;gt;
&amp;lt;/Window&amp;gt;
&lt;/code&gt;&lt;/pre&gt;
&lt;p&gt;Behind code&lt;/p&gt;
&lt;pre&gt;&lt;code&gt;using System.Windows;
using System.Windows.Controls;
namespace TreeTest
{
    public partial class WindowTree : Window
    {
        public WindowTree()
        {
            InitializeComponent();
            TreeViewItem itemBob = new TreeViewItem();
            itemBob.DataContext = new Person() { Name = "Bob", Age = 34 };
            TreeViewItem itemSally = new TreeViewItem();
            itemSally.DataContext = new Person() { Name = "Sally", Age = 28 }; ;
            TreeViewItem itemJoe = new TreeViewItem();
            itemJoe.DataContext = new Person() { Name = "Joe", Age = 15 }; ;
            itemSally.Items.Add(itemJoe);
            _treeView.Items.Add(itemBob);
            _treeView.Items.Add(itemSally);
        }
    }
    public class Person
    {
        public string Name { get; set; }
        public int Age { get; set; }
    }
}
&lt;/code&gt;&lt;/pre&gt;</t>
  </si>
  <si>
    <t>2009-07-23 23:24:33.970000+00:00</t>
  </si>
  <si>
    <t>2018-01-30 09:47:32.313000+00:00</t>
  </si>
  <si>
    <t>wpf|xaml|treeview|datatemplate|itemtemplate</t>
  </si>
  <si>
    <t>mongo searching more than 1 collection for same criteria</t>
  </si>
  <si>
    <t>&lt;p&gt;I have a mongo DB with several collections that contain JSON document formats shown below:&lt;/p&gt;
&lt;p&gt;&lt;div class="snippet" data-lang="js" data-hide="false"&gt;_x000D_
&lt;div class="snippet-code"&gt;_x000D_
&lt;pre class="snippet-code-js lang-js prettyprint-override"&gt;&lt;code&gt;{_x000D_
  "questions": [_x000D_
    {_x000D_
      "questionEntry": {_x000D_
        "id": 1,_x000D_
        "info": {_x000D_
          "seasonNumber": 1,_x000D_
          "episodeNumber": 1,_x000D_
          "episodeName": "Days Gone Bye"_x000D_
        },_x000D_
        "questionItem": {_x000D_
          "theQuestion": "q1",_x000D_
          "attachedElement": {_x000D_
            "type": 1,_x000D_
            "value": ""_x000D_
          }_x000D_
        },_x000D_
        "options": [_x000D_
          {_x000D_
            "type": 1,_x000D_
            "value": "o1"_x000D_
          },_x000D_
          {_x000D_
            "type": 1,_x000D_
            "value": "o1"_x000D_
          }_x000D_
        ],_x000D_
        "answer": {_x000D_
          "questionId": 1,_x000D_
          "answer": 1_x000D_
        },_x000D_
        "metaTags": [_x000D_
          "Season 1",_x000D_
          "Episode 1",_x000D_
          "Rick Grimmes"_x000D_
        ]_x000D_
      }_x000D_
    },_x000D_
    {_x000D_
      "questionEntry": {_x000D_
        "id": 1,_x000D_
        "info": {_x000D_
          "seasonNumber": 1,_x000D_
          "episodeNumber": 1,_x000D_
          "episodeName": "Days Gone Bye"_x000D_
        },_x000D_
        "questionItem": {_x000D_
          "theQuestion": "q2",_x000D_
          "attachedElement": {_x000D_
            "type": 1,_x000D_
            "value": ""_x000D_
          }_x000D_
        },_x000D_
        "options": [_x000D_
          {_x000D_
            "type": 1,_x000D_
            "value": "o2"_x000D_
          },_x000D_
          {_x000D_
            "type": 1,_x000D_
            "value": "o2"_x000D_
          }_x000D_
        ],_x000D_
        "answer": {_x000D_
          "questionId": 1,_x000D_
          "answer": 1_x000D_
        },_x000D_
        "metaTags": [_x000D_
          "Season 1",_x000D_
          "Episode 1",_x000D_
          "Rick Grimmes",_x000D_
          "Glenn Rhee"_x000D_
        ]_x000D_
      }_x000D_
    }_x000D_
  ]_x000D_
}&lt;/code&gt;&lt;/pre&gt;_x000D_
&lt;/div&gt;_x000D_
&lt;/div&gt;_x000D_
&lt;/p&gt;
&lt;p&gt;I'm able to search for questions.questionEntry.questionItem.theQuestion for a matching criteria with:&lt;/p&gt;
&lt;p&gt;&lt;code&gt;db.questions.find({"questions.questionEntry.questionItem.theQuestion" : "q1"},{'questions.$':1}).pretty()&lt;/code&gt;&lt;/p&gt;
&lt;p&gt;This works well for the questions collection but how would I do the same search across multiple collections?&lt;/p&gt;
&lt;p&gt;Many thanks&lt;/p&gt;</t>
  </si>
  <si>
    <t>2015-06-04 07:00:24.340000+00:00</t>
  </si>
  <si>
    <t>2015-06-04 07:31:33.240000+00:00</t>
  </si>
  <si>
    <t>Passing arguments in unix in command line</t>
  </si>
  <si>
    <t>&lt;p&gt;How can I pass arguments to a command in unix? For example, if I have to open a file:&lt;/p&gt;
&lt;pre&gt;&lt;code&gt;R&amp;gt; vi john/pic/mars/NASA/rover.txt
&lt;/code&gt;&lt;/pre&gt;
&lt;p&gt;In the above &lt;code&gt;vi&lt;/code&gt; command, I want to replace "mars" with a variable, and pass the variable value in the same line, as in:&lt;/p&gt;
&lt;pre&gt;&lt;code&gt;R&amp;gt; vi john/pic/$variable/NASA/rover.txt | $varaiable=pluto
&lt;/code&gt;&lt;/pre&gt;
&lt;p&gt;Of course this doesn't work. But I hope my question is clear. Can anyone help me with this?&lt;/p&gt;</t>
  </si>
  <si>
    <t>2014-04-08 11:55:50.130000+00:00</t>
  </si>
  <si>
    <t>2014-04-12 23:04:10.717000+00:00</t>
  </si>
  <si>
    <t>2014-04-08 12:07:35.287000+00:00</t>
  </si>
  <si>
    <t>linux|unix|arguments|command-line-arguments</t>
  </si>
  <si>
    <t>Why is the BRDF a quotient of two differentials?</t>
  </si>
  <si>
    <t>&lt;p&gt;I am not sure if this is the rigth place to ask this question but i can not think of an better. Can somebody explane to me why the BRDF is an quotient of two differentials and not a quotient of undifferentiated quantities for outcoming radicance and irradiance? In the best case with some scribbles. All the explantions i could find to this topic is the one of Wikipedia:
&lt;em&gt;"The reason the function is defined as a quotient of two differentials and not directly as a quotient between the undifferentiated quantities, is because other irradiating light than dEi(��i), which are of no interest for fr(��i , ��r), might illuminate the surface which would unintentionally affect Lr(��r), whereas d���Lr (��r) is only affected by dEi(��i)."&lt;/em&gt; (&lt;a href="https://en.wikipedia.org/wiki/Bidirectional_reflectance_distribution_function" rel="nofollow"&gt;https://en.wikipedia.org/wiki/Bidirectional_reflectance_distribution_function&lt;/a&gt;) I do not understand this explation.&lt;/p&gt;
&lt;p&gt;I hope some of you can help me and i am very thankfully for every trie.&lt;/p&gt;
&lt;p&gt;P.S.: I hope I do not sound like an six year old but english is not my mothertoung.&lt;/p&gt;</t>
  </si>
  <si>
    <t>2016-09-03 01:16:48.790000+00:00</t>
  </si>
  <si>
    <t>2016-09-03 02:03:51.397000+00:00</t>
  </si>
  <si>
    <t>graphics|rendering|physics</t>
  </si>
  <si>
    <t>How to check the user's link to an account with two domain names?</t>
  </si>
  <si>
    <t>&lt;p&gt;How to validate user profile URL with two domain names. For example, there are sites that are available from some domains. The same site opens with many domain names. For example I can visit to &lt;a href="https://website.com" rel="nofollow noreferrer"&gt;https://website.com&lt;/a&gt; with &lt;a href="https://wb.com" rel="nofollow noreferrer"&gt;https://wb.com&lt;/a&gt; too. In this case URL's to user profiles can be with two domains:&lt;/p&gt;
&lt;ul&gt;
&lt;li&gt;&lt;a href="https://website.com/username" rel="nofollow noreferrer"&gt;https://website.com/username&lt;/a&gt;&lt;/li&gt;
&lt;li&gt;&lt;a href="https://wb.com/username" rel="nofollow noreferrer"&gt;https://wb.com/username&lt;/a&gt;&lt;/li&gt;
&lt;/ul&gt;
&lt;p&gt;I can individually check these domains with two different patterns:&lt;/p&gt;
&lt;p&gt;&lt;strong&gt;For:&lt;/strong&gt; &lt;a href="https://website.com/username" rel="nofollow noreferrer"&gt;https://website.com/username&lt;/a&gt;&lt;/p&gt;
&lt;pre&gt;&lt;code&gt;(?:(?:http|https):\/\/)?(?:www.)?website.com\/(?:(?:\w)*#!\/)?([\w\-]*)?
&lt;/code&gt;&lt;/pre&gt;
&lt;p&gt;&lt;strong&gt;For:&lt;/strong&gt; &lt;a href="https://wb.com/username" rel="nofollow noreferrer"&gt;https://wb.com/username&lt;/a&gt;&lt;/p&gt;
&lt;pre&gt;&lt;code&gt;(?:(?:http|https):\/\/)?(?:www.)?wb.com\/(?:(?:\w)*#!\/)?([\w\-]*)?
&lt;/code&gt;&lt;/pre&gt;
&lt;p&gt;How to create a single template to check the link to the user profile?&lt;/p&gt;</t>
  </si>
  <si>
    <t>2018-10-23 05:50:53.850000+00:00</t>
  </si>
  <si>
    <t>2018-10-23 06:06:48.877000+00:00</t>
  </si>
  <si>
    <t>SCRIPT438: Object doesn't support property or method 'onfocus_eventsubmit'</t>
  </si>
  <si>
    <t>&lt;p&gt;Hi I have below 2 pages&lt;/p&gt;
&lt;p&gt;page1.html&lt;/p&gt;
&lt;pre&gt;&lt;code&gt;    &amp;lt;!DOCTYPE html&amp;gt;
    &amp;lt;html&amp;gt;
    &amp;lt;body&amp;gt;
    &amp;lt;p&amp;gt;Click the button to write some text in the new window and the source (parent) window.&amp;lt;/p&amp;gt;
    &amp;lt;button onclick="myFunction()"&amp;gt;Open Second Page&amp;lt;/button&amp;gt;
    &amp;lt;script&amp;gt;
    var lw_url = "page2.html";
    function myFunction() {
       // var myWindow = window.open("", "myWindow", "width=200,height=100");
          var myWindow = window.open(lw_url,"_blank","location=no,menubar=no,resizable=no,status=yes,scrollbars=yes,toolbar=no,width=1000,height=650");
    }
     function onfocus_eventsubmit(){
          alert("onfocus_eventsubmit..")
     }
    &amp;lt;/script&amp;gt;
    &amp;lt;/body&amp;gt;
    &amp;lt;/html&amp;gt;
&lt;/code&gt;&lt;/pre&gt;
&lt;p&gt;page2.html&lt;/p&gt;
&lt;pre&gt;&lt;code&gt;&amp;lt;!DOCTYPE html&amp;gt;
&amp;lt;html&amp;gt;
&amp;lt;body onload="submitPage();"&amp;gt;
&amp;lt;p&amp;gt;This is page 2.&amp;lt;/p&amp;gt;
&amp;lt;button onclick="CloseMe()"&amp;gt;Close Me&amp;lt;/button&amp;gt;
&amp;lt;script&amp;gt;
alert("lllllll")
function CloseMe() {
      window.close();
}
function submitPage(){
 alert('submitPage');
 window.opener.onfocus_eventsubmit();
}
&amp;lt;/script&amp;gt;
&amp;lt;/body&amp;gt;
&amp;lt;/html&amp;gt;
&lt;/code&gt;&lt;/pre&gt;
&lt;p&gt;I am getting below error :&lt;/p&gt;
&lt;pre&gt;&lt;code&gt;Uncaught SecurityError: Blocked a frame with origin "www.site1.com" from accessing a frame with origin "www.site2.com". Protocols, domains, and ports must match.
&lt;/code&gt;&lt;/pre&gt;</t>
  </si>
  <si>
    <t>2016-09-26 15:35:49.750000+00:00</t>
  </si>
  <si>
    <t>Not able to display Simple XML Elements with PHP due to special characters @ and dash?</t>
  </si>
  <si>
    <t>&lt;p&gt;Note the "@"attributes and dashes such as "MAP-SETS"
SimpleXML output dump example:&lt;/p&gt;
&lt;pre&gt;&lt;code&gt; object(SimpleXMLElement)#1 (5) { ["@attributes"]=&amp;gt; array(8) { ["date"]=&amp;gt; string(10) "2013-07-30" ["equipment"]=&amp;gt; string(16) "RANGER 2" ["id"]=&amp;gt; string(5) "B0.17" ["name"]=&amp;gt; string(14) "abcdefg" ["sn"]=&amp;gt; string(9) "012345" ["time"]=&amp;gt; string(8) "06:24:24" ["trademark"]=&amp;gt; string(24) "ELECTRON, INC" ["version"]=&amp;gt; string(3) "1.0" } ["MAP-SETS"]=&amp;gt; object(SimpleXMLElement)#2 (1) { ["MAP-SET"]=&amp;gt; array(9) { [0]=&amp;gt; object(SimpleXMLElement)#6 (1) { ["@attributes"]=&amp;gt; array(5) { ["band"]=&amp;gt; string(11) "TERRESTRIAL" ["date"]=&amp;gt; string(10) "2017-10-05" ["equipment"]=&amp;gt; string(6) "RANGER" ["name"]=&amp;gt; string(13) "AMP-ANT1" ["version"]=&amp;gt; string(3) "1.1" } } [1]=&amp;gt; object(SimpleXMLElement)#7 (1) { ["@attributes"]=&amp;gt; array(5) { ["band"]=&amp;gt; string(11) "TERRESTRIAL" ["date"]=&amp;gt; string(10) "2017-10-05" ["equipment"]=&amp;gt; string(6) "RANGER" ["name"]=&amp;gt; string(13) "AMP-ANT2" ["version"]=&amp;gt; string(3) "1.1" } } [2]=&amp;gt; object(SimpleXMLElement)#8 (1) { ["@attributes"]=&amp;gt; array(5) { ["band"]=&amp;gt; string(11) "TERRESTRIAL" ["date"]=&amp;gt; string(10) "2017-07-25" ["equipment"]=&amp;gt; string(6) "RANGER" ["name"]=&amp;gt; string(13) "AMP-ANT3" ["version"]=&amp;gt; string(3) "1.1" } } [3]=&amp;gt; object(SimpleXMLElement)#9 (1) { ["@attributes"]=&amp;gt; array(5) { ["band"]=&amp;gt; string(11) "TERRESTRIAL" ["date"]=&amp;gt; string(10) "2018-09-10" ["equipment"]=&amp;gt; string(6) "RANGER" ["name"]=&amp;gt; string(13) "AMP-ANT4" ["version"]=&amp;gt; string(3) "1.1" } } [4]=&amp;gt; object(SimpleXMLElement)#10 (1) { ["@attributes"]=&amp;gt; array(5) { ["band"]=&amp;gt; string(11) "TERRESTRIAL" ["date"]=&amp;gt; string(10) "2017-10-05" ["equipment"]=&amp;gt; string(6) "RANGER" ["name"]=&amp;gt; string(13) "AMP-ANT5" ["version"]=&amp;gt; string(3) "1.1" } } [5]=&amp;gt; object(SimpleXMLElement)#11 (1) { ["@attributes"]=&amp;gt; array(5) { ["band"]=&amp;gt; string(11) "TERRESTRIAL" ["date"]=&amp;gt; string(10) "2017-07-25" ["equipment"]=&amp;gt; string(6) "RANGER" ["name"]=&amp;gt; string(13) "AMP-ANT8" ["version"]=&amp;gt; string(3) "1.1" } } [6]=&amp;gt; object(SimpleXMLElement)#12 (1) { ["@attributes"]=&amp;gt; array(5) { ["band"]=&amp;gt; string(11) "TERRESTRIAL" ["date"]=&amp;gt; string(10) "2017-07-25" ["equipment"]=&amp;gt; string(6) "RANGER" ["name"]=&amp;gt; string(13) "AMP-ANT9" ["version"]=&amp;gt; string(3) "1.1" } } [7]=&amp;gt; object(SimpleXMLElement)#13 (1) { ["@attributes"]=&amp;gt; array(5) { ["band"]=&amp;gt; string(11) "TERRESTRIAL" ["date"]=&amp;gt; string(10) "2018-09-10" ["equipment"]=&amp;gt; string(6) "RANGER" ["name"]=&amp;gt; string(13) "AMP-ANT6" ["version"]=&amp;gt; string(3) "1.1" } } [8]=&amp;gt; object(SimpleXMLElement)#14 (1) { ["@attributes"]=&amp;gt; array(5) { ["band"]=&amp;gt; string(11) "TERRESTRIAL" ["date"]=&amp;gt; string(10) "2018-09-10" ["equipment"]=&amp;gt; string(6) "RANGER" ["name"]=&amp;gt; string(13) "AMP-ANT7" ["version"]=&amp;gt; string(3) "1.1" } } } } ["ATTENUATION-TESTS"]=&amp;gt; object(SimpleXMLElement)#3 (0) { } ["OPTIONS"]=&amp;gt; object(SimpleXMLElement)#4 (3) { ["CAPTURE-PSI"]=&amp;gt; object(SimpleXMLElement)#14 (1) { ["@attributes"]=&amp;gt; array(1) { ["value"]=&amp;gt; string(5) "false" } } ["PAUSE-CHSETS"]=&amp;gt; object(SimpleXMLElement)#13 (1) { ["@attributes"]=&amp;gt; array(1) { ["value"]=&amp;gt; string(4) "true" } } ["FSM"]=&amp;gt; object(SimpleXMLElement)#12 (1)
&lt;/code&gt;&lt;/pre&gt;
&lt;p&gt;This works:
$xml = simplexml_load_file("test.XML");
var_dump($xml);&lt;/p&gt;
&lt;p&gt;But when i try to call individual items I get different errors depending on what I do. Such as:  unexpected '[', expecting identifier (T_STRING) or variable (T_VARIABLE) 
this example does not work:&lt;/p&gt;
&lt;pre&gt;&lt;code&gt;echo $xml-&amp;gt;["@attributes"][0]-&amp;gt;["MAP-SETS"] . "&amp;lt;br&amp;gt;";
&lt;/code&gt;&lt;/pre&gt;
&lt;p&gt;Am i phrasing something wrong?
I am able to get other code working that does not contain special characters form other xml file examples such as this one:"&lt;/p&gt;
&lt;pre&gt;&lt;code&gt;foreach ($movies-&amp;gt;movie-&amp;gt;characters-&amp;gt;character as $character) {
echo $character-&amp;gt;name, ' played by ', $character-&amp;gt;actor, PHP_EOL; 
&lt;/code&gt;&lt;/pre&gt;</t>
  </si>
  <si>
    <t>2018-11-27 20:51:04.027000+00:00</t>
  </si>
  <si>
    <t>php|xml|simplexml</t>
  </si>
  <si>
    <t>Add List Of Images To HTML dynamic using c#</t>
  </si>
  <si>
    <t>&lt;p&gt;I have list of images stored in sql database.
i try to add it dynamic at run time .
&lt;br/&gt;i use &lt;code&gt;"InnerHtml"&lt;/code&gt;&lt;br/&gt;
i create dive tag and want to add the image list in the div tag&lt;br&gt;
&lt;strong&gt;HTML:&lt;/strong&gt;&lt;br/&gt;&lt;/p&gt;
&lt;pre&gt;&lt;code&gt;&amp;lt;div runat=server class="ws_images" id="List_Slide"&amp;gt;
&lt;/code&gt;&lt;/pre&gt;
&lt;p&gt;&lt;strong&gt;C#&lt;/strong&gt;&lt;br/&gt;&lt;/p&gt;
&lt;pre&gt;&lt;code&gt;List_Slide.InnerHtml = "&amp;lt;li&amp;gt;&amp;lt;img src=data1/images/31.jpg alt=31 title=31 id=wows1_0/&amp;gt;&amp;lt;/li&amp;gt;"
&lt;/code&gt;&lt;/pre&gt;
&lt;p&gt;can you help me ?&lt;/p&gt;</t>
  </si>
  <si>
    <t>2013-03-18 02:04:16.217000+00:00</t>
  </si>
  <si>
    <t>2013-03-18 02:22:29.537000+00:00</t>
  </si>
  <si>
    <t>c#|html|dynamic</t>
  </si>
  <si>
    <t>When to use '.' or '#' before selectors in jquery?</t>
  </si>
  <si>
    <t>&lt;p&gt;Sometimes we need to use '.' and '#' with selectors in jquery, but sometimes we have to write the names of selectors without these symbols.
Example: &lt;code&gt;$('.article').removeClass('current');&lt;/code&gt;
Here we used '.' with 'article' but not with 'current'.
I don't understand the difference between the two cases.When should we use them and when not?
Thank you.&lt;/p&gt;</t>
  </si>
  <si>
    <t>2014-10-24 04:26:24.127000+00:00</t>
  </si>
  <si>
    <t>2014-10-24 04:33:33.517000+00:00</t>
  </si>
  <si>
    <t>jquery-selectors</t>
  </si>
  <si>
    <t>Facebook-Instagram api is missing metrics from /stories/insights: actions( sticker taps, swipe ups) &amp; if the story is made up of multiple media</t>
  </si>
  <si>
    <t>&lt;p&gt;The instagram app allows you to see the following metrics for /story/insights: (notably interactions: swipe and sticker taps) see image 
&lt;a href="https://i.stack.imgur.com/ldyD5.png" rel="nofollow noreferrer"&gt;&lt;img src="https://i.stack.imgur.com/ldyD5.png" alt="enter image description here"&gt;&lt;/a&gt;&lt;/p&gt;
&lt;p&gt;Meanwhile the facebook instagram api only gives access to metrics: impressions, reach, taps_forward, taps_back, exits, &amp;amp; replies.
&lt;a href="https://developers.facebook.com/docs/instagram-api/reference/media/insights" rel="nofollow noreferrer"&gt;reference here&lt;/a&gt;&lt;/p&gt;
&lt;p&gt;It is not giving access to missing data on the story/insights endpoint, how would one go about accessing? &lt;/p&gt;
&lt;p&gt;As well, if a story is made up of multiple images/video/media, say 10 panes, how does one separate the metrics per pane within a story?&lt;/p&gt;</t>
  </si>
  <si>
    <t>2018-10-16 17:52:32.023000+00:00</t>
  </si>
  <si>
    <t>instagram-graph-api</t>
  </si>
  <si>
    <t>initialize only some elements of array in java</t>
  </si>
  <si>
    <t>&lt;p&gt;So I want to skip the first and last elements of the array to initialize. What am I doing wrong?&lt;/p&gt;
&lt;pre&gt;&lt;code&gt;public static void main(String args[]) throws Exception {
    //Write code here
    Scanner sc = new Scanner(System.in);
    System.out.println("Input Rows: ");
    int m = sc.nextInt();
    System.out.println("Input Columns: ");
    int n = sc.nextInt();
    System.out.println("Enter values: ");
    int[][] arr = new int[m][n];
    for (int i = 0; i &amp;lt; m; i++) {
        for (int j = 0; j &amp;lt; n; j++) {
            if (arr[i][j] == arr[0][0] || arr[i][j] == arr[m][n]) {
                continue;
            } else {
                arr[i][j] = sc.nextInt();
            }
        }
        System.out.println();
    }
    for (int i = 0; i &amp;lt; m; i++) {
        for (int j = 0; j &amp;lt; n; j++) {
            System.out.print(arr[i][j] + " ");
        }
        System.out.println();
    }
}
&lt;/code&gt;&lt;/pre&gt;
&lt;p&gt;Here is my output:&lt;/p&gt;
&lt;pre&gt;&lt;code&gt;Input Rows: 
3
Input Columns:
3
Entered Values:
0 0 0 
0 0 0 
0 0 0 
&lt;/code&gt;&lt;/pre&gt;</t>
  </si>
  <si>
    <t>2018-04-04 14:37:40.840000+00:00</t>
  </si>
  <si>
    <t>2018-04-04 17:47:38.947000+00:00</t>
  </si>
  <si>
    <t>MVC OAuth sign in with Google not working when using URL rewrite</t>
  </si>
  <si>
    <t>&lt;p&gt;I use the standard OAuth functions that ship with MVC 4 to let users sign in with Google and Facebook.  Everything was working fine until I used url rewrite to remove the virtual directory name from my godaddy hosted site (see &lt;a href="http://support.godaddy.com/library/removing-virtual-application-name-from-urls/" rel="nofollow"&gt;http://support.godaddy.com/library/removing-virtual-application-name-from-urls/&lt;/a&gt;)&lt;/p&gt;
&lt;p&gt;Facebook still works fine but google now fails every time.  Google redirects back to the correct url but when the OAuth library tries to grab the information from the url it acts as if its not there.  &lt;/p&gt;
&lt;p&gt;I can't figure out why but I know it has something to do with the url rewriting as when I manually add the virtual directory name to the return url it works (but facebook breaks).&lt;/p&gt;
&lt;p&gt;This is the code in web.config to remove the virtual directory:&lt;/p&gt;
&lt;pre&gt;&lt;code&gt;&amp;lt;rule name="Remove Virtual Directory"&amp;gt;
    &amp;lt;match url=".*" /&amp;gt;
    &amp;lt;action type="Rewrite" url="{R:0}" /&amp;gt;
&amp;lt;/rule&amp;gt;
&lt;/code&gt;&lt;/pre&gt;
&lt;p&gt;This is the OAuth code:&lt;/p&gt;
&lt;pre&gt;&lt;code&gt;[HttpPost]
[AllowAnonymous]
[ValidateAntiForgeryToken]
public ActionResult ExternalLogin(string provider, string returnUrl)
{
    var action = Url.Action("ExternalLoginCallback", new { ReturnUrl = returnUrl });
    return new ExternalLoginResult(provider, action);
}
//
// GET: /Account/ExternalLoginCallback
[AllowAnonymous]
public ActionResult ExternalLoginCallback(string returnUrl)
{
    var action = Url.Action("ExternalLoginCallback", new{ReturnUrl = returnUrl});
    AuthenticationResult result = OAuthWebSecurity.VerifyAuthentication(action);
    //AuthenticationResult result = OAuthWebSecurity.VerifyAuthentication();
    if (!result.IsSuccessful)
    {
        return RedirectToAction("ExternalLoginFailure");
    }
&lt;/code&gt;&lt;/pre&gt;
&lt;p&gt;It all seems to fall apart here, even though the provider name is clearly visible in the url:&lt;/p&gt;
&lt;pre&gt;&lt;code&gt;public static string GetProviderName(HttpContextBase context)
{
    return context.Request.QueryString[ProviderQueryStringName];
}
&lt;/code&gt;&lt;/pre&gt;
&lt;p&gt;&lt;strong&gt;EDIT:&lt;/strong&gt;&lt;/p&gt;
&lt;p&gt;I have been able to get it working for now by changing the external login handler to this:&lt;/p&gt;
&lt;pre&gt;&lt;code&gt;    [HttpPost]
    [AllowAnonymous]
    [ValidateAntiForgeryToken]
    public ActionResult ExternalLogin(string provider, string returnUrl)
    {
        var action = Url.Action("ExternalLoginCallback", new {ReturnUrl = returnUrl});
        var mustHackGodaddy = provider == "google";
        if (mustHackGodaddy){
            action = "/[virtual directory name]" + action;
        }
        return new ExternalLoginResult(provider, action);
    }
&lt;/code&gt;&lt;/pre&gt;
&lt;p&gt;I wouldn't really call it a solution though.  Can anyone shed some light on what is going on?  I am wondering if the oauth library thinks it is an xss attack because of the re-written url. But it is strange that it only breaks for google and that the requests are also issued from the same url.&lt;/p&gt;</t>
  </si>
  <si>
    <t>2013-06-11 02:36:03.517000+00:00</t>
  </si>
  <si>
    <t>2013-06-14 19:25:10.403000+00:00</t>
  </si>
  <si>
    <t>CASE statement turning a NUMBER into a CHAR, but the ELSE to keep original NUMBER in Oracle SQL</t>
  </si>
  <si>
    <t>&lt;p&gt;I'm trying to create a simple query that turns a grading/evaluation column that currently contains the values 0,1,2,3,4,5 into Terrible, Poor, Bad, Mediocre, and Good. But as you can see there are only 5 label values but 6 number values.&lt;/p&gt;
&lt;p&gt;So the number 5 needs to display as 5, while all the other numbers will turn into their respective labels (Terrible, Poor, etc).&lt;/p&gt;
&lt;p&gt;My current query is as follow:&lt;/p&gt;
&lt;p&gt;&lt;div class="snippet" data-lang="js" data-hide="false"&gt;_x000D_
&lt;div class="snippet-code"&gt;_x000D_
&lt;pre class="snippet-code-html lang-html prettyprint-override"&gt;&lt;code&gt;SELECT  course_id,_x000D_
  student_id,_x000D_
  CASE eval_x000D_
  WHEN 0 THEN 'Terrible'_x000D_
  WHEN 1 THEN 'Bad'_x000D_
  WHEN 2 THEN 'Mediocre'_x000D_
  WHEN 3 THEN 'Fair'_x000D_
  WHEN 4 THEN 'Good'_x000D_
  END_x000D_
  FROM booking;&lt;/code&gt;&lt;/pre&gt;_x000D_
&lt;/div&gt;_x000D_
&lt;/div&gt;_x000D_
&lt;/p&gt;
&lt;p&gt;In the following query result, I know for a fact that the &lt;code&gt;COURSE_ID&lt;/code&gt; labeled &lt;code&gt;10121&lt;/code&gt; has an Evaluation value of &lt;code&gt;5&lt;/code&gt;
All other ones are null so it's fine that they are blank. But &lt;code&gt;10121&lt;/code&gt; needs to display as &lt;code&gt;5&lt;/code&gt;. &lt;/p&gt;
&lt;p&gt;If I try to apply an &lt;code&gt;ELSE&lt;/code&gt; statement to return the original value (by doing an &lt;code&gt;inner select&lt;/code&gt; statement) it says &lt;code&gt;ERROR at line 9: ORA-00932: inconsistent datatypes: expected CHAR got NUMBER&lt;/code&gt;&lt;/p&gt;
&lt;p&gt;&lt;div class="snippet" data-lang="js" data-hide="false"&gt;_x000D_
&lt;div class="snippet-code"&gt;_x000D_
&lt;pre class="snippet-code-html lang-html prettyprint-override"&gt;&lt;code&gt; COURSE_ID STUDENT_ID CASEEVAL_x000D_
---------- ---------- --------_x000D_
     10111   10235000 Good_x000D_
     10111   10285858 Fair_x000D_
     10112   10288497_x000D_
     10112   10092464 Fair_x000D_
     10113   10235000_x000D_
     10114   10128018 Terrible_x000D_
     10114   10288497_x000D_
     10115   10092464 Terrible_x000D_
     10115   10128018 Bad_x000D_
     10116   10128018_x000D_
     10118   10288497 Bad_x000D_
     10118   10836444 Fair_x000D_
     10119   10285858_x000D_
     10120   10412445 Mediocre_x000D_
     10121   10836444_x000D_
     10122   10285858 Good_x000D_
     10123   10412445 Mediocre_x000D_
     10125   10095146&lt;/code&gt;&lt;/pre&gt;_x000D_
&lt;/div&gt;_x000D_
&lt;/div&gt;_x000D_
&lt;/p&gt;</t>
  </si>
  <si>
    <t>2015-01-02 01:08:59.343000+00:00</t>
  </si>
  <si>
    <t>2015-01-02 02:53:10.683000+00:00</t>
  </si>
  <si>
    <t>2015-01-02 02:11:26.937000+00:00</t>
  </si>
  <si>
    <t>sql|oracle|case</t>
  </si>
  <si>
    <t>Error implementing back button on webview fragment android using handler</t>
  </si>
  <si>
    <t>&lt;p&gt;Here is my code for fragment that contains a webview, I'm trying to implement back button for webview, and my code doesn't work.. Have tried plenty of answers online, but it doesn't seem to work for my code..
Basically I tried it using handlers with the help of this &lt;a href="https://stackoverflow.com/a/10631749/2768665"&gt;answer&lt;/a&gt;, and I see the below error..&lt;/p&gt;
&lt;p&gt;&lt;img src="https://i.stack.imgur.com/lE19J.png" alt="This is the error, which I&amp;#39;m getting when I compile it.."&gt;&lt;/p&gt;
&lt;pre&gt;&lt;code&gt;import android.os.Bundle;
import android.os.Message;
import android.view.KeyEvent;
import android.view.LayoutInflater;
import android.view.View;
import android.view.ViewGroup;
import android.webkit.WebSettings;
import android.webkit.WebView;
import android.app.Fragment;
import com.gururaju.verve15.R;
import java.util.logging.Handler;
public final class LoginFragment extends Fragment {
    public LoginFragment(){}
    static WebView mWeb;
    private View mContentView;
    private Handler handler = new Handler(){
        @Override
        public void handleMessage(Message message) {
            switch (message.what) {
                case 1:{
                    webViewGoBack();
                }break;
            }
        }
    };
    @Override
    public View onCreateView(LayoutInflater inflater, ViewGroup container,Bundle savedInstanceState)
    {
        mContentView = inflater.inflate(R.layout.fragment_login, null);
        mWeb = (WebView)mContentView.findViewById(R.id.webView);
        WebSettings settings = mWeb.getSettings();
        settings.setJavaScriptEnabled(true);
        settings.setSupportZoom(false);
        mWeb.setScrollBarStyle(View.SCROLLBARS_INSIDE_OVERLAY);
        mWeb.getSettings().setBuiltInZoomControls(false);
        mWeb.loadUrl("http://example.com/login/");
        mWeb.setOnKeyListener(new OnKeyListener(){
            public boolean onKey(View v, int keyCode, KeyEvent event) {
                if ((keyCode == KeyEvent.KEYCODE_BACK) &amp;amp;&amp;amp; mWeb.canGoBack()) {
                    handler.sendEmptyMessage(1);
                    return true;
                }
                return false;
            }
        });
    }
    private void webViewGoBack(){
        mWeb.goBack();
    }
}
&lt;/code&gt;&lt;/pre&gt;
&lt;p&gt;Many thanks for any help.&lt;/p&gt;</t>
  </si>
  <si>
    <t>2015-02-26 14:44:01.483000+00:00</t>
  </si>
  <si>
    <t>2015-02-26 14:48:23.900000+00:00</t>
  </si>
  <si>
    <t>2017-05-23 11:52:23.417000+00:00</t>
  </si>
  <si>
    <t>android|android-fragments|webview</t>
  </si>
  <si>
    <t>Sending emails with Devise</t>
  </si>
  <si>
    <t>&lt;p&gt;I've set up confirmable with devise and am sending emails in development and test mode. However, I couldn't find any good tutorials for triggering emails for other situations using devise. &lt;/p&gt;
&lt;p&gt;For example if a user makes a reservation on my app- how can I email a confirmation to them?&lt;/p&gt;</t>
  </si>
  <si>
    <t>2014-05-24 00:00:40.373000+00:00</t>
  </si>
  <si>
    <t>2014-05-24 00:47:04.697000+00:00</t>
  </si>
  <si>
    <t>ruby-on-rails|email|devise</t>
  </si>
  <si>
    <t>Basic compile time format string checking using constexpr</t>
  </si>
  <si>
    <t>&lt;p&gt;In our project we use a printf compatible function to add messages to an external log file. e.g. We can write&lt;/p&gt;
&lt;pre&gt;&lt;code&gt;__LOG_INFO( "number of files = %d\n", number_of_files );
__LOG_INFO( "Just for information\n" );
&lt;/code&gt;&lt;/pre&gt;
&lt;p&gt;The function declarations of &lt;code&gt;__LOG_INFO&lt;/code&gt; look like this&lt;/p&gt;
&lt;pre&gt;&lt;code&gt;template&amp;lt;int N&amp;gt;
inline void __LOG_INFO( const char (&amp;amp;fmt)[N] )
{
    call_printf( MODULE_NAME, fmt, debug_parameters() );
}
template&amp;lt;int N, typename T1&amp;gt;
static void __LOG_INFO( const char (&amp;amp;fmt)[N], const T1 &amp;amp;t1 )
{
    call_printf( MODULE_NAME, fmt, debug_parameters( t1 ) );
}
template&amp;lt;int N, typename T1, typename T2&amp;gt;
static void __LOG_INFO( const char (&amp;amp;fmt)[N], const T1 &amp;amp;t1, const T2 &amp;amp;t2 )
{
    call_printf( MODULE_NAME, fmt, debug_parameters( t1, t2 ) );
}
...
&lt;/code&gt;&lt;/pre&gt;
&lt;p&gt;We now would like to add some simple compile time format string checking using the C++ 11 constexpr functionality, e.g. to do a very simple checking of the number of parameters in the format string we have this function&lt;/p&gt;
&lt;pre&gt;&lt;code&gt;template&amp;lt;int N&amp;gt;
constexpr static int count_arguments( const char (&amp;amp;fmt)[N], int pos = 0, int num_arguments = 0 )
{
    return pos &amp;gt;= N-2 ? num_arguments :
                        fmt[pos] == '%' &amp;amp;&amp;amp; fmt[pos+1] != '%' ? count_arguments( fmt, pos+1, num_arguments+1 ) :
                                                               count_arguments( fmt, pos+1, num_arguments );
}
&lt;/code&gt;&lt;/pre&gt;
&lt;p&gt;The problem now is that we cannot add something like static_assert inside the &lt;code&gt;__LOG_INFO&lt;/code&gt; functions themselves, since the compiler complains that fmt is not an integral constant. So right now we have this ugly macro solution:&lt;/p&gt;
&lt;pre&gt;&lt;code&gt;#define COUNT_ARGS(...) COUNT_ARGS_(,##__VA_ARGS__,8,7,6,5,4,3,2,1,0)
#define COUNT_ARGS_(z,a,b,c,d,e,f,g,h,cnt,...) cnt
#define LOG_INFO(a, ...) \
  { \
      static_assert( count_arguments(a)==COUNT_ARGS(__VA_ARGS__), "wrong number of arguments in format string" ); \
      __LOG_INFO(a,##__VA_ARGS__); \
  }
&lt;/code&gt;&lt;/pre&gt;
&lt;p&gt;So instead of calling &lt;code&gt;__LOG_INFO&lt;/code&gt;, one has to call &lt;code&gt;LOG_INFO&lt;/code&gt;.&lt;/p&gt;
&lt;p&gt;Is there any better solution besides using those macros above?&lt;/p&gt;</t>
  </si>
  <si>
    <t>2014-08-09 11:29:37.360000+00:00</t>
  </si>
  <si>
    <t>2014-08-22 01:08:14.903000+00:00</t>
  </si>
  <si>
    <t>2014-08-09 11:41:34.333000+00:00</t>
  </si>
  <si>
    <t>templates|c++11|constexpr|compile-time|compile-time-constant</t>
  </si>
  <si>
    <t>Rewriting initialization list for each class of complex inheritance hierarchy</t>
  </si>
  <si>
    <t>&lt;p&gt;I wanted to build complex hierarchy of classes (in this case) for a game.&lt;/p&gt;
&lt;p&gt;The problem is - for 3-4 levels of hierarchy it's not a problem, but when I have 10-20 levels of it, then it becomes a real pain. With all these constructor arguments, and base-class constructor calls in initialization list (mostly with the same arguments for each class + current class members), it simply discourages to code.&lt;/p&gt;
&lt;pre&gt;&lt;code&gt;class gameObject
{
public:
    gameObject(const std::string&amp;amp; _name, const size_t&amp;amp; _id)
        : name(_name), id(_id) {/* nothing here */}
    virtual ~gameObject() = 0;
private:
    const std::string name;
    const size_t id;
    //...
};
class item : public gameObject
{
public:
    item(const std::string&amp;amp; _name, const size_t&amp;amp; _id, const unsigned short&amp;amp; _item_lvl, 
         const unsigned short&amp;amp; _required_lvl, const float&amp;amp; _weight, const unsigned&amp;amp; _base_value)
        : gameObject(_name, _id), item_lvl(_item_lvl), required_lvl(_required_lvl), 
          weight(_weight), base_value(_base_value) {/* nothing here */}
private:
    const unsigned short item_lvl;
    const unsigned short required_lvl;
    const float weight;
    const unsigned base_value;
    //...
};
class equipment : public item
{
public:
    equipment(const std::string&amp;amp; _name, const size_t&amp;amp; _id, const unsigned short&amp;amp; _item_lvl, 
              const unsigned short&amp;amp; _required_lvl, const float&amp;amp; _weight, const unsigned&amp;amp; _base_value,
              const std::vector&amp;lt;char&amp;gt;&amp;amp; _allowed_prof, const std::vector&amp;lt;int&amp;gt;&amp;amp; _required_perks, 
              const std::vector&amp;lt;int&amp;gt;&amp;amp; _item_stats,  const short&amp;amp; _item_position, 
              const unsigned short&amp;amp; _efficiency_lvl,
              const std::string&amp;amp; _upgrade_name)
        : item(_name, _id, _item_lvl, _required_lvl, _weight, _base_value), allowed_prof(_allowed_prof), 
          required_perks(_required_perks), item_stats(_item_stats), item_position(_item_position),
          efficiency_lvl(_efficiency_lvl), upgrade_name(_upgrade_name) {/* nothing here */}
private:
    const std::vector&amp;lt;char&amp;gt; allowed_prof;
    const std::vector&amp;lt;int&amp;gt; required_perks;
    const std::vector&amp;lt;int&amp;gt; item_stats;
    const short item_position;
    unsigned short efficiency_lvl;
    std::string upgrade_name;
    //...
    /* tons of other members */
};
class weapon : public equipment
{
public:
    weapon(const std::string&amp;amp; _name, const size_t&amp;amp; _id, const unsigned short&amp;amp; _item_lvl, 
           const unsigned short&amp;amp; _required_lvl, const float&amp;amp; _weight, const unsigned&amp;amp; _base_value,
           const std::vector&amp;lt;char&amp;gt;&amp;amp; _allowed_prof, const std::vector&amp;lt;int&amp;gt;&amp;amp; _required_perks, 
           const std::vector&amp;lt;int&amp;gt;&amp;amp; _item_stats,  const short&amp;amp; _item_position,
           const unsigned short&amp;amp; _efficiency_lvl, const std::string&amp;amp; _upgrade_name)
        : equipment(_name, _id, _item_lvl, _required_lvl, _weight, _base_value, _allowed_prof, 
                    _required_perks, _item_stats, _item_position, _efficiency_lvl, _upgrade_name) 
                    /* TONS OTHER */ { /* nothing here */ }
private:
    // TONS...
};
class melee_weapon : public weapon
{
    // TONS MORE...
};
class one_handed_weapon : public melee_weapon
{
    // MORE MORE TONS...
};
class one_handed_sword : public one_handed_weapon
{
    // MORE MORE MORE MORE MORE MORE MORE MORE MORE MORE...
};
&lt;/code&gt;&lt;/pre&gt;
&lt;p&gt;Is there a better method of building such hierarchy? Not to rewrite the same things in all constructors over and over? &lt;/p&gt;</t>
  </si>
  <si>
    <t>2015-11-27 22:20:43.860000+00:00</t>
  </si>
  <si>
    <t>2015-11-27 22:34:29.610000+00:00</t>
  </si>
  <si>
    <t>c++|inheritance</t>
  </si>
  <si>
    <t>Why is my MVC app throwing a blank page?</t>
  </si>
  <si>
    <t>&lt;p&gt;Deploying my ASP.NET MVC 2 application to an IIS7 staging server leads to a blank page, regardless of the action called. Attempts to access controller actions that require authentication are correctly redirected to &lt;code&gt;/Account/LogOn&lt;/code&gt;, but this page too shows only a blank page on both my local machine and the remote server.&lt;/p&gt;
&lt;p&gt;I have checked my site permissions and I think it is an assembly issue, but no errors show up in the Application log.&lt;/p&gt;
&lt;p&gt;How do I determine the cause of the error?&lt;/p&gt;
&lt;p&gt;I recently installed ASP.NET MVC 3 on my dev machine, but made no changes to this project and I am using StructureMap for DI, if that makes a difference.&lt;/p&gt;</t>
  </si>
  <si>
    <t>2010-12-20 17:01:16.173000+00:00</t>
  </si>
  <si>
    <t>2015-06-04 08:30:54.023000+00:00</t>
  </si>
  <si>
    <t>c#|asp.net-mvc|deployment</t>
  </si>
  <si>
    <t>Write unit tests with TestNG in Eclipse</t>
  </si>
  <si>
    <t>&lt;p&gt;The class &lt;strong&gt;MobileStorage&lt;/strong&gt; is the implementation of a retro mobile phone's inbox. The inbox thereby is dened to hold a predened maximum capacity of messages with up to 160 characters per message. The following operations are supported and need to be tested:&lt;/p&gt;
&lt;ol&gt;
&lt;li&gt;&lt;strong&gt;saveMessage&lt;/strong&gt;: Stores a new text message to the inbox at the next free position. In case the
message text is longer than 160 characters, the message is splitted and stored on multiple
storage positions.&lt;/li&gt;
&lt;li&gt;&lt;strong&gt;deleteMessage&lt;/strong&gt;: Removes the oldest (rst) mobile message from the inbox.&lt;/li&gt;
&lt;li&gt;&lt;strong&gt;listMessages&lt;/strong&gt;: Prints a readable representation of all currently stored messages. Messages that were stored in multiple parts are joined together for representation.&lt;/li&gt;
&lt;/ol&gt;
&lt;p&gt;I need to do some Unit Testing on this code that i attached. Im not very familiar with TestNG and unit testing in general, can you help me with some examples of testing that i can do?&lt;/p&gt;
&lt;p&gt;&lt;strong&gt;mobile_storage\src\main\java\MobileMessage.java - &lt;a href="https://pastebin.com/RxNcgnSi" rel="nofollow noreferrer"&gt;https://pastebin.com/RxNcgnSi&lt;/a&gt;&lt;/strong&gt;&lt;/p&gt;
&lt;pre&gt;&lt;code&gt;/**
 * Represents a mobile text message.
 */
public class MobileMessage {
    //stores the content of this messages
    private final String text;
    //in case of multi-part-messages, stores the preceding message
    //is null in case of single message
    private MobileMessage predecessor;
    public MobileMessage(String text, MobileMessage predecessor) {
        this.text = text;
        this.predecessor = predecessor;
    }
    public String getText() {
        return text;
    }
    public MobileMessage getPredecessor() {
        return predecessor;
    }
    public void setPredecessor(MobileMessage predecessor) {
        this.predecessor = predecessor;
    }
}
&lt;/code&gt;&lt;/pre&gt;
&lt;p&gt;&lt;strong&gt;mobile_storage\src\main\java\MobileStorage.java - &lt;a href="https://pastebin.com/wuqKgvFD" rel="nofollow noreferrer"&gt;https://pastebin.com/wuqKgvFD&lt;/a&gt;&lt;/strong&gt;&lt;/p&gt;
&lt;pre&gt;&lt;code&gt;import org.apache.commons.lang.StringUtils;
import java.util.Arrays;
import java.util.Objects;
import java.util.stream.IntStream;
/**
 * Represents the message inbox of a mobile phone.
 * Each storage position in the inbox can store a message with 160 characters at most.
 * Messages are stored with increasing order (oldest first).
 */
public class MobileStorage {
    final static int MAX_MESSAGE_LENGTH = 160;
    private MobileMessage[] inbox;
    private int occupied = 0;
    /**
     * Creates a message inbox that can store {@code storageSize} mobile messages.
     * @throws IllegalArgumentException in case the passed {@code storageSize} is zero or less
     */
    public MobileStorage(int storageSize) {
        if(storageSize &amp;lt; 1) {
            throw new IllegalArgumentException("Storage size must be greater than 0");
        }
        this.inbox = new MobileMessage[storageSize];
    }
    /**
     * Stores a new text message to the inbox.
     * In case the message text is longer than {@code MAX_MESSAGE_LENGTH}, the message is splitted and stored on multiple storage positions.
     * @param message a non-empty message text
     * @throws IllegalArgumentException in case the given message is empty
     * @throws RuntimeException in case the available storage is too small for storing the complete message text
     */
    public void saveMessage(String message) {
        if(StringUtils.isBlank(message)) {
            throw new IllegalArgumentException("Message cannot be null or empty");
        }
        int requiredStorage = (int) Math.ceil((double) message.length() / MAX_MESSAGE_LENGTH);
        if(requiredStorage &amp;gt; inbox.length || (inbox.length - occupied) &amp;lt;= requiredStorage) {
            throw new RuntimeException("Storage Overflow");
        }
        MobileMessage predecessor = null;
        for(int i = 0; i &amp;lt; requiredStorage; i++) {
            int from = i * MAX_MESSAGE_LENGTH;
            int to = Math.min((i+1) * MAX_MESSAGE_LENGTH, message.length());
            String messagePart = message.substring(from, to);
            MobileMessage mobileMessage = new MobileMessage(messagePart, predecessor);
            inbox[occupied] = mobileMessage;
            occupied++;
            predecessor = mobileMessage;
        }
    }
    /**
     * Returns the number of currently stored mobile messages.
     */
    public int getOccupied() {
        return occupied;
    }
    /**
     * Removes the oldest (first) mobile message from the inbox.
     *
     * @return the deleted message
     * @throws RuntimeException in case there are currently no messages stored
     */
    public String deleteMessage() {
        if(occupied == 0) {
            throw new RuntimeException("There are no messages in the inbox");
        }
        MobileMessage first = inbox[0];
        IntStream.range(1, occupied).forEach(index -&amp;gt; inbox[index-1] = inbox[index]);
        inbox[occupied] = null;
        inbox[0].setPredecessor(null);
        occupied--;
        return first.getText();
    }
    /**
     * Returns a readable representation of all currently stored messages.
     * Messages that were stored in multiple parts are joined together for representation.
     * returns an empty String in case there are currently no messages stored
     */
    public String listMessages() {
        return Arrays.stream(inbox)
                .filter(Objects::nonNull)
                .collect(StringBuilder::new, MobileStorage::foldMessage, StringBuilder::append)
                .toString();
    }
    private static void foldMessage(StringBuilder builder, MobileMessage message) {
        if (message.getPredecessor() == null &amp;amp;&amp;amp; builder.length() != 0) {
            builder.append('\n');
        }
        builder.append(message.getText());
    }
}
&lt;/code&gt;&lt;/pre&gt;</t>
  </si>
  <si>
    <t>2017-10-29 13:54:08.227000+00:00</t>
  </si>
  <si>
    <t>2017-11-01 18:49:30.843000+00:00</t>
  </si>
  <si>
    <t>java|eclipse|unit-testing|testng|testcase</t>
  </si>
  <si>
    <t>error activity class, AndroidManifest.xml, cocos2dx</t>
  </si>
  <si>
    <t>&lt;p&gt;I'm trying to run an android project in Eclipse with cocos2d-x. I think the problem is in the AndroidManifest.xml, but I can't see where...&lt;/p&gt;
&lt;p&gt;This is my AndroidManifest.xml:&lt;/p&gt;
&lt;pre&gt;&lt;code&gt;    &amp;lt;?xml version="1.0" encoding="utf-8"?&amp;gt;
&amp;lt;manifest xmlns:android="http://schemas.android.com/apk/res/android"
      package="com.MyCompany.MyGame"
      android:versionCode="1"
      android:versionName="1.0"&amp;gt;
    &amp;lt;uses-sdk android:minSdkVersion="9"/&amp;gt;
    &amp;lt;uses-feature android:glEsVersion="0x00020000" /&amp;gt;
    &amp;lt;application android:label="@string/app_name"
                 android:icon="@drawable/icon"&amp;gt;
        &amp;lt;activity android:name="org.cocos2dx.cpp.AppActivity"
                  android:label="@string/app_name"
                  android:screenOrientation="landscape"
                  android:theme="@android:style/Theme.NoTitleBar.Fullscreen"
                  android:configChanges="orientation"&amp;gt;
            &amp;lt;!-- Tell NativeActivity the name of our .so --&amp;gt;
            &amp;lt;meta-data android:name="android.app.lib_name"
                       android:value="cocos2dcpp" /&amp;gt;
            &amp;lt;intent-filter&amp;gt;
                &amp;lt;action android:name="android.intent.action.MAIN" /&amp;gt;
                &amp;lt;category android:name="android.intent.category.LAUNCHER" /&amp;gt;
            &amp;lt;/intent-filter&amp;gt;
        &amp;lt;/activity&amp;gt;
    &amp;lt;/application&amp;gt;
    &amp;lt;supports-screens android:anyDensity="true"
                      android:smallScreens="true"
                      android:normalScreens="true"
                      android:largeScreens="true"
                      android:xlargeScreens="true"/&amp;gt;
    &amp;lt;uses-permission android:name="android.permission.INTERNET"/&amp;gt;
&amp;lt;/manifest&amp;gt; 
&lt;/code&gt;&lt;/pre&gt;
&lt;p&gt;And that is my console:&lt;/p&gt;
&lt;pre&gt;&lt;code&gt;[2014-11-06 19:00:18 - ProgettoLAM] ------------------------------
[2014-11-06 19:00:18 - ProgettoLAM] Android Launch!
[2014-11-06 19:00:18 - ProgettoLAM] adb is running normally.
[2014-11-06 19:00:18 - ProgettoLAM] Performing org.cocos2dx.cpp.AppActivity activity launch
[2014-11-06 19:00:20 - ProgettoLAM] Automatic Target Mode: using existing emulator 'emulator-5554' running compatible AVD 'Maiale'
[2014-11-06 19:00:21 - ProgettoLAM] Application already deployed. No need to reinstall.
[2014-11-06 19:00:22 - ProgettoLAM] Starting activity org.cocos2dx.cpp.AppActivity on device emulator-5554
[2014-11-06 19:00:23 - ProgettoLAM] ActivityManager: Starting: Intent { act=android.intent.action.MAIN cat=[android.intent.category.LAUNCHER] cmp=com.MyCompany.ProgettoLAM/org.cocos2dx.cpp.AppActivity }
[2014-11-06 19:00:23 - ProgettoLAM] New package not yet registered with the system. Waiting 3 seconds before next attempt.
[2014-11-06 19:00:26 - ProgettoLAM] Starting activity org.cocos2dx.cpp.AppActivity on device emulator-5554
[2014-11-06 19:00:27 - ProgettoLAM] New package not yet registered with the system. Waiting 3 seconds before next attempt.
[2014-11-06 19:00:27 - ProgettoLAM] ActivityManager: Error: Activity class {com.MyCompany.ProgettoLAM/org.cocos2dx.cpp.AppActivity} does not exist.
[2014-11-06 19:00:30 - ProgettoLAM] Starting activity org.cocos2dx.cpp.AppActivity on device emulator-5554
[2014-11-06 19:00:32 - ProgettoLAM] New package not yet registered with the system. Waiting 3 seconds before next attempt.
[2014-11-06 19:00:32 - ProgettoLAM] ActivityManager: Error: Activity class {com.MyCompany.ProgettoLAM/org.cocos2dx.cpp.AppActivity} does not exist.
[2014-11-06 19:00:35 - ProgettoLAM] Starting activity org.cocos2dx.cpp.AppActivity on device emulator-5554
[2014-11-06 19:00:36 - ProgettoLAM] ActivityManager: Starting: Intent { act=android.intent.action.MAIN cat=[android.intent.category.LAUNCHER] cmp=com.MyCompany.ProgettoLAM/org.cocos2dx.cpp.AppActivity }
[2014-11-06 19:00:36 - ProgettoLAM] New package not yet registered with the system. Waiting 3 seconds before next attempt.
[2014-11-06 19:00:39 - ProgettoLAM] Starting activity org.cocos2dx.cpp.AppActivity on device emulator-5554
[2014-11-06 19:00:42 - ProgettoLAM] ActivityManager: Starting: Intent { act=android.intent.action.MAIN cat=[android.intent.category.LAUNCHER] cmp=com.MyCompany.ProgettoLAM/org.cocos2dx.cpp.AppActivity }
[2014-11-06 19:00:42 - ProgettoLAM] ActivityManager: Error type 3
[2014-11-06 19:00:42 - ProgettoLAM] ActivityManager: Error: Activity class {com.MyCompany.ProgettoLAM/org.cocos2dx.cpp.AppActivity} does not exist.
&lt;/code&gt;&lt;/pre&gt;
&lt;p&gt;Can someone help me?&lt;/p&gt;
&lt;p&gt;Thanks!&lt;/p&gt;</t>
  </si>
  <si>
    <t>2014-11-06 18:09:56.413000+00:00</t>
  </si>
  <si>
    <t>android|xml|eclipse|android-manifest|cocos2d-x</t>
  </si>
  <si>
    <t>Google Charts to Hide a Row and Modify Tooltip</t>
  </si>
  <si>
    <t>&lt;p&gt;I was able to get the following code by referencing this &lt;a href="https://stackoverflow.com/questions/16921097/hide-a-row-aka-series-in-google-chart"&gt;Question &lt;/a&gt;
to work but am having a hard time changing the tooltip&lt;/p&gt;
&lt;p&gt;So I worked with making the tooltip functional and got that to work but am having a very difficult time getting both to work&lt;/p&gt;
&lt;p&gt;Thanks!&lt;/p&gt;
&lt;p&gt;Code Sample 1: Hide A Row&lt;/p&gt;
&lt;pre&gt;&lt;code&gt;     &amp;lt;html&amp;gt;                                                                                     
    &amp;lt;head&amp;gt;                                                                                     
      &amp;lt;script type="text/javascript" src="https://www.google.com/jsapi"&amp;gt;&amp;lt;/script&amp;gt;              
      &amp;lt;script type="text/javascript"&amp;gt;    
  function drawChart() {
      var data = new google.visualization.DataTable();
      data.addColumn('number', 'x');
      data.addColumn('number', 'Attention Phase Harmony');
      data.addColumn('number', 'Clarity of Periphery'); 
      data.addColumn('number', 'Body Temperature');
      data.addColumn('number', 'Clarity of Center of Attention');
      data.addColumn('number', 'Energetic Phenomena');    
      data.addColumn('number', 'Pain-Pleasure');
      data.addColumn('number', 'Mental Illness');
      data.addColumn('number', 'Mind Speed');
      data.addColumn('number', 'Motivation');
      data.addColumn('number', 'Powers');
      data.addColumn('number', 'Sleep'); 
      data.addRow([1,    4,      0,      0,      1,       -4,        2,     -4,      1,      3,        1,       0    ]);
      data.addRow([2,    2,      1,      1,      1,        2,        0,     -3,      2,      0,        0,       0    ]);
      data.addRow([3,   -1,      1,      2,      1,        3,       -4,      0,      3,     -4,       -1,       2    ]);
      data.addRow([4,    4,      1,      4,      4,        4,        4,      3,      4,      4,        4,      -4    ]);
      data.addRow([5,    0,     -2,     -4,     -4,       -4,        2,     -3,     -4,     -3,        0,       4    ]);
      data.addRow([6,    2,      3,      1,     -2,        1,        1,      3,      2,     -2,        1,       0    ]);
      data.addRow([7,   -2,      3,     -1,     -3,       -3,       -2,      3,     -1,     -2,       -1,       2    ]);
      data.addRow([8,   -3,      3,      0,     -2,       -3,       -3,      3,      2,      2,       -2,       2    ]);
      data.addRow([9,   -3,      3,      0,     -3,        0,       -3,      2,      3,      3,       -3,       2    ]);
      data.addRow([10,  -4,      4,      1,     -4,        2,       -4,      4,      4,     -4,       -4,       3    ]);
      data.addRow([11,   4,      3,      0,      3,        0,        1,     -2,      0,     -2,        3,       0    ]);
      alert(data.getNumberOfColumns());
      // Instantiate and draw our chart, passing in some options.
      var chart = new google.visualization.LineChart(document.getElementById('chart_div'));
      // create columns array
      var columns = [];
      // display these data series by default
      var defaultSeries = [1];
      var series = {};
      for (var i = 0; i &amp;lt; data.getNumberOfColumns(); i++) {
          if (i == 0 || defaultSeries.indexOf(i) &amp;gt; -1) {
              // if the column is the domain column or in the default list, display the series
              columns.push(i);
          }
          else {
              // otherwise, hide it
              columns[i] = {
                  label: data.getColumnLabel(i),
                  type: data.getColumnType(i),
                  calc: function () {
                      return null;
                  }
              };
          }
          if (i &amp;gt; 0) {
              // set the default series option
              series[i - 1] = {};
              if (defaultSeries.indexOf(i) == -1) {
                  // backup the default color (if set)
                  if (typeof(series[i - 1].color) !== 'undefined') {
                      series[i - 1].backupColor = series[i - 1].color;
                  }
                  series[i - 1].color = '#CCCCCC';
              }
          }
      }
      var options = {
          pointSize: 5,
          width: 1000,
          height: 400,
          series: series,
          curveType: 'function',
          vAxis: { 
            viewWindow:{
              max:5,
              min:-5
            },
            gridlines: { count: 11, color: '#CCC' } 
          },
          chartArea: {width: '60%'},
          hAxis: {                                                               
            title: "Nanas",                                     
            gridlines: { count: 11, color: '#CCC' } 
             ,slantedTextAngle:90 ,textStyle: {fontSize: 13}
          }
      }           
      function showHideSeries () {
          var sel = chart.getSelection();
          // if selection length is 0, we deselected an element
          if (sel.length &amp;gt; 0) {
              // if row is undefined, we clicked on the legend
              if (sel[0].row == null) {
                  var col = sel[0].column;
                  if (columns[col] == col) {
                      // hide the data series
                      columns[col] = {
                          label: data.getColumnLabel(col),
                          type: data.getColumnType(col),
                          calc: function () {
                              return null;
                          }
                      };
                      // grey out the legend entry
                      series[col - 1].color = '#CCCCCC';
                  }
                  else {
                      // show the data series
                      columns[col] = col;
                      series[col - 1].color = null;
                  }
                  var view = new google.visualization.DataView(data);
                  view.setColumns(columns);
                  chart.draw(view, options);
              }
          }
      }
      google.visualization.events.addListener(chart, 'select', showHideSeries);
      // create a view with the default columns
      var view = new google.visualization.DataView(data);
      view.setColumns(columns);    
      chart.draw(view, options);
  }
  google.load('visualization', '1', {packages: ['corechart']});
  google.setOnLoadCallback(drawChart);    
  &amp;lt;/script&amp;gt;                                                                                
  &amp;lt;/head&amp;gt;                                                                                    
  &amp;lt;body&amp;gt;                                                                                     
      &amp;lt;div id="chart_div"&amp;gt;&amp;lt;/div&amp;gt;
      &amp;lt;div id="creativeCommons" style="text-align: center; width: 400px;"&amp;gt;
        &amp;lt;a rel="license" href="http://creativecommons.org/licenses/by-nc-sa/3.0/deed.en_US"&amp;gt;&amp;lt;img alt="Creative Commons License" style="border-width:0" src="http://i.creativecommons.org/l/by-nc-sa/3.0/88x31.png" /&amp;gt;&amp;lt;/a&amp;gt;&amp;lt;br /&amp;gt;&amp;lt;span xmlns:dct="http://purl.org/dc/terms/" href="http://purl.org/dc/dcmitype/InteractiveResource" property="dct:title" rel="dct:type"&amp;gt;Code to turn on or off data series by clicking on legend entries&amp;lt;/span&amp;gt; by &amp;lt;span xmlns:cc="http://creativecommons.org/ns#" property="cc:attributionName"&amp;gt;Andrew Gallant&amp;lt;/span&amp;gt; is licensed under a &amp;lt;a rel="license" href="http://creativecommons.org/licenses/by-nc-sa/3.0/deed.en_US"&amp;gt;Creative Commons Attribution-NonCommercial-ShareAlike 3.0 Unported License&amp;lt;/a&amp;gt;.
      &amp;lt;/div&amp;gt;            
  &amp;lt;/body&amp;gt;                                                                                    
  &amp;lt;/html&amp;gt; 
&lt;/code&gt;&lt;/pre&gt;
&lt;p&gt;Code Sample 2: ToolTip
    &lt;br&gt;
        &lt;br&gt;
          &lt;br&gt;
                                                                    &lt;/p&gt;
&lt;pre&gt;&lt;code&gt;  function drawChart() {
       var data = google.visualization.arrayToDataTable([
          ["X",
          "Attention Phase Harmony",                        {label: 'Tooltip', role: 'tooltip'}, 
          "Clarity of Periphery",                           {label: 'Tooltip', role: 'tooltip'}, 
          "Body Temperature",                               {label: 'Tooltip', role: 'tooltip'}, 
          "Clarity of Center of Attention",                 {label: 'Tooltip', role: 'tooltip'}],
          [1,    0,  "APH",  null,null,null,null,null,null],
          [2,    1,  "APH",  null,null,null,null,null,null],
          [3,    1,  "APH",  null,null,null,null,null,null],
          [4,    1,  "APH",  null,null,null,null,null,null],
          [5,   -2,  "APH",  null,null,null,null,null,null],
          [6,    3,  "APH",  null,null,null,null,null,null],
          [7,    3,  "APH",  null,null,null,null,null,null],
          [8,    3,  "APH",  null,null,null,null,null,null],
          [9,    3,  "APH",  null,null,null,null,null,null],
          [10,   4,  "APH",  null,null,null,null,null,null],
          [11,   3,  "APH",  null,null,null,null,null,null],
          [1,   null,null,   4,"tooltip info about product 1",    null,null,null,null],
          [2,   null,null,   2,"tooltip info about product 1",    null,null,null,null],
          [3,   null,null,  -1,"tooltip info about product 1",    null,null,null,null],
          [4,   null,null,   4,"tooltip info about product 1",    null,null,null,null],
          [5,   null,null,   0,"tooltip info about product 1",    null,null,null,null],
          [6,   null,null,   2,"tooltip info about product 1",    null,null,null,null],
          [7,   null,null,  -2,"tooltip info about product 1",    null,null,null,null],
          [8,   null,null,  -3,"tooltip info about product 1",    null,null,null,null],
          [9,   null,null,  -3,"tooltip info about product 1",    null,null,null,null],
          [10,  null,null,  -4,"tooltip info about product 1",    null,null,null,null],
          [11,  null,null,   4,"tooltip info about product 1",    null,null,null,null],
          [1,   null,null,null,null,    0,"tooltip info about product 1",    null,null],
          [2,   null,null,null,null,    1,"tooltip info about product 1",    null,null],
          [3,   null,null,null,null,    2,"tooltip info about product 1",    null,null],
          [4,   null,null,null,null,    4,"tooltip info about product 1",    null,null],
          [5,   null,null,null,null,   -4,"tooltip info about product 1",    null,null],
          [6,   null,null,null,null,    1,"tooltip info about product 1",    null,null],
          [7,   null,null,null,null,   -1,"tooltip info about product 1",    null,null],
          [8,   null,null,null,null,    0,"tooltip info about product 1",    null,null],
          [9,   null,null,null,null,    0,"tooltip info about product 1",    null,null],
          [10,  null,null,null,null,    1,"tooltip info about product 1",    null,null],
          [11,  null,null,null,null,    0,"tooltip info about product 1",    null,null],
          [1,   null,null,null,null,null,null,  1,"tooltip info about product 1"    ],
          [2,   null,null,null,null,null,null,  1,"tooltip info about product 1"    ],
          [3,   null,null,null,null,null,null,  1,"tooltip info about product 1"    ],
          [4,   null,null,null,null,null,null,  4,"tooltip info about product 1"    ],
          [5,   null,null,null,null,null,null, -4,"tooltip info about product 1"    ],
          [6,   null,null,null,null,null,null, -2,"tooltip info about product 1"    ],
          [7,   null,null,null,null,null,null, -3,"tooltip info about product 1"    ],
          [8,   null,null,null,null,null,null, -2,"tooltip info about product 1"    ],
          [9,   null,null,null,null,null,null, -3,"tooltip info about product 1"    ],
          [10,  null,null,null,null,null,null, -4,"tooltip info about product 1"    ],
          [11,  null,null,null,null,null,null,  3,"tooltip info about product 1"    ]
      ]);
      var options = {
          pointSize: 5,
          width: 1000,
          height: 400,
          curveType: 'function',
          vAxis: { 
            viewWindow:{
              max:5,
              min:-5
            },
            gridlines: { count: 11, color: '#CCC' } 
          },
          chartArea: {width: '60%'},
          hAxis: {                                                               
            title: "Nanas",                                     
            gridlines: { count: 11, color: '#CCC' } 
             ,slantedTextAngle:90 ,textStyle: {fontSize: 13}
          }
      }
      var chart = new google.visualization.LineChart(document.getElementById('chart_div')); 
      var view = new google.visualization.DataView(data); 
      chart.draw(view, options);
  }
  google.load('visualization', '1', {packages: ['corechart']});
  google.setOnLoadCallback(drawChart);    
  &amp;lt;/script&amp;gt;                                                                                
  &amp;lt;/head&amp;gt;                                                                                    
  &amp;lt;body&amp;gt;                                                                                     
      &amp;lt;div id="chart_div"&amp;gt;&amp;lt;/div&amp;gt;
      &amp;lt;div id="creativeCommons" style="text-align: center; width: 400px;"&amp;gt;
        &amp;lt;a rel="license" href="http://creativecommons.org/licenses/by-nc-sa/3.0/deed.en_US"&amp;gt;&amp;lt;img alt="Creative Commons License" style="border-width:0" src="http://i.creativecommons.org/l/by-nc-sa/3.0/88x31.png" /&amp;gt;&amp;lt;/a&amp;gt;&amp;lt;br /&amp;gt;&amp;lt;span xmlns:dct="http://purl.org/dc/terms/" href="http://purl.org/dc/dcmitype/InteractiveResource" property="dct:title" rel="dct:type"&amp;gt;Code to turn on or off data series by clicking on legend entries&amp;lt;/span&amp;gt; by &amp;lt;span xmlns:cc="http://creativecommons.org/ns#" property="cc:attributionName"&amp;gt;Andrew Gallant&amp;lt;/span&amp;gt; is licensed under a &amp;lt;a rel="license" href="http://creativecommons.org/licenses/by-nc-sa/3.0/deed.en_US"&amp;gt;Creative Commons Attribution-NonCommercial-ShareAlike 3.0 Unported License&amp;lt;/a&amp;gt;.
      &amp;lt;/div&amp;gt;            
  &amp;lt;/body&amp;gt;                                                                                    
  &amp;lt;/html&amp;gt;                          
&lt;/code&gt;&lt;/pre&gt;</t>
  </si>
  <si>
    <t>2014-04-01 19:01:18.030000+00:00</t>
  </si>
  <si>
    <t>2015-01-12 09:48:39.627000+00:00</t>
  </si>
  <si>
    <t>2017-05-23 11:57:07.140000+00:00</t>
  </si>
  <si>
    <t>tooltip|google-visualization</t>
  </si>
  <si>
    <t>OpenERP 7: Hide Whole Form Header or It's Elements</t>
  </si>
  <si>
    <t>&lt;p&gt;I am trying do display a form in read only mode;&lt;/p&gt;
&lt;p&gt;I am trying to hide/disable the whole form header if posible; if not individual elements: bread crumbs, buttons (edit, create, more, delete, duplicate, next, previous) from the Form.&lt;/p&gt;
&lt;p&gt;as shown in red selections
&lt;img src="https://i.stack.imgur.com/AajXx.jpg" alt="enter image description here"&gt;&lt;/p&gt;
&lt;p&gt;I tried modifying the invisible attribute using xpath as shown in 
&lt;a href="http://forum.openerp.com/forum/topic30054.html" rel="nofollow noreferrer"&gt;hide buttons Create, Delete and Edit&lt;/a&gt;&lt;/p&gt;
&lt;pre&gt;&lt;code&gt;    &amp;lt;xpath expr='/form/group/button[@string="Edit"]' position="replace"&amp;gt;
         &amp;lt;button type="action" attrs="{'invisible': [('uid','!=',0)]}" /&amp;gt;
    &amp;lt;/xpath&amp;gt;
&lt;/code&gt;&lt;/pre&gt;
&lt;p&gt;but all I can manage is this:
&lt;img src="https://i.stack.imgur.com/w8Aqh.jpg" alt="enter image description here"&gt;&lt;/p&gt;
&lt;ol&gt;
&lt;li&gt;How to hide the header section or it's individual elements?&lt;/li&gt;
&lt;li&gt;What Is the best practice in OpenErp 7 to make a form in read only mode.&lt;/li&gt;
&lt;/ol&gt;
&lt;p&gt;Thanks&lt;/p&gt;</t>
  </si>
  <si>
    <t>2013-06-27 09:59:49.537000+00:00</t>
  </si>
  <si>
    <t>2014-10-23 11:15:29.393000+00:00</t>
  </si>
  <si>
    <t>openerp</t>
  </si>
  <si>
    <t>Listening for input in programmatically instantiated xib templates</t>
  </si>
  <si>
    <t>&lt;p&gt;I am currently messing around with programmatically adding and removing template Views; to remove a UIView template, a user has to tap a button within it.&lt;/p&gt;
&lt;p&gt;However, I am not sure how to get the parent view controller to handle button inputs. I would like the parent view controller to know when the button is pressed instead of having the xib class handle that because otherwise I would have to a lot of circling and it would get annoying really fast.&lt;/p&gt;
&lt;p&gt;Likewise, I cannot manually connect the button itself to the ViewController class because these xibs are added in during runtime.&lt;/p&gt;
&lt;p&gt;How do I get a parent ViewController to handle the UIButton inputs within a custom XIB template?&lt;/p&gt;</t>
  </si>
  <si>
    <t>2018-11-21 00:03:07.417000+00:00</t>
  </si>
  <si>
    <t>2018-11-21 01:13:39.447000+00:00</t>
  </si>
  <si>
    <t>ios|uibutton|xib</t>
  </si>
  <si>
    <t>CPP Macro: Counter that gives number of instantiations/calls</t>
  </si>
  <si>
    <t>&lt;p&gt;I want to have a &lt;strong&gt;C&lt;/strong&gt; preprocessor macro that knows the number of instantiations/macro calls of this macro so far.
Example:&lt;/p&gt;
&lt;pre&gt;&lt;code&gt;int main() {
  printf("%d\n", MACRO());
  printf("%d\n", MACRO());
}
&lt;/code&gt;&lt;/pre&gt;
&lt;p&gt;Should print&lt;/p&gt;
&lt;pre&gt;&lt;code&gt;0
1
&lt;/code&gt;&lt;/pre&gt;
&lt;p&gt;Is something like this possible?&lt;/p&gt;
&lt;p&gt;Note that it is &lt;strong&gt;not&lt;/strong&gt; enough to forward this to a function as proposed below.
It should work in the following context:&lt;/p&gt;
&lt;pre&gt;&lt;code&gt;// global variable
std::vector&amp;lt;bool&amp;gt; calls_hit;
#define OTHER_MACRO() \
{ \
    const int counter = MACRO(); \
    calls_hit.resize(std::max(calls_hit.size(), counter)); \
    calls_hit[counter] = true; \
}
&lt;/code&gt;&lt;/pre&gt;</t>
  </si>
  <si>
    <t>2010-10-27 12:13:23.047000+00:00</t>
  </si>
  <si>
    <t>2016-03-01 16:16:53.883000+00:00</t>
  </si>
  <si>
    <t>c++|c-preprocessor</t>
  </si>
  <si>
    <t>hiding inner tables with JQuery</t>
  </si>
  <si>
    <t>&lt;p&gt;I'm trying to hide an inner table with JQuery where the  element that triggers the hiding is in the parent table. Here's my code:&lt;/p&gt;
&lt;pre&gt;&lt;code&gt;&amp;lt;html&amp;gt;
&amp;lt;head&amp;gt;
&amp;lt;script type="text/javascript" src="https://ajax.googleapis.com/ajax/libs/jquery/1.5.0/jquery.min.js"&amp;gt;&amp;lt;/script&amp;gt;
&amp;lt;/head&amp;gt;
&amp;lt;body&amp;gt;
&amp;lt;script type="text/javascript"&amp;gt;
$(function() {
    $(".collapsible").click(function(event) {
        event.preventDefault();
        inner = $(this).find(".inner");
        if($(inner).is(":visible") == true) {
            alert("hiding");
            $(inner).hide("slow");
        }
        else {
            alert("showing");
            $(inner).show("slow");
        }
    });
    $(".inner").each(function(index, element) {
        $(this).hide(0);
    });
});
&amp;lt;/script&amp;gt;
&amp;lt;table class='outer'&amp;gt;
&amp;lt;tr&amp;gt;&amp;lt;td&amp;gt;&amp;lt;a class='collapsible' href='#'&amp;gt;click here&amp;lt;/a&amp;gt;&amp;lt;/td&amp;gt;&amp;lt;/tr&amp;gt;
&amp;lt;tr&amp;gt;&amp;lt;table class='inner'&amp;gt;
&amp;lt;tr&amp;gt;&amp;lt;td&amp;gt;thing&amp;lt;/td&amp;gt;&amp;lt;/tr&amp;gt;&amp;lt;tr&amp;gt;&amp;lt;td&amp;gt;another thing&amp;lt;/td&amp;gt;&amp;lt;/tr&amp;gt;
&amp;lt;/table&amp;gt;
&amp;lt;/table&amp;gt;
&amp;lt;table class='outer'&amp;gt;
&amp;lt;tr&amp;gt;&amp;lt;td&amp;gt;&amp;lt;a class='collapsible' href='#'&amp;gt;click here&amp;lt;/a&amp;gt;&amp;lt;/td&amp;gt;&amp;lt;/tr&amp;gt;
&amp;lt;tr&amp;gt;&amp;lt;table class='inner'&amp;gt;
&amp;lt;tr&amp;gt;&amp;lt;td&amp;gt;something else&amp;lt;/td&amp;gt;&amp;lt;/tr&amp;gt;&amp;lt;tr&amp;gt;&amp;lt;td&amp;gt;another something else&amp;lt;/td&amp;gt;&amp;lt;/tr&amp;gt;
&amp;lt;/table&amp;gt;
&amp;lt;/table&amp;gt;
&amp;lt;/body&amp;gt;
&amp;lt;/html&amp;gt;
&lt;/code&gt;&lt;/pre&gt;
&lt;p&gt;Does anybody know why clicking on "click here" not make the inner table show? Thanks in advance&lt;/p&gt;</t>
  </si>
  <si>
    <t>2011-02-07 02:23:28.100000+00:00</t>
  </si>
  <si>
    <t>2011-02-07 02:44:45.093000+00:00</t>
  </si>
  <si>
    <t>javascript|jquery|html|jquery-selectors</t>
  </si>
  <si>
    <t>Content-Transfer-Encoding vs Transfer-Encoding vs Content-Encoding</t>
  </si>
  <si>
    <t>&lt;p&gt;I understand that &lt;code&gt;Transfer-Encoding&lt;/code&gt; and &lt;code&gt;Content-Encoding&lt;/code&gt; are similar except that one is "hop-by-hop" header, and the other is an "end-to-end" header. However, I'm confused at how &lt;code&gt;Content-Transfer-Encoding&lt;/code&gt; relates to these. This header appears &lt;a href="https://www.w3.org/Protocols/rfc1341/5_Content-Transfer-Encoding.html" rel="nofollow noreferrer"&gt;here&lt;/a&gt;, but not in the &lt;a href="https://tools.ietf.org/html/rfc7230" rel="nofollow noreferrer"&gt;HTTP 1.1 spec&lt;/a&gt;, which leads me to believe it shouldn't be used anymore, but I don't see a replacement for it in the 1.1 spec. For example, what if I need to base64 encode the body content?&lt;/p&gt;
&lt;p&gt;Also, assuming all three of these headers are given, what is the correct order of decoding to get the actual content as described by &lt;code&gt;Content-Type&lt;/code&gt;?&lt;/p&gt;</t>
  </si>
  <si>
    <t>2018-03-02 19:08:44.290000+00:00</t>
  </si>
  <si>
    <t>2018-03-02 21:38:45.970000+00:00</t>
  </si>
  <si>
    <t>http|https|http-headers</t>
  </si>
  <si>
    <t>select specific chars from string</t>
  </si>
  <si>
    <t>&lt;p&gt;I try to select every string before the character &lt;code&gt;=&lt;/code&gt;&lt;/p&gt;
&lt;p&gt;&lt;a href="https://i.stack.imgur.com/RnV90.png" rel="nofollow noreferrer"&gt;&lt;img src="https://i.stack.imgur.com/RnV90.png" alt="enter image description here"&gt;&lt;/a&gt;&lt;/p&gt;
&lt;p&gt;so I just want 12h and 48h &lt;/p&gt;
&lt;p&gt;or 5h , 8h, 12h
etc.&lt;/p&gt;
&lt;p&gt;my query:&lt;/p&gt;
&lt;pre&gt;&lt;code&gt;select
activity,
resource
from
(select
trim(both ' ' from regexp_replace (concat(resource_requirement_contingency, ' ;'),'\d{1,5}\D{1,}= - ;', '')) as resource,
activity
FROM PRP_BIA_STAFF_EVALUATION)
&lt;/code&gt;&lt;/pre&gt;
&lt;p&gt;I tried it with &lt;code&gt;left()&lt;/code&gt; and &lt;code&gt;replace()&lt;/code&gt; but it didn't work that way..&lt;/p&gt;</t>
  </si>
  <si>
    <t>2016-03-21 14:40:05.227000+00:00</t>
  </si>
  <si>
    <t>2018-06-14 10:08:54.580000+00:00</t>
  </si>
  <si>
    <t>sql|string|char|h2</t>
  </si>
  <si>
    <t>CSS or JavaScript Div Blur magic</t>
  </si>
  <si>
    <t>&lt;p&gt;Okay, so a new version of the iCloud website is out. It has what appears to be some crazy voodoo Apple magic going on. They were able to blur the background icons behind the login screen, and I can't figure out how they did it. It's not a static image, as the icons change size if you resize the browser.&lt;/p&gt;
&lt;p&gt;Would someone please explain?&lt;/p&gt;
&lt;p&gt;&lt;a href="https://www.icloud.com/" rel="nofollow"&gt;https://www.icloud.com/&lt;/a&gt;&lt;/p&gt;</t>
  </si>
  <si>
    <t>2013-09-18 04:15:46.133000+00:00</t>
  </si>
  <si>
    <t>2013-09-20 20:54:02.470000+00:00</t>
  </si>
  <si>
    <t>javascript|css|icloud|blurry</t>
  </si>
  <si>
    <t>How do you limit retry &amp; rescue in this Ruby example?</t>
  </si>
  <si>
    <t>&lt;p&gt;In the humble book of Ruby, an example of using Rescue and retry is provided of sending HTTP headers to a server using the following code:&lt;/p&gt;
&lt;pre&gt;&lt;code&gt;def make_request
  if (@http11)
    self.send('HTTP/1.1')
  else
    self.send('HTTP/1.0')
  end
rescue ProtocolError
  @http11 = false
  retry
end
&lt;/code&gt;&lt;/pre&gt;
&lt;p&gt;To limit an infinite loop in case it doesn't resolve, what code would I have to insert to cap the retries to say 5 times? Would it be something like:&lt;/p&gt;
&lt;pre&gt;&lt;code&gt;5.times { retry }
&lt;/code&gt;&lt;/pre&gt;</t>
  </si>
  <si>
    <t>2011-01-23 14:21:23.473000+00:00</t>
  </si>
  <si>
    <t>2017-12-22 17:09:10.717000+00:00</t>
  </si>
  <si>
    <t>2011-01-23 14:29:19.220000+00:00</t>
  </si>
  <si>
    <t>Telegram Javabot. Setting webhook</t>
  </si>
  <si>
    <t>&lt;p&gt;Can anyone help pls.I've created telegram bot on Java with &lt;a href="https://github.com/rubenlagus/TelegramBots" rel="nofollow noreferrer"&gt;rubenlagus api&lt;/a&gt;.And now i can't setup webhook. I know this rules for webhook:&lt;/p&gt;
&lt;p&gt;*Supports IPv4, IPv6 is currently not supported for Webhooks.&lt;/p&gt;
&lt;p&gt;*Accepts incoming POSTs from 149.154.167.197-233 on port 443,80,88 or 8443.&lt;/p&gt;
&lt;p&gt;*Is able to handle TLS1.0+ HTTPS-traffic.&lt;/p&gt;
&lt;p&gt;*Provides a supported, non-wildcard, verified or self-signed certificate.&lt;/p&gt;
&lt;p&gt;*Uses a CN or SAN that matches the domain you���ve supplied on setup.&lt;/p&gt;
&lt;p&gt;*Supplies all intermediate certificates to complete a verification chain.&lt;/p&gt;
&lt;p&gt;I have a domain name with verified ssl certificate.&lt;a href="https://www.ssllabs.com/ssltest/" rel="nofollow noreferrer"&gt;Qualys test&lt;/a&gt; shows A+ rank.Server Supports IPv4. 443 
 port is listening. And srver accepts incoming POSTs from 149.154.167.197-233 on port 443. I use this rubenlagus api method for creating TelegramApi&lt;/p&gt;
&lt;p&gt;&lt;code&gt;private static TelegramBotsApi createNoSelfSignedTelegramBotsApi() throws TelegramApiException {
        return new TelegramBotsApi(
               "src/main/resources/server.jks",//path to KeyStore for the server
               "myPassword",                   //Key store password for the serve
               "https://example.com:443",      //External url
               "https://localhost:443");       //Internal url
    }&lt;/code&gt;&lt;/p&gt;
&lt;p&gt;I've obtained server.jks via this commands &lt;/p&gt;
&lt;blockquote&gt;
  &lt;ul&gt;
  &lt;li&gt;openssl pkcs12 -export -in mydomain.net.crt -inkey mydomain.key &gt; keypair.p12
  &lt;ul&gt;
  &lt;li&gt;keytool -importkeystore -srckeystore keypair.p12 -destkeystore server.jks -srcstoretype pkcs12&lt;/li&gt;
  &lt;/ul&gt;&lt;/li&gt;
  &lt;/ul&gt;
&lt;/blockquote&gt;
&lt;p&gt;This is my code:&lt;/p&gt;
&lt;pre&gt;&lt;code&gt;   ApiContextInitializer.init();
    TelegramBotsApi botsApi = new TelegramBotsApi(
                           "src/main/resources/server.jks",
                           "mypassword",
                           "https://example.com:443",
                           "https://localhost:443");
   BotHook webhookBot = new BotHook(options);
   botsApi.registerBot(webhookBot);
&lt;/code&gt;&lt;/pre&gt;
&lt;p&gt;When i start program, i recieve this&lt;/p&gt;
&lt;blockquote&gt;
  &lt;p&gt;Jul 28, 2018 3:27:59 PM
  org.glassfish.grizzly.http.server.NetworkListener start&lt;/p&gt;
  &lt;p&gt;INFO: Started listener bound to [localhost:443]&lt;/p&gt;
  &lt;p&gt;Jul 28, 2018 3:27:59 PM org.glassfish.grizzly.http.server.HttpServer
  start&lt;/p&gt;
  &lt;p&gt;INFO: [HttpServer] Started.&lt;/p&gt;
&lt;/blockquote&gt;
&lt;p&gt;But bot don't work.I see this in server's logs:&lt;/p&gt;
&lt;blockquote&gt;
  &lt;p&gt;2018/07/29 15:08:43 [error] 1166#1166: *453 openat() "/var/www/www-&gt;root/data/www/example.net/callback/WebhookClass failed (2: No such file or &gt;directory),
  client: 149.154.167.227, server: example.net request: "POST &gt;/callback/WebhookClass HTTP/1.1", host: "example.net"&lt;/p&gt;
&lt;/blockquote&gt;
&lt;p&gt;It seems like Grizzly can't handle http request. When i'm trying to check it via this curl command&lt;/p&gt;
&lt;blockquote&gt;
  &lt;p&gt;curl -X POST -i &lt;a href="http://217.0.0.1:443/callback" rel="nofollow noreferrer"&gt;http://217.0.0.1:443/callback&lt;/a&gt;&lt;/p&gt;
&lt;/blockquote&gt;
&lt;p&gt;I recieve this &lt;/p&gt;
&lt;blockquote&gt;
  &lt;p&gt;curl: (7) Failed to connect to 217.0.0.1 port 443: Connection timed out&lt;/p&gt;
&lt;/blockquote&gt;
&lt;p&gt;I checked many times all parameters passed in TelegramBotsApi constructor. &lt;/p&gt;
&lt;p&gt;Pls help if you have any ideas.
Thanks in advance.&lt;/p&gt;</t>
  </si>
  <si>
    <t>2018-07-28 12:38:12.483000+00:00</t>
  </si>
  <si>
    <t>2018-08-02 09:19:57.477000+00:00</t>
  </si>
  <si>
    <t>2018-07-31 17:37:20.173000+00:00</t>
  </si>
  <si>
    <t>java|ssl|telegram-bot|telegram-webhook</t>
  </si>
  <si>
    <t>Jquery to switch between iframe and image</t>
  </si>
  <si>
    <t>&lt;p&gt;I wish to have a onclick button to switch between an iframe and an image.&lt;/p&gt;
&lt;p&gt;How is this possible? Please show me with jsfiddle if possible.&lt;/p&gt;</t>
  </si>
  <si>
    <t>2017-08-18 21:26:06.137000+00:00</t>
  </si>
  <si>
    <t>2017-08-18 21:33:44.030000+00:00</t>
  </si>
  <si>
    <t>XQueryString() returning mouse pointer positions outside the window as positive values</t>
  </si>
  <si>
    <t>&lt;p&gt;I created a window with Xlib and registered to receive certain events which you can see below , however what i am mainly interested in this questions and which i am having trouble with is is receiving events for mouse position in window that is created &lt;/p&gt;
&lt;p&gt;When i compile and run the program it works fine, however it gives me position of mouse pointer even when it is outside of the window to the right and to the left as positive numbers &lt;/p&gt;
&lt;p&gt;For example , when i print out win_x and win_y to see the position it is returning it is giving me the positions beyond its height and width to the right and below as positive but a number greater then the window height and width range, but above the window and to the left it gives me negative values (which is correct and expected) when the mouse position is outside the window borders&lt;/p&gt;
&lt;p&gt;So what i would like to know is it possible to return mouse pointer positions for the created window which also show negatives x and y positions whenever the mouse pointer is outside of the borders of the window on any sides not just the left and top border of window? &lt;/p&gt;
&lt;p&gt;i hope this question makes sense, also if you need more of the code information i will edit this question and add it&lt;/p&gt;
&lt;p&gt;i am also a beginner in Xlib programming , and here is the relevant code&lt;/p&gt;
&lt;pre&gt;&lt;code&gt;win = XCreateWindow( dpy, RootWindow( dpy, vi-&amp;gt;screen ), 
                              0, 0, 1080, 720, 0, vi-&amp;gt;depth, InputOutput, 
                              vi-&amp;gt;visual, 
                              CWBorderPixel|CWColormap|CWEventMask, &amp;amp;swa );
XSelectInput(dpy, win, ButtonPressMask|KeyPressMask|MotionNotify|EnterWindowMask);
XQueryPointer(dpy, win, &amp;amp;ret_root, &amp;amp;ret_child, &amp;amp;root_x, &amp;amp;root_y,&amp;amp;win_x, &amp;amp;win_y, &amp;amp;mask)
&lt;/code&gt;&lt;/pre&gt;</t>
  </si>
  <si>
    <t>2016-05-23 12:05:15.253000+00:00</t>
  </si>
  <si>
    <t>c++|linux|xlib</t>
  </si>
  <si>
    <t>PHP Include - full url</t>
  </si>
  <si>
    <t>&lt;p&gt;I've been using the php include function for my navbar for my website. It works well but....
My HTML says&lt;/p&gt;
&lt;pre&gt;&lt;code&gt;&amp;lt;?php include 'include/navbar.html'; ?&amp;gt;
&lt;/code&gt;&lt;/pre&gt;
&lt;p&gt;Now if I have a HTML page in &lt;code&gt;/techpages/toptech.html&lt;/code&gt; so I would like to change my php include to &lt;code&gt;&amp;lt;?php include 'http://example.com/include/navbar.html'; ?&amp;gt;&lt;/code&gt;. The problem is I get heaps of errors then.&lt;/p&gt;
&lt;p&gt;Can someone help me? 
Can someone answer one of these questions?&lt;/p&gt;
&lt;ol&gt;
&lt;li&gt;How can I make the PHP include function work with a full URL?&lt;/li&gt;
&lt;li&gt;HTML has &lt;code&gt;../&lt;/code&gt; to go into the parent folder. Is there a CSS equivilant?&lt;/li&gt;
&lt;/ol&gt;
&lt;p&gt;Any help would be much appreciated.&lt;/p&gt;</t>
  </si>
  <si>
    <t>2013-06-01 09:41:59.627000+00:00</t>
  </si>
  <si>
    <t>2013-06-01 09:55:41.510000+00:00</t>
  </si>
  <si>
    <t>2013-06-01 09:43:47.217000+00:00</t>
  </si>
  <si>
    <t>php|html|web|include</t>
  </si>
  <si>
    <t>Reload parent after closing Iframe doesn't update dynamic content (PHP/Smarty)</t>
  </si>
  <si>
    <t>&lt;p&gt;I'm using &lt;strong&gt;Fancybox&lt;/strong&gt; to load and Iframe with a form. After I post it, onsubmit calls "return &lt;strong&gt;onSubmitForm()&lt;/strong&gt;"&lt;/p&gt;
&lt;pre&gt;&lt;code&gt;&amp;lt;script type="text/javascript"&amp;gt;
function onSubmitForm() {
parent.jQuery.fancybox.close(); 
window.parent.location.reload(true);
}
&amp;lt;/script&amp;gt;
&lt;/code&gt;&lt;/pre&gt;
&lt;p&gt;So Php/Smarty is loading the dynamic content &lt;strong&gt;OK&lt;/strong&gt; in my database. I can also close the Iframe. BUT, &lt;strong&gt;after reloading the parent, it's dynamic content is not updated.&lt;/strong&gt;&lt;/p&gt;
&lt;p&gt;I have doing several tests and it only works occasionally (&lt;strong&gt;1 in 10&lt;/strong&gt;). &lt;strong&gt;The previous content gets sticky&lt;/strong&gt;. &lt;/p&gt;
&lt;p&gt;I also started using "&lt;strong&gt;nocache&lt;/strong&gt;" or "&lt;strong&gt;caching=0&lt;/strong&gt;" (for &lt;strong&gt;PHP/Smarty&lt;/strong&gt; variables). So far it doesn't help.&lt;/p&gt;
&lt;p&gt;&lt;strong&gt;If I reload manually the browser, it works.&lt;/strong&gt;&lt;/p&gt;
&lt;p&gt;Thanks!&lt;/p&gt;
&lt;p&gt;Diego&lt;/p&gt;</t>
  </si>
  <si>
    <t>2012-10-16 00:59:30.137000+00:00</t>
  </si>
  <si>
    <t>2012-10-16 17:53:46.183000+00:00</t>
  </si>
  <si>
    <t>php|javascript|jquery|fancybox|smarty</t>
  </si>
  <si>
    <t>odoo pb integrety error</t>
  </si>
  <si>
    <t>&lt;p&gt;I don't understand exactly why but I have this error. the customers_group_id is present in my table&lt;/p&gt;
&lt;p&gt;There all my relations.&lt;/p&gt;
&lt;p&gt;Do you have an idea ?&lt;/p&gt;
&lt;p&gt;Thank you.&lt;/p&gt;
&lt;pre&gt;&lt;code&gt;IntegrityError: insert or update on table "products_group" violates foreign key constraint "products_group_customers_group_i_fkey"
DETAIL:  Key (customers_group_id)=(25) is not present in table "customers_group".
&lt;/code&gt;&lt;/pre&gt;
&lt;p&gt;My code&lt;/p&gt;
&lt;pre&gt;&lt;code&gt;from openerp.osv import fields, osv
from openerp.tools.translate import _
class customers_group(osv.osv):
    _name = 'customers.group'
    _rec_name = 'customers_group_name'
    _columns = {
        'customers_group_id': fields.integer('Group Id', size=5, help="Id customer group"),
        'customers_group_name': fields.char('Group Name', size=30, required=True),
       .....
    }
class res_partner(osv.osv):
    _inherit = 'res.partner'
    _columns = {
        'partner_customer_group_id': fields.many2one('customers.group','Customers Group', help='Customers group.')
    }
&lt;/code&gt;&lt;/pre&gt;
&lt;p&gt;products group&lt;/p&gt;
&lt;pre&gt;&lt;code&gt;from openerp.osv import orm, fields
from openerp.tools.translate import _
class products_group(orm.Model):
    _name = 'products.group'
    _columns = { 
        'customers_group_id': fields.integer('Customer group Id', size=20, help='id of customers group'),
        'products_id': fields.integer('Product Id', size=5, help="Id product must be unique"),
        'products_model_group': fields.char('Product model group', size=30, help='Product model'),
        .....       
    }
&lt;/code&gt;&lt;/pre&gt;</t>
  </si>
  <si>
    <t>2015-02-02 22:43:50.230000+00:00</t>
  </si>
  <si>
    <t>2018-09-20 11:52:55.223000+00:00</t>
  </si>
  <si>
    <t>2015-02-03 14:39:23.920000+00:00</t>
  </si>
  <si>
    <t>python|database|odoo|integrity</t>
  </si>
  <si>
    <t>Download a document from docusign envelope given documentid and envelopeid using docusign api</t>
  </si>
  <si>
    <t>&lt;p&gt;By using docusign api, I want to download the document from an envelope. I tried the code below, but it did not give me what I want.&lt;/p&gt;
&lt;pre&gt;&lt;code&gt;en_api = new DocuSign\eSign\Api\EnvelopesApi($apiClient);
get_doc = en_api-&amp;gt;getDocument($account_id, $document_id, $envelope_id);
&lt;/code&gt;&lt;/pre&gt;
&lt;p&gt;Anyone has any idea how can this be accomplished?&lt;/p&gt;</t>
  </si>
  <si>
    <t>2018-03-30 03:20:29.037000+00:00</t>
  </si>
  <si>
    <t>2018-04-02 07:31:29.707000+00:00</t>
  </si>
  <si>
    <t>2018-03-30 10:04:58.950000+00:00</t>
  </si>
  <si>
    <t>docusignapi</t>
  </si>
  <si>
    <t>How were the views in youtube were managed?</t>
  </si>
  <si>
    <t>&lt;p&gt;I wondered if there is more to it, but how was made the build of the application so that the video will be on top of the search screen behind it,was it simply a 
Framelayout that was uses with multiple views inside it and manipulation of the video player container's size?&lt;/p&gt;</t>
  </si>
  <si>
    <t>2015-07-03 13:29:21.043000+00:00</t>
  </si>
  <si>
    <t>2015-07-03 14:53:15.260000+00:00</t>
  </si>
  <si>
    <t>android|layout|youtube</t>
  </si>
  <si>
    <t>When do activity's instance variables get initialized?</t>
  </si>
  <si>
    <t>&lt;p&gt;In my android application I have a strange bug. An instance variable like below gets assigned to it's default value unexpectedly at run time (in this case - false). When do this type of variables get initialized in android activity?&lt;/p&gt;
&lt;pre&gt;&lt;code&gt;public class MainActivity extends Activity {
    private boolean isInitialized = false;  // &amp;lt;- When do this variable get initialized?
}
&lt;/code&gt;&lt;/pre&gt;</t>
  </si>
  <si>
    <t>2016-03-22 11:36:28.183000+00:00</t>
  </si>
  <si>
    <t>2016-03-22 11:58:34.970000+00:00</t>
  </si>
  <si>
    <t>2016-03-22 11:41:20.787000+00:00</t>
  </si>
  <si>
    <t>java|android|android-activity</t>
  </si>
  <si>
    <t>Codeigniter : Problem inserting accents in Mysql</t>
  </si>
  <si>
    <t>&lt;p&gt;I'm trying out code igniter, and I came across an error message while trying to insert a new row in my Mysql database.&lt;/p&gt;
&lt;p&gt;The text I'm trying to insert is in French, and contains some accents.&lt;/p&gt;
&lt;p&gt;Here's my code :&lt;/p&gt;
&lt;pre&gt;&lt;code&gt;    $data= array(
        'title' =&amp;gt; $this-&amp;gt;input-&amp;gt;post('title'),
        'date' =&amp;gt; $this-&amp;gt;input-&amp;gt;post('date'),
        'mytext' =&amp;gt; $this-&amp;gt;input-&amp;gt;post('mytext')
        );
    $this-&amp;gt;db-&amp;gt;insert('blog', $data); 
&lt;/code&gt;&lt;/pre&gt;
&lt;p&gt;This code seems to work fine (I've inserted a few "test test" entries), but when I try to enter something with accents, for instance "&lt;em&gt;Il ��tait l��&lt;/em&gt;", I get an error message :&lt;/p&gt;
&lt;blockquote&gt;
  &lt;p&gt;A Database Error Occurred&lt;/p&gt;
  &lt;p&gt;Error Number: 1366&lt;/p&gt;
  &lt;p&gt;Incorrect string value: '\xE9tait ...' for column 'mytext' at row 1&lt;/p&gt;
&lt;/blockquote&gt;
&lt;p&gt;I've looked on the code igniter forums for a fix, but all they say is to change the collation to UTF8, in mysql. I've tried that, but I keep having the same problem.&lt;/p&gt;</t>
  </si>
  <si>
    <t>2009-05-27 17:28:35.070000+00:00</t>
  </si>
  <si>
    <t>2009-05-27 17:31:06.607000+00:00</t>
  </si>
  <si>
    <t>php|mysql|codeigniter|internationalization</t>
  </si>
  <si>
    <t>Not able to use '?' in call function in batch</t>
  </si>
  <si>
    <t>&lt;p&gt;I'm making a game in batch, and I'm using &lt;code&gt;call&lt;/code&gt; functions so I can color code text. It works fine, although I cannot use the '?' in them. Any workarounds I can use?&lt;/p&gt;
&lt;pre&gt;&lt;code&gt;:colorEcho
echo off
&amp;lt;nul set /p ".=%DEL%" &amp;gt; "%~2"
findstr /v /a:%1 /R "^$" "%~2" nul
del "%~2" &amp;gt; nul 2&amp;gt;&amp;amp;1i
&lt;/code&gt;&lt;/pre&gt;
&lt;p&gt;Thats the color block.&lt;/p&gt;
&lt;pre&gt;&lt;code&gt;call :colorEcho B " 'Hey, can you come over here, %PlayerName%? I need your help with this new chemical we're working on.' "
&lt;/code&gt;&lt;/pre&gt;
&lt;p&gt;What happens:&lt;/p&gt;
&lt;p&gt;&lt;img src="https://i.imgur.com/Y3b57Ux.jpg" alt="Picture of the program"&gt;&lt;/p&gt;
&lt;p&gt;I want to keep &lt;code&gt;:colorEcho&lt;/code&gt;, because I'm already really far into the game and don't want to restart.&lt;/p&gt;</t>
  </si>
  <si>
    <t>2016-03-28 23:52:28.790000+00:00</t>
  </si>
  <si>
    <t>2016-03-30 00:43:51.263000+00:00</t>
  </si>
  <si>
    <t>2016-03-28 23:57:56.200000+00:00</t>
  </si>
  <si>
    <t>batch-file|vbscript|colors</t>
  </si>
  <si>
    <t>Powershell Copy-Item to remote session fails randomly</t>
  </si>
  <si>
    <t>&lt;p&gt;I'm using this Powershell command to copy a folder, which contains many sub-folders and files from my local machine to a remote VM.&lt;/p&gt;
&lt;pre&gt;&lt;code&gt;$session = New-PSSession -ComputerName $desComputerName -Credential $credentials
Copy-Item -Path $sourceFolder -Destination $destinationFolder -Recurse -Force -ToSession $session
&lt;/code&gt;&lt;/pre&gt;
&lt;p&gt;Most of the times it works just fine, everything is copied, but sometimes it doesn't.
This is the error I always get when it fails: &lt;/p&gt;
&lt;pre&gt;&lt;code&gt;Copy-Item : Failed to create directory &amp;lt;A-Random-Folder&amp;gt; on remote destination.
&lt;/code&gt;&lt;/pre&gt;
&lt;p&gt;Here's the full error log:&lt;/p&gt;
&lt;pre&gt;&lt;code&gt;Copy-Item : Starting a command on the remote server failed with the following error message : &amp;lt;s:Envelope 
xml:lang="en-US" xmlns:s="http://www.w3.org/2003/05/soap-envelope" 
xmlns:a="http://schemas.xmlsoap.org/ws/2004/08/addressing" xmlns:x="http://schemas.xmlsoap.org/ws/2004/09/transfer" 
xmlns:e="http://schemas.xmlsoap.org/ws/2004/08/eventing" xmlns:n="http://schemas.xmlsoap.org/ws/2004/09/enumeration" 
xmlns:w="http://schemas.dmtf.org/wbem/wsman/1/wsman.xsd" xmlns:p="http://schemas.microsoft.com/wbem/wsman/1/wsman.xsd"&amp;gt;
&amp;lt;s:Header&amp;gt;&amp;lt;a:Action&amp;gt;http://schemas.dmtf.org/wbem/wsman/1/wsman/fault&amp;lt;/a:Action&amp;gt;&amp;lt;a:MessageID&amp;gt;uuid:BE54F3C6-3E48-40CC-882
6-29DECA14BAC7&amp;lt;/a:MessageID&amp;gt;&amp;lt;p:OperationID s:mustUnderstand="false"&amp;gt;uuid:03909886-0D49-489B-AD87-AC5654A64257&amp;lt;/p:Operat
ionID&amp;gt;&amp;lt;p:SequenceId&amp;gt;1&amp;lt;/p:SequenceId&amp;gt;&amp;lt;a:To&amp;gt;http://schemas.xmlsoap.org/ws/2004/08/addressing/role/anonymous&amp;lt;/a:To&amp;gt;&amp;lt;a:Rela
tesTo&amp;gt;uuid:82E5942D-D7CC-40B9-B16D-2E2A07635273&amp;lt;/a:RelatesTo&amp;gt;&amp;lt;/s:Header&amp;gt;&amp;lt;s:Body&amp;gt;&amp;lt;s:Fault&amp;gt;&amp;lt;s:Code&amp;gt;&amp;lt;s:Value&amp;gt;s:Receiver&amp;lt;/s
:Value&amp;gt;&amp;lt;s:Subcode&amp;gt;&amp;lt;s:Value&amp;gt;w:InternalError&amp;lt;/s:Value&amp;gt;&amp;lt;/s:Subcode&amp;gt;&amp;lt;/s:Code&amp;gt;&amp;lt;s:Reason&amp;gt;&amp;lt;s:Text 
xml:lang="en-US"&amp;gt;&amp;lt;/s:Text&amp;gt;&amp;lt;/s:Reason&amp;gt;&amp;lt;s:Detail&amp;gt;&amp;lt;unknown&amp;gt;&amp;lt;/s:Detail&amp;gt;&amp;lt;/s:Fault&amp;gt;&amp;lt;/s:Body&amp;gt;&amp;lt;/s:Envelope&amp;gt; For more 
information, see the about_Remote_Troubleshooting Help topic.
At MyFolder\Deploy.ps1:63 char:5
+     Copy-Item -Path $sourceFolder -Destination $destinationFolder -Re ...
+     ~~~~~~~~~~~~~~~~~~~~~~~~~~~~~~~~~~~~~~~~~~~~~~~~~~~~~~~~~~~~~~~~~
    + CategoryInfo          : InvalidOperation: (System.Management.Automation.PowerShell:PowerShell) [Copy-Item], PSRe 
   motingTransportException
    + FullyQualifiedErrorId : CopyFileRemoteExecutionError,Microsoft.PowerShell.Commands.CopyItemCommand
Copy-Item : Failed to create directory 'MyDestinationFolder\CKEditor\plugins\pastefromword\filter' on 
remote destination.
At MySourceFolder\Deploy.ps1:63 char:5
+     Copy-Item -Path $sourceFolder -Destination $destinationFolder -Re ...
+     ~~~~~~~~~~~~~~~~~~~~~~~~~~~~~~~~~~~~~~~~~~~~~~~~~~~~~~~~~~~~~~~~~
    + CategoryInfo          : WriteError: (MyDestinationFolder\CKEditor\plugins\pastefromword\filter:String) [Copy-Item], IOException
    + FullyQualifiedErrorId : FailedToCreateDirectory,Microsoft.PowerShell.Commands.CopyItemCommand
&lt;/code&gt;&lt;/pre&gt;
&lt;p&gt;To Sum up:&lt;/p&gt;
&lt;ul&gt;
&lt;li&gt;I'm using the remote computer's administrator credential to initialize the session&lt;/li&gt;
&lt;li&gt;The Copy-Item operation does not always fail&lt;/li&gt;
&lt;li&gt;The folder where the operation fails to create is not always the same&lt;/li&gt;
&lt;/ul&gt;</t>
  </si>
  <si>
    <t>2018-03-14 10:02:34.840000+00:00</t>
  </si>
  <si>
    <t>2018-03-14 23:47:07.117000+00:00</t>
  </si>
  <si>
    <t>powershell|remote-server</t>
  </si>
  <si>
    <t>Cleaning up threads referencing an object when deleting the object (in C++)</t>
  </si>
  <si>
    <t>&lt;p&gt;I have an object (Client * client) which starts multiple threads to handle various tasks (such as processing incoming data).  The threads are started like this:&lt;/p&gt;
&lt;pre&gt;&lt;code&gt;// Start the thread that will process incoming messages and stuff them into the appropriate queues.
mReceiveMessageThread = CreateThread(NULL, 0, (LPTHREAD_START_ROUTINE)receiveRtpMessageFunction, this, 0, 0);
&lt;/code&gt;&lt;/pre&gt;
&lt;p&gt;These threads all have references back to the initial object, like so:&lt;/p&gt;
&lt;pre&gt;&lt;code&gt;  // Thread initialization function for receiving RTP messages from a newly connected client.
  static int WINAPI receiveRtpMessageFunction(LPVOID lpClient)
  {
     LOG_METHOD("receiveRtpMessageFunction");
     Client * client = (Client *)lpClient;
     while(client -&amp;gt;isConnected())
     {
        if(client -&amp;gt;receiveMessage() == ERROR)
        {
           Log::log("receiveRtpMessageFunction Failed to receive message");
        }
     }
     return SUCCESS;
  }
&lt;/code&gt;&lt;/pre&gt;
&lt;p&gt;Periodically, the Client object gets deleted (for various good and sufficient reasons).  But when that happens, the processing threads that still have references to the (now deleted) object throw exceptions of one sort or another when trying to access member functions on that object.&lt;/p&gt;
&lt;p&gt;So I'm sure that there's a standard way to handle this situation, but I haven't been able to figure out a clean approach.  I don't want to just terminate the thread, as that doesn't allow for cleaning up resources.  I can't set a property on the object, as it's precisely properties on the object that become inaccessible.&lt;/p&gt;
&lt;p&gt;Thoughts on the best way to handle this?&lt;/p&gt;</t>
  </si>
  <si>
    <t>2010-03-09 18:35:03.360000+00:00</t>
  </si>
  <si>
    <t>2010-03-09 19:05:01.827000+00:00</t>
  </si>
  <si>
    <t>c++|thread-safety|destructor</t>
  </si>
  <si>
    <t>Not able to update multiple record with reference to sub object _id in mongodb nodeJS</t>
  </si>
  <si>
    <t>&lt;p&gt;I want to update other table value with change on master table.
My model is:&lt;/p&gt;
&lt;pre&gt;&lt;code&gt;var model = new Schema({
   client:{
      _id: Object,
      companyName: String,
   },
   branchName: String,
});
&lt;/code&gt;&lt;/pre&gt;
&lt;p&gt;My node js code is:&lt;/p&gt;
&lt;pre&gt;&lt;code&gt;var objBranch = require('../models/branchMSTModel');
objBranch.findOneAndUpdate({ "client._id": doc._id }, { $set: { "client.companyName": doc.companyName } }, function (err, result) {
        console.log(result);
        console.log(err);
    });
&lt;/code&gt;&lt;/pre&gt;
&lt;p&gt;In this "doc" is object with all value.
i want to update company name where "_id" match with "doc._id".&lt;/p&gt;</t>
  </si>
  <si>
    <t>2016-12-09 10:29:21.653000+00:00</t>
  </si>
  <si>
    <t>2016-12-09 11:44:44.813000+00:00</t>
  </si>
  <si>
    <t>violating mapKeysMonotonic precondition</t>
  </si>
  <si>
    <t>&lt;p&gt;I want to send some JSON that will contain a mapping from (Database.Persist.Sql) Keys to values. The obvious solution would be to use a &lt;code&gt;Map (Key x) v&lt;/code&gt;, but this is not an instance of &lt;code&gt;ToJSON&lt;/code&gt;.&lt;/p&gt;
&lt;p&gt;Some alternatives are:&lt;/p&gt;
&lt;ul&gt;
&lt;li&gt;don't use JSON, use something better (like &lt;a href="https://github.com/edn-format/edn"&gt;edn&lt;/a&gt;)&lt;/li&gt;
&lt;li&gt;don't return a &lt;code&gt;Map k v&lt;/code&gt;, return a &lt;code&gt;Map Text v&lt;/code&gt; (but here I'd lose some type information)&lt;/li&gt;
&lt;li&gt;&lt;code&gt;type JsonKey = Text&lt;/code&gt;, and &lt;code&gt;Map JsonKey v&lt;/code&gt;, but this is not really any better&lt;/li&gt;
&lt;li&gt;define my own &lt;code&gt;ToJSON&lt;/code&gt; instance.&lt;/li&gt;
&lt;/ul&gt;
&lt;p&gt;The latter seems to be the one that will require less changes, and the cleaner one.&lt;/p&gt;
&lt;p&gt;Also, be aware that I only need the &lt;code&gt;ToJSON&lt;/code&gt; instance, not the &lt;code&gt;FromJSON&lt;/code&gt;, so I don't need the whole roundtripping.&lt;/p&gt;
&lt;p&gt;So, this is what I want to write:&lt;/p&gt;
&lt;pre&gt;&lt;code&gt;import Database.Persist.Sql (Key)
instance ToJSON (ToJSON v =&amp;gt; (Map (Key a) v))
&lt;/code&gt;&lt;/pre&gt;
&lt;p&gt;Assuming that &lt;code&gt;Key&lt;/code&gt; has a friendly &lt;code&gt;Show&lt;/code&gt; instance (it doesn't, but this is just a detail)... I was about to write:&lt;/p&gt;
&lt;pre&gt;&lt;code&gt;instance ToJSON (ToJSON v =&amp;gt; (Map (Key a) v)) where
  toJSON m = toJSON $ mapKeysMonotonic show m
&lt;/code&gt;&lt;/pre&gt;
&lt;p&gt;but I immeditately realized that this is bad (Keys are just like integers):&lt;/p&gt;
&lt;pre&gt;&lt;code&gt;&amp;gt; 9 &amp;lt; 10
True
&amp;gt; "9" &amp;lt; "10"
False
&lt;/code&gt;&lt;/pre&gt;
&lt;p&gt;This violates the &lt;code&gt;mapKeysMonotonic&lt;/code&gt; precondition.&lt;/p&gt;
&lt;p&gt;Now, in the meanwhile, I can just use &lt;code&gt;mapKeys&lt;/code&gt;... but I tried to think, what's the risk in violating this? &lt;code&gt;mapKeys&lt;/code&gt; is obviously less efficient. And I understand how this might be premature optimization.&lt;/p&gt;
&lt;p&gt;But I'd still like to understand in which way this could break down... or if it's indeed safe for my limited use case. The only thing I care about is if no values are lost. I don't care about their order.&lt;/p&gt;
&lt;p&gt;Now, &lt;a href="https://github.com/bos/aeson/blob/1c25679039513c3ff/Data/Aeson/Types/Instances.hs#L630"&gt;this is &lt;code&gt;instance (ToJSON v) =&amp;gt; ToJSON (M.Map String v)&lt;/code&gt;&lt;/a&gt;. It converts a &lt;code&gt;Data.Map&lt;/code&gt; to a &lt;code&gt;Data.HashMap&lt;/code&gt;&lt;/p&gt;
&lt;p&gt;Which relies on &lt;a href="https://github.com/bos/aeson/blob/1c25679039513c/Data/Aeson/Functions.hs#L22"&gt;&lt;code&gt;mapHashKeyVals&lt;/code&gt;&lt;/a&gt;... which uses &lt;code&gt;Data.Map.foldrWithKey&lt;/code&gt;&lt;/p&gt;
&lt;p&gt;I also thought of using an &lt;code&gt;HashMap (Key x) v&lt;/code&gt;, to avoid either a &lt;code&gt;N*log(N)&lt;/code&gt; computation or &lt;code&gt;mapKeysMonotonic&lt;/code&gt;. But I'd have the define the ToJSON instance nonetheless, and apparently there's no &lt;code&gt;mapKeys&lt;/code&gt; for &lt;code&gt;HashMap&lt;/code&gt; (understandably, since this would require to recompute all the hashes, but I'm not sure if this would actually be more expensive than a &lt;code&gt;mapKeys&lt;/code&gt;)&lt;/p&gt;
&lt;p&gt;Now, I tried this simple example:&lt;/p&gt;
&lt;pre&gt;&lt;code&gt;&amp;gt; mapKeysMonotonic show $ fromList [(10,"a"), (9, "b"), (99, "c"), (100, "d")]
fromList [("9","b"),("10","a"),("99","c"),("100","d")]
&lt;/code&gt;&lt;/pre&gt;
&lt;p&gt;and since &lt;code&gt;show&lt;/code&gt; returns a distinct &lt;code&gt;String&lt;/code&gt; for each distinct &lt;code&gt;Int&lt;/code&gt;, obviously no values are lost. The Map now is probably unbalanced... but what are the consequences? I guess that &lt;code&gt;union&lt;/code&gt;, &lt;code&gt;difference&lt;/code&gt;, &lt;code&gt;intersection&lt;/code&gt; might misbehave... but what about traversal and folds? Would these still retain all the elements in all cases?&lt;/p&gt;
&lt;p&gt;PS: I just realized that another possible solution maybe could be to define &lt;code&gt;instance ToJSON (ToJSON v =&amp;gt; [(Key x, v)])&lt;/code&gt; and convert it to &lt;code&gt;Map&lt;/code&gt; on the inside... but I guess this would be an overlapping instance&lt;/p&gt;</t>
  </si>
  <si>
    <t>2015-08-11 09:52:40.190000+00:00</t>
  </si>
  <si>
    <t>2015-08-11 13:44:50.963000+00:00</t>
  </si>
  <si>
    <t>json|haskell|dictionary</t>
  </si>
  <si>
    <t>Fixed element aligned left to main column</t>
  </si>
  <si>
    <t>&lt;p&gt;I'm not sure if that can be done with pure CSS.
The site structure looks like this:&lt;/p&gt;
&lt;p&gt;&lt;div class="snippet" data-lang="js" data-hide="false"&gt;_x000D_
&lt;div class="snippet-code"&gt;_x000D_
&lt;pre class="snippet-code-html lang-html prettyprint-override"&gt;&lt;code&gt;&amp;lt;body style="text-align:center;"&amp;gt;_x000D_
  &amp;lt;div style="max-width:1000px; margin: 0 auto;" id="mainWraper"&amp;gt;_x000D_
    &amp;lt;div id="fixedBox" style="position:fixed; top:100px; left:0;"&amp;gt;&amp;lt;/div&amp;gt;_x000D_
  &amp;lt;/div&amp;gt;_x000D_
&amp;lt;/body&amp;gt;&lt;/code&gt;&lt;/pre&gt;_x000D_
&lt;/div&gt;_x000D_
&lt;/div&gt;_x000D_
&lt;/p&gt;
&lt;p&gt;What I want to do is make the fixedBox element to be displaed always 100px from the top screen and aligned to the left side of the mainWraper.
mainWraper is responsive with the max width - 1000px;&lt;/p&gt;
&lt;p&gt;I know that it can be done with JS but can I do this also only with css?&lt;/p&gt;</t>
  </si>
  <si>
    <t>2015-05-26 14:05:33.770000+00:00</t>
  </si>
  <si>
    <t>2015-05-26 18:10:38.630000+00:00</t>
  </si>
  <si>
    <t>2015-05-26 14:31:23.510000+00:00</t>
  </si>
  <si>
    <t>lapply behaviour on tm corpus function</t>
  </si>
  <si>
    <t>&lt;p&gt;I have a dataframe on which I would like to use lapply. I have selected the first values of the first column here:&lt;/p&gt;
&lt;pre&gt;&lt;code&gt;link &amp;lt;- c(
    "http://www.r-statistics.com/tag/hadley-wickham/",                                                      
    "http://had.co.nz/",                                                                                    
    "http://vita.had.co.nz/articles.html",                                                                  
    "http://blog.revolutionanalytics.com/2010/09/the-r-files-hadley-wickham.html",                          
    "http://www.analyticstory.com/hadley-wickham/"  
)               
&lt;/code&gt;&lt;/pre&gt;
&lt;p&gt;the function to apply gets the content of the links and stores it into a corpus [thanks to &lt;a href="https://stackoverflow.com/questions/20909357/bind-character-vector-to-list-into-dataframe"&gt;agstudy]&lt;/a&gt;&lt;/p&gt;
&lt;pre&gt;&lt;code&gt;create.corpus &amp;lt;- function(url.name){
    doc=htmlParse(link)
    parag=xpathSApply(doc,'//p',xmlValue)
    cc=Corpus(VectorSource(parag))
    meta(cc,type='corpus','link')=link
    return(cc)
}
&lt;/code&gt;&lt;/pre&gt;
&lt;p&gt;But I cannot get the function working via lapply:&lt;/p&gt;
&lt;pre&gt;&lt;code&gt;cc=lapply(link,create.corpus) # does not work
cc=lapply(link,nchar) # works
link=link[1] # try on single element
cc=create.corpus(link) # works
&lt;/code&gt;&lt;/pre&gt;
&lt;p&gt;Why does this function not work in a lapply?&lt;/p&gt;</t>
  </si>
  <si>
    <t>2014-01-06 14:34:32.623000+00:00</t>
  </si>
  <si>
    <t>2014-01-06 17:00:12.777000+00:00</t>
  </si>
  <si>
    <t>2017-05-23 12:11:36.093000+00:00</t>
  </si>
  <si>
    <t>r|lapply|tm</t>
  </si>
  <si>
    <t>Postgresql - Basic loop</t>
  </si>
  <si>
    <t>&lt;p&gt;Have to write a function which returns the sum of all the square between 2 user input numbers. Here is what i have written but cant seem to make it work.
E.g.��sumAll(2,��5)��must��give��the��result��54
.��&lt;/p&gt;
&lt;pre&gt;&lt;code&gt;CREATE OR REPLACE FUNCTION SumAll(integer,integer) RETURNS integer as $$
DECLARE
    num1 ALIAS for $1;
    num2 ALIAS for $2;
    ret_sum integer;
    sum1 integer;
BEGIN
    for i in num1..num2 LOOP
        sum1:=i*i;
        ret_sum=ret_sum+sum1;
    END LOOP;
    return ret_sum;
END
$$ language 'plpgsql';
&lt;/code&gt;&lt;/pre&gt;
&lt;p&gt;it doesnt work.
what am i doing wrong?&lt;/p&gt;</t>
  </si>
  <si>
    <t>2012-03-13 03:28:27.733000+00:00</t>
  </si>
  <si>
    <t>2012-03-13 12:51:38.163000+00:00</t>
  </si>
  <si>
    <t>2012-03-13 03:32:14.907000+00:00</t>
  </si>
  <si>
    <t>postgresql|loops|for-loop</t>
  </si>
  <si>
    <t>How can i create a theme only with a title an thumbnail?</t>
  </si>
  <si>
    <t>&lt;p&gt;I wanna have a simple wordpress theme like this:
&lt;img src="https://i.stack.imgur.com/upDOF.png" alt="enter image description here"&gt;&lt;/p&gt;
&lt;p&gt;I created this in photoshop so i can show you.
How can i make this ? I just wanna have a Title and the posts shown as thumbnails.&lt;/p&gt;</t>
  </si>
  <si>
    <t>2013-06-20 13:45:28.793000+00:00</t>
  </si>
  <si>
    <t>2013-06-20 15:00:45.230000+00:00</t>
  </si>
  <si>
    <t>2013-06-20 13:56:47.507000+00:00</t>
  </si>
  <si>
    <t>wordpress|design|themes|thumbnails</t>
  </si>
  <si>
    <t>Using a Private Property directly vs using Get and Let/Set</t>
  </si>
  <si>
    <t>&lt;p&gt;Beginner VBA programmer here (and beginner to programming in general) looking to learn more about how effective OOP is done.&lt;/p&gt;
&lt;p&gt;Can someone explain or provide a reference discussing the benefits/purpose of using - INSIDE of a class module - &lt;code&gt;Private Property Get&lt;/code&gt; and/or &lt;code&gt;Let&lt;/code&gt;/&lt;code&gt;Set&lt;/code&gt; statements in VBA vs accessing properties directly although no manipulation is required of the data?&lt;/p&gt;
&lt;p&gt;Example:&lt;/p&gt;
&lt;p&gt;I have created a &lt;code&gt;cDimension&lt;/code&gt; class (in Excel). This class draws lines as &lt;code&gt;Shape&lt;/code&gt; objects, and a few other things that are not relevant. The &lt;code&gt;DrawingScale&lt;/code&gt; variable allows the entire drawing to be scaled as desired. Some of the properties require manipulation when Getting/Setting, others don't. &lt;/p&gt;
&lt;p&gt;So, for example, &lt;code&gt;pWidth&lt;/code&gt; needs to be scaled going in:&lt;/p&gt;
&lt;pre&gt;&lt;code&gt;'clsDimension
Private pWidth As Single    
Private Property Get Width() As Single
    Width = pWidth
End Property
Private Property Let Width(w As Single)
    pWidth = w / DrawingScale
End Property
&lt;/code&gt;&lt;/pre&gt;
&lt;p&gt;But &lt;code&gt;pColor&lt;/code&gt; does not require any manipulation, in or out:&lt;/p&gt;
&lt;pre&gt;&lt;code&gt;Private pColor As Integer
Private Property Get Color() As Integer
    Color = pColor
End Property
Private Property Let Color(c As Integer)
    pColor = c
End Property
&lt;/code&gt;&lt;/pre&gt;
&lt;p&gt;The pWidth property is an instance where using the Private Property Get and Let methods for procedures inside of the class itself makes sense to me. However, my question is: is there any reason to also use Private Property methods to Get and Let/Set the pColor property as well, as I have given them above?&lt;/p&gt;
&lt;pre&gt;&lt;code&gt;Public Function Line(sht As Worksheet, L As tLine, Optional c = vbBlack) As Shape
    Width = DistanceBetweenTwoPoints(L.first.x, L.first.y, _
                                     L.second.x, L.second.y) '&amp;lt;-- pWidth is scaled
    Color = c '&amp;lt;-- Vs. just using pColor = c
    Set Line = sht.Shapes.AddLine(L.first.x, L.first.y, L.second.x, L.second.y)
End Function
&lt;/code&gt;&lt;/pre&gt;
&lt;p&gt;Thanks in advance.&lt;/p&gt;</t>
  </si>
  <si>
    <t>2014-02-27 19:55:13.393000+00:00</t>
  </si>
  <si>
    <t>2014-06-14 04:07:16.540000+00:00</t>
  </si>
  <si>
    <t>class|vba|oop|properties|private</t>
  </si>
  <si>
    <t>How to store a texture in memory and render a small portion of it</t>
  </si>
  <si>
    <t>&lt;p&gt;I have a texture that I would like to store in memory. Then I would like to render a portion of this texture onto an OpenGL context. I would like to know how to do this.&lt;/p&gt;
&lt;p&gt;So far I've set up my vertex data.&lt;/p&gt;
&lt;pre&gt;&lt;code&gt;GLfloat texture[] =
{
    -0.5f, 0.5f, 0.0f,      0.1f, 0.0f, 0.0f,    1.0f, 1.0f,  // top rght
     0.5f, 0.5f, 0.0f,      0.0f, 0.1f, 0.0f,    1.0f, 0.0f,  // bottom right
     0.5f, -0.5f, 0.0,      0.0f, 0.0f, 0.1f,    0.0f, 0.0f,  // bottom left
    -0.5f, -0.5f, 0.0f,     0.0f, 0.0f, 0.0f,    0.0f, 1.0f,  // top left
};
&lt;/code&gt;&lt;/pre&gt;
&lt;p&gt;I then go through the usual steps of creating a VBO, and using the OpenGL functions&lt;/p&gt;
&lt;pre&gt;&lt;code&gt;GLuint indices[] =
{
    0, 1, 3, //First triangle
    1, 2, 3  //Second triangle
};
GLuint VBO, VAO, EBO;
glGenVertexArrays(1, &amp;amp;VAO);
glGenBuffers(1,&amp;amp; VBO);
glGenBuffers(1, &amp;amp;EBO);
glBindVertexArray(VAO);
glBindBuffer(GL_ARRAY_BUFFER, VB);
glBufferData(GL_ARRAY_BUFFER, sizeof(texture), texture, GL_STATIC_DRAW);
glBindBuffer(GL_ELEMENT_ARRAY_BUFFER, EBO);
glBufferData(GL_ELEMENT_ARRAY_BUFFER, sizeof(indices), indices, GL_STATIC_DRAW);
//position attributes
glVertexAttribPointer(0, 3, GL_FLOAT, GL_FALSE, 8 * sizeof(GLfloat), (GLvoid*)0);
glEnableVertexAttribArray(0);
//colour attributes
glVertexAttribPointer(1, 3, GL_FLOAT, GL_FALSE, 8 * sizeof(GLfloat), (GLvoid*)(3 * sizeof(GLfloat)));
glEnableVertexAttribArray(1);
//TexCoord attribute
glVertexAttribPointer(2, 2, GL_FLOAT, GL_FALSE, 8 * sizeof(GLfloat), (GLvoid*)(6 * sizeof(GLfloat)));
glEnableVertexAttribArray(2);
glBindVertexArray(0); //unbind VAO
&lt;/code&gt;&lt;/pre&gt;
&lt;p&gt;load and create a texture:&lt;/p&gt;
&lt;pre&gt;&lt;code&gt;GLuint texture0;
int width, height;
unsigned char* image[1];
glGenTextures(1, &amp;amp;texture0);
glBindTexture(GL_TEXTURE_2D, texture0); 
glTexParameteri(GL_TEXTURE_2D, GL_TEXTURE_WRAP_S, GL_REPEAT);//set texture wrapping to GL_REPEAT (usually basic wrapping method)
glTexParameteri(GL_TEXTURE_2D, GL_TEXTURE_WRAP_T, GL_REPEAT);
glTexParameteri(GL_TEXTURE_2D, GL_TEXTURE_MIN_FILTER, GL_LINEAR);
glTexParameteri(GL_TEXTURE_2D, GL_TEXTURE_MAG_FILTER, GL_LINEAR);
image[0] = SOIL_load_image("Textures/texture.png", &amp;amp;width, &amp;amp;height, 0, SOIL_LOAD_RGB);
glTexImage2D(GL_TEXTURE_2D, 0, GL_RGB, width, height, 0, GL_RGB, GL_UNSIGNED_BYTE, image[0]);
glGenerateMipmap(GL_TEXTURE_2D);
SOIL_free_image_data(image[0]);
glBindTexture(GL_TEXTURE_2D, texture0); 
&lt;/code&gt;&lt;/pre&gt;
&lt;p&gt;I then use a while loop to activate the shader and then draw the texture. However want I now want to do is store this texture in memory and render only a small portion of it. Do I use a Renderbuffer object or a PBO, or is there some other way of achieving this?&lt;/p&gt;</t>
  </si>
  <si>
    <t>2017-08-09 15:19:18.003000+00:00</t>
  </si>
  <si>
    <t>2017-08-12 18:02:32.497000+00:00</t>
  </si>
  <si>
    <t>c|opengl|glsl</t>
  </si>
  <si>
    <t>Adjusting of php.ini</t>
  </si>
  <si>
    <t>&lt;p&gt;I know that it is possible to set parameters in php.ini like this:&lt;/p&gt;
&lt;pre&gt;&lt;code&gt;error_log = "%sprogdir%/userdata/logs/%phpdriver%_error.log"
&lt;/code&gt;&lt;/pre&gt;
&lt;p&gt;How can I properly run php using command line and set these parameters? Similarly:&lt;/p&gt;
&lt;pre&gt;&lt;code&gt;php -c path/to/php/ini [here something like this: %sprogdir%=path1 %phpdriver%=path2] 
&lt;/code&gt;&lt;/pre&gt;</t>
  </si>
  <si>
    <t>2013-12-28 05:21:10.583000+00:00</t>
  </si>
  <si>
    <t>2013-12-28 06:21:14.327000+00:00</t>
  </si>
  <si>
    <t>2013-12-28 05:48:13.623000+00:00</t>
  </si>
  <si>
    <t>Filling A Circle On The Outside, Inside Becomes Transparent</t>
  </si>
  <si>
    <t>&lt;p&gt;Alright Stackoverflow, I need your help on this one with drawing.&lt;/p&gt;
&lt;p&gt;I am restricted to Graphics2D for this one and was wondering how I would be able to achieve an image that has two layers.&lt;/p&gt;
&lt;p&gt;First Layer - Color.white&lt;/p&gt;
&lt;p&gt;Second Layer - Color.red&lt;/p&gt;
&lt;p&gt;Now what I want to achieve is the ability to draw a circle that &lt;strong&gt;&lt;em&gt;allows myself to see the first layer&lt;/em&gt;&lt;/strong&gt; while the second layer is still red. &lt;strong&gt;&lt;em&gt;Not simply draw a circle that is white.&lt;/em&gt;&lt;/strong&gt;&lt;/p&gt;
&lt;p&gt;Here is a picture of what I mean&lt;/p&gt;
&lt;p&gt;&lt;a href="https://i.stack.imgur.com/nhWjF.png" rel="nofollow noreferrer"&gt;&lt;img src="https://i.stack.imgur.com/nhWjF.png" alt="enter image description here"&gt;&lt;/a&gt;&lt;/p&gt;
&lt;p&gt;I came across some previous code but it did not work, so I was hoping someone had the knowledge of Graphics2D to achieve this.&lt;/p&gt;
&lt;p&gt;Here is the code and I leave the rest to you.&lt;/p&gt;
&lt;pre&gt;&lt;code&gt;BufferedImage img = new BufferedImage(sizeX, sizeY, BufferedImage.TYPE_INT_RGBA);
Graphics2D g = img.createGraphics();
int ovalX = 50;
int ovalY = 70;
int ovalRadius = 20;
/* Draw the grey rectangle */
g.setColor(Color.GRAY);
g.fillRect(0, 0, sizeX, sizeY);
/* Enable Anti-Alias */
g.setRenderingHint(RenderingHints.HINT_ANTIALIAS, RenderingHints.VALUE_ANTIALIAS_ON);
/* Clear the circle away */
g.setComposite(AlphaComposite.CLEAR, 1.0f);
g.fillOval(ovalX - ovalRadius, ovalY - ovalRadius, 2 * ovalRadius, 2 * ovalRadius);
g.dispose();
&lt;/code&gt;&lt;/pre&gt;</t>
  </si>
  <si>
    <t>2016-01-22 18:39:45.103000+00:00</t>
  </si>
  <si>
    <t>2016-01-22 20:30:21.660000+00:00</t>
  </si>
  <si>
    <t>java|graphics2d|imaging</t>
  </si>
  <si>
    <t>How to build a bootstrapper for multiple MSI files?</t>
  </si>
  <si>
    <t>&lt;p&gt;I've got following problem: With WiX 3.7 I have built an installer which creates several localized MSI files, for example:&lt;/p&gt;
&lt;pre&gt;&lt;code&gt;..\bin\x86\Release\en-us\myProject.msi
..\bin\x86\Release\fr-fr\myProject.msi
..\bin\x86\Release\de-de\myProject.msi
&lt;/code&gt;&lt;/pre&gt;
&lt;p&gt;Furthermore, I created a &lt;a href="https://en.wikipedia.org/wiki/WiX#Burn" rel="nofollow"&gt;Burn&lt;/a&gt; bootstrapper project which should ensure that .NET 4.5 is installed:&lt;/p&gt;
&lt;pre&gt;&lt;code&gt;...
&amp;lt;Chain&amp;gt;
    &amp;lt;PackageGroupRef Id="NetFx45Web"/&amp;gt;      
    &amp;lt;MsiPackage SourceFile="$(var.myProject.TargetPath)"&amp;gt;&amp;lt;/MsiPackage&amp;gt;
&amp;lt;/Chain&amp;gt;
...
&lt;/code&gt;&lt;/pre&gt;
&lt;p&gt;Now I have expected that the Burn bootstrapper project creates:&lt;/p&gt;
&lt;pre&gt;&lt;code&gt;..\bin\x86\Release\en-us\myProject.exe
..\bin\x86\Release\fr-fr\myProject.exe
..\bin\x86\Release\de-de\myProject.exe
&lt;/code&gt;&lt;/pre&gt;
&lt;p&gt;but MsiPackage expects a single file. &lt;/p&gt;
&lt;p&gt;Is it generally possible to make the Burn project work as I expect?&lt;/p&gt;
&lt;p&gt;If this is not the case, is it possible to get to know how the exact name of the created MSI file? I can not hard code the MSI file name, because the output name can vary. &lt;/p&gt;</t>
  </si>
  <si>
    <t>2013-06-21 13:05:54.270000+00:00</t>
  </si>
  <si>
    <t>2015-12-22 08:41:47.610000+00:00</t>
  </si>
  <si>
    <t>wix|windows-installer|installer|burn|wix3.7</t>
  </si>
  <si>
    <t>Display video or image from shorten URL</t>
  </si>
  <si>
    <t>&lt;p&gt;How to display properly a shortened URL which can hold either video or image file? The URL does not contain extension and the domain can be of different origin. I need to use either video or image tag depending on the source type so it is rendered correctly by browser. The solution can be with JavaScript or markup.&lt;/p&gt;
&lt;p&gt;Example:&lt;br/&gt;
[IMAGE] &lt;a href="http://bit.ly/1uI7Ddj" rel="nofollow"&gt;http://bit.ly/1uI7Ddj&lt;/a&gt;&lt;br/&gt;
[VIDEO] &lt;a href="http://bit.ly/1vvkYJ1" rel="nofollow"&gt;http://bit.ly/1vvkYJ1&lt;/a&gt;&lt;/p&gt;
&lt;p&gt;I tried following but it doesn't work as expected:&lt;/p&gt;
&lt;pre&gt;&lt;code&gt;&amp;lt;video width="300" height="150" src="http://bit.ly/1uI7Ddj"&amp;gt;
    &amp;lt;img width="300" height="150" src="http://bit.ly/1uI7Ddj" alt="Fallback if video is not playing" /&amp;gt;
&amp;lt;/video&amp;gt;
&lt;/code&gt;&lt;/pre&gt;</t>
  </si>
  <si>
    <t>2014-11-21 10:51:48.107000+00:00</t>
  </si>
  <si>
    <t>2014-11-24 10:30:55.183000+00:00</t>
  </si>
  <si>
    <t>2014-11-21 11:39:12.947000+00:00</t>
  </si>
  <si>
    <t>javascript|html5</t>
  </si>
  <si>
    <t>How to get GWT widget type</t>
  </si>
  <si>
    <t>&lt;p&gt;Is there any way to get type of GWT widget?&lt;/p&gt;
&lt;pre&gt;&lt;code&gt;for(Widget w : widgetList)  
{  
 //if w is textbox type, read value and do something
}
&lt;/code&gt;&lt;/pre&gt;</t>
  </si>
  <si>
    <t>2012-10-23 12:53:57.293000+00:00</t>
  </si>
  <si>
    <t>2012-10-23 13:32:40.230000+00:00</t>
  </si>
  <si>
    <t>gwt</t>
  </si>
  <si>
    <t>Rating for the teacher doesn't show up after the user logged in and rated</t>
  </si>
  <si>
    <t>&lt;p&gt;In my rails project, a user can only rate his teacher if he already signed up and logged in. However, after the user logged in and rated the teacher, I couldn't see his rating. I don't know what cause the problem. Any suggestions would be appreciated.&lt;/p&gt;
&lt;p&gt;Here is my &lt;strong&gt;ratings_controller.rb&lt;/strong&gt;:&lt;/p&gt;
&lt;pre&gt;&lt;code&gt;class RatingsController &amp;lt; ApplicationController
  before_action :authenticate_user!
  before_action :get_teacher
  def new
    get_teacher
    @rating = current_user.ratings.build
  end
  def create
    get_teacher
    @rating = current_user.ratings.create(rating_params)
    if @rating.save
      redirect_to school_teacher_path(@teacher.school, @teacher)
    else
      render 'new'
    end
  end
  def destroy
    get_teacher
    @rating = @teacher.ratings.find(params[:id])
    @rating.destroy
    redirect_to school_teacher_path(@teacher.school, @teacher)
  end
  def get_teacher
    @teacher = Teacher.find(params[:teacher_id])
  end
  private
    def rating_params
      params.require(:rating).permit(:easiness, :helpfulness, :clarity, :comment,
      :teacher_id, :school_id)
    end
end
&lt;/code&gt;&lt;/pre&gt;
&lt;p&gt;&lt;strong&gt;teachers/show.html.erb&lt;/strong&gt;:&lt;/p&gt;
&lt;pre&gt;&lt;code&gt;&amp;lt;!-- Caculate the average rating of the teacher --&amp;gt;
&amp;lt;h1&amp;gt;Average ratings:&amp;lt;/h1&amp;gt;
&amp;lt;p&amp;gt;Clarity:
  &amp;lt;%= @teacher.ratings.average(:clarity) %&amp;gt;
&amp;lt;/p&amp;gt;
&amp;lt;p&amp;gt;Easiness:
  &amp;lt;%= @teacher.ratings.average(:easiness) %&amp;gt;
&amp;lt;/p&amp;gt;
&amp;lt;p&amp;gt;Helpfulness:
  &amp;lt;%= @teacher.ratings.average(:helpfulness) %&amp;gt;
&amp;lt;/p&amp;gt;
&amp;lt;hr&amp;gt;
&amp;lt;!-- Show all the ratings --&amp;gt;
&amp;lt;h2&amp;gt;All the ratings:&amp;lt;/h2&amp;gt;
&amp;lt;div&amp;gt;
  &amp;lt;%= @teacher.ratings.each do |rating| %&amp;gt;
    &amp;lt;p&amp;gt;Clarity:
      &amp;lt;%= rating.clarity %&amp;gt;
    &amp;lt;/p&amp;gt;
    &amp;lt;p&amp;gt;Helpfulness:
      &amp;lt;%= rating.helpfulness %&amp;gt;
    &amp;lt;/p&amp;gt;
    &amp;lt;p&amp;gt;Easiness:
      &amp;lt;%= rating.easiness %&amp;gt;
    &amp;lt;/p&amp;gt;
    &amp;lt;p&amp;gt;Comment:
      &amp;lt;%= rating.comment %&amp;gt;
    &amp;lt;/p&amp;gt;
    &amp;lt;%= link_to "Delete rating", [rating.teacher, rating], method: :delete, data: { confirm: 'Are you sure?' }, class: "btn btn-warning" %&amp;gt;
    &amp;lt;hr&amp;gt;
  &amp;lt;% end %&amp;gt;
&amp;lt;/div&amp;gt;
&amp;lt;p&amp;gt;
  &amp;lt;%= link_to "Rate teacher", new_teacher_rating_path(@teacher), class: "btn btn-primary" %&amp;gt;
&amp;lt;/p&amp;gt;
&amp;lt;p&amp;gt;
  &amp;lt;%= link_to "Back to school", school_path(@school), class: "btn btn-primary" %&amp;gt;
&amp;lt;/p&amp;gt;
&lt;/code&gt;&lt;/pre&gt;
&lt;p&gt;&lt;strong&gt;ratings/new.html.erb&lt;/strong&gt;:&lt;/p&gt;
&lt;pre&gt;&lt;code&gt;&amp;lt;h1&amp;gt;Teacher Rating&amp;lt;/h1&amp;gt;
&amp;lt;%= form_for([@teacher, @rating]) do |f| %&amp;gt;
  &amp;lt;p&amp;gt;
    &amp;lt;%= f.label :clarity %&amp;gt;
    &amp;lt;%= f.text_field :clarity %&amp;gt;
  &amp;lt;/p&amp;gt;
  &amp;lt;p&amp;gt;
    &amp;lt;%= f.label :easiness %&amp;gt;
    &amp;lt;%= f.text_field :easiness %&amp;gt;
  &amp;lt;/p&amp;gt;
  &amp;lt;p&amp;gt;
    &amp;lt;%= f.label :helpfulness %&amp;gt;
    &amp;lt;%= f.text_field :helpfulness %&amp;gt;
  &amp;lt;/p&amp;gt;
  &amp;lt;p&amp;gt;
    &amp;lt;%= f.label :comment %&amp;gt;
    &amp;lt;br&amp;gt;
    &amp;lt;%= f.text_area :comment %&amp;gt;
  &amp;lt;/p&amp;gt;
  &amp;lt;p&amp;gt;
    &amp;lt;%= f.submit %&amp;gt;
  &amp;lt;/p&amp;gt;
&amp;lt;% end %&amp;gt;
&lt;/code&gt;&lt;/pre&gt;
&lt;p&gt;&lt;strong&gt;rating.rb&lt;/strong&gt;:&lt;/p&gt;
&lt;pre&gt;&lt;code&gt;class Rating &amp;lt; ActiveRecord::Base
  belongs_to :teacher
  belongs_to :user
end
&lt;/code&gt;&lt;/pre&gt;
&lt;p&gt;&lt;strong&gt;user.rb&lt;/strong&gt;:&lt;/p&gt;
&lt;pre&gt;&lt;code&gt;class User &amp;lt; ActiveRecord::Base
  # Include default devise modules. Others available are:
  # :confirmable, :lockable, :timeoutable and :omniauthable
  devise :database_authenticatable, :registerable,
         :recoverable, :rememberable, :trackable, :validatable
  has_many :ratings
  has_many :teachers
end
&lt;/code&gt;&lt;/pre&gt;
&lt;p&gt;&lt;strong&gt;teacher.rb&lt;/strong&gt;:&lt;/p&gt;
&lt;pre&gt;&lt;code&gt;class Teacher &amp;lt; ActiveRecord::Base
  belongs_to :school
  has_many :ratings, dependent: :destroy
  has_many :users
  def name
    "#{firstName} #{middleName} #{lastName}"
  end
  def to_s
    name
  end
end
&lt;/code&gt;&lt;/pre&gt;</t>
  </si>
  <si>
    <t>2015-12-03 17:21:19.413000+00:00</t>
  </si>
  <si>
    <t>2015-12-07 14:01:10.540000+00:00</t>
  </si>
  <si>
    <t>2015-12-07 04:14:18.077000+00:00</t>
  </si>
  <si>
    <t>JSLINT: Bad escapement</t>
  </si>
  <si>
    <t>&lt;p&gt;JSLint is complaining about the following:&lt;/p&gt;
&lt;p&gt;JSLINT: Bad escapement.
var r = new RegExp("^\s*" + s + "\s*$", "i");&lt;/p&gt;
&lt;p&gt;Can anybody please explain what's wrong the escapement? &lt;/p&gt;</t>
  </si>
  <si>
    <t>2012-03-21 16:32:10.467000+00:00</t>
  </si>
  <si>
    <t>2012-03-21 16:34:21.697000+00:00</t>
  </si>
  <si>
    <t>javascript|jslint</t>
  </si>
  <si>
    <t>Time frames for Standard score</t>
  </si>
  <si>
    <t>&lt;p&gt;For finding trending topics, I use the Standard score in combination with a moving average:&lt;/p&gt;
&lt;pre&gt;&lt;code&gt;z-score = ([current trend] - [average historic trends]) / [standard deviation of historic trends]
&lt;/code&gt;&lt;/pre&gt;
&lt;p&gt;&lt;a href="https://stackoverflow.com/questions/787496/what-is-the-best-way-to-compute-trending-topics-or-tags"&gt;(Thank you very much, Nixuz)&lt;/a&gt;&lt;/p&gt;
&lt;p&gt;Until now, I do it as follows:&lt;/p&gt;
&lt;p&gt;Whatever the time is, for the historic trends I simply go back 24h. Assuming we have January 12, 3:45pm now:&lt;/p&gt;
&lt;p&gt;current_trend = hits [Jan 11, 3:45 - Jan 12, 3:45]&lt;/p&gt;
&lt;p&gt;historic_trends = hits [Jan 10, 3:45 - Jan 11, 3:45] + hits [Jan 9, 3:45 - Jan 10, 3:45] + hits [Jan 8, 3:45 - Jan 9, 3:45] + ...&lt;/p&gt;
&lt;p&gt;But is this really adequate? Wouldn't it be better if I always started at 00:00 o'clock? For example this way for the same data (3:45pm):&lt;/p&gt;
&lt;p&gt;current_trend = hits [Jan 11, 0:00 - Jan 12, 0:00]&lt;/p&gt;
&lt;p&gt;historic_trends = hits [Jan 10, 0:00 - Jan 11, 0:00] + hits [Jan 9, 0:00 - Jan 10, 0:00] + hits [Jan 9, 0:00 - Jan 9, 0:0] + ...&lt;/p&gt;
&lt;p&gt;I'm sure the results would be different. But which approach will give you better results?&lt;/p&gt;
&lt;p&gt;I hope you've understood my question and you can help me. :) Thanks in advance!&lt;/p&gt;</t>
  </si>
  <si>
    <t>2009-06-16 18:26:13.083000+00:00</t>
  </si>
  <si>
    <t>2012-04-30 01:43:49.130000+00:00</t>
  </si>
  <si>
    <t>2017-05-23 11:47:54.767000+00:00</t>
  </si>
  <si>
    <t>algorithm|tags|information-retrieval</t>
  </si>
  <si>
    <t>How to compose an observable with a task that might need to be re-run?</t>
  </si>
  <si>
    <t>&lt;p&gt;Suppose I have an async method that runs a query
and returns a set of results:&lt;/p&gt;
&lt;pre&gt;&lt;code&gt;Task&amp;lt;IEnumerable&amp;lt;Foo&amp;gt;&amp;gt; FetchResultSet();
&lt;/code&gt;&lt;/pre&gt;
&lt;p&gt;And I have an observable that fires whenever the
result set needs to be fetched again:&lt;/p&gt;
&lt;pre&gt;&lt;code&gt;IObservable&amp;lt;Unit&amp;gt; NeedToRefetch;
&lt;/code&gt;&lt;/pre&gt;
&lt;p&gt;What I want is:&lt;/p&gt;
&lt;pre&gt;&lt;code&gt;IObservable&amp;lt;IEnumerable&amp;lt;Foo&amp;gt;&amp;gt;
&lt;/code&gt;&lt;/pre&gt;
&lt;p&gt;Which would (1) run the query and yield an initial 
result set, and (2) each time &lt;code&gt;NeedToRefetch&lt;/code&gt; fires, run
the query again and yield another result set.&lt;/p&gt;
&lt;p&gt;What's the best way to compose this observable?&lt;/p&gt;
&lt;p&gt;If I didn't need that initial result set, I could do this:&lt;/p&gt;
&lt;pre&gt;&lt;code&gt;NeedToRefetch
    .Select(_ =&amp;gt; Observable.FromAsync(() =&amp;gt; FetchResultSet()))
    .Concat();
&lt;/code&gt;&lt;/pre&gt;
&lt;p&gt;So to make sure that the query gets run at least once, I could
do this:&lt;/p&gt;
&lt;pre&gt;&lt;code&gt;Observable.Return(Unit.Default)
    .Merge(NeedToRefetch)
    .Select(_ =&amp;gt; Observable.FromAsync(() =&amp;gt; FetchResultSet()))
    .Concat();
&lt;/code&gt;&lt;/pre&gt;
&lt;p&gt;But then I started reading about cold and hot observables and I
wondered if instead I should do something like this:&lt;/p&gt;
&lt;pre&gt;&lt;code&gt;var initial = Observable.FromAsync(() =&amp;gt; FetchResultSet());
var later = NeedToRefetch
    .Select(_ =&amp;gt; Observable.FromAsync(() =&amp;gt; FetchResultSet()))
    .Concat();
initial
    .Merge(later);
&lt;/code&gt;&lt;/pre&gt;
&lt;p&gt;And then I wondered if this is a case where I am supposed to use
&lt;code&gt;Observable.Create&lt;/code&gt;.&lt;/p&gt;
&lt;p&gt;And I then I stopped wondering and wrote this question.&lt;/p&gt;</t>
  </si>
  <si>
    <t>2016-12-17 16:42:10.327000+00:00</t>
  </si>
  <si>
    <t>2017-07-19 05:53:48.290000+00:00</t>
  </si>
  <si>
    <t>2016-12-17 17:27:10.157000+00:00</t>
  </si>
  <si>
    <t>rx.net</t>
  </si>
  <si>
    <t>rails singular_collection_ids validation</t>
  </si>
  <si>
    <t>&lt;p&gt;I have a form in rails app that allows to update &lt;strong&gt;singular_collection_ids&lt;/strong&gt; attribute (relation type is &lt;strong&gt;has_many through&lt;/strong&gt;). And I also need to validate it before update. &lt;/p&gt;
&lt;p&gt;The problem that is validation requires previous value of object, but there is no method &lt;strong&gt;singular_collection_ids_was&lt;/strong&gt; to provide this value. Also &lt;strong&gt;singular_collection_ids&lt;/strong&gt; method works directly with join table with no temporary values, so&lt;/p&gt;
&lt;pre&gt;&lt;code&gt;self.class.find(id).singular_collection_ids
&lt;/code&gt;&lt;/pre&gt;
&lt;p&gt;inside validation did not help.&lt;/p&gt;
&lt;p&gt;Is there any way to get previous value in stage of validation?&lt;/p&gt;</t>
  </si>
  <si>
    <t>2013-06-05 07:11:08.037000+00:00</t>
  </si>
  <si>
    <t>2013-06-05 13:48:14.757000+00:00</t>
  </si>
  <si>
    <t>2013-06-05 07:20:23.933000+00:00</t>
  </si>
  <si>
    <t>ruby-on-rails|validation|collections</t>
  </si>
  <si>
    <t>Drag and Drop Text and Saving to an image with jQuery and PHP</t>
  </si>
  <si>
    <t>&lt;p&gt;I'm building a user generated image where they upload a picture, add flourishes and save it. I am able to get everything to work except I cannot get the X and Y axes to line up between the user placement and the image saving for the user added caption, which is a div overlay when the user enters it. &lt;/p&gt;
&lt;p&gt;HTML and jQuery code to line up the text (user inputs via text box, jQuery replaces the value):&lt;/p&gt;
&lt;pre&gt;&lt;code&gt;    &amp;lt;div id='images' style='height:480; width:640px; position:relative;'&amp;gt;
                &amp;lt;div id='caption' style='height:35; width:40px; position: absolute; bottom:50; left:310; z-index:200; padding-botom:100px; color:white; font-size:30px; text-align:center; vertical-align:bottom; border:1px solid red;'&amp;gt;&amp;lt;/div&amp;gt;
                &amp;lt;div id='border' style='height:480; width:640px; position: absolute; top:0; left:0; z-index:100;'&amp;gt;&amp;lt;img src='' id='borderimage'&amp;gt;&amp;lt;/div&amp;gt;
                &amp;lt;div id='croppedimage' style='height:480; width:640px; position: absolute; top:0; left:0;'&amp;gt;&amp;lt;img src='&amp;lt;?= $cropped ?&amp;gt;'&amp;gt;&amp;lt;/div&amp;gt;
        &amp;lt;/div&amp;gt;
&amp;lt;script&amp;gt;
$(function() {
    $( "#caption" ).draggable({ containment: "parent", cursor:"move" });
  });
$('.thumb').click(function(){
        var bordername=$(this).attr('id') + '.png';
        $('#border').css("background-image", "url(borders/" + bordername +")");  
        $('#borderchoice').val(bordername);
});
$('#captiontext').keyup(function(){
        var cap=$('#captiontext').val();
        $('#caption').text(cap);
        var caplen=$("#captiontext").val().length;
        var capwidth=caplen * 15;
        $("#caption").width(capwidth);
});
$('#submit').click(function(){
    console.log($('#caption').position());
        var top=$('#caption').position();
        var width=$('#caption').width();
        $('#x').val(top.top);
        $('#y').val(top.left);
        $('#width').val(width);
});
&amp;lt;/script&amp;gt;
&lt;/code&gt;&lt;/pre&gt;
&lt;p&gt;And the PHP that handles it on the following page:&lt;/p&gt;
&lt;pre&gt;&lt;code&gt;imagecopyresampled($dest, $source, 0, 0, 0, 0, $imagewidth, $imageheight, $imagewidth, $imageheight);
if (!empty($_POST['captiontext']))
{
        $color = imagecolorallocate($dest, 255, 255, 255);
        $x=$_POST['x'];
        $y=$_POST['y'];
        $fontfile='arial';
        $text=urldecode($_POST['captiontext']);
        imagettftext ( $dest, 24, 0, $x , $y , $color , $fontfile , $text );
}
&lt;/code&gt;&lt;/pre&gt;
&lt;p&gt;I am aware that imagettftext xy starts at the bottom left of the first character of the text, but I cannot get a proper correlation between the two to accurately place the text. What can I do to get the correct placement of the text on the image to merge it?&lt;/p&gt;</t>
  </si>
  <si>
    <t>2013-08-23 15:13:08.600000+00:00</t>
  </si>
  <si>
    <t>2014-05-15 21:41:19.593000+00:00</t>
  </si>
  <si>
    <t>php|javascript|jquery|image</t>
  </si>
  <si>
    <t>VBA to return range based on a selection</t>
  </si>
  <si>
    <t>&lt;p&gt;I have what I think is a fairly simple VBA task I want to execute. It should, based on a column of cells I select, output the contents of those cells plus cells in next three columns to another place on my spreadsheet.&lt;/p&gt;
&lt;p&gt;The code is:&lt;/p&gt;
&lt;pre&gt;&lt;code&gt;ActiveCell.Offset(0, 10) = Selection.Columns("a:d")
&lt;/code&gt;&lt;/pre&gt;
&lt;p&gt;So, I would select say G2:G10, then it will return what is in G2:J10 in a range beginning with the cell 10 columns over from G2. It should accomplish the same thing as the following code, but without copy-paste.&lt;/p&gt;
&lt;pre&gt;&lt;code&gt;Selection.Columns("a:d").Copy
ActiveCell.Offset(0, 10).PasteSpecial
&lt;/code&gt;&lt;/pre&gt;
&lt;p&gt;Thanks for any help!
Jordan&lt;/p&gt;</t>
  </si>
  <si>
    <t>2017-09-12 21:14:37.553000+00:00</t>
  </si>
  <si>
    <t>2017-09-13 07:55:48.477000+00:00</t>
  </si>
  <si>
    <t>Get data from SAP Hana to SFDC</t>
  </si>
  <si>
    <t>&lt;p&gt;I have a requirement to get data to salesforce from the web portal developed with Open UI5 and SAP Hana . The data has to be moved to salesforce at each and every insert of a records happening in Open UI5 portal. Again the record is processes at salesforce and the updated records has to be moved to SAP Hana&lt;/p&gt;
&lt;p&gt;Please let me know is that possible and let me what are the necessary steps do I need to follow and how to achieve this.&lt;/p&gt;
&lt;p&gt;Thanks in advance&lt;/p&gt;</t>
  </si>
  <si>
    <t>2015-06-01 07:27:53.407000+00:00</t>
  </si>
  <si>
    <t>2017-10-27 10:50:54.913000+00:00</t>
  </si>
  <si>
    <t>salesforce|sap|hana</t>
  </si>
  <si>
    <t>Weird Gridsplitter resizing behaviour</t>
  </si>
  <si>
    <t>&lt;p&gt;Got his XAML :&lt;/p&gt;
&lt;pre&gt;&lt;code&gt;&amp;lt;Window x:Class="correctionTests.MainWindow"
        xmlns="http://schemas.microsoft.com/winfx/2006/xaml/presentation"
        xmlns:x="http://schemas.microsoft.com/winfx/2006/xaml"
        Title="MainWindow" Height="350" Width="525"&amp;gt;
    &amp;lt;Grid&amp;gt;
        &amp;lt;Grid.RowDefinitions&amp;gt;
            &amp;lt;RowDefinition Height="Auto"/&amp;gt;
            &amp;lt;RowDefinition Height="*"/&amp;gt;
        &amp;lt;/Grid.RowDefinitions&amp;gt;
        &amp;lt;Grid.ColumnDefinitions&amp;gt;
            &amp;lt;ColumnDefinition Width="*"/&amp;gt;
            &amp;lt;ColumnDefinition Width="Auto"/&amp;gt;
            &amp;lt;ColumnDefinition Width="*"/&amp;gt;
        &amp;lt;/Grid.ColumnDefinitions&amp;gt;
        &amp;lt;Menu Grid.Row="0" Grid.Column="0" Grid.ColumnSpan="3" IsMainMenu="True"&amp;gt;
            &amp;lt;MenuItem Header="_Ouvrir" Click="Open_Click"/&amp;gt;
        &amp;lt;/Menu&amp;gt;
        &amp;lt;GroupBox Header="Tests : " VerticalAlignment="Top" Grid.Column="0" Grid.Row="1"&amp;gt;
            &amp;lt;ListBox HorizontalAlignment="Left" VerticalAlignment="Top" x:Name="testList"/&amp;gt;
        &amp;lt;/GroupBox&amp;gt;
        &amp;lt;GridSplitter HorizontalAlignment="Right"
                      VerticalAlignment="Stretch"
                      Grid.Column="1"
                      Grid.Row="1"
                      Width="5"
                      Background="#FFBCBCBC"/&amp;gt;
        &amp;lt;UserControl x:Name="userContent" Grid.Column="2" Grid.Row="1"/&amp;gt;
    &amp;lt;/Grid&amp;gt;
&amp;lt;/Window&amp;gt;
&lt;/code&gt;&lt;/pre&gt;
&lt;p&gt;Now the problem is that the size of the controls on the column 0 is diminishing when i pull the gridsplitter to the RIGHT, on the other hand the size of the controls of the column 0 is increasing while pulling the gridsplitter to the left.&lt;/p&gt;
&lt;p&gt;I already found this &lt;a href="https://stackoverflow.com/questions/20880272/gridsplitter-to-resize-from-right-odd-behaviour"&gt;link&lt;/a&gt; on stack that suggested to change the first column's width to Auto.&lt;/p&gt;
&lt;p&gt;The problem is : if i do that, the controls does not resize anymore.&lt;/p&gt;
&lt;p&gt;How can i do so that my controls get all the width available ? (with the expected gridsplitter behaviour) ?&lt;/p&gt;</t>
  </si>
  <si>
    <t>2014-01-08 17:46:08.150000+00:00</t>
  </si>
  <si>
    <t>2015-12-03 10:57:47.420000+00:00</t>
  </si>
  <si>
    <t>2017-05-23 12:08:45.180000+00:00</t>
  </si>
  <si>
    <t>c#|.net|xaml</t>
  </si>
  <si>
    <t>Mongoose find all then mark documents that match User ID</t>
  </si>
  <si>
    <t>&lt;p&gt;Whats the best way to find all records, says &lt;code&gt;Post&lt;/code&gt; and then mark only the posts that belong to the logged-in User with some flag (assuming a post can belong to many users). Ideally, I want this to happen on the server so if I have 100 total posts with &lt;code&gt;Post.find({})&lt;/code&gt; I could get Mongoose documents or JSON objects that look like the following:&lt;/p&gt;
&lt;pre&gt;&lt;code&gt;[{title: "some Post", userPost: true}, {title: "another post}, {title: "third post", userPost: true}, {title: "Last post"}]
&lt;/code&gt;&lt;/pre&gt;
&lt;p&gt;In this result, I could then decorate user posts in a specific way. However, I want to query for all posts, but only user posts, and because this is not going through a templating engine I need the flag to exist in the JSON response to indicate the relationship to the current user.&lt;/p&gt;
&lt;p&gt;Currently, I have a function that looks like the following:&lt;/p&gt;
&lt;pre&gt;&lt;code&gt;let currentUser;
Post.find().exec( ( error, posts ) =&amp;gt; {
    posts.map( ( p ) =&amp;gt; {
            let userPosted = currentUser.posts.some((userPost) =&amp;gt; {
                return userPost.equals(p._id)
            });
            return Object.assign(p.toObject(), {userPost: userPosted});
    } );
} );
&lt;/code&gt;&lt;/pre&gt;
&lt;p&gt;Any suggestions on improvements? Should this filter function go on the Post model? Is there a more efficient way to do this in the initial query? I know of &lt;code&gt;lean()&lt;/code&gt; in Mongoose that will return JSON instead of Mongoose documents so I don't need to make that conversion. I'm open to thoughts.&lt;/p&gt;</t>
  </si>
  <si>
    <t>2018-03-04 00:53:19.140000+00:00</t>
  </si>
  <si>
    <t>2018-03-04 02:00:25.800000+00:00</t>
  </si>
  <si>
    <t>javascript|node.js|mongodb|mongoose</t>
  </si>
  <si>
    <t>some ownership issues with github hosting</t>
  </si>
  <si>
    <t>&lt;p&gt;&lt;em&gt;I know SO is not really the right place for anything related to legal, but I'm not really asking any legal advice ... just some hints&amp;amp;tips.&lt;/em&gt;&lt;/p&gt;
&lt;p&gt;I'll soon be starting a project (academia) which I'll probably keep at github (for some not-getting-into-that-now reasons). Free package. And once the project is done, I'll remove it (I'll keep it locally, I'll just delete it from github.com)&lt;/p&gt;
&lt;p&gt;Keeping that in mind, I wanna know ... does github take any ownership in projects hosted on it ? Also, does it keep them after they're removed ? (Will it show somewhere on the net 6 months after I delete it from their site ?)&lt;/p&gt;
&lt;p&gt;All experiences appreciated.&lt;/p&gt;</t>
  </si>
  <si>
    <t>2010-02-17 18:02:02.337000+00:00</t>
  </si>
  <si>
    <t>2012-10-10 14:19:37.097000+00:00</t>
  </si>
  <si>
    <t>How to convert Speech(Audio File) To Text in iOS?</t>
  </si>
  <si>
    <t>&lt;p&gt;&lt;strong&gt;I have Know this question are asking multiple time on SO. Please Review My Question first then put your comments&lt;/strong&gt;.&lt;/p&gt;
&lt;pre&gt;&lt;code&gt;We have review below API to convert Speech To Text in iOS. But i am not sure they exactly suitable or not with my requirement. So i am asking there.
1) OpenEars
2) Google API.
3) Speech Recognizer
My Requirement is Below.
1) have the option of recording a new audio file with pause, stop, resume functionality.Here please note that audio file has not limit in size.
2) That Audio File convert into the Text File.
 In this case how to handle this scenario?
 Can you suggest Any Free API or Good API(If Payable)?
 Any Offline API available? (i think it���s not available!)
&lt;/code&gt;&lt;/pre&gt;</t>
  </si>
  <si>
    <t>2015-03-19 06:39:24.003000+00:00</t>
  </si>
  <si>
    <t>2015-03-19 08:55:28.950000+00:00</t>
  </si>
  <si>
    <t>ios|iphone|audio</t>
  </si>
  <si>
    <t>How do you change the value of an HTML element with javascript?</t>
  </si>
  <si>
    <t>&lt;p&gt;I have this: &lt;code&gt;&amp;lt;input type="button" value="hello"&amp;gt;&lt;/code&gt; I want to change the &lt;code&gt;value&lt;/code&gt; with javascript so that it is &lt;code&gt;value="goodbye"&lt;/code&gt;. How do I do this?&lt;/p&gt;
&lt;p&gt;Following @David's advice in the comments below here is the code I tried but could not get to work before posting this question: &lt;/p&gt;
&lt;pre&gt;&lt;code&gt;var createBttn = document.getElementById('create');
createBttn.innerHTML = 'value="goodbye"';
&lt;/code&gt;&lt;/pre&gt;</t>
  </si>
  <si>
    <t>2010-10-24 00:29:43.550000+00:00</t>
  </si>
  <si>
    <t>2010-10-24 02:41:01.393000+00:00</t>
  </si>
  <si>
    <t>How to Tell iOS Paypal Mobile Payment Library Version?</t>
  </si>
  <si>
    <t>&lt;p&gt;I'm referencing the demo against the library I have and there seem to be some differences.  I just want to make sure I'm not working with something deprecated or outdated.&lt;/p&gt;
&lt;p&gt;The header file for each in PayPal.h says:&lt;/p&gt;
&lt;pre&gt;&lt;code&gt;//
//  PayPal.h
//
//  MPL Library - Developer Interface
//
//  Created by Paypal 2010
//  Modified by:
//          DiZoglio, James(jdizoglio) on 5/10/11.
//
//  Copyright 2011 Paypal. All rights reserved.
//
//
&lt;/code&gt;&lt;/pre&gt;
&lt;p&gt;In particular, I'm noticing that the library has:&lt;/p&gt;
&lt;pre&gt;&lt;code&gt;+(PayPal*)getInstance;
&lt;/code&gt;&lt;/pre&gt;
&lt;p&gt;while the demo has: &lt;/p&gt;
&lt;pre&gt;&lt;code&gt;+(PayPal*)getPayPalInst;
&lt;/code&gt;&lt;/pre&gt;
&lt;p&gt;I guess this question is mainly for PayPal, and in particular James DiZoglio, but I appreciate any help anyone who has integrated this with their iOS app can offer.  Thanks.&lt;/p&gt;</t>
  </si>
  <si>
    <t>2012-06-05 05:01:16.400000+00:00</t>
  </si>
  <si>
    <t>2015-06-03 02:41:47.947000+00:00</t>
  </si>
  <si>
    <t>ios|paypal</t>
  </si>
  <si>
    <t>How to initialize const containers with generators in modern C++?</t>
  </si>
  <si>
    <t>&lt;p&gt;In order to avoid mutable containers / states I currently wonder what's the closest thing to construct a &lt;code&gt;const&lt;/code&gt; STL container from some input, e.g.&lt;/p&gt;
&lt;pre&gt;&lt;code&gt;const vector&amp;lt;int&amp;gt; input = {2, 13, 7, 1};
&lt;/code&gt;&lt;/pre&gt;
&lt;p&gt;What I'd like to do is something like this:&lt;/p&gt;
&lt;pre&gt;&lt;code&gt;const auto transformed = generate_from&amp;lt;vector&amp;lt;string&amp;gt;&amp;gt;(
    input.begin(), input.end(), to_string);
do_something(transformed);
&lt;/code&gt;&lt;/pre&gt;
&lt;p&gt;While the approach you find the most would create a mutable object and modify it (what I'd like to avoid):&lt;/p&gt;
&lt;pre&gt;&lt;code&gt;vector&amp;lt;string&amp;gt; bad_mutable_container;
for (const auto &amp;amp; elem : input) {
    bad_mutable_container.push_back(to_string(input[elem]));
};
do_something(bad_mutable_container);
&lt;/code&gt;&lt;/pre&gt;
&lt;p&gt;C++11 and newer provide &lt;code&gt;std::generate&lt;/code&gt; and &lt;code&gt;std::generate_n&lt;/code&gt; but they operate on a mutable object, so they don't solve my problem:&lt;/p&gt;
&lt;pre&gt;&lt;code&gt;vector&amp;lt;string&amp;gt; bad_mutable_container(input.size());
generate_n(bad_mutable_container.begin(), input.size(), [&amp;amp;input, n=0] () mutable {
    return to_string(input[n++]);
});
&lt;/code&gt;&lt;/pre&gt;
&lt;p&gt;What you can do now is encapsulate that code in a function/lambda which gives you const-ness but also noisy boilerplate code:&lt;/p&gt;
&lt;pre&gt;&lt;code&gt;const auto transformed = [&amp;amp;input] {
    vector&amp;lt;string&amp;gt; bad_mutable_container;
    for (const auto &amp;amp; elem : input) {
        bad_mutable_container.push_back(to_string(elem));
    };
    return bad_mutable_container;
} ();
do_something(transformed);
&lt;/code&gt;&lt;/pre&gt;
&lt;p&gt;I've expected to find at least some constructor for e.g. &lt;code&gt;std::vector&lt;/code&gt; which I can use like this:&lt;/p&gt;
&lt;pre&gt;&lt;code&gt;const auto transformed = vector&amp;lt;string&amp;gt;(input.size(), [&amp;amp;input, n=0] () mutable {
    return to_string(input[n++]);
});
&lt;/code&gt;&lt;/pre&gt;
&lt;p&gt;What would be the most modern C++ish approach to this today and why?&lt;/p&gt;</t>
  </si>
  <si>
    <t>2018-06-19 10:16:36.593000+00:00</t>
  </si>
  <si>
    <t>2018-06-19 15:04:51.093000+00:00</t>
  </si>
  <si>
    <t>2018-06-19 10:25:30.133000+00:00</t>
  </si>
  <si>
    <t>c++|constructor|const|generator|c++17</t>
  </si>
  <si>
    <t>How to use ssh2_scp_recv with large files (memory limit)</t>
  </si>
  <si>
    <t>&lt;p&gt;How to use &lt;code&gt;ssh2_scp_recv&lt;/code&gt; with very large files without extending memory limit?!&lt;/p&gt;
&lt;p&gt;When I try to download very large files I end up hitting the memory limit!?&lt;/p&gt;
&lt;h1&gt;update&lt;/h1&gt;
&lt;pre&gt;&lt;code&gt;private function ssh_copy($host, $file_remote, $file_local){
    $connection = ssh2_connect($host, 22);
    ssh2_auth_password($connection, 'root', $this-&amp;gt;hosts[$host]['pass']);
    $sftp = ssh2_sftp($connection);
    $sftp_remote = "ssh2.sftp://$sftp$file_remote";
    echo $sftp_remote."\n";
    $remote = fopen($sftp_remote, 'rb');
    $local = fopen($file_local, 'w');
    echo $file_remote."\n";
    while(!feof($remote)){
        //fwrite($local, fread($remote, 8192));
        $chunk = fread($remote, 8192);
        echo strlen($chunk).' '.sha1($chunk)."\n";
    }
    fclose($local);
    fclose($remote);
    return $file_local;
}
&lt;/code&gt;&lt;/pre&gt;
&lt;h1&gt;output&lt;/h1&gt;
&lt;p&gt;The file is about 50 MB and this just continues forever...&lt;/p&gt;
&lt;pre&gt;&lt;code&gt;ssh2.sftp://Resource id #3/var/bak/db/2014-02-27-2113_mysql.tar.gz
/var/bak/db/2014-02-27-2113_mysql.tar.gz
8192 5d6aaf93d52842b2a0cd1ed5b31dea8077f52722
8192 4e607553d49adbaf46450f757a8d573e655b3d8d
8192 458067e2f4cd96657e98ceed66c86edd26da35a5
8192 c08083f13297d23eb0461f907260dc74c4a89e9f
8192 1de0c28595edd853a62ed6a9e1f9ba12d382ef1b
8192 9118766479ce74c4235ff6c7ed5e775752a34ffd
8192 e82c715115ad64d811936d69fb8a214a57245777
8192 8f3477f762925ef9bf2f3d0db7bc0225654f42d4
8192 7e069131ce5f5dbbe25c34ae3f32b668feef9f94
8192 f855022d0b742031fa4ab621027452d60ccf4c9a
8192 51954b87f04166ed2cdca1e5eec0d6a7cdf8215d
8192 e6d09cd53385d8edbd04a2a8ac733fcf22b090ea
8192 f26acd9c704fc3c8635dd521a49bf22e12236ae3
8192 01dedf90438386552fae9175e547af0e977058d7
8192 688bc32c8e439e15bff4aa9327fe20b924cef5c0
8192 0be35c670a90c2ed23a372a5cb9d99976d755da0
8192 f5aca37bf6d31c67be33d09a7ca2d6684ef96398
8192 aebcbd18ba8729a6c92e19082171daf32dc87400
8192 0ff998f5a65cf28cd968e067bdee2b5c4bcce686
8192 1551790407a5390d54825482d468c4422bea5ba2
8192 672b1a47a77f218f7c6398ddfc048e341601f171
8192 72296f8fdb7031f5977b52ffd1e8dfb214efa61a
8192 053cd323db07d97b7dcaaf428e0eb09a84ac2b36
8192 c80b4cb4930b14aa21a8085dfeecbf94ec0d527d
8192 57d2b4267fbe1d8a80164af83d7c43d56dbb345b
8192 9d65c61c5adfdf99b37ca622f099fbed88721f69
8192 9210353d6b26db9bb0ff7418cf8dc69095a08eed
8192 5eddb200bd18731385351d5b974826df9d1bb821
8192 85cede3d85b379505c5586eab8386bc9f9d7a3c5
8192 82969ab7a72e8201b8d365e6bd9728ffc843292f
8192 ef6ad7797342f23789ee21a9f3dc9b4b048c0a4f
8192 b345f90819f55c7e6e024afc8da93e600153ad1d
8192 61fbd0611540a042d4bb9fb77aa7fd5a2156ad62
8192 3256b4f6a888f4e2cbe88aeb8a59d7e5cc6866f0
8192 9d6063880d60466fda376598b8fc74fad41a71f1
8192 88c1236e252ad24e1be62a9f90d5a74c70b00c6e
8192 348d8d4d30871fd8b761293ddcf997d1ee31ddbe
8192 6a294304c2655bc8a71c6b8c12e3319091f28010
8192 57553065db8ef56fa66b319e2ac94623a8f5f134
8192 d837ec08fb0e610d68075a514e20857d05042832
8192 0d5bc20788b75fc3ed112d2c8496f8f64e8bcae9
8192 83367b98b62d78166ef957d45b4a3533c91bd1d9
&lt;/code&gt;&lt;/pre&gt;</t>
  </si>
  <si>
    <t>2014-02-27 20:45:27.040000+00:00</t>
  </si>
  <si>
    <t>2014-02-28 11:53:21.140000+00:00</t>
  </si>
  <si>
    <t>2014-02-28 08:21:31.570000+00:00</t>
  </si>
  <si>
    <t>php|linux</t>
  </si>
  <si>
    <t>Blackberry: how to find subnet mask of connected network</t>
  </si>
  <si>
    <t>&lt;p&gt;How can I find the subnet mask of connected wifi network in Blackberry jde 4.5+ ?&lt;/p&gt;</t>
  </si>
  <si>
    <t>2013-07-19 11:46:02.070000+00:00</t>
  </si>
  <si>
    <t>2013-07-19 20:35:16.263000+00:00</t>
  </si>
  <si>
    <t>java|blackberry|wifi|blackberry-jde</t>
  </si>
  <si>
    <t>Execute a scheduled Task in a web application</t>
  </si>
  <si>
    <t>&lt;p&gt;I want to send a scheduled sms in a web application to my users. For Example I want to send a sms at 9 a.m every day but I don't know which method might be useful for me "DateTime" or "Timer" or ...
I have my own sms web service and the problem is with the scheduled task.&lt;/p&gt;
&lt;p&gt;Send sms code:&lt;/p&gt;
&lt;pre&gt;&lt;code&gt;string[] RetVal = send.SendSMS("Username", "Password", To, from, Text, isflash);
&lt;/code&gt;&lt;/pre&gt;</t>
  </si>
  <si>
    <t>2014-07-25 10:56:11.880000+00:00</t>
  </si>
  <si>
    <t>2014-07-25 10:57:29.043000+00:00</t>
  </si>
  <si>
    <t>c#|.net|web-applications|scheduler</t>
  </si>
  <si>
    <t>Understanding activity lifecycle</t>
  </si>
  <si>
    <t>&lt;p&gt;I am just starting my experience with Android development (I am watching tutorials right now). I looked at the activity lifecycle on the Android developers page, and I realized that the activity always goes through the &lt;code&gt;onResume()&lt;/code&gt; method before it's visible to the user. Assuming I will be using no fragments in the activity, does that mean that most of the code logic should be within the &lt;code&gt;onResume()&lt;/code&gt; method, and I should just inflate the layout once inside the &lt;code&gt;onCreate()&lt;/code&gt; at the beginning?&lt;/p&gt;</t>
  </si>
  <si>
    <t>2018-11-14 09:04:04.483000+00:00</t>
  </si>
  <si>
    <t>2018-11-14 09:24:36.267000+00:00</t>
  </si>
  <si>
    <t>2018-11-14 09:06:37.513000+00:00</t>
  </si>
  <si>
    <t>android|android-activity|activity-lifecycle</t>
  </si>
  <si>
    <t>Cannot find the class DemoDragHandler in the gwt-dnd API</t>
  </si>
  <si>
    <t>&lt;p&gt;Can I get the link for the gwt API which contains the class &lt;code&gt;com.allen_sauer.gwt.dnd.demo.client.DemoDragHandler&lt;/code&gt;?&lt;/p&gt;
&lt;p&gt;I searched everywhere but couldn't find it. Please help.&lt;/p&gt;</t>
  </si>
  <si>
    <t>2013-04-05 03:25:59.793000+00:00</t>
  </si>
  <si>
    <t>2013-04-05 08:00:50.397000+00:00</t>
  </si>
  <si>
    <t>user2116390</t>
  </si>
  <si>
    <t>api|gwt</t>
  </si>
  <si>
    <t>Handling PHP headers in AJAX</t>
  </si>
  <si>
    <t>&lt;p&gt;I am doing a form validating using AJAX. If the user completes the form correctly, it will redirect to another page, else print out errors (plain HTML). &lt;br&gt; &lt;strong&gt;For example:&lt;/strong&gt;
If there is an error in the form, the PHP file echos: &lt;/p&gt;
&lt;pre&gt;&lt;code&gt;There is an error!
&lt;/code&gt;&lt;/pre&gt;
&lt;p&gt;If there aren't any errors, the PHP file executes: &lt;/p&gt;
&lt;pre&gt;&lt;code&gt;header("Location: http://example.com/successful"); exit();
&lt;/code&gt;&lt;/pre&gt;
&lt;p&gt;But in AJAX, I am only handling for the plain HTML response:&lt;/p&gt;
&lt;pre&gt;&lt;code&gt;success: function(response) {
_desireHTMLelment.innerHTML = response;
}
&lt;/code&gt;&lt;/pre&gt;
&lt;p&gt;I know there is a way using &lt;code&gt;json_encode()&lt;/code&gt;, however, I still cannot classify plain HTML and &lt;code&gt;JSON&lt;/code&gt;. &lt;br&gt;
Are there any ways I can do this? Thanks for any support! &lt;br&gt;
&lt;strong&gt;Edit:&lt;/strong&gt; I am using Vanilla JavaScript &lt;br&gt;
This is how the system works: &lt;br&gt;
User fills in the form =&gt; AJAX sends requests =&gt; PHP processes the request =&gt; Either returns an plain HTML error or redirects the page =&gt; AJAX receives the response, classify whether it is an error or HTML error =&gt; Find a correct way to handle the response&lt;/p&gt;</t>
  </si>
  <si>
    <t>2018-01-02 14:19:20.487000+00:00</t>
  </si>
  <si>
    <t>2018-01-02 14:59:54.383000+00:00</t>
  </si>
  <si>
    <t>2018-01-02 14:50:39.107000+00:00</t>
  </si>
  <si>
    <t>javascript|php|ajax|validation</t>
  </si>
  <si>
    <t>ArrayList remove(0) when size &gt; 0</t>
  </si>
  <si>
    <t>&lt;p&gt;I am trying to get the first item in a ArrayList items using items.remove(0), which works fine till the items.size() is 1,
        at this point the code below returns empty string. I tired 2 different ways but do not know why it is returning "" when I 
        expect it to return the last remaining item when items.size &gt; 0. 
Step over using Android Studio, the debugger steps over BOTH return lines in my second code. Never seen this before. Please help solve this.&lt;br&gt;
        Thank you&lt;/p&gt;
&lt;pre&gt;&lt;code&gt;        String item = "";
    if (items.size() &amp;gt; 0) {
        item =  items.remove(0);
    }
    return item;
    if (items.size() &amp;gt; 0) {
        return items.remove(0);
    } else {
        return "";
    }
&lt;/code&gt;&lt;/pre&gt;</t>
  </si>
  <si>
    <t>2015-07-16 22:50:58.577000+00:00</t>
  </si>
  <si>
    <t>2015-07-26 17:05:25.733000+00:00</t>
  </si>
  <si>
    <t>android|arraylist</t>
  </si>
  <si>
    <t>Toggle arrow only for currently selected table header</t>
  </si>
  <si>
    <t>&lt;p&gt;How can I target only the currently selected table header (just as the color changes only for the selected header), so that the arrow next to it is the only one that is toggled to rotate on click?&lt;/p&gt;
&lt;pre&gt;&lt;code&gt;&amp;lt;table class="container cf"&amp;gt;
  &amp;lt;thead class="cf"&amp;gt;
    &amp;lt;tr&amp;gt;
      &amp;lt;th class="numeric"&amp;gt;amount &amp;lt;i class="glyphicon glyphicon-triangle-bottom"&amp;gt;&amp;lt;/i&amp;gt;&amp;lt;/th&amp;gt;
      &amp;lt;th class="numeric"&amp;gt;case &amp;lt;i class="glyphicon glyphicon-triangle-bottom"&amp;gt;&amp;lt;/i&amp;gt;&amp;lt;/th&amp;gt;
      &amp;lt;th class="numeric"&amp;gt;field 3 &amp;lt;i class="glyphicon glyphicon-triangle-bottom"&amp;gt;&amp;lt;/i&amp;gt;&amp;lt;/th&amp;gt;
      &amp;lt;th class="numeric"&amp;gt;field 4 &amp;lt;i class="glyphicon glyphicon-triangle-bottom"&amp;gt;&amp;lt;/i&amp;gt;&amp;lt;/th&amp;gt;
      &amp;lt;th class="numeric"&amp;gt;location &amp;lt;i class="glyphicon glyphicon-triangle-bottom"&amp;gt;&amp;lt;/i&amp;gt;&amp;lt;/th&amp;gt;
      &amp;lt;th class="numeric"&amp;gt;date &amp;lt;i class="glyphicon glyphicon-triangle-bottom"&amp;gt;&amp;lt;/i&amp;gt;&amp;lt;/th&amp;gt;
    &amp;lt;/tr&amp;gt;
  &amp;lt;/thead&amp;gt;
  &amp;lt;tbody class="verdicts"&amp;gt;
    &amp;lt;tr&amp;gt;
      &amp;lt;td data-title="amount" class="amount"&amp;gt;8,570,000.00&amp;lt;span class="result"&amp;gt;&amp;lt;/span&amp;gt;&amp;lt;/td&amp;gt;
      &amp;lt;td data-title="case"&amp;gt;title&amp;lt;/td&amp;gt;
      &amp;lt;td data-title="practice area"&amp;gt;area&amp;lt;/td&amp;gt;
      &amp;lt;td data-title="user"&amp;gt;Bob jones&amp;lt;/td&amp;gt;
      &amp;lt;td data-title="location"&amp;gt;Orlando, FL&amp;lt;/td&amp;gt;
      &amp;lt;td data-title="date"&amp;gt;Mar 6, 2017&amp;lt;/td&amp;gt;
    &amp;lt;/tr&amp;gt;
    &amp;lt;tr&amp;gt;
      &amp;lt;td data-title="amount" class="amount"&amp;gt;$447,115&amp;lt;span class="result"&amp;gt;&amp;lt;/span&amp;gt;&amp;lt;/td&amp;gt;
      &amp;lt;td data-title="case"&amp;gt;Another title&amp;lt;/td&amp;gt;
      &amp;lt;td data-title="practice area"&amp;gt;area&amp;lt;/td&amp;gt;
      &amp;lt;td data-title="user"&amp;gt;Joe Smith&amp;lt;/td&amp;gt;
      &amp;lt;td data-title="location"&amp;gt;Orlando, FL&amp;lt;/td&amp;gt;
      &amp;lt;td data-title="date"&amp;gt;Mar 6, 2017&amp;lt;/td&amp;gt;
    &amp;lt;/tr&amp;gt;
  &amp;lt;/tbody&amp;gt;
&amp;lt;/table&amp;gt;
&lt;/code&gt;&lt;/pre&gt;
&lt;p&gt;jQuery&lt;/p&gt;
&lt;pre&gt;&lt;code&gt;$(".numeric").click(function() {
  $(".numeric").removeClass('numeric-active');
  $(this).toggleClass("numeric-active");
  $(".glyphicon-triangle-bottom").toggleClass("rotate");
});
&lt;/code&gt;&lt;/pre&gt;
&lt;p&gt;&lt;strong&gt;JSFIDDLE: &lt;a href="https://jsfiddle.net/mrdag8bk/4/" rel="nofollow noreferrer"&gt;LINK&lt;/a&gt;&lt;/strong&gt;&lt;/p&gt;</t>
  </si>
  <si>
    <t>2017-04-14 14:16:43.993000+00:00</t>
  </si>
  <si>
    <t>2017-04-14 14:30:31.613000+00:00</t>
  </si>
  <si>
    <t>How to retrieve data using select box with PHP?</t>
  </si>
  <si>
    <t>&lt;p&gt;I have more than 100 rows in an database and they are from different subjects, like Database lessons or Network lessons. I want that the user can choose what questions from those subjects he want to display. So I was thinking in using one select box, but I don't know how to handle the selected box with the database query. How could I do that ?&lt;/p&gt;
&lt;p&gt;My code currently :&lt;/p&gt;
&lt;pre&gt;&lt;code&gt;&amp;lt;div class = "container-fluid"&amp;gt;
    &amp;lt;div class =  "container"&amp;gt;
        &amp;lt;?php
            $query = "SELECT def_conteudo FROM conteudo WHERE nro_conteudo BETWEEN 1 AND 100";
            $result = mysqli_query($con,$query);
             while($fetch = mysqli_fetch_row($result)){
                echo  "&amp;lt;li&amp;gt;" . $fetch[0] . "&amp;lt;/li&amp;gt;";
            }
        ?&amp;gt;
    &amp;lt;/div&amp;gt;
&amp;lt;/div&amp;gt;
&lt;/code&gt;&lt;/pre&gt;
&lt;p&gt;The problem is that he just shows all the lessons from different subjects here, but I want to give the user the choice to choose what questions he want to display. &lt;/p&gt;
&lt;p&gt;Example :&lt;/p&gt;
&lt;p&gt;If the user want to display only Database lessons he would choose through the select box and would appear at the screen all questions from this particular subject, not all the subjects questions.&lt;/p&gt;</t>
  </si>
  <si>
    <t>2017-11-30 14:21:06.803000+00:00</t>
  </si>
  <si>
    <t>2017-12-01 04:26:04.837000+00:00</t>
  </si>
  <si>
    <t>2017-11-30 15:02:11.530000+00:00</t>
  </si>
  <si>
    <t>Parsing an array of objects in C#</t>
  </si>
  <si>
    <t>&lt;p&gt;I have an array of objects and I would like to pass it into a method that only accepts &lt;code&gt;DOUBLE&lt;/code&gt;, &lt;code&gt;NULL&lt;/code&gt;, &lt;code&gt;STRING&lt;/code&gt; or &lt;code&gt;DATETIME&lt;/code&gt;. So when I try to pass in the value it gives an error saying I can't pass in any arbitrary object and that it has to be parsed as a &lt;code&gt;DOUBLE&lt;/code&gt;, &lt;code&gt;NULL&lt;/code&gt;, &lt;code&gt;STRING&lt;/code&gt; or &lt;code&gt;DATETIME&lt;/code&gt; first.&lt;/p&gt;
&lt;pre&gt;&lt;code&gt;foreach (var currRow in dataSet.Tables[0].Rows)
{
    var tuple = Com.Tibco.As.Space.Tuple.Create();
    //here is where i loop through the object array
    for (int i = 0; i &amp;lt; currRow.Values.Length; i++)
    {
        //here is where i try to pass it to the method (which doesn't accept it)
        tuple.Put(dataSet.Tables[0].ColumnNames[i], currRow.Values[i]);
    }
    inSpace_.Put(tuple);
}
&lt;/code&gt;&lt;/pre&gt;
&lt;p&gt;&lt;img src="https://i.stack.imgur.com/dlwl0.png" alt="Heres what the array of objects look like"&gt;&lt;/p&gt;
&lt;p&gt;In short I need a way to parse each object and cast it as the appropriate one and then put it inside the tuple.&lt;/p&gt;
&lt;p&gt;&lt;strong&gt;Edit&lt;/strong&gt;:&lt;/p&gt;
&lt;p&gt;Here's what I tried to do, but it didn't work:&lt;/p&gt;
&lt;pre&gt;&lt;code&gt;foreach (var currRow in dataSet.Tables[0].Rows)
{
    var tuple = Com.Tibco.As.Space.Tuple.Create();
    for (int i = 0; i &amp;lt; currRow.Values.Length; i++)
    {
        if (currRow.Values[i] != null)
        {
            if (dataSet.Tables[0].ColumnNames[i].GetType().IsEquivalentTo(typeof(DateTime)))
            {
                DateTime value = DateTime.Parse(dataSet.Tables[0].ColumnNames[i].ToString());
                tuple.Put(dataSet.Tables[0].ColumnNames[i], value);
            }
            else if (dataSet.Tables[0].ColumnNames[i].GetType().IsEquivalentTo(typeof(Double)))
            {
                Double value = Convert.ToDouble(dataSet.Tables[0].ColumnNames[i]);
                tuple.Put(dataSet.Tables[0].ColumnNames[i], value);
            }
            else
            {
                string value = dataSet.Tables[0].ColumnNames[i].ToString();
                tuple.Put(dataSet.Tables[0].ColumnNames[i], value);
            }
        }
    }
    inSpace_.Put(tuple);
}
&lt;/code&gt;&lt;/pre&gt;</t>
  </si>
  <si>
    <t>2013-03-07 18:42:34.383000+00:00</t>
  </si>
  <si>
    <t>2013-03-07 19:25:46.633000+00:00</t>
  </si>
  <si>
    <t>2013-03-07 19:18:48.733000+00:00</t>
  </si>
  <si>
    <t>c#|oop|parsing|data-structures|tibco</t>
  </si>
  <si>
    <t>Invalid object name dbo.MenuItems</t>
  </si>
  <si>
    <t>&lt;p&gt;I developed a site using asp.net mvc 3 and used ef code first to generate the database. the scaffolding works fine on my local machine using the built in sql compact database. Then i used one click web deploy to a hosting company and i started getting the error below. If you have encountered this problem before please advice.&lt;/p&gt;
&lt;p&gt;&lt;code&gt;&lt;/p&gt;
&lt;pre&gt;&lt;code&gt;    [SqlException (0x80131904): Invalid object name 'dbo.MenuItems'.]
   System.Data.SqlClient.SqlConnection.OnError(SqlException exception, Boolean    breakConnection) +404
   System.Data.SqlClient.TdsParser.ThrowExceptionAndWarning() +412
   System.Data.SqlClient.TdsParser.Run(RunBehavior runBehavior, SqlCommand cmdHandler, SqlDataReader dataStream, BulkCopySimpleResultSet bulkCopyHandler, TdsParserStateObject stateObj) +1363
   System.Data.SqlClient.SqlDataReader.ConsumeMetaData() +59
   System.Data.SqlClient.SqlDataReader.get_MetaData() +118
   System.Data.SqlClient.SqlCommand.FinishExecuteReader(SqlDataReader ds, RunBehavior runBehavior, String resetOptionsString) +6387873
   System.Data.SqlClient.SqlCommand.RunExecuteReaderTds(CommandBehavior cmdBehavior, RunBehavior runBehavior, Boolean returnStream, Boolean async) +6389442
   System.Data.SqlClient.SqlCommand.RunExecuteReader(CommandBehavior cmdBehavior, RunBehavior runBehavior, Boolean returnStream, String method, DbAsyncResult result) +538
   System.Data.SqlClient.SqlCommand.RunExecuteReader(CommandBehavior cmdBehavior, RunBehavior runBehavior, Boolean returnStream, String method) +28
   System.Data.SqlClient.SqlCommand.ExecuteReader(CommandBehavior behavior, String method) +256
   System.Data.SqlClient.SqlCommand.ExecuteDbDataReader(CommandBehavior behavior) +19
   System.Data.EntityClient.EntityCommandDefinition.ExecuteStoreCommands(EntityCommand entityCommand, CommandBehavior behavior) +553
[EntityCommandExecutionException: An error occurred while executing the command definition. See the inner exception for details.]
   System.Data.EntityClient.EntityCommandDefinition.ExecuteStoreCommands(EntityCommand entityCommand, CommandBehavior behavior) +10646103
   System.Data.Objects.Internal.ObjectQueryExecutionPlan.Execute(ObjectContext context, ObjectParameterCollection parameterValues) +11488485
   System.Data.Objects.ObjectQuery`1.GetResults(Nullable`1 forMergeOption) +11120473
   System.Data.Objects.ObjectQuery`1.System.Collections.Generic.IEnumerable&amp;lt;T&amp;gt;.GetEnumerator() +47
   System.Collections.Generic.List`1..ctor(IEnumerable`1 collection) +382
   System.Linq.Enumerable.ToList(IEnumerable`1 source) +80
   Bonappetit.Controllers.MenuItemsController.Index() in c:\Bonappetit\Bonappetit\Controllers\MenuItemsController.cs:21
   lambda_method(Closure , ControllerBase , Object[] ) +79
   System.Web.Mvc.ReflectedActionDescriptor.Execute(ControllerContext controllerContext, IDictionary`2 parameters) +264
   System.Web.Mvc.ControllerActionInvoker.InvokeActionMethod(ControllerContext controllerContext, ActionDescriptor actionDescriptor, IDictionary`2 parameters) +39
   System.Web.Mvc.&amp;lt;&amp;gt;c__DisplayClass15.&amp;lt;InvokeActionMethodWithFilters&amp;gt;b__12() +129
   System.Web.Mvc.ControllerActionInvoker.InvokeActionMethodFilter(IActionFilter filter, ActionExecutingContext preContext, Func`1 continuation) +826266
   System.Web.Mvc.ControllerActionInvoker.InvokeActionMethodWithFilters(ControllerContext controllerContext, IList`1 filters, ActionDescriptor actionDescriptor, IDictionary`2 parameters) +314
   System.Web.Mvc.ControllerActionInvoker.InvokeAction(ControllerContext controllerContext, String actionName) +825488
   System.Web.Mvc.Controller.ExecuteCore() +159
   System.Web.Mvc.ControllerBase.Execute(RequestContext requestContext) +335
   System.Web.Mvc.&amp;lt;&amp;gt;c__DisplayClassb.&amp;lt;BeginProcessRequest&amp;gt;b__5() +62
   System.Web.Mvc.Async.&amp;lt;&amp;gt;c__DisplayClass1.&amp;lt;MakeVoidDelegate&amp;gt;b__0() +20
   System.Web.Mvc.&amp;lt;&amp;gt;c__DisplayClasse.&amp;lt;EndProcessRequest&amp;gt;b__d() +54
   System.Web.CallHandlerExecutionStep.System.Web.HttpApplication.IExecutionStep.Execute() +469
   System.Web.HttpApplication.ExecuteStep(IExecutionStep step, Boolean&amp;amp; completedSynchronously) +375 
&lt;/code&gt;&lt;/pre&gt;
&lt;p&gt;&lt;/code&gt;&lt;/p&gt;</t>
  </si>
  <si>
    <t>2012-03-13 19:56:19.913000+00:00</t>
  </si>
  <si>
    <t>2012-03-13 19:58:37.443000+00:00</t>
  </si>
  <si>
    <t>How to: Click button, then do stuff, then show confirmation in Django</t>
  </si>
  <si>
    <t>&lt;p&gt;Basic question, but I can't find a simple answer anywhere.&lt;/p&gt;
&lt;p&gt;What is the best way to do the following in Django:&lt;/p&gt;
&lt;ol&gt;
&lt;li&gt;User pushes button&lt;/li&gt;
&lt;li&gt;Some Python code gets crunched server-side&lt;/li&gt;
&lt;li&gt;User sees confirmation page&lt;/li&gt;
&lt;/ol&gt;
&lt;p&gt;All the user needs to know is that the server did what he told it to.  No input other than the button click.&lt;/p&gt;
&lt;p&gt;Thanks in advance for your help.&lt;/p&gt;</t>
  </si>
  <si>
    <t>2011-01-10 22:05:03.200000+00:00</t>
  </si>
  <si>
    <t>2011-01-10 22:22:30.073000+00:00</t>
  </si>
  <si>
    <t>python|django|post|button|django-forms</t>
  </si>
  <si>
    <t>Creating html results from tests generated dynamically</t>
  </si>
  <si>
    <t>&lt;p&gt;I am using in my project implementation of test generator from &lt;a href="http://eli.thegreenplace.net/2014/04/02/dynamically-generating-python-test-cases" rel="nofollow"&gt;here&lt;/a&gt;&lt;/p&gt;
&lt;p&gt;This simply generates test cases on the base of data (amount of data) that i provide to test_function. &lt;/p&gt;
&lt;p&gt;I am trying to generate HTML output from that to a file i.e 'report.html'&lt;/p&gt;
&lt;pre&gt;&lt;code&gt;import unittest
class DynamicClassBase(unittest.TestCase):
    longMessage = True
def make_test_function(description, a, b):
    def test(self):
        self.assertEqual(a, b, description)
    return test
def main():
    testsmap = {
        'foo': [1, 1],
        'bar': [1, 2],
        'baz': [5, 5]}
    for name, params in testsmap.iteritems():
        test_func = make_test_function(name, params[0], params[1])
        klassname = 'Test_{0}'.format(name)
        globals()[klassname] = type(klassname,
                                    (DynamicClassBase,),
                                    {'test_gen_{0}'.format(name): test_func})
    unittest.main()
if __name__ == '__main__':
    main()
&lt;/code&gt;&lt;/pre&gt;
&lt;p&gt;I have found a nice way to generate it using &lt;a href="http://tungwaiyip.info/software/HTMLTestRunner.html" rel="nofollow"&gt;HTMLTestRunner&lt;/a&gt; but i had problems combining this two solutions. 
The main problem is that HTMLTestRunner gets a suite &lt;code&gt;suite = unittest.TestLoader().loadTestsFromTestCase(classname)&lt;/code&gt; as a parameter&lt;/p&gt;
&lt;p&gt;Sample HTMLTestRunner that I use: &lt;/p&gt;
&lt;pre&gt;&lt;code&gt;import HTMLTestRunner
import unittest
def main():
    class htmlreportsdemo(unittest.TestCase):
        def test_pass(self):
            pass
        def test_fail(self):
            self.fail()
suite = unittest.TestLoader().loadTestsFromTestCase(htmlreportsdemo)
unittest.TextTestRunner(verbosity=2)
output = open("results.html", "w")
runner = HTMLTestRunner.HTMLTestRunner(stream=output, title='demo title',
                                       description='demo desc')
runner.run(suite)
if __name__ == '__main__':
    main()
&lt;/code&gt;&lt;/pre&gt;</t>
  </si>
  <si>
    <t>2016-02-23 23:40:56.037000+00:00</t>
  </si>
  <si>
    <t>2016-02-24 10:56:49.047000+00:00</t>
  </si>
  <si>
    <t>python|html|python-unittest</t>
  </si>
  <si>
    <t>Help: ZX81 BASIC "Peek" function</t>
  </si>
  <si>
    <t>&lt;p&gt;I need a way to find if the character ('&amp;lt;') has hit a wall (Black pixel Graphic)&lt;/p&gt;
&lt;p&gt;-On a ZX81 game.&lt;/p&gt;
&lt;p&gt;I'm been looking at another game... which uses code&lt;/p&gt;
&lt;pre&gt;&lt;code&gt;if peek(peek 16398 +256*peek 16399) = code "**blackpixel graphic**" then ...
&lt;/code&gt;&lt;/pre&gt;
&lt;p&gt;Which seems to work for them...&lt;/p&gt;
&lt;p&gt;Is this correct code?&lt;/p&gt;
&lt;p&gt;I'm not really knowledgable with addresses and getting memory and stuff.&lt;/p&gt;
&lt;p&gt;Please help me...&lt;/p&gt;
&lt;p&gt;-If you know a better way. Please answer :)&lt;/p&gt;
&lt;p&gt;Thanks,&lt;/p&gt;</t>
  </si>
  <si>
    <t>2010-07-07 13:26:48.847000+00:00</t>
  </si>
  <si>
    <t>2011-05-09 07:32:50.403000+00:00</t>
  </si>
  <si>
    <t>memory|basic|zx81</t>
  </si>
  <si>
    <t>.git folders appearing as .git file?</t>
  </si>
  <si>
    <t>&lt;p&gt;As of this morning, any time I clone a repository the usual .git directories are appearing as .git files. I've got no file associations in the registry that I can see, and nobody at the office knows what's going on. I'm running Windows 7. What could be causing this?&lt;/p&gt;
&lt;p&gt;EDIT: This appears to only happen to submodules.&lt;/p&gt;
&lt;p&gt;Thanks in advance!&lt;/p&gt;</t>
  </si>
  <si>
    <t>2011-12-08 18:24:00.017000+00:00</t>
  </si>
  <si>
    <t>2011-12-08 19:29:46.797000+00:00</t>
  </si>
  <si>
    <t>git|windows-7</t>
  </si>
  <si>
    <t>TFS not fully connected</t>
  </si>
  <si>
    <t>&lt;p&gt;We are working in a ERP project with &lt;code&gt;ASP .Net 4.5&lt;/code&gt;. &lt;code&gt;VS2012,&lt;/code&gt; &lt;code&gt;MSSQL2008 R2&lt;/code&gt;.&lt;/p&gt;
&lt;p&gt;TFS is installed in main server.  Before yesterday, everything was fine. we all were connected through TFS and every project in the Solution was connected. &lt;/p&gt;
&lt;p&gt;For a sudden network restructure, we all got problem with the connection with TFS. some of the projects are connected through the tfs. but most of the projects are not connected with tfs.&lt;/p&gt;
&lt;p&gt;Now we restored the previous network connection. but still there is the same problem. some of the projects are connected and some are not. what could be the solution?&lt;/p&gt;</t>
  </si>
  <si>
    <t>2014-07-01 07:35:12.030000+00:00</t>
  </si>
  <si>
    <t>2014-07-03 21:04:49.970000+00:00</t>
  </si>
  <si>
    <t>tfs|tfs2010</t>
  </si>
  <si>
    <t>What needs to be changed when we switch Spark from Standalone to Yarn-Client?</t>
  </si>
  <si>
    <t>&lt;p&gt;Currently we have a program which is a web service, receiving SQL queries and use &lt;code&gt;SQLContext&lt;/code&gt; to respond. The program is now in standalone mode, we set &lt;code&gt;spark.master&lt;/code&gt; to a specific URL. The structure is something like below:&lt;/p&gt;
&lt;pre&gt;&lt;code&gt;object SomeApp extends App
{
    val conf = new SparkConf().setMaster("spark://10.21.173.181:7077")
    val sc = new SparkContext(conf)
    val sqlContext = new SQLContext(sc)
    while(true)
    {
        val query = Listen_to_query()
        val response = sqlContext.sql(query)
        send(response)
    }
}
&lt;/code&gt;&lt;/pre&gt;
&lt;p&gt;Now we are going to shift the system to Spark on Yarn, and it seems that we should use &lt;code&gt;submit&lt;/code&gt; to submit jobs to yarn. It would be strange to deploy such a "service" on yarn which won't stop like ordinary "Jobs". But we don't know how to separate "Jobs" from our program.&lt;/p&gt;
&lt;p&gt;Do you have any suggestions? Thank you!&lt;/p&gt;</t>
  </si>
  <si>
    <t>2015-08-19 08:12:28.767000+00:00</t>
  </si>
  <si>
    <t>2015-08-19 22:40:12.167000+00:00</t>
  </si>
  <si>
    <t>hadoop|apache-spark|yarn|apache-spark-sql</t>
  </si>
  <si>
    <t>Jython not getting the python method. Why?</t>
  </si>
  <si>
    <t>&lt;p&gt;I'm really new to Jython and I have a code like this:&lt;/p&gt;
&lt;pre&gt;&lt;code&gt;    interpreter.exec("import sys\nsys.path.append('my-path')\nimport hello");
    PyObject someFunc = interpreter.get("getDriverObect");
&lt;/code&gt;&lt;/pre&gt;
&lt;p&gt;&lt;code&gt;someFunc&lt;/code&gt; is always &lt;code&gt;null&lt;/code&gt;! Here is the corresponding code for python:&lt;/p&gt;
&lt;pre&gt;&lt;code&gt;from selenium import webdriver
def getDriverObect():
    c = webdriver.Safari()
    return c
&lt;/code&gt;&lt;/pre&gt;
&lt;p&gt;I tried the following the combination as well, nothing is working out:&lt;/p&gt;
&lt;pre&gt;&lt;code&gt;PyObject someFunc = interpreter.get("hello.getDriverObect");
PyObject someFunc = interpreter.get("hello.getDriverObect()");
PyObject someFunc = interpreter.get("getDriverObect()");
&lt;/code&gt;&lt;/pre&gt;
&lt;p&gt;Where I'm making mistake?&lt;/p&gt;</t>
  </si>
  <si>
    <t>2014-11-15 06:41:56.633000+00:00</t>
  </si>
  <si>
    <t>2014-11-15 16:25:59.957000+00:00</t>
  </si>
  <si>
    <t>java|python|jython</t>
  </si>
  <si>
    <t>Troubles making PCL Xamarin (MonoDroid/MonoTouch) compliant</t>
  </si>
  <si>
    <t>&lt;p&gt;We've created a fairly robust PCL that we'd like to use in some Droid/Touch apps via Xamarin.&lt;/p&gt;
&lt;p&gt;As of today, I've installed the latest version of Xamarin, and I've set our PCL to &lt;a href="http://slodge.blogspot.co.uk/2013/11/profiles-in-new-portable-world.html" rel="nofollow noreferrer"&gt;use Profile 158&lt;/a&gt;.&lt;/p&gt;
&lt;p&gt;I've then gone into our project and updated the target assemblies&lt;/p&gt;
&lt;blockquote&gt;
  &lt;ul&gt;
  &lt;li&gt;.NET Framework 4.5&lt;/li&gt;
  &lt;li&gt;Windows Phone 8&lt;/li&gt;
  &lt;li&gt;.NET for Windows Store apps&lt;/li&gt;
  &lt;li&gt;Xamarin.Android&lt;/li&gt;
  &lt;li&gt;Xamarin.iOS&lt;/li&gt;
  &lt;/ul&gt;
&lt;/blockquote&gt;
&lt;p&gt;After doing that, I'm getting a number of Compilation Failures&lt;/p&gt;
&lt;p&gt;&lt;img src="https://i.stack.imgur.com/SMH10.png" alt="compilation errors"&gt;&lt;br&gt;
&lt;a href="https://i.stack.imgur.com/SMH10.png" rel="nofollow noreferrer"&gt;full size image here&lt;/a&gt;&lt;/p&gt;
&lt;p&gt;Do I need to replace the &lt;code&gt;System&lt;/code&gt; dll with the one that ships with Xamarin, or is there something else I need to do in order to get this stuff working?&lt;/p&gt;
&lt;p&gt;&lt;em&gt;note: if I wasn't clear above, there was nothing wrong with the PCL before adding Xamarin targets.&lt;/em&gt;&lt;/p&gt;
&lt;hr&gt;
&lt;p&gt;As requested, here's the build output&lt;/p&gt;
&lt;pre class="lang-text prettyprint-override"&gt;&lt;code&gt;1&amp;gt;------ Build started: Project: MyApplication.AppCore, Configuration: Debug Any CPU ------
1&amp;gt;P:\MyApplication.AppCore\MyApplication.AppCore\Data\DbProviderExtensions.cs(25,29,25,61): error CS1502: The best overloaded method match for 'MyApplication.AppCore.Data.DbProviderExtensions.GetTableName(System.Reflection.MemberInfo)' has some invalid arguments
1&amp;gt;P:\MyApplication.AppCore\MyApplication.AppCore\Data\DbProviderExtensions.cs(25,43,25,57): error CS1503: Argument 1: cannot convert from 'System.Type' to 'System.Reflection.MemberInfo'
1&amp;gt;P:\MyApplication.AppCore\MyApplication.AppCore\Data\DbProviderExtensions.cs(53,29,53,61): error CS1502: The best overloaded method match for 'MyApplication.AppCore.Data.DbProviderExtensions.GetTableName(System.Reflection.MemberInfo)' has some invalid arguments
1&amp;gt;P:\MyApplication.AppCore\MyApplication.AppCore\Data\DbProviderExtensions.cs(53,43,53,57): error CS1503: Argument 1: cannot convert from 'System.Type' to 'System.Reflection.MemberInfo'
1&amp;gt;P:\MyApplication.AppCore\MyApplication.AppCore\Data\DbProviderExtensions.cs(55,38,55,71): error CS1502: The best overloaded method match for 'MyApplication.AppCore.Data.DbProviderExtensions.GetTableName(System.Reflection.MemberInfo)' has some invalid arguments
1&amp;gt;P:\MyApplication.AppCore\MyApplication.AppCore\Data\DbProviderExtensions.cs(55,52,55,67): error CS1503: Argument 1: cannot convert from 'System.Type' to 'System.Reflection.MemberInfo'
1&amp;gt;P:\MyApplication.AppCore\MyApplication.AppCore\Data\DbProviderExtensions.cs(85,29,85,61): error CS1502: The best overloaded method match for 'MyApplication.AppCore.Data.DbProviderExtensions.GetTableName(System.Reflection.MemberInfo)' has some invalid arguments
1&amp;gt;P:\MyApplication.AppCore\MyApplication.AppCore\Data\DbProviderExtensions.cs(85,43,85,57): error CS1503: Argument 1: cannot convert from 'System.Type' to 'System.Reflection.MemberInfo'
1&amp;gt;P:\MyApplication.AppCore\MyApplication.AppCore\Data\DbProviderExtensions.cs(102,29,102,61): error CS1502: The best overloaded method match for 'MyApplication.AppCore.Data.DbProviderExtensions.GetTableName(System.Reflection.MemberInfo)' has some invalid arguments
1&amp;gt;P:\MyApplication.AppCore\MyApplication.AppCore\Data\DbProviderExtensions.cs(102,43,102,57): error CS1503: Argument 1: cannot convert from 'System.Type' to 'System.Reflection.MemberInfo'
1&amp;gt;P:\MyApplication.AppCore\MyApplication.AppCore\Data\DbProviderExtensions.cs(120,29,120,61): error CS1502: The best overloaded method match for 'MyApplication.AppCore.Data.DbProviderExtensions.GetTableName(System.Reflection.MemberInfo)' has some invalid arguments
1&amp;gt;P:\MyApplication.AppCore\MyApplication.AppCore\Data\DbProviderExtensions.cs(120,43,120,57): error CS1503: Argument 1: cannot convert from 'System.Type' to 'System.Reflection.MemberInfo'
1&amp;gt;P:\MyApplication.AppCore\MyApplication.AppCore\Data\DbProviderExtensions.cs(144,29,144,61): error CS1502: The best overloaded method match for 'MyApplication.AppCore.Data.DbProviderExtensions.GetTableName(System.Reflection.MemberInfo)' has some invalid arguments
1&amp;gt;P:\MyApplication.AppCore\MyApplication.AppCore\Data\DbProviderExtensions.cs(144,43,144,57): error CS1503: Argument 1: cannot convert from 'System.Type' to 'System.Reflection.MemberInfo'
1&amp;gt;P:\MyApplication.AppCore\MyApplication.AppCore\Data\DbProviderExtensions.cs(171,41,171,54): error CS1061: 'System.Type' does not contain a definition for 'GetProperties' and no extension method 'GetProperties' accepting a first argument of type 'System.Type' could be found (are you missing a using directive or an assembly reference?)
1&amp;gt;P:\MyApplication.AppCore\MyApplication.AppCore\Data\DbProviderExtensions.cs(239,25,239,38): error CS1061: 'System.Type' does not contain a definition for 'GetInterfaces' and no extension method 'GetInterfaces' accepting a first argument of type 'System.Type' could be found (are you missing a using directive or an assembly reference?)
1&amp;gt;P:\MyApplication.AppCore\MyApplication.AppCore\Infrastructure\AutoMapper.cs(18,54,18,67): error CS1061: 'System.Type' does not contain a definition for 'GetProperties' and no extension method 'GetProperties' accepting a first argument of type 'System.Type' could be found (are you missing a using directive or an assembly reference?)
1&amp;gt;P:\MyApplication.AppCore\MyApplication.AppCore\Infrastructure\AutoMapper.cs(47,54,47,67): error CS1061: 'System.Type' does not contain a definition for 'GetProperties' and no extension method 'GetProperties' accepting a first argument of type 'System.Type' could be found (are you missing a using directive or an assembly reference?)
1&amp;gt;P:\MyApplication.AppCore\MyApplication.AppCore\Infrastructure\AutoMapper.cs(78,50,78,63): error CS1061: 'System.Type' does not contain a definition for 'GetProperties' and no extension method 'GetProperties' accepting a first argument of type 'System.Type' could be found (are you missing a using directive or an assembly reference?)
1&amp;gt;P:\MyApplication.AppCore\MyApplication.AppCore\Infrastructure\AutoMapper.cs(100,50,100,63): error CS1061: 'System.Type' does not contain a definition for 'GetProperties' and no extension method 'GetProperties' accepting a first argument of type 'System.Type' could be found (are you missing a using directive or an assembly reference?)
1&amp;gt;P:\MyApplication.AppCore\MyApplication.AppCore\Infrastructure\MigrationRunner.cs(61,40,61,48): error CS1061: 'System.Type' does not contain a definition for 'Assembly' and no extension method 'Assembly' accepting a first argument of type 'System.Type' could be found (are you missing a using directive or an assembly reference?)
1&amp;gt;P:\MyApplication.AppCore\MyApplication.AppCore\Infrastructure\MigrationRunner.cs(62,77,62,93): error CS1061: 'System.Type' does not contain a definition for 'IsAssignableFrom' and no extension method 'IsAssignableFrom' accepting a first argument of type 'System.Type' could be found (are you missing a using directive or an assembly reference?)
1&amp;gt;P:\MyApplication.AppCore\MyApplication.AppCore\Repositories\RepositoryBase.cs(60,30,60,50): error CS0117: 'System.Reflection.Assembly' does not contain a definition for 'GetExecutingAssembly'
2&amp;gt;------ Build started: Project: MyApplication.AppCore.Tests, Configuration: Debug Any CPU ------
2&amp;gt;  P:\MyApplication.AppCore\MyApplication.AppCore.Tests\x86\sqlite3.dll
2&amp;gt;  1 File(s) copied
2&amp;gt;  P:\MyApplication.AppCore\MyApplication.AppCore.Tests\x64\sqlite3.dll
2&amp;gt;  1 File(s) copied
2&amp;gt;  MyApplication.AppCore.Tests -&amp;gt; P:\MyApplication.AppCore\MyApplication.AppCore.Tests\bin\Debug\MyApplication.AppCore.Tests.dll
========== Build: 1 succeeded, 1 failed, 4 up-to-date, 0 skipped ==========
&lt;/code&gt;&lt;/pre&gt;
&lt;hr&gt;
&lt;p&gt;Not sure if seeing some lines of code will help but, here goes&lt;/p&gt;
&lt;pre&gt;&lt;code&gt;    public static void Create&amp;lt;TModel&amp;gt; ( this IDbProvider dbProvider, TModel model ) where TModel : class, new()
    {
        var tableName = GetTableName( typeof( TModel ) ); // LINE 25
    }
&lt;/code&gt;&lt;/pre&gt;
&lt;pre&gt;&lt;code&gt;foreach ( 
    var collection in model.GetType()
                           .GetProperties() // LINE 171
                           .Where(
                               property =&amp;gt;
                               property.GetCustomAttributes( typeof( ManyToManyAttribute ), true ).Any() ) )
{
        if ( !IsGenericList( collection.PropertyType ) )  // LINE 176
            throw new ArgumentException( "The property must be an ICollection&amp;lt;&amp;gt;" );
}
&lt;/code&gt;&lt;/pre&gt;
&lt;pre&gt;&lt;code&gt;    private static bool IsGenericList ( Type type )
    {
        if ( type == null )
            throw new ArgumentNullException( "type" );
        return type.GetInterfaces() // LINE 239
                   .Where( i =&amp;gt; i.IsGenericType )
                   .Any( i =&amp;gt; i.GetGenericTypeDefinition() == typeof( ICollection&amp;lt;&amp;gt; ) );
    }
&lt;/code&gt;&lt;/pre&gt;</t>
  </si>
  <si>
    <t>2013-11-14 21:21:00.710000+00:00</t>
  </si>
  <si>
    <t>2013-11-15 14:46:07.253000+00:00</t>
  </si>
  <si>
    <t>c#|xamarin|portable-class-library</t>
  </si>
  <si>
    <t>Webclient downloadfileasync not working</t>
  </si>
  <si>
    <t>&lt;p&gt;I got a WPF application and I want to download a file.&lt;/p&gt;
&lt;p&gt;I'm using System.Net; and I have the following code:&lt;/p&gt;
&lt;pre&gt;&lt;code&gt;WebClient ww = new WebClient();
ww.DownloadFileAsync(
    new Uri("http://www.sinvise.net/tester/1.jpg"), 
    AppDomain.CurrentDomain.BaseDirectory + "\\1.jpg");
&lt;/code&gt;&lt;/pre&gt;
&lt;p&gt;The problem is, is that it doesn't download the file, it's just showing up as 0kb file and not downloading, I don't know what the problem is, can anyone help?&lt;/p&gt;</t>
  </si>
  <si>
    <t>2010-03-23 01:01:18.727000+00:00</t>
  </si>
  <si>
    <t>2015-03-19 21:23:01.153000+00:00</t>
  </si>
  <si>
    <t>2010-03-23 01:30:24.207000+00:00</t>
  </si>
  <si>
    <t>c#|webclient|downloadfileasync</t>
  </si>
  <si>
    <t>xPath - return default value when node absent ?</t>
  </si>
  <si>
    <t>&lt;p&gt;I saw multiple stackoverflow posts to find answer but could not.
Tried so many possiblities, but nothing seems to work.&lt;/p&gt;
&lt;p&gt;&lt;strong&gt;I want to find gsRating of schools below, but many its optional tag. So wanted to return -1 as default value when absent.&lt;/strong&gt;&lt;/p&gt;
&lt;p&gt;Here is XML:&lt;/p&gt;
&lt;pre&gt;&lt;code&gt;&amp;lt;?xml version="1.0" encoding="UTF-8"?&amp;gt;
&amp;lt;schools&amp;gt;
   &amp;lt;school&amp;gt;
      &amp;lt;gsId&amp;gt;87&amp;lt;/gsId&amp;gt;
      &amp;lt;name&amp;gt;James Leitch Elementary School&amp;lt;/name&amp;gt;
      &amp;lt;type&amp;gt;public&amp;lt;/type&amp;gt;
      &amp;lt;gradeRange&amp;gt;K-3&amp;lt;/gradeRange&amp;gt;
      &amp;lt;enrollment&amp;gt;1075&amp;lt;/enrollment&amp;gt;
      &amp;lt;gsRating&amp;gt;10&amp;lt;/gsRating&amp;gt;
      &amp;lt;parentRating&amp;gt;4&amp;lt;/parentRating&amp;gt;
      &amp;lt;city&amp;gt;Fremont&amp;lt;/city&amp;gt;
      &amp;lt;state&amp;gt;CA&amp;lt;/state&amp;gt;
      &amp;lt;districtId&amp;gt;8&amp;lt;/districtId&amp;gt;
      &amp;lt;district&amp;gt;Fremont Unified&amp;lt;/district&amp;gt;
      &amp;lt;districtNCESId&amp;gt;0614400&amp;lt;/districtNCESId&amp;gt;
      &amp;lt;address&amp;gt;47100 Fernald Street, 
Fremont, CA  94539&amp;lt;/address&amp;gt;
      &amp;lt;phone&amp;gt;(510) 657-6100&amp;lt;/phone&amp;gt;
      &amp;lt;fax&amp;gt;(510) 659-9298&amp;lt;/fax&amp;gt;
      &amp;lt;website&amp;gt;http://www.jleitch.edu/&amp;lt;/website&amp;gt;
      &amp;lt;ncesId&amp;gt;061440001673&amp;lt;/ncesId&amp;gt;
      &amp;lt;lat&amp;gt;37.486492&amp;lt;/lat&amp;gt;
      &amp;lt;lon&amp;gt;-121.92332&amp;lt;/lon&amp;gt;
      &amp;lt;overviewLink&amp;gt;http://www.greatschools.org/california/fremont/87-James-Leitch-Elementary-School/?s_cid=gsapi&amp;lt;/overviewLink&amp;gt;
      &amp;lt;ratingsLink&amp;gt;http://www.greatschools.org/school/rating.page?state=CA&amp;amp;amp;id=87&amp;amp;amp;s_cid=gsapi&amp;lt;/ratingsLink&amp;gt;
      &amp;lt;reviewsLink&amp;gt;http://www.greatschools.org/school/parentReviews.page?state=CA&amp;amp;amp;id=87&amp;amp;amp;s_cid=gsapi&amp;lt;/reviewsLink&amp;gt;
      &amp;lt;distance&amp;gt;1.12&amp;lt;/distance&amp;gt;
      &amp;lt;schoolStatsLink&amp;gt;http://www.greatschools.org/modperl/achievement/CA/87&amp;lt;/schoolStatsLink&amp;gt;
   &amp;lt;/school&amp;gt;
   &amp;lt;school&amp;gt;
      &amp;lt;gsId&amp;gt;107&amp;lt;/gsId&amp;gt;
      &amp;lt;name&amp;gt;Fred E. Weibel Elementary School&amp;lt;/name&amp;gt;
      &amp;lt;type&amp;gt;public&amp;lt;/type&amp;gt;
      &amp;lt;gradeRange&amp;gt;K-6&amp;lt;/gradeRange&amp;gt;
      &amp;lt;enrollment&amp;gt;853&amp;lt;/enrollment&amp;gt;
      &amp;lt;parentRating&amp;gt;4&amp;lt;/parentRating&amp;gt;
      &amp;lt;city&amp;gt;Fremont&amp;lt;/city&amp;gt;
      &amp;lt;state&amp;gt;CA&amp;lt;/state&amp;gt;
      &amp;lt;districtId&amp;gt;8&amp;lt;/districtId&amp;gt;
      &amp;lt;district&amp;gt;Fremont Unified&amp;lt;/district&amp;gt;
      &amp;lt;districtNCESId&amp;gt;0614400&amp;lt;/districtNCESId&amp;gt;
      &amp;lt;address&amp;gt;45135 South Grimmer Boulevard, 
Fremont, CA  94539&amp;lt;/address&amp;gt;
      &amp;lt;phone&amp;gt;(510) 651-6958&amp;lt;/phone&amp;gt;
      &amp;lt;fax&amp;gt;(510) 651-6653&amp;lt;/fax&amp;gt;
      &amp;lt;website&amp;gt;http://www.fremont.k12.ca.us/weibel/&amp;lt;/website&amp;gt;
      &amp;lt;ncesId&amp;gt;061440009139&amp;lt;/ncesId&amp;gt;
      &amp;lt;lat&amp;gt;37.507336&amp;lt;/lat&amp;gt;
      &amp;lt;lon&amp;gt;-121.92837&amp;lt;/lon&amp;gt;
      &amp;lt;overviewLink&amp;gt;http://www.greatschools.org/california/fremont/107-Fred-E.-Weibel-Elementary-School/?s_cid=gsapi&amp;lt;/overviewLink&amp;gt;
      &amp;lt;ratingsLink&amp;gt;http://www.greatschools.org/school/rating.page?state=CA&amp;amp;amp;id=107&amp;amp;amp;s_cid=gsapi&amp;lt;/ratingsLink&amp;gt;
      &amp;lt;reviewsLink&amp;gt;http://www.greatschools.org/school/parentReviews.page?state=CA&amp;amp;amp;id=107&amp;amp;amp;s_cid=gsapi&amp;lt;/reviewsLink&amp;gt;
      &amp;lt;distance&amp;gt;1.14&amp;lt;/distance&amp;gt;
      &amp;lt;schoolStatsLink&amp;gt;http://www.greatschools.org/modperl/achievement/CA/107&amp;lt;/schoolStatsLink&amp;gt;
   &amp;lt;/school&amp;gt;
&amp;lt;/schools&amp;gt;
&lt;/code&gt;&lt;/pre&gt;
&lt;p&gt;&lt;strong&gt;Tried as below:&lt;/strong&gt;&lt;/p&gt;
&lt;pre&gt;&lt;code&gt;//schools/school[*]/(gsRating/string(),'-1')[1]
&lt;/code&gt;&lt;/pre&gt;</t>
  </si>
  <si>
    <t>2016-09-13 19:03:17.270000+00:00</t>
  </si>
  <si>
    <t>2016-09-17 22:36:43.760000+00:00</t>
  </si>
  <si>
    <t>xml|xpath|xpath-2.0</t>
  </si>
  <si>
    <t>Get JSONArray and write to JSONArray</t>
  </si>
  <si>
    <t>&lt;p&gt;I have the following object:&lt;/p&gt;
&lt;pre&gt;&lt;code&gt;{
  "some_prop": "sweetvalue",
  "some_list": ["0f9f822cd7e64000ac056ebc17b82f1d", "0f9f82223094fj7b82f1d"]
}
&lt;/code&gt;&lt;/pre&gt;
&lt;p&gt;And I'm trying to get &lt;code&gt;some_list&lt;/code&gt; and write to &lt;code&gt;some_list&lt;/code&gt;, afterwards saving to a file. using the following code:&lt;/p&gt;
&lt;pre&gt;&lt;code&gt;public String getData(String key) { // this is confusion should be getConfigValue
    String data = getConfig();
    JSONObject jsonData;
    Object content = null;
    try {
        jsonData = new JSONObject(data);
        if (key != null) {
            content = jsonData.getString(key);
        } else {
            content = jsonData.toString();
        }
    } catch (JSONException e) {
        e.printStackTrace();
    }
    return content.toString();
}
private void saveFile(String data) {
    File file = configFile;
    try (FileOutputStream fop = new FileOutputStream(file)) {
        if (!file.exists()) file.createNewFile();
        byte[] contentInBytes = data.getBytes();
        fop.write(contentInBytes);
        fop.flush();
        fop.close();
    } catch (IOException e) {
        e.printStackTrace();
    }
}
public void appendToArrayValue(String uuid) {
    JSONObject configData = new JSONObject(getConfig());
    JSONArray mutedPlayers = configData.getJSONArray("some_list");
    JSONArray uuidArray = new JSONArray(uuid);
    JSONArray newArray = concatArray(mutedPlayers, uuidArray);
    JSONObject newConfigData = configData.put("some_list", newArray);
    saveFile(newConfigData.toString());
}
&lt;/code&gt;&lt;/pre&gt;
&lt;p&gt;When trying to run this code, I get the following error:&lt;/p&gt;
&lt;p&gt;&lt;code&gt;org.json.JSONException: A JSONArray text must start with '[' at 1 [character 2 line 1]&lt;/code&gt;&lt;/p&gt;
&lt;p&gt;I'm not sure what's really wrong, I know my code is &lt;em&gt;terrible&lt;/em&gt; but that's it. &lt;/p&gt;</t>
  </si>
  <si>
    <t>2017-04-07 20:01:46.097000+00:00</t>
  </si>
  <si>
    <t>2017-04-07 20:15:49.273000+00:00</t>
  </si>
  <si>
    <t>java|json|java-8</t>
  </si>
  <si>
    <t>endless connecting loop in firefox</t>
  </si>
  <si>
    <t>&lt;pre&gt;&lt;code&gt;&amp;lt;!DOCTYPE html&amp;gt;
&amp;lt;html&amp;gt;
    &amp;lt;head&amp;gt;
        &amp;lt;meta charset=utf-8 /&amp;gt;
        &amp;lt;title&amp;gt;JS Bin&amp;lt;/title&amp;gt;
        &amp;lt;script type="text/javascript"&amp;gt;
            function a(){
                for(i=0;i&amp;lt;10;i++)
                {
                    document.write(i);
                }
            }
        &amp;lt;/script&amp;gt;
    &amp;lt;/head&amp;gt;
    &amp;lt;body&amp;gt;
        &amp;lt;form&amp;gt;
            &amp;lt;input type="submit" value="submit" onClick="a();return false;"&amp;gt;
        &amp;lt;/form&amp;gt;
    &amp;lt;/body&amp;gt;
&amp;lt;/html&amp;gt;
&lt;/code&gt;&lt;/pre&gt;
&lt;p&gt;Results in endless connecting.. when submit button is pressed loop in firefox tab;&lt;/p&gt;
&lt;p&gt;what is the reason? Is there a fix?&lt;/p&gt;</t>
  </si>
  <si>
    <t>2013-02-06 15:47:14.683000+00:00</t>
  </si>
  <si>
    <t>2013-02-06 16:09:26.747000+00:00</t>
  </si>
  <si>
    <t>2013-02-06 15:57:50.980000+00:00</t>
  </si>
  <si>
    <t>html|firefox</t>
  </si>
  <si>
    <t>Formula that displays data if the word ends with particular string</t>
  </si>
  <si>
    <t>&lt;p&gt;I need a formula that, if the &lt;code&gt;ItemDescription&lt;/code&gt; contains the words "Black Feet", displays "romano chair" without the word "Feet".&lt;/p&gt;
&lt;p&gt;My current formula is:&lt;/p&gt;
&lt;pre&gt;&lt;code&gt;if WorkOrder.ConfigProptext} like "*Feet*" then
&lt;/code&gt;&lt;/pre&gt;
&lt;p&gt;How can I do this in Crystal?&lt;/p&gt;</t>
  </si>
  <si>
    <t>2018-04-10 03:49:48.787000+00:00</t>
  </si>
  <si>
    <t>2018-04-10 18:40:50.930000+00:00</t>
  </si>
  <si>
    <t>user9399808</t>
  </si>
  <si>
    <t>crystal-reports</t>
  </si>
  <si>
    <t>How do I move the menu dropdown content to so they are in line with the left edge of the button?</t>
  </si>
  <si>
    <t>&lt;p&gt;I'm trying to fix my menu code so that when I hover over the button, the dropdown menu will be in line with the left edge of the button. Right now it is spaced a bit to the right like a list. &lt;/p&gt;
&lt;p&gt;HTML: &lt;/p&gt;
&lt;pre&gt;&lt;code&gt;&amp;lt;center&amp;gt;
    &amp;lt;div class="menubar"&amp;gt;
      &amp;lt;button class="button"&amp;gt;Forms
      &amp;lt;div class="menubar-content"&amp;gt;
        &amp;lt;a href="#"&amp;gt;Department Update Form&amp;lt;/a&amp;gt;
        &amp;lt;a href="#"&amp;gt;Project Start Month Form&amp;lt;/a&amp;gt;
        &amp;lt;a href="#"&amp;gt;Add New Employee Form&amp;lt;/a&amp;gt;
      &amp;lt;/div&amp;gt;
      &amp;lt;/button&amp;gt;
      &amp;lt;button class="button"&amp;gt;Reports
      &amp;lt;div class="menubar-content"&amp;gt;
        &amp;lt;a href="#"&amp;gt;Human Resource's Employees Report&amp;lt;/a&amp;gt;
      &amp;lt;/div&amp;gt;
      &amp;lt;/button&amp;gt;
      &amp;lt;button class="button"&amp;gt;Reports
      &amp;lt;div class="menubar-content"&amp;gt;
        &amp;lt;a href="#"&amp;gt;Human Resource's Employees Report&amp;lt;/a&amp;gt;
        &amp;lt;a href="#"&amp;gt;2012 04 Product Plan Project Report&amp;lt;/a&amp;gt;
        &amp;lt;a href="#"&amp;gt;Department Data Report&amp;lt;/a&amp;gt;
        &amp;lt;a href="#"&amp;gt;Employee Business Info Report&amp;lt;/a&amp;gt;
        &amp;lt;a href="#"&amp;gt;&amp;lt;/a&amp;gt;
      &amp;lt;/div&amp;gt;
      &amp;lt;/button&amp;gt;
    &amp;lt;/div&amp;gt; 
&amp;lt;/center&amp;gt;
&lt;/code&gt;&lt;/pre&gt;
&lt;p&gt;CSS: &lt;/p&gt;
&lt;pre&gt;&lt;code&gt;.button {
background-color: blue;
color: white;
padding: 16px;
font-size: 16px;
border: none;
cursor: pointer;
margin:5px;
}
.menubar {
    position: relative;
    display: inline-block;
}
.menubar-content {
    display: none;
    position: absolute;
    background-color: #f9f9f9;
    min-width: 200px;
    box-shadow: 0px 8px 16px 0px rgba(0,0,0,0.2);
    margin: 16px;
}
.menubar-content a {
    color: black;
    padding: 12px 16px;
    text-decoration: none;
    display: block;
}
.menubar-content a:hover {
    background-color: #f1f1f1;
}
.button:hover .menubar-content {
    display: block;
}
.menubar:hover .dropbtn {
    background-color: #3e8e41;
}
&lt;/code&gt;&lt;/pre&gt;</t>
  </si>
  <si>
    <t>2016-04-25 16:00:47.363000+00:00</t>
  </si>
  <si>
    <t>2016-04-25 16:48:50.687000+00:00</t>
  </si>
  <si>
    <t>Google glass OAuth invalid client</t>
  </si>
  <si>
    <t>&lt;p&gt;I am attempting to set up the Google Glass Java Mirror API Quickstart project using mvn jetty:run command. I followed the instructions given in the Google Developer Site and the instructions in the video given here:&lt;a href="https://www.youtube.com/watch?v=w0WxkIEPJeQ" rel="nofollow"&gt;https://www.youtube.com/watch?v=w0WxkIEPJeQ&lt;/a&gt;. I followed both to the letter (or as close as I could) and no matter what I do I consistently receive the following error from localhost:8080:&lt;/p&gt;
&lt;pre&gt;&lt;code&gt;Error: invalid_client
The OAuth client was not found.
Request Details
cookie_policy_enforce=false
response_type=code
scope=https://www.googleapis.com/auth/glass.timeline https://www.googleapis.com/auth/glass.location https://www.googleapis.com/auth/userinfo.profile
access_type=offline
redirect_uri=http://localhost:8080/oauth2callback
approval_prompt=force
client_id=375625213438.apps.googleusercontent.com 
client_secret=dhMaV4y5Mo7Ay5LGZ_utIBH_
&lt;/code&gt;&lt;/pre&gt;
&lt;p&gt;I have no idea what is causing this; I don't have much experience at all with OAuth2 things at all so any help would be greatly welcome.&lt;/p&gt;</t>
  </si>
  <si>
    <t>2014-01-10 03:00:29.887000+00:00</t>
  </si>
  <si>
    <t>2014-02-25 17:57:59.927000+00:00</t>
  </si>
  <si>
    <t>java|maven|oauth|google-glass</t>
  </si>
  <si>
    <t>Custom sub-select requests and where clauses with MySQL</t>
  </si>
  <si>
    <t>&lt;p&gt;I'm trying to list the content of a table using sub-selects and select only the one that match my WHERE clause:&lt;/p&gt;
&lt;pre&gt;&lt;code&gt;SELECT DISTINCT `torrentItem` as ti,
(SELECT COUNT(*) FROM votes WHERE `torrentItem` = ti AND `voteType` = 0) AS `badVotes`, 
(SELECT COUNT(*) FROM votes WHERE `torrentItem` = ti AND `voteType` = 1) AS `goodVotes`,
(SELECT TIMESTAMPDIFF(WEEK,(SELECT MAX(`date`) FROM votes WHERE `torrentItem` = ti),CURRENT_TIMESTAMP)) AS `weeksSinceLastVote`
FROM `votes` 
WHERE (`badVotes` &amp;gt; 1 AND `goodVotes` = 0 AND `weeksSinceLastVote` &amp;gt; 1);
&lt;/code&gt;&lt;/pre&gt;
&lt;p&gt;It's not working : MySQL tells me that I can't just use &lt;code&gt;badVotes&lt;/code&gt; or &lt;code&gt;goodVotes&lt;/code&gt; in the &lt;code&gt;WHERE&lt;/code&gt; clause : 
&lt;code&gt;Error Code: 1054. Unknown column 'badVotes' in 'where clause'&lt;/code&gt;&lt;/p&gt;
&lt;p&gt;Can you explain me why ? And how to do it ? &lt;/p&gt;</t>
  </si>
  <si>
    <t>2014-10-21 12:29:09.837000+00:00</t>
  </si>
  <si>
    <t>2014-10-21 12:41:22.357000+00:00</t>
  </si>
  <si>
    <t>PhpStorm text size</t>
  </si>
  <si>
    <t>&lt;p&gt;Is it possible to define a shortcut to increase/decrease size of code in PhpStorm, like what you can do in Notepad++ with &lt;kbd&gt;CTRL&lt;/kbd&gt;+&lt;kbd&gt;Mouse Wheel&lt;/kbd&gt;?&lt;/p&gt;</t>
  </si>
  <si>
    <t>2012-09-22 18:37:48.717000+00:00</t>
  </si>
  <si>
    <t>2018-10-16 10:57:21.107000+00:00</t>
  </si>
  <si>
    <t>2012-09-22 19:49:03.200000+00:00</t>
  </si>
  <si>
    <t>phpstorm</t>
  </si>
  <si>
    <t>How would you do a comment system with revision?</t>
  </si>
  <si>
    <t>&lt;p&gt;I need to implement a comment system with revision.&lt;/p&gt;
&lt;p&gt;I'm using Doctrine2.&lt;/p&gt;
&lt;p&gt;I need all to store all the comments when they are edited, but only display the last for the moment, however I need to be able to show all the old comments and always show the count of comments&lt;/p&gt;</t>
  </si>
  <si>
    <t>2011-04-26 21:56:39.623000+00:00</t>
  </si>
  <si>
    <t>2011-04-27 04:01:43.240000+00:00</t>
  </si>
  <si>
    <t>php|database|design-patterns|database-design|doctrine2</t>
  </si>
  <si>
    <t>Smartface IDE can not load a project</t>
  </si>
  <si>
    <t>&lt;p&gt;While reopening a saved project I get the following error: "Error on loading the project. Can not open project. Project file is corrupted. DataTable with the following GUID is missing: 00000000-0000-0000-0000-100000000001".&lt;/p&gt;
&lt;p&gt;Comp rebooting doesn't help.&lt;/p&gt;
&lt;p&gt;When inspecting sfpx-file and files in _data folder I see no signs of corruption. Is there any way to restore the project file without building the app from scratch?&lt;/p&gt;</t>
  </si>
  <si>
    <t>2015-05-28 14:03:25.033000+00:00</t>
  </si>
  <si>
    <t>2015-05-29 11:32:39.303000+00:00</t>
  </si>
  <si>
    <t>smartface.io</t>
  </si>
  <si>
    <t>Array.isDefinedAt for n-dimensional arrays in scala</t>
  </si>
  <si>
    <t>&lt;p&gt;Is there an elegant way to express&lt;/p&gt;
&lt;pre&gt;&lt;code&gt;val a = Array.fill(2,10) {1}
def do_to_elt(i:Int,j:Int) {
    if (a.isDefinedAt(i) &amp;amp;&amp;amp; a(i).isDefinedAt(j)) f(a(i)(j))
}
&lt;/code&gt;&lt;/pre&gt;
&lt;p&gt;in scala?&lt;/p&gt;</t>
  </si>
  <si>
    <t>2011-05-22 20:46:25.923000+00:00</t>
  </si>
  <si>
    <t>2011-05-23 01:28:47.440000+00:00</t>
  </si>
  <si>
    <t>2011-05-22 21:55:38.457000+00:00</t>
  </si>
  <si>
    <t>arrays|scala</t>
  </si>
  <si>
    <t>Is it possible in google cloud web client to create an instance from image in different project?</t>
  </si>
  <si>
    <t>&lt;p&gt;I have several projects in gcloud, call them e.g. "staging-project" and "production-project". I have created an image, call it "stagign-image-1" in "staging-project", which I use for new instances. And I would like to use this image in "production-project" as well.&lt;/p&gt;
&lt;p&gt;As far as I know, it is possible to do it using gcloud command line tool - you log there using your private google account, which has access to both projects and do:&lt;/p&gt;
&lt;p&gt;&lt;code&gt;gcloud config set project "production-project&lt;/code&gt;&lt;/p&gt;
&lt;p&gt;&lt;code&gt;gcloud compute instances create production-instance-from-staging-image --image staging-image-1 --image-project staging-project&lt;/code&gt;&lt;/p&gt;
&lt;p&gt;This works fine for me, but I have few colleagues who don't like command line so much. So is there a way how to achieve this in the gcloud web console? When I list images in production-project, I simply do not see the staging-image-1 and I found no way how to select it. :(&lt;/p&gt;</t>
  </si>
  <si>
    <t>2016-06-16 14:55:56.113000+00:00</t>
  </si>
  <si>
    <t>2016-06-20 14:31:20.840000+00:00</t>
  </si>
  <si>
    <t>image|google-compute-engine|gcloud</t>
  </si>
  <si>
    <t>Android Spinner Display Text Issue</t>
  </si>
  <si>
    <t>&lt;p&gt;Hi im having a issue with text size not displaying correctly on my activity, the drop down it self is large(bottom picture) which is how i want it however when the drop down is not open it has small text(top picture). here is the xml layout the spinner pulls from&lt;/p&gt;
&lt;pre&gt;&lt;code&gt;simple_spinner_dropdown_item.xml
&amp;lt;TextView
    xmlns:android="http://schemas.android.com/apk/res/android"
    android:layout_width="match_parent"
    android:layout_height="wrap_content"
    android:textSize="50sp"
    android:gravity="left"
    android:textColor="#000000"
    android:padding="5dip"
    android:textStyle="bold"/&amp;gt;
&lt;/code&gt;&lt;/pre&gt;
&lt;p&gt;and here is the xml of the menu in which the spinner is displayed on&lt;/p&gt;
&lt;pre&gt;&lt;code&gt;main_menu.xml
&amp;lt;Spinner
    android:id="@+id/spinnerMainMenu"
    android:layout_width="784dp"
    android:layout_height="wrap_content"
    android:layout_marginBottom="8dp"
    android:layout_marginTop="8dp"
    app:layout_constraintBottom_toBottomOf="parent"
    app:layout_constraintTop_toTopOf="parent"
    app:layout_constraintVertical_bias="0.072"
    tools:layout_editor_absoluteX="8dp" /&amp;gt;
&lt;/code&gt;&lt;/pre&gt;
&lt;p&gt;and finally the code for how it is displayed &lt;/p&gt;
&lt;pre&gt;&lt;code&gt;MainMenu.java
final Spinner mainMenuDrpDwn = findViewById(R.id.spinnerMainMenu);
    String[] machines = new String[]{"215 DT", "420 DT", "215 CANNAGIN"};
    ArrayAdapter&amp;lt;String&amp;gt; adapter = new ArrayAdapter&amp;lt;String&amp;gt;(this, android.R.layout.simple_spinner_dropdown_item, machines);
    adapter.setDropDownViewResource(R.layout.simple_spinner_dropdown_item);
    mainMenuDrpDwn.setAdapter(adapter);
&lt;/code&gt;&lt;/pre&gt;
&lt;p&gt;&lt;a href="https://i.stack.imgur.com/6Aak9.png" rel="nofollow noreferrer"&gt;&lt;img src="https://i.stack.imgur.com/6Aak9.png" alt="enter image description here"&gt;&lt;/a&gt;&lt;/p&gt;
&lt;p&gt;&lt;a href="https://i.stack.imgur.com/tLmil.png" rel="nofollow noreferrer"&gt;&lt;img src="https://i.stack.imgur.com/tLmil.png" alt="enter image description here"&gt;&lt;/a&gt;&lt;/p&gt;</t>
  </si>
  <si>
    <t>2018-07-06 16:15:57.820000+00:00</t>
  </si>
  <si>
    <t>2018-07-07 02:47:35.677000+00:00</t>
  </si>
  <si>
    <t>2018-07-06 17:04:16.987000+00:00</t>
  </si>
  <si>
    <t>java|android|android-spinner</t>
  </si>
  <si>
    <t>Flickering image after loading in winforms at timer tick event</t>
  </si>
  <si>
    <t>&lt;p&gt;My question is the following:
I have a timer and each 1 ms i want to load an image and display it in a picture box in win forms
The first images work very fine however from some point the images start loading hard.
Can you please tell me how to solve this problem? &lt;/p&gt;
&lt;p&gt;Regards and thank you for your time :)&lt;/p&gt;
&lt;pre&gt;&lt;code&gt;   private string path = "";
    private int index = 0;
    private void fileSourceToolStripMenuItem_Click(object sender, EventArgs e)
    {
        if (ofd.ShowDialog() == DialogResult.OK)
        {
            string fullPath = ofd.FileName;
            string fileName = ofd.SafeFileName;
            path = fullPath.Replace(fileName, "");
            MessageBox.Show("Path for file source has been selected");
        }
    }
    private const string IMAGENAME = "TestImage";
    Bitmap b;
    private void timer_Tick(object sender, EventArgs e)
    {
        try
        {
            string currentImage = IMAGENAME + index.ToString() + ".bmp";
            index++;
            b = new Bitmap(path + "\\" + currentImage);
            pb.SizeMode = PictureBoxSizeMode.StretchImage;
            pb.Image = b;
        }
        catch { };
    }
    private void button1_Click(object sender, EventArgs e)
    {
        timer.Start();
    }
    private void button2_Click(object sender, EventArgs e)
    {
        timer.Stop();
    }
    private void button3_Click(object sender, EventArgs e)
    {
        try
        {
            string currentImage = IMAGENAME + index.ToString() + ".bmp";
            index += 1;
            Bitmap b = new Bitmap(path + "\\" + currentImage);
            pb.Image = b;
        }
        catch { };
    }
    private void button4_Click(object sender, EventArgs e)
    {
        try
        {
            index -= 1;
            string currentImage = IMAGENAME + index.ToString() + ".bmp";
            Bitmap b = new Bitmap(path + "\\" + currentImage);
            pb.Image = b;
        }
        catch { };
    }
&lt;/code&gt;&lt;/pre&gt;</t>
  </si>
  <si>
    <t>2013-11-10 16:12:35.157000+00:00</t>
  </si>
  <si>
    <t>2013-11-10 17:34:42.213000+00:00</t>
  </si>
  <si>
    <t>2013-11-10 16:46:34.773000+00:00</t>
  </si>
  <si>
    <t>c#|.net|multithreading|image|timer</t>
  </si>
  <si>
    <t>JSBIN Project with RX.Js 5.0.0 Pulling 'Not Defined' Error</t>
  </si>
  <si>
    <t>&lt;p&gt;When I run a new JSBIN project with the following specifications:&lt;/p&gt;
&lt;p&gt;&lt;strong&gt;- Utilizing Tabs: JavaScript, Console&lt;/strong&gt;&lt;/p&gt;
&lt;p&gt;&lt;strong&gt;- Adding Library: RxJS 5.0.0&lt;/strong&gt;&lt;/p&gt;
&lt;p&gt;And then run the following code block in the JavaScript area:&lt;/p&gt;
&lt;pre&gt;&lt;code&gt;var observable = Rx.Observable.create(observer =&amp;gt; {
  setInterval(() =&amp;gt; {
    observer.onNext('This is the output of my async operation');
  }, 2000);
});
observable.subscribe(response =&amp;gt; console.log(response));
&lt;/code&gt;&lt;/pre&gt;
&lt;p&gt;The preceding code should render the following output in the console area:&lt;/p&gt;
&lt;pre&gt;&lt;code&gt;"This is the output of my async operation"
&lt;/code&gt;&lt;/pre&gt;
&lt;p&gt;Two seconds later, the console area should gain render:&lt;/p&gt;
&lt;pre&gt;&lt;code&gt;"This is the output of my async operation"
&lt;/code&gt;&lt;/pre&gt;
&lt;p&gt;However, I receive the following error:&lt;/p&gt;
&lt;pre&gt;&lt;code&gt;"error"
-----------------------------
"ReferenceError: Rx is not defined
    at yivicazake.js:3:4
    at https://static.jsbin.com/js/prod/runner-3.39.12.min.js:1:13926
    at https://static.jsbin.com/js/prod/runner-3.39.12.min.js:1:10855
&lt;/code&gt;&lt;/pre&gt;
&lt;p&gt;This is my first time pulling in RxJS as a library using JSBIN and I'm hoping someone has had experience with this particular error.&lt;/p&gt;</t>
  </si>
  <si>
    <t>2016-08-21 00:59:42.833000+00:00</t>
  </si>
  <si>
    <t>2016-08-21 14:48:59.283000+00:00</t>
  </si>
  <si>
    <t>javascript|rxjs5|jsbin</t>
  </si>
  <si>
    <t>How do I create a filter for copying binary files in Rake Pipeline (rakep)?</t>
  </si>
  <si>
    <t>&lt;p&gt;I am using Rake Pipeline (aka "rakep") to build an Ember.js application. I find that when it is running on a Windows OS it mangles binary image files when it is copying them.&lt;/p&gt;
&lt;p&gt;The &lt;a href="http://www.rubydoc.info/gems/rake-pipeline/0.5.0/frames" rel="nofollow"&gt;Ruby docs&lt;/a&gt; indicate that you need to introduce a special filter that looks like this:&lt;/p&gt;
&lt;pre&gt;&lt;code&gt;class ConcatFilter &amp;lt; Rake::Pipeline::Filter
  processes_binary_files
  def generate_output(inputs, output)
    inputs.each do |input|
      output.write input.read
    end
  end
end
&lt;/code&gt;&lt;/pre&gt;
&lt;p&gt;but I can't see how I introduce this into my build process so that I can specify this filter in my Assetfile.&lt;/p&gt;</t>
  </si>
  <si>
    <t>2015-10-21 05:32:24.853000+00:00</t>
  </si>
  <si>
    <t>ruby|rake|rake-pipeline</t>
  </si>
  <si>
    <t>testing #define CONSTANT</t>
  </si>
  <si>
    <t>&lt;p&gt;I'm not a programmer, but I need to do it! :) My problem is that I need to define some constants to set or not set some particular part of my code, and it is better to use #define than normal variables. The code is bellow. The isample can be equal to 0, 1, 2 or 3 according to a comparison between strings made before. Let's say that isample = 1, then the code print that the constant SAMPLE is equal 1, but then it enters in the if isample == 0!!! Something is wrong with the definition. What is happening? Is there another way to do it?&lt;/p&gt;
&lt;pre&gt;&lt;code&gt;#include &amp;lt;stdio.h&amp;gt;
#include &amp;lt;stdlib.h&amp;gt;
#include &amp;lt;string.h&amp;gt; 
int main()
{
  int isample = 1; 
#define SAMPLE isample
  printf("\nSAMPLE %d", SAMPLE);
#if SAMPLE == 0 
#define A
#define AA
  printf("\nA");
#elif SAMPLE == 1 
#define B
  printf("\nB");
#elif SAMPLE == 2
#define C
  printf("\nC");
#else
  printf("\nOTHER");
#endif
  printf("\nBye");
}
&lt;/code&gt;&lt;/pre&gt;
&lt;p&gt;RESULT:&lt;/p&gt;
&lt;pre&gt;&lt;code&gt;SAMPLE 1
A
Bye
&lt;/code&gt;&lt;/pre&gt;
&lt;p&gt;I also tried:&lt;/p&gt;
&lt;pre&gt;&lt;code&gt;#define SAMPLE 4
#undef SAMPLE
#define SAMPLE isample
&lt;/code&gt;&lt;/pre&gt;
&lt;p&gt;and the result is the same.&lt;/p&gt;
&lt;p&gt;I also tried using variables. Instead of using the &lt;code&gt;#if&lt;/code&gt; block, I used &lt;code&gt;if&lt;/code&gt;:&lt;/p&gt;
&lt;pre&gt;&lt;code&gt;  if (SAMPLE == 0)
    { 
#define A
#define AA
      printf("\nA");
    }
  else if (SAMPLE == 1)
   {
#define B
      printf("\nB");
   }
  else if (SAMPLE == 2)
   {
#define C
      printf("\nC");
   }
  else
   {
      printf("\nOTHER");
   }
  int abc, def;
#ifdef A
  abc = 1;
  def = 2;
#endif
#ifdef B
  abc = 3;
  def = 4;
#endif
#ifdef C
  abc = 5;
  def = 6;
#endif
  printf("\nabc %d, def %d\n", abc, def);
&lt;/code&gt;&lt;/pre&gt;
&lt;p&gt;RESULT:&lt;/p&gt;
&lt;pre&gt;&lt;code&gt;SAMPLE 1
B
abc 5, def 6
&lt;/code&gt;&lt;/pre&gt;
&lt;p&gt;So all the &lt;code&gt;#define&lt;/code&gt;'s were defined, not only the selected one, that it would be the &lt;code&gt;B&lt;/code&gt;. &lt;code&gt;A, B and C&lt;/code&gt; define part of the code that works in the same set of variables. I need to set one of them based on the &lt;code&gt;isample&lt;/code&gt;.&lt;/p&gt;</t>
  </si>
  <si>
    <t>2015-08-20 20:11:53.797000+00:00</t>
  </si>
  <si>
    <t>2015-08-20 21:34:12.703000+00:00</t>
  </si>
  <si>
    <t>c|constants|c-preprocessor</t>
  </si>
  <si>
    <t>Update a table from another table</t>
  </si>
  <si>
    <t>&lt;p&gt;I want to update a field based on another table field. The table is like this:&lt;/p&gt;
&lt;pre&gt;&lt;code&gt;TABLE A
SID  SMONTH  STID VID  VVID
1    201312   s10  v5    ?
2    201312   s10  v5    ?
1    201312   s11  v7    ?
2    201401   s11  v7    ?
1    201312    s1  v9    ?
2    201401    s1  v9    ?
1    201312    s1  v60   ?
1    201312    s1  v71   ?
&lt;/code&gt;&lt;/pre&gt;
&lt;p&gt;In the above table A , i need to update VVID column with the VVID from the below table B.&lt;/p&gt;
&lt;pre&gt;&lt;code&gt;TABLE B
VVID   STID  VID   WEIGHT
v1     s10   v5    0.5
v2     s10   v5    7.5
v1     s11   v7    1.5
v2     s11   v7    6.5
v1     s1    v9    5
v2     s1    v9    5
v1     s1    v60   5
v1     s1    v71   5
&lt;/code&gt;&lt;/pre&gt;
&lt;p&gt;In the above table B , VVID is generated based on three fields STID , VID and WEIGHT . But in the table A , i dont have WEIGHT field. So if i use the below code i am getting "single row query returns more than one row" error.&lt;/p&gt;
&lt;pre&gt;&lt;code&gt;UPDATE  A
SET VVID = (SELECT distinct VVID
          FROM  B
          WHERE B.STID = A.STID and B.VID = A.VID  ) 
&lt;/code&gt;&lt;/pre&gt;
&lt;p&gt;Please give me suggestions.&lt;/p&gt;
&lt;p&gt;Thanks 
Sathish&lt;/p&gt;</t>
  </si>
  <si>
    <t>2014-03-20 20:22:33.823000+00:00</t>
  </si>
  <si>
    <t>2014-03-24 17:49:31.200000+00:00</t>
  </si>
  <si>
    <t>2014-03-20 20:25:10.350000+00:00</t>
  </si>
  <si>
    <t>sql|hana</t>
  </si>
  <si>
    <t>PYTHON randomize questions from a list and enumerate</t>
  </si>
  <si>
    <t>&lt;p&gt;I have a list of 25 questions that I'd like to randomly select 7. The list of questions will be in an IRC client (Textual). the following is an example of what I currently have as questions and my proposed process of randomizing 7 from my list.&lt;/p&gt;
&lt;p&gt;I'd like to make &lt;/p&gt;
&lt;pre&gt;&lt;code&gt;questions=[
    'Finish this poem "Roses are red Violets are ..."',
    'What is your favorite food?','Stones or Beatles?',
    'favorite pet?',
    'favorite color?',
    'favorite food?'
]
for q in xrange(3):
    question = ''
    while question not in questions:
        # this is where I'm stuck
&lt;/code&gt;&lt;/pre&gt;
&lt;p&gt;I would like something like.&lt;/p&gt;
&lt;ol&gt;
&lt;li&gt;What is your favorite food?&lt;/li&gt;
&lt;li&gt;favorite pet?&lt;/li&gt;
&lt;li&gt;Stones or Beatles?&lt;/li&gt;
&lt;/ol&gt;
&lt;p&gt;The end result will be 7 questions from a pool of 25.&lt;/p&gt;</t>
  </si>
  <si>
    <t>2016-02-25 18:30:31.250000+00:00</t>
  </si>
  <si>
    <t>2016-02-25 20:06:41.323000+00:00</t>
  </si>
  <si>
    <t>python|random|enumerate</t>
  </si>
  <si>
    <t>Using ng-click and scope functions in generated html (angularJs)</t>
  </si>
  <si>
    <t>&lt;p&gt;I have a code like this: &lt;/p&gt;
&lt;pre&gt;&lt;code&gt;$scope.printOutRowModel = function(){
    console.log("blah");
}
$scope.createTable = function(name)
{   
        var element = angular.element(document.querySelector('.popup'));
        var content = "";
        content+='&amp;lt;div&amp;gt;&amp;lt;hr/&amp;gt;';
        content+='&amp;lt;h4&amp;gt;'+name+'&amp;lt;/h4&amp;gt;';
        content+='&amp;lt;table&amp;gt;&amp;lt;thead&amp;gt;';
        var columnName = Object.keys($scope.genericModel[name][0]);
    for(var i=0; i&amp;lt;columnName.length; i++)
    {
        if(columnName[i] != "$$hashKey")
        {
        content+='&amp;lt;th&amp;gt;'+columnName[i]+'&amp;lt;/th&amp;gt;';
        }
    }
        content+='&amp;lt;/thead&amp;gt;&amp;lt;tbody&amp;gt;';
    for(var j=0; j&amp;lt;$scope.genericModel[name].length; j++)
    {
        content+='&amp;lt;tr&amp;gt;';
        var value = Object.values($scope.genericModel[name][j]);
        for(var i=0; i&amp;lt;value.length-1; i++)
        {   
        content+='&amp;lt;td&amp;gt;'+value[i]+'&amp;lt;/td&amp;gt;';
        }
        content+='&amp;lt;/tr&amp;gt;';
        value = null;
    }
        content+='&amp;lt;/tbody&amp;gt;&amp;lt;/table&amp;gt;&amp;lt;/div&amp;gt;';
        element.html(content);
}
&lt;/code&gt;&lt;/pre&gt;
&lt;p&gt;So now what I want to do is add the 'ng-click = "printOutRowModel()"' to the generated "td" elements. I tried multiple ways but I doesn't work. When I add it to the any other element that is already in my index.html it does work. So I'm guessing that this generated HTML is not being "compiled" in the scope or something. So is there any way of doing this?&lt;/p&gt;</t>
  </si>
  <si>
    <t>2017-02-01 10:02:28.823000+00:00</t>
  </si>
  <si>
    <t>2017-02-02 10:50:34.357000+00:00</t>
  </si>
  <si>
    <t>user6561396</t>
  </si>
  <si>
    <t>javascript|html|angularjs|scope|append</t>
  </si>
  <si>
    <t>Routing issues in regex codeigniter</t>
  </si>
  <si>
    <t>&lt;p&gt;Problem is i have two routes&lt;/p&gt;
&lt;p&gt;$route['management/(:any)']         = 'mycontroller/home/$1';
$route['management/(:any)/contact'] = 'mycontroller/contact/$1';&lt;/p&gt;
&lt;p&gt;First route is working properly but second is not working. can any one please guide me
i am using codeigniter framework.&lt;/p&gt;</t>
  </si>
  <si>
    <t>2014-09-04 19:47:12.303000+00:00</t>
  </si>
  <si>
    <t>2014-09-04 19:53:10.627000+00:00</t>
  </si>
  <si>
    <t>php|regex|codeigniter</t>
  </si>
  <si>
    <t>Delay loaded DLLs - what am I missing?</t>
  </si>
  <si>
    <t>&lt;p&gt;Under the Linker Input options in MS Visual Studio (several versions) is the field &lt;code&gt;Delay Loaded DLLs&lt;/code&gt;. How exactly does this work?&lt;/p&gt;
&lt;p&gt;When I specify "mydll.dll" in this field, I consistently get a warning of &lt;code&gt;no imports found from mydll.dll&lt;/code&gt; but when I run my executable, it complains that it cannot find mydll.dll (suggesting it does have a need to import something from it) and I am forced to exit the program.&lt;/p&gt;
&lt;p&gt;My best guess is that I should specify both "mydll.lib" under the &lt;code&gt;Additional Dependencies&lt;/code&gt;, and then specify either "mydll.dll" or "mydll.lib" in the &lt;code&gt;Delay Loaded DLLs&lt;/code&gt; file according to what works. So far no combination I have tried works, and nothing shines explicit enough light on exactly how it should be used. Help!&lt;/p&gt;
&lt;p&gt;Secondary question open for comment (not answer): this is being done in the context of a custom image processing application which can run both from a live camera source, or from pre-recorded video playback from disk. When no camera DLL is present, we want to be able to run, but restrict the input source to pre-recorded video only. Is using a delay loaded DLL a reasonable way to achieve this?&lt;/p&gt;</t>
  </si>
  <si>
    <t>2014-11-20 01:31:28.553000+00:00</t>
  </si>
  <si>
    <t>2014-11-20 03:59:56.640000+00:00</t>
  </si>
  <si>
    <t>c++|visual-studio|dll</t>
  </si>
  <si>
    <t>Is it possible to set method level variable as class level variable?</t>
  </si>
  <si>
    <t>&lt;p&gt;I want to set my method level variable as class level variable. Is it possible to set method level variable as class level variable in Java?i want to get method level variable value as class level variable how to get it?&lt;/p&gt;
&lt;pre&gt;&lt;code&gt;class A {       
    void m(String s){
        String s1 = s;
     }
}
&lt;/code&gt;&lt;/pre&gt;</t>
  </si>
  <si>
    <t>2013-02-22 22:18:48.623000+00:00</t>
  </si>
  <si>
    <t>2013-09-07 15:00:41.973000+00:00</t>
  </si>
  <si>
    <t>java|variables</t>
  </si>
  <si>
    <t>BadMethodCallException with Selenium and PHPUnit</t>
  </si>
  <si>
    <t>&lt;p&gt;I keep getting this error with alot of methods I am trying to use, here are a couple of code examlpes:&lt;/p&gt;
&lt;pre&gt;&lt;code&gt;$this-&amp;gt;verifyTextPresent('Hello world');
&lt;/code&gt;&lt;/pre&gt;
&lt;p&gt;//BadMethodCallException: The command 'verifyTextPresent' is not existent or not s
upported yet.&lt;/p&gt;
&lt;pre&gt;&lt;code&gt;$this-&amp;gt;assertEquals("197", $this-&amp;gt;getText("xpath=(//div[@id='none']/div/table/tbody/tr/td[2]/span)[29]"));
&lt;/code&gt;&lt;/pre&gt;
&lt;p&gt;//BadMethodCallException: The command 'getText' is not existent or not supported y
et.&lt;/p&gt;
&lt;pre&gt;&lt;code&gt;$this-&amp;gt;waitForPageToLoad("30000");
&lt;/code&gt;&lt;/pre&gt;
&lt;p&gt;////BadMethodCallException: The command 'waitForPageToLoad' is not existent or not s
upported yet.&lt;/p&gt;
&lt;p&gt;I am getting this error with alot of methods, and as far as i can see there is no problem with the code itself and my php version is up to date so it's nothing like that. anyone know anything about this?&lt;/p&gt;</t>
  </si>
  <si>
    <t>2013-05-27 08:40:14.653000+00:00</t>
  </si>
  <si>
    <t>2015-02-04 12:18:54.057000+00:00</t>
  </si>
  <si>
    <t>selenium|methods|phpunit</t>
  </si>
  <si>
    <t>Virtualenv and Pip hanging forever</t>
  </si>
  <si>
    <t>&lt;p&gt;I am running a django project with a virtualenv that was working completely fine up until this afternoon. I went to run source &lt;code&gt;my-env/bin/activate&lt;/code&gt; and it seemed to activate (it gave me the usual command prompt), but when I tried &lt;code&gt;python manage.py runserver&lt;/code&gt; it said it could not locate django. I ran a python script and tried to import django and sure enough it said there was no module named django. So I removed this virtualenv and created a new one and did a &lt;code&gt;pip install -r requirements.txt&lt;/code&gt;. It was then I noticed that pip was hanging forever and upon type &lt;code&gt;^C&lt;/code&gt; it would give a long traceback which I provided below. Once this happened I tried once again to delete the virtualenv and start over only now when I typed &lt;code&gt;virtualenv new-env&lt;/code&gt; it would hang on "Installing setuptools, pip, wheel..." and also gave a long traceback upon entering &lt;code&gt;^C&lt;/code&gt;. I have looked all over the online forums and tried everything to fix this and nothing seems to be working.  If anyone has any ideas on how to fix this I would really appreciate it. &lt;/p&gt;
&lt;pre&gt;&lt;code&gt;Installing setuptools, pip, wheel...^CTraceback (most recent call last):
  File "/usr/local/bin/virtualenv", line 11, in &amp;lt;module&amp;gt;
done.
    sys.exit(main())
  File "/usr/local/lib/python2.7/site-packages/virtualenv.py", line 669, in main
Traceback (most recent call last):
  File "/usr/local/lib/python2.7/site-packages/virtualenv.py", line 2327, in &amp;lt;module&amp;gt;
    raise SystemExit(popen.wait())
  File "/usr/local/Cellar/python/2.7.11/Frameworks/Python.framework/Versions/2.7/lib/python2.7/subprocess.py", line 1384, in wait
    main()
  File "/usr/local/lib/python2.7/site-packages/virtualenv.py", line 711, in main
    symlink=options.symlink)
  File "/usr/local/lib/python2.7/site-packages/virtualenv.py", line 944, in create_environment
    download=download,
  File "/usr/local/lib/python2.7/site-packages/virtualenv.py", line 900, in install_wheel
    call_subprocess(cmd, show_stdout=False, extra_env=env, stdin=SCRIPT)
  File "/usr/local/lib/python2.7/site-packages/virtualenv.py", line 767, in call_subprocess
    line = stdout.readline()
KeyboardInterrupt
    pid, sts = _eintr_retry_call(os.waitpid, self.pid, 0)
  File "/usr/local/Cellar/python/2.7.11/Frameworks/Python.framework/Versions/2.7/lib/python2.7/subprocess.py", line 476, in _eintr_retry_call
    return func(*args)
KeyboardInterrupt
&lt;/code&gt;&lt;/pre&gt;</t>
  </si>
  <si>
    <t>2016-10-17 19:04:35.627000+00:00</t>
  </si>
  <si>
    <t>2018-04-27 18:10:17.057000+00:00</t>
  </si>
  <si>
    <t>2016-10-17 19:24:32.877000+00:00</t>
  </si>
  <si>
    <t>python|django|python-3.x|pip|virtualenv</t>
  </si>
  <si>
    <t>Drawing lines/rectangle in a form C#</t>
  </si>
  <si>
    <t>&lt;p&gt;I have a form that I use a transparent background so I can display texts on screen without hide other applications.&lt;/p&gt;
&lt;p&gt;Basically I have a instance of a Form where I set the transparence color etc, then I hava a function addtext("Hello World", X, Y) where it creates a Label object, set the settings and add to this form controls.&lt;/p&gt;
&lt;p&gt;this.Controls.Add(newLabel);&lt;/p&gt;
&lt;p&gt;Well, now I need to create something to add a retangle so people can "draw" things on screen, so I need something similar to the Label object.&lt;/p&gt;
&lt;p&gt;I saw some examples in the internet but all of them need the Paint() event to use the Graphics etc and adding the LAbel it doesn't need everything like that.&lt;/p&gt;
&lt;p&gt;I tried to use the event and tried call the Graphic propertie etc but didn't work.&lt;/p&gt;
&lt;p&gt;Here are some tests that I made:&lt;/p&gt;
&lt;pre&gt;&lt;code&gt;private class Line : Control
        {
            public float FromX { get; set; }
            public float FromY { get; set; }
            public float ToX { get; set; }
            public float ToY { get; set; }
            public Pen PenColor { get; set; }
            public Line() { }
        }
Graphics g = this.CreateGraphics();
Line line = (Line)cc;
g.DrawRectangle(line.PenColor, line.FromX, line.FromY, line.ToX, line.ToY);
&lt;/code&gt;&lt;/pre&gt;
&lt;p&gt;Edit: The code above works in some cases, not all the time, if I try to debug the code, sometimes after executing the g.DrawRect~ it doesn't move to the next line, looks like it's "executing forever" the g.DrawRectangle() function, the thread who controls this draw keep saying "Running", someone know what might be happening ?                              &lt;/p&gt;</t>
  </si>
  <si>
    <t>2013-08-01 19:55:34.853000+00:00</t>
  </si>
  <si>
    <t>2013-08-02 14:24:29.053000+00:00</t>
  </si>
  <si>
    <t>2013-08-01 22:02:35.320000+00:00</t>
  </si>
  <si>
    <t>Picasso Target must not be null error</t>
  </si>
  <si>
    <t>&lt;p&gt;I wish to add an image from Parse.com to an ImageView in a fragment I have created using Picasso.  I get a &lt;code&gt;Target must not be null.&lt;/code&gt; error in logcat whenever I try to open the fragment.  This is occurring in &lt;code&gt;.into(mProfilePicture);&lt;/code&gt; in the &lt;code&gt;updateProfilePic()&lt;/code&gt;. Can anyone tell me why this is happening?&lt;/p&gt;
&lt;pre&gt;&lt;code&gt;public class MyProfileFragment extends Fragment implements View.OnClickListener {
    public static final String TAG = MyProfileFragment.class.getSimpleName();
    protected Button mTakePicture;
    protected Button mChoosePicture;
    protected ImageView mProfilePicture;
    /**
     * Default constructor
     */
    public MyProfileFragment() {
    }
    @Override
    public void onSaveInstanceState(Bundle savedInstanceState) {
        // Save the user's current state
        if (mMediaUri != null) {
            savedInstanceState.putString("media_uri", mMediaUri.toString());
            Log.d(TAG, "onSaveInstanceState() for mMediaUri: " + mMediaUri);
        }
        // Always call the superclass so it can save the view hierarchy state
        super.onSaveInstanceState(savedInstanceState);
    }
    @Override
    public void onCreate(Bundle savedInstanceState) {
        super.onCreate(savedInstanceState);
        if (savedInstanceState != null) {
            mMediaUri = Uri.parse(savedInstanceState.getString("media_uri"));
            Log.d(TAG, "onCreate() for mMediaUri: " + mMediaUri);
        }
        updateProfilePic();
    }
    @Override
    public View onCreateView(LayoutInflater inflater, ViewGroup container, Bundle savedInstanceState) {
        // Inflate the layout for this fragment
        View rootView = inflater.inflate(R.layout.fragment_my_profile, container, false);
        mProfilePicture = (ImageView) rootView.findViewById(R.id.profilePicture);
        mTakePicture = (Button) rootView.findViewById(R.id.takePictureButton);
        mChoosePicture = (Button) rootView.findViewById(R.id.choosePictureButton);
        mTakePicture.setOnClickListener(this);
        mChoosePicture.setOnClickListener(this);
        return rootView;
    }
    /**
     * Called when a view has been clicked.
     *
     * @param v The view that was clicked.
     */
    @Override
    public void onClick(View v) {
        // Switch statement to select which action to take depending on button/text pressed
        switch (v.getId()) {
            case R.id.takePictureButton:
                takeCameraPicture();
                break;
            case R.id.choosePictureButton:
                chooseGalleryPicture();
                break;
            default:
                System.out.println("Problem with input");
        }
    }
    public static final int TAKE_PHOTO_REQUEST = 1889;
    public static final int PICK_PHOTO_REQUEST = 1888;
    // member variable to store the media type as a URI, that can be stored in multiple places
    // Uri = uniform resource identifier
    private Uri mMediaUri;
    public void takeCameraPicture() {
        // Take picture
        // use an existing camera app on the phone by starting an intent
        // declare intent to capture a photo using whatever camera app is available
        Intent takePhotoIntent = new Intent(MediaStore.ACTION_IMAGE_CAPTURE);
        // after invoking the camera,
        mMediaUri = getOutputMediaFileUri();
        // check that a null value is not returned
        if (mMediaUri == null) {
            // display an error
            Toast.makeText(getActivity(), R.string.error_external_storage, Toast.LENGTH_LONG).show();
        } else {
            // start an activity for a result so that the activity exits and returns a result back for us
            // ie, the main activity will wait for the result
            startActivityForResult(takePhotoIntent, TAKE_PHOTO_REQUEST);
        }
    }
    public void chooseGalleryPicture() {
        // Choose picture
        Intent choosePhotoIntent = new Intent(Intent.ACTION_GET_CONTENT);
        // need to specify which type of action we want to get - an image in this case
        choosePhotoIntent.setType("image/*");
        startActivityForResult(choosePhotoIntent, PICK_PHOTO_REQUEST);
    }
    private Uri getOutputMediaFileUri() {
        // To be safe, you should check that the SD card / external storage is mounted
        // using Environment.getExternalStorageState() before doing this.
        // see method below...
        if (isExternalStorageAvailable()) {
            String appName = MyProfileFragment.this.getString(R.string.app_name);
            // get the Uri
            // Get the external storage directory - we want to return a file object
            File mediaStorageDir = new File(Environment.getExternalStoragePublicDirectory(Environment.DIRECTORY_PICTURES), appName);
            // Create our subdirectory
            if (!mediaStorageDir.exists()) {
                if (!mediaStorageDir.mkdir()) {
                    Log.e(TAG, "Failed to create directory");
                    return null;
                }
            }
            // Create a file to hold the image
            File mediaFile;
            // get the current date and time
            Date now = new Date();
            // convert the date and time into a String datetimestamp
            // see http://developer.android.com/guide/topics/media/camera.html#saving-media for the methods used
            // need to append a timestamp to make it unique - otherwise it will overwrite the previous photo
            String timestamp = new SimpleDateFormat("yyyyMMdd_HHmmss", Locale.ENGLISH).format(now);
            String path = mediaStorageDir.getPath() + File.separator;
            // create a new file using the constructor that takes a name
            mediaFile = new File(path + "IMG_" + timestamp + ".jpg");
            Log.d(TAG, "File: " + Uri.fromFile(mediaFile));
            // Return the files URI
            Log.d(TAG, "Returning the files URI");
            return Uri.fromFile(mediaFile);
        } else {
            return null;
        }
    }
    /**
     * check if external storage is available on the users device
     *
     * @return
     */
    private boolean isExternalStorageAvailable() {
        // find out what state external storage is in
        String state = Environment.getExternalStorageState();
        // if external storage is available, return true,
        if (state.equals(Environment.MEDIA_MOUNTED)) {
            return true;
        } else {
            return false;
        }
    }
    private Bitmap bitmapPicture;
    @Override
    public void onActivityResult(int requestCode, int resultCode, Intent data) {
        super.onActivityResult(requestCode, resultCode, data);
        if (resultCode == Activity.RESULT_OK) {
            if (requestCode == PICK_PHOTO_REQUEST) {
                if (data == null) {
                    Log.d(TAG, "Data is null");
                    Toast.makeText(getActivity(), getString(R.string.general_error), Toast.LENGTH_LONG).show();
                } else {
                    // the intent has data, so set the media uri
                    mMediaUri = data.getData();
                    Log.d(TAG, "Media Uri: " + mMediaUri);
                }
                saveImageToParse(PICK_PHOTO_REQUEST);
                updateProfilePic();
            } else if (requestCode == TAKE_PHOTO_REQUEST) {
                bitmapPicture = (Bitmap) data.getExtras().get("data");
                Log.d(TAG, "bitmapPicture picture: " + bitmapPicture);
                saveImageToParse(TAKE_PHOTO_REQUEST);
            }
        } else if (resultCode != Activity.RESULT_CANCELED) {
            Log.d(TAG, "Problem getting the picture from gallery");
            Toast.makeText(getActivity(), R.string.general_error, Toast.LENGTH_LONG).show();
        }
    }
    public void saveImageToParse(int requestCode) {
        if (requestCode == PICK_PHOTO_REQUEST) {
            byte[] fileBytes = FileHelper.getByteArrayFromFile(getActivity(), mMediaUri);
            fileBytes = FileHelper.reduceImageForUpload(fileBytes);
            String fileName = FileHelper.getFileName(getActivity(), mMediaUri, "file");
            ParseFile file = new ParseFile(fileName, fileBytes);
            ParseUser.getCurrentUser().put("profilePic", file);
        } else {
            ByteArrayOutputStream byteStream = new ByteArrayOutputStream();
            bitmapPicture.compress(Bitmap.CompressFormat.PNG, 100, byteStream);
            byte[] fileBytes = byteStream.toByteArray();
            String fileName = FileHelper.getFileName(getActivity(), mMediaUri, "file");
            ParseFile file = new ParseFile(fileName, fileBytes);
            ParseUser.getCurrentUser().put("profilePic", file);
        }
        ParseUser.getCurrentUser().saveInBackground(new SaveCallback() {
            public void done(ParseException e) {
                if (e == null) {
                    Log.d(TAG, "Image saved successfully");
                } else {
                    Log.d(TAG, "Image not saved");
                }
            }
        });
    }
    public void updateProfilePic() {
        ParseFile image = (ParseFile) ParseUser.getCurrentUser().getParseFile("profilePic");
        // Email will be an empty String if the user didn't supply an email address
        if (image == null) {
            // If image file is empty, set the default avatar
            Log.d(TAG, "No profile picture for: " + ParseUser.getCurrentUser().getUsername());
//            holder.userImageView.setImageResource(R.mipmap.avatar_empty);
        } else {
            Picasso.with(getActivity())
                    // Load the URL
                    .load(image.getUrl())
                            // if a 404 code is returned, use the placeholder image
                    .placeholder(R.mipmap.avatar_empty)
                            // Load into user image view
                    .into(mProfilePicture);
        }
    }
}
&lt;/code&gt;&lt;/pre&gt;
&lt;p&gt;.&lt;/p&gt;
&lt;pre&gt;&lt;code&gt;09-02 14:45:23.502  26690-26690/com.khackett.runmate E/AndroidRuntime��� FATAL EXCEPTION: main
    Process: com.khackett.runmate, PID: 26690
    java.lang.IllegalArgumentException: Target must not be null.
            at com.squareup.picasso.RequestCreator.into(RequestCreator.java:618)
            at com.squareup.picasso.RequestCreator.into(RequestCreator.java:601)
            at com.khackett.runmate.ui.MyProfileFragment.updateProfilePic(MyProfileFragment.java:297)
            at com.khackett.runmate.ui.MyProfileFragment.onCreate(MyProfileFragment.java:72)
            at android.support.v4.app.Fragment.performCreate(Fragment.java:1766)
            at android.support.v4.app.FragmentManagerImpl.moveToState(FragmentManager.java:917)
            at android.support.v4.app.FragmentManagerImpl.moveToState(FragmentManager.java:1138)
            at android.support.v4.app.BackStackRecord.run(BackStackRecord.java:740)
            at android.support.v4.app.FragmentManagerImpl.execPendingActions(FragmentManager.java:1501)
            at android.support.v4.app.FragmentManagerImpl$1.run(FragmentManager.java:458)
            at android.os.Handler.handleCallback(Handler.java:739)
            at android.os.Handler.dispatchMessage(Handler.java:95)
            at android.os.Looper.loop(Looper.java:135)
            at android.app.ActivityThread.main(ActivityThread.java:5254)
            at java.lang.reflect.Method.invoke(Native Method)
            at java.lang.reflect.Method.invoke(Method.java:372)
            at com.android.internal.os.ZygoteInit$MethodAndArgsCaller.run(ZygoteInit.java:903)
            at com.android.internal.os.ZygoteInit.main(ZygoteInit.java:698)
&lt;/code&gt;&lt;/pre&gt;</t>
  </si>
  <si>
    <t>2015-09-02 13:55:15.133000+00:00</t>
  </si>
  <si>
    <t>2015-09-02 13:58:18.033000+00:00</t>
  </si>
  <si>
    <t>android|android-studio|imageview|picasso</t>
  </si>
  <si>
    <t>Form not Cleared on Submit</t>
  </si>
  <si>
    <t>&lt;p&gt;Well i was working on a website, where i was suppose to clear the registration form on submit. The form on submit was redirected to a php script where i was sending the form to email through php script. I dont know where i am getting wrong, but i am not able to clear the contents of the form after submit. it successfully checks for blank values and when i submit it doesnt clears the controls, i am using a function clear form which if i run before submit..it clears the form but then no data is sent to the script.. please help me into the same&lt;/p&gt;
&lt;p&gt;This is My Java scirpt&lt;/p&gt;
&lt;pre&gt;&lt;code&gt;function verifyEmail(form) {
    //alert(frmContact.email.value);
    checkEmail = contactform.email.value;
    form=contactform;   
    //alert("Please select an answer.");
    if(form.fname.value=='')
        {
            alert("Name is blank");
            form.fname.select();
            return false;
        }
    else if(form.dob.value=='')
        {
            alert("Date Of Birth is blank");
            form.dob.select();
            return false;
        }
        else if ((checkEmail.indexOf('@') &amp;lt; 0) || ((checkEmail.charAt(checkEmail.length-4) != '.') &amp;amp;&amp;amp; (checkEmail.charAt(checkEmail.length-3) != '.'))) 
    {
    alert("You have entered an invalid email address. Please try again.");
    form.email.select();
    return false;
    } 
        else if(form.mob.value.search(/\d{3}\-\d{3}\-\d{4}/)==-1)
        {
            alert("The phone number you entered is not valid.\r\nPlease enter a phone number with the format xxx-xxx-xxxx");
            form.mob.select();
            return false;
        }
    else if(form.state.value=='')
        {
            alert("State is blank");
            form.state.select();
            return false;
        }
        else if(form.city.value=='')
        {
            alert("City is blank");
            form.city.select();
            return false;
        }
        else if(form.message.value=='')
        {
            alert("Message is blank");
            form.message.select();
            return false;
        }
    else
    {
    form.method="post";
form.target="_self";
form.action="reg_contact.php";
form.submit();
form.fname.value='';
form.dob.value='';
form.email.value='';
form.mob.value='';
form.state.value='';
form.city.value='';
form.message.value='';
clearForm();
    }
    }
    //--&amp;gt;&amp;lt;/script&amp;gt;
    &amp;lt;script language="javascript"&amp;gt;
    function clearForm(form)
    {
        $(":input", form).each(function()
        {
        var type = this.type;
        var tag1= this.tagName.toLowerCase();
        var tag = this.tagName.toLowerCase();
            if (type == 'text' || tag=='textarea' )
            {
            this.value = "";
            }
        });
    };
&lt;/code&gt;&lt;/pre&gt;
&lt;p&gt;and this is my form content &lt;/p&gt;
&lt;pre&gt;&lt;code&gt;&amp;lt;form id="contactform" class="form" method="post" name="contactform" onsubmit="return(verifyEmail())" style="height: 499px"&amp;gt;
    &amp;lt;fieldset&amp;gt;
    &amp;lt;div&amp;gt;
        &amp;lt;label for="fname" style="width: 216px"&amp;gt;Full Name:&amp;lt;span&amp;gt; *&amp;lt;/span&amp;gt;
        &amp;lt;/label&amp;gt;&amp;lt;input id="fname" name="fname" type="text"&amp;gt; &amp;lt;/div&amp;gt;
    &amp;lt;div style="margin-left: 45%; margin-top: -13%;"&amp;gt;
        &amp;lt;label for="name" style="width: 250px"&amp;gt;Date Of Birth:&amp;lt;span&amp;gt; *&amp;lt;/span&amp;gt;&amp;lt;/label&amp;gt;&amp;lt;input id="datepicker" name="dob" type="text" /&amp;gt;
    &amp;lt;/div&amp;gt;
    &amp;lt;div&amp;gt;
        &amp;lt;label style="width: 216px"&amp;gt;E-mail:&amp;lt;span&amp;gt;*&amp;lt;/span&amp;gt;&amp;lt;/label&amp;gt;&amp;lt;input id="email" name="email" type="text"&amp;gt;
    &amp;lt;/div&amp;gt;
    &amp;lt;!--
                            &amp;lt;div&amp;gt;
                                &amp;lt;label for="email" &amp;gt;Email: &amp;lt;span&amp;gt;*&amp;lt;/span&amp;gt;&amp;lt;/label&amp;gt;
                                &amp;lt;input name="email" type="email" id="email" pattern="^[A-Za-z0-9](([_\.\-]?[a-zA-Z0-9]+)*)@([A-Za-z0-9]+)(([\.\-]?[a-zA-Z0-9]+)*)\.([A-Za-z]{2,})$" /&amp;gt;
                            &amp;lt;/div&amp;gt;
                    --&amp;gt;
    &amp;lt;div style="margin-left: 45%; margin-top: -13%;"&amp;gt;
        &amp;lt;label accesskey="U" for="name" style="width: 216px"&amp;gt;Mobile Number:&amp;lt;span&amp;gt; 
        *&amp;lt;/span&amp;gt;&amp;lt;/label&amp;gt; &amp;lt;input id="mob" name="mob" type="text" /&amp;gt; &amp;lt;/div&amp;gt;
    &amp;lt;div&amp;gt;
        &amp;lt;label&amp;gt;State:&amp;lt;span&amp;gt; *&amp;lt;/span&amp;gt;&amp;lt;/label&amp;gt;
        &amp;lt;input id="state" name="state" type="text"&amp;gt; &amp;lt;/div&amp;gt;
    &amp;lt;div style="margin-left: 45%; margin-top: -12.5%;"&amp;gt;
        &amp;lt;label accesskey="U" for="name"&amp;gt;City:&amp;lt;span&amp;gt; *&amp;lt;/span&amp;gt;&amp;lt;/label&amp;gt;
        &amp;lt;input id="city" name="city" type="text"&amp;gt; &amp;lt;/div&amp;gt;
    &amp;lt;div&amp;gt;
        &amp;lt;label accesskey="U" for="name"&amp;gt;Country:&amp;lt;span&amp;gt; *&amp;lt;/span&amp;gt;&amp;lt;/label&amp;gt;
        &amp;lt;input id="country" disabled="disabled" name="country" type="text" value="India" /&amp;gt;
    &amp;lt;/div&amp;gt;
    &amp;lt;div&amp;gt;
        &amp;lt;label&amp;gt;Course:&amp;lt;span&amp;gt; *&amp;lt;/span&amp;gt;&amp;lt;/label&amp;gt;
        &amp;lt;select id="cource" name="cource" style="height: 34px; width: 241px"&amp;gt;
        &amp;lt;option value="Diploma Polytechnic"&amp;gt;Diploma - Polytechnic&amp;lt;/option&amp;gt;
        &amp;lt;option selected="" value="UG-BE"&amp;gt;Bachelor Of Engineering (BE)&amp;lt;/option&amp;gt;
        &amp;lt;option value="UG-B.Tech"&amp;gt;Bachelor Of Technology (B.Tech)&amp;lt;/option&amp;gt;
        &amp;lt;option value="PG-MCA"&amp;gt;Master Of Computer Application (MCA)&amp;lt;/option&amp;gt;
        &amp;lt;option value="PG-ME"&amp;gt;Master Of Engineering (ME)&amp;lt;/option&amp;gt;
        &amp;lt;option value="PG-M.Tech"&amp;gt;Master Of Technology (M.Tech)&amp;lt;/option&amp;gt;
        &amp;lt;/select&amp;gt; &amp;lt;/div&amp;gt;
    &amp;lt;div&amp;gt;
        &amp;lt;label accesskey="C" for="comments"&amp;gt;Message: &amp;lt;span&amp;gt;*&amp;lt;/span&amp;gt;&amp;lt;/label&amp;gt;
        &amp;lt;textarea id="comments" cols="40" name="message" rows="3" spellcheck="true"&amp;gt;&amp;lt;/textarea&amp;gt;
    &amp;lt;/div&amp;gt;
    &amp;lt;/fieldset&amp;gt;
    &amp;lt;input id="submit" class="submit" style="height: 36px; width: 90px; margin-top: -0.18%;" type="submit" value="      Send      "&amp;gt;
    &amp;lt;input id="reset" class="reset" style="height: 36px; width: 90px; margin-left: 5px; margin-top: -0.18%;" type="reset" value="   Reset    "&amp;gt;
    &amp;lt;div class="clearfix"&amp;gt;
    &amp;lt;/div&amp;gt;
&amp;lt;/form&amp;gt;
&lt;/code&gt;&lt;/pre&gt;
&lt;p&gt;Please let me know where i am going wrong...i know i am messing this simple thing.&lt;/p&gt;</t>
  </si>
  <si>
    <t>2013-08-04 17:29:39.813000+00:00</t>
  </si>
  <si>
    <t>2013-08-04 17:36:13.277000+00:00</t>
  </si>
  <si>
    <t>php|javascript|html</t>
  </si>
  <si>
    <t>Django 1.10 is not detecting changes in my models, and won't create migrations</t>
  </si>
  <si>
    <t>&lt;p&gt;I'm just getting started with Django. I like to hack at things, so alongside the polls tutorial I'm also building my own experimental application. It has come to pass that I want to change the name of the experimental application and its associated project.&lt;/p&gt;
&lt;p&gt;In the course of working on that, I decided to drop my current database and start over fresh. Something went wrong, I can't remember what. It's been several hours now, making progress here, googling that there.&lt;/p&gt;
&lt;p&gt;The situation I now seem to be in is that Django refuses to notice changes in my &lt;code&gt;models.py&lt;/code&gt;. Currently, there are no migrations listed for the app when I run &lt;code&gt;manage.py showmigrations&lt;/code&gt;, although the app is itself listed.&lt;/p&gt;
&lt;p&gt;I have tried deleting the migrations directory, changing the contents of the &lt;code&gt;models.py&lt;/code&gt; file, and combinations thereof, and also trying out various &lt;code&gt;manage.py&lt;/code&gt; commands that looked promising. So far, nothing has worked.&lt;/p&gt;
&lt;p&gt;So, what might I be doing wrong? Remember that I have changed the name of the app, which includes changing the name of directory it is stored in, as well as the name of the database. Search and replace has been performed on the files in the project and app. &lt;code&gt;settings.py&lt;/code&gt; has been pored over, but everything I know about seems to match up fine.&lt;/p&gt;
&lt;p&gt;Thanks!&lt;/p&gt;</t>
  </si>
  <si>
    <t>2017-02-08 04:22:04.693000+00:00</t>
  </si>
  <si>
    <t>2017-02-08 05:10:25.603000+00:00</t>
  </si>
  <si>
    <t>django|django-models|django-migrations</t>
  </si>
  <si>
    <t>C produces wrong results on 32 bit systems</t>
  </si>
  <si>
    <t>&lt;p&gt;The following code is supposed to take in a users input and write it into a file. &lt;/p&gt;
&lt;pre&gt;&lt;code&gt;int main(int argc, char* argv[]) {
FILE* fp;
char string[512]; //maximum it should ever be
char first[19];
char last[19];
char grade[4];
char choice[7];
if(argc == 2)
    fp = fopen (strcat(argv[1],".txt"), "wb+");
while(fgets(string, 512, stdin) != NULL) {
    sscanf(string, "%s", choice);
    if(strcmp(choice, "add") == 0) {
        printf("%s\n", string); //print out what string is
        if(sscanf(string, "%s %s %s %s", choice, first, last, grade) == 4) {
                    printf("%s\n", choice);
                    printf("%s\n", first);
                    printf("%s\n", last);
                    printf("%s\n", grade);
                    addData(first, last, grade, fp, 0);
        }
    }
&lt;/code&gt;&lt;/pre&gt;
&lt;p&gt;As a test I enter in: add test tester 100&lt;/p&gt;
&lt;p&gt;Add data should put the information into the file.&lt;/p&gt;
&lt;pre&gt;&lt;code&gt;void addData(char first[], char last[], char grade[], FILE* fp) {
    rewind(fp);
    spaces(first, last, grade);
    fprintf(fp, first);
    fprintf(fp, last);
    fprintf(fp, grade);
}
void spaces(char first[], char last[], char grade[]) {
size_t i;
    for(i=strlen(first);i&amp;lt;20;i++)
        first[i] = ' ';
    for(i=strlen(last);i&amp;lt;20;i++)
        last[i] =  ' ';
    for(i=strlen(grade);i&amp;lt;=4;i++)
        grade[i] = ' ';
    grade[strlen(grade)-1] = '\0'; }
&lt;/code&gt;&lt;/pre&gt;
&lt;p&gt;When added into the file I expect to see:&lt;/p&gt;
&lt;pre&gt;&lt;code&gt;test                tester              100
&lt;/code&gt;&lt;/pre&gt;
&lt;p&gt;Instead I get:&lt;/p&gt;
&lt;pre&gt;&lt;code&gt; est                dd test tester 1000                   est                dd test tester 100100                   est                dd test tester 100
&lt;/code&gt;&lt;/pre&gt;
&lt;p&gt;On a 64 bit system of course I get this:&lt;/p&gt;
&lt;pre&gt;&lt;code&gt;test                tester              100
&lt;/code&gt;&lt;/pre&gt;
&lt;p&gt;What exactly is going on, why is it printing a bunch of information to my text file I didn't ask for? How would I potentially fix this so it works on 32 and 64 bit systems?&lt;/p&gt;</t>
  </si>
  <si>
    <t>2015-02-13 06:04:28.123000+00:00</t>
  </si>
  <si>
    <t>2015-02-13 06:53:48.110000+00:00</t>
  </si>
  <si>
    <t>2015-02-13 06:38:52.567000+00:00</t>
  </si>
  <si>
    <t>JACOB:Presentation.Export : PowerPoint can't save ^0 to ^1</t>
  </si>
  <si>
    <t>&lt;pre&gt;&lt;code&gt;public boolean PptExport2Png(String filePath,String exportPath){
    Boolean flag = false;
    ActiveXComponent component = new ActiveXComponent("PowerPoint.Application");
    try{
        Dispatch presentations = component.getProperty("Presentations").toDispatch();
        Dispatch presentation = Dispatch.call(presentations, "Open", new Variant(filePath),
                new Variant(-1), new Variant(-1), new Variant(0))
                .toDispatch();
        Dispatch.call(presentation,"Export",new Variant(exportPath),new Variant(720),new Variant(540));
    }catch (Exception e){
        System.out.println("|||" + e.toString());
    }finally {
    }
    return false;
}
public static void main(String[] strs)throws Exception{
    String filePath="D://ppttest.ppt";
    String pngPath="D://folder22";
    JacobPptUtils jac = new JacobPptUtils(filePath,true);
    jac.PptExport2Png(filePath,pngPath);
}
&lt;/code&gt;&lt;/pre&gt;
&lt;p&gt;I found that when i was using JACOB to export the ppt ,now,i have no any idea.please,give me some advice to deal it.&lt;/p&gt;
&lt;p&gt;Here are the way where i has try:
1. to modify the file path expression&lt;/p&gt;</t>
  </si>
  <si>
    <t>2016-05-27 09:06:05.413000+00:00</t>
  </si>
  <si>
    <t>java|jacob</t>
  </si>
  <si>
    <t>Extracting a storage_file's path then set it to a EditText and finally read that file using that path placed in EditText</t>
  </si>
  <si>
    <t>&lt;p&gt;Advance Thanks for your help!
I am searching for this solution for about two days but not solved yet. So, don't mark it as repetitive question.&lt;/p&gt;
&lt;p&gt;Here, how I have tried-
  Reading file path and setting to EditText: (it's working well)
I have used followings to read the file using that path-&lt;/p&gt;
&lt;pre&gt;&lt;code&gt;buttond3.setOnClickListener(new View.OnClickListener() {
        @Override
        public void onClick(View v) {
            File folders = new File(Environment.getExternalStorageDirectory() + "/" + "Information Security"+"/"+"Decrypted Files");
            if (!folders.exists()) {
                folders.mkdirs();
            }
            try {
                String path= String.valueOf(editTextd2.getText());
                String plain = getStringFromFile(path);
                String decrypted = Encryption_Decryption2.decrypt(plain, "000102030405060708090A0B0C0D0E0F");
                String file_name= String.valueOf(editTextd4.getText());
                File f = new File(folders + "/" + file_name);
                FileOutputStream fileOutput = new FileOutputStream(f);
                OutputStreamWriter outputStreamWriter = new OutputStreamWriter(fileOutput);
                outputStreamWriter.write(decrypted);
                outputStreamWriter.flush();
                fileOutput.getFD().sync();
                outputStreamWriter.close();
             }
            catch (Exception e) {
                e.printStackTrace();
            }
        }
    });
&lt;/code&gt;&lt;/pre&gt;
&lt;p&gt;Here is the getStringFromFile() method-&lt;/p&gt;
&lt;pre&gt;&lt;code&gt;public static String getStringFromFile (String filePath) throws Exception {
    File fl = new File(filePath);
    FileInputStream fin = new FileInputStream(fl);
    String ret = convertStreamToString(fin);
    fin.close();
    return ret;
}
public static String convertStreamToString(InputStream is) throws Exception {
    BufferedReader reader = new BufferedReader(new InputStreamReader(is));
    StringBuilder sb = new StringBuilder();
    String line = null;
    while ((line = reader.readLine()) != null) {
        sb.append(line).append("\n");
    }
    reader.close();
    return sb.toString();
}
&lt;/code&gt;&lt;/pre&gt;
&lt;p&gt;Just problem in reading the file using the path. Please help!!!&lt;/p&gt;</t>
  </si>
  <si>
    <t>2017-09-13 02:31:49.040000+00:00</t>
  </si>
  <si>
    <t>2017-09-13 04:52:34.063000+00:00</t>
  </si>
  <si>
    <t>android|file|uri|filepath</t>
  </si>
  <si>
    <t>extra database is being added to the Android File Explorer</t>
  </si>
  <si>
    <t>&lt;p&gt;I have an existing DB that I have been able to copy to my File Explorer, went on Youtube and tweeked the code, but I am getting 3 databases. under the /data/data/com.xxx.xxx/databases I get the following:&lt;/p&gt;
&lt;p&gt;ab.sqlite - this is the one I want
ab.sqlite-journal - I assume this is an Android file that needs to be created&lt;/p&gt;
&lt;p&gt;now under /data/data/com.xxx.xxx I get the following:&lt;/p&gt;
&lt;p&gt;&lt;strong&gt;databasesab.sqlite - where from is this coming?&lt;/strong&gt;&lt;/p&gt;
&lt;p&gt;here is the DataBaseHelper Code:&lt;/p&gt;
&lt;pre&gt;&lt;code&gt;`private static final String DB_PATH ="/data/data/com.xxx.xxx/databases";
    private static final String DB_NAME ="ab.sqlite";
    private static final int DB_VERSION=1;
//inserting Table names and column names
public static final String TABLE_NAME = "abc";
public static final String COLUMN_ID = "_id";
public static final String COLUMN_1 = "Voltage";
public SQLiteDatabase dbSqlite;
private final Context myContext;
public DatabaseHelper (Context context) {
    super(context, DB_NAME, null, DB_VERSION);
    this.myContext = context;
}
@Override
public void onCreate (SQLiteDatabase db) {
}
@Override
public void onUpgrade(SQLiteDatabase db, int oldVersion, int newVersion) {
}
public void createDatabase() {
    createDB();
}
private void createDB() {
    boolean dbExist = DBExists();
    if (!dbExist) {
        //Method we creates an empty database to default system location
        //Overwrite the database with our database.
        this.getReadableDatabase();
        //Copy the database we included
        copyDBFromResource();
    }   
}
    private boolean DBExists() {
        SQLiteDatabase db = null;
        try {
            String databasePath = DB_PATH + DB_NAME;
            db = SQLiteDatabase.openDatabase (databasePath, null, SQLiteDatabase.OPEN_READWRITE);
            db.setLocale (Locale.getDefault());
            db.setVersion(1);
        }catch (SQLiteException e) {
            Log.e("SqlHelper", "database not found");
        }
        if (db != null) {
            db.close();
        }
        return db !=null ? true : false;
}
    private void copyDBFromResource() {
        InputStream inputStream = null;
        OutputStream outStream = null;
        String dbFilePath = DB_PATH + DB_NAME;
        try {
            inputStream = myContext.getAssets().open(DB_NAME);
            outStream = new FileOutputStream(dbFilePath);
            byte [] buffer = new byte [1024];
            int length;
            while ((length = inputStream.read(buffer)) &amp;gt; 0) {
                outStream.write(buffer, 0, length);
            }
            outStream.flush();
            outStream.close();
            inputStream.close();
        } catch (IOException e) {
            throw new Error ("Problem copying database from resource file.");
        }
        }   
}
`        
&lt;/code&gt;&lt;/pre&gt;
&lt;p&gt;any help will be appreciated because I really can't seem to figure out the issue.&lt;/p&gt;</t>
  </si>
  <si>
    <t>2014-02-22 03:51:17.633000+00:00</t>
  </si>
  <si>
    <t>2014-02-22 04:35:12.340000+00:00</t>
  </si>
  <si>
    <t>2014-02-22 03:57:41.143000+00:00</t>
  </si>
  <si>
    <t>How to restore my added but not committed files that was modified by git</t>
  </si>
  <si>
    <t>&lt;p&gt;I did a stupid thing; I did 'git fetch' on local repository that was not committed. So my files now overwritten by it. How I can restore my plight that was before this stupid mistake?&lt;/p&gt;
&lt;p&gt;&lt;a href="https://i.stack.imgur.com/ic23g.png" rel="nofollow noreferrer"&gt;&lt;img src="https://i.stack.imgur.com/ic23g.png" alt="git_status_1"&gt;&lt;/a&gt;&lt;/p&gt;
&lt;p&gt;&lt;a href="https://i.stack.imgur.com/tvJcZ.png" rel="nofollow noreferrer"&gt;&lt;img src="https://i.stack.imgur.com/tvJcZ.png" alt="git_status_2"&gt;&lt;/a&gt;&lt;/p&gt;
&lt;p&gt;things that I've done:&lt;/p&gt;
&lt;ol&gt;
&lt;li&gt;Modify some file on web-github-commit this (because I'm stupid)&lt;/li&gt;
&lt;li&gt;git add .&lt;/li&gt;
&lt;li&gt;git commit -m &lt;/li&gt;
&lt;li&gt;git push origin branchA -&gt; that was rejected because of the commit I've done from website&lt;/li&gt;
&lt;li&gt;git reset --hard HEAD^ (because I'm really stupid)&lt;/li&gt;
&lt;li&gt;git push origin branchA -&gt; rejected because remote contains the work that I do not have locally (same reason as 4)&lt;/li&gt;
&lt;li&gt;git fetch -&gt; counting objects 5&lt;/li&gt;
&lt;li&gt;git reset --hard HEAD^ (this is the point when I was starting to think that I'm doing shit)&lt;/li&gt;
&lt;li&gt;git reset 'HEAD@{1}' -&gt; my files modified (I'm sorry initially I was thinking that git fetch botched my life)&lt;/li&gt;
&lt;/ol&gt;</t>
  </si>
  <si>
    <t>2018-04-04 21:10:25.683000+00:00</t>
  </si>
  <si>
    <t>2018-06-11 15:15:44.830000+00:00</t>
  </si>
  <si>
    <t>Comparing CGPoint and image center property</t>
  </si>
  <si>
    <t>&lt;p&gt;I could really do with some help here. I've spent the past couple of hours trying to work out how to compare the value of a CGPoint and the center property of an image. I had assumed the two values were in the form of x and y coordinates. Below is the code i have written.&lt;/p&gt;
&lt;pre&gt;&lt;code&gt;-(void) jigsawCompleted:(CGPoint) newcenter {
if(image1.center == newcenter &amp;amp;&amp;amp;
   image2.center == newcenter &amp;amp;&amp;amp;
   image3.center == newcenter &amp;amp;&amp;amp;
   image4.center == newcenter) {
    NSLog(@"success");
}
}
.......
.......
//if current touch is inside the rectangle
if (CGRectContainsPoint(snapToRect, location)) {
    touch.view.alpha = 1.0;
    //make a point with the coords below
    CGPoint newcenter = CGPointMake(78, 382);
    //assign the center coords of the current touch to this newly created point
    touch.view.center = newcenter;
    [self jigsawCompleted:newcenter];
    return;
} else {
    touch.view.alpha = 0.3;
}
&lt;/code&gt;&lt;/pre&gt;
&lt;p&gt;When comparing the two values in the jigsawCompleted method i get the error: Invalid operands to binary expression ('CGpoint' (aka 'struct CGPoint') and 'CGPoint').&lt;/p&gt;
&lt;p&gt;Any help please?&lt;/p&gt;</t>
  </si>
  <si>
    <t>2012-03-24 23:27:49.767000+00:00</t>
  </si>
  <si>
    <t>2012-03-24 23:33:19.677000+00:00</t>
  </si>
  <si>
    <t>objective-c|ios|image|uiimage|cgpoint</t>
  </si>
  <si>
    <t>Angular (v5) service is getting constructed before APP_INITIALIZER promise resolves</t>
  </si>
  <si>
    <t>&lt;p&gt;I'm expecting Angular to wait until my &lt;code&gt;loadConfig()&lt;/code&gt; function resolves before constructing other services, but it is not. &lt;/p&gt;
&lt;p&gt;&lt;strong&gt;app.module.ts&lt;/strong&gt;&lt;/p&gt;
&lt;pre&gt;&lt;code&gt;export function initializeConfig(config: AppConfig){
    return () =&amp;gt; config.loadConfig();
}
@NgModule({
     declarations: [...]
     providers: [
          AppConfig,
         { provide: APP_INITIALIZER, useFactory: initializeConfig, deps: [AppConfig], multi: true }
     ] })
export class AppModule {
&lt;/code&gt;&lt;/pre&gt;
&lt;p&gt;}&lt;/p&gt;
&lt;p&gt;&lt;strong&gt;app.config.ts&lt;/strong&gt;&lt;/p&gt;
&lt;pre&gt;&lt;code&gt;@Injectable()
export class AppConfig {
    config: any;
    constructor(
        private injector: Injector
    ){
    }
    public loadConfig() {
        const http = this.injector.get(HttpClient);
        return new Promise((resolve, reject) =&amp;gt; {
            http.get('http://mycoolapp.com/env')
                .map((res) =&amp;gt; res )
                .catch((err) =&amp;gt; {
                    console.log("ERROR getting config data", err );
                    resolve(true);
                    return Observable.throw(err || 'Server error while getting environment');
                })
                .subscribe( (configData) =&amp;gt; {
                    console.log("configData: ", configData);
                    this.config = configData;
                    resolve(true);
                });
        });
    }
}
&lt;/code&gt;&lt;/pre&gt;
&lt;p&gt;&lt;strong&gt;some-other-service.ts&lt;/strong&gt;&lt;/p&gt;
&lt;pre&gt;&lt;code&gt;@Injectable()
export class SomeOtherService {
    constructor(
        private appConfig: AppConfig
    ) {
         console.log("This is getting called before appConfig's loadConfig method is resolved!");
    }
 }
&lt;/code&gt;&lt;/pre&gt;
&lt;p&gt;The constructor of &lt;code&gt;SomeOtherService&lt;/code&gt; is getting called before the data is received from the server. This is a problem because then the fields in &lt;code&gt;SomeOtherService&lt;/code&gt; do not get set to their proper values.&lt;/p&gt;
&lt;p&gt;&lt;strong&gt;How do I ensure &lt;code&gt;SomeOtherService&lt;/code&gt;'s constructor gets called only AFTER the &lt;code&gt;loadConfig&lt;/code&gt;'s request is resolved?&lt;/strong&gt;&lt;/p&gt;</t>
  </si>
  <si>
    <t>2018-03-08 00:29:50.683000+00:00</t>
  </si>
  <si>
    <t>2018-03-28 08:46:18.733000+00:00</t>
  </si>
  <si>
    <t>angular|dependency-injection|angular-services|bootstrapping|angular-di</t>
  </si>
  <si>
    <t>How to know if a particular application is installed or not on the device?</t>
  </si>
  <si>
    <t>&lt;p&gt;I want to check whether an app is installed on the device or not. I am using code below :&lt;/p&gt;
&lt;pre&gt;&lt;code&gt;PackageManager pm = context.getPackageManager();
        List&amp;lt;PackageInfo&amp;gt; packageInfoList = pm.getInstalledPackages(PackageManager.GET_ACTIVITIES);
        if (packageInfoList != null) {
            for (PackageInfo packageInfo : packageInfoList) {
                Log.d(TAG, "--&amp;gt;"+packageInfo.packageName);
                String packageName = packageInfo.packageName;
                if (packageName != null &amp;amp;&amp;amp; packageName.equals(uri)) {
                    return true;
                }
            }
        }
        return false;
&lt;/code&gt;&lt;/pre&gt;
&lt;p&gt;Which gives me all the packages but not the one that I except.
I am trying to find this app : rootcloak and exposed installer
Not able to find these apps with the code above.&lt;/p&gt;</t>
  </si>
  <si>
    <t>2017-05-31 05:16:13.377000+00:00</t>
  </si>
  <si>
    <t>2017-05-31 06:14:27.413000+00:00</t>
  </si>
  <si>
    <t>constraints (?) changed after using MFMessageComposeViewController, MFMailComposeViewController</t>
  </si>
  <si>
    <t>&lt;p&gt;I have a detail view in a UISplitViewcontroller with a label "Remarks".&lt;/p&gt;
&lt;p&gt;It's height constraint is set to &amp;lt;= 63, it's bottom Space is set to a UITableView below it&lt;/p&gt;
&lt;p&gt;&lt;a href="https://i.stack.imgur.com/jWwOU.jpg" rel="nofollow noreferrer"&gt;&lt;img src="https://i.stack.imgur.com/jWwOU.jpg" alt="enter image description here"&gt;&lt;/a&gt;&lt;/p&gt;
&lt;p&gt;Remarks will be filled with text and I want to constrain it to a maximum of 3 lines (height = 21)&lt;/p&gt;
&lt;p&gt;This works perfectly :&lt;/p&gt;
&lt;p&gt;&lt;a href="https://i.stack.imgur.com/QrhVn.png" rel="nofollow noreferrer"&gt;&lt;img src="https://i.stack.imgur.com/QrhVn.png" alt="enter image description here"&gt;&lt;/a&gt;&lt;/p&gt;
&lt;p&gt;When the phone number is a cell phone, not only a phone is shown, but also a button to send a text message. However after showing an MFMessageComposeViewController (the same happens with MFMailComposeViewController for e-mail addresses), suddenly the Remark label is showing 4 lines :&lt;/p&gt;
&lt;p&gt;&lt;a href="https://i.stack.imgur.com/TMV3K.png" rel="nofollow noreferrer"&gt;&lt;img src="https://i.stack.imgur.com/TMV3K.png" alt="enter image description here"&gt;&lt;/a&gt;&lt;/p&gt;
&lt;p&gt;There is not much code to show, for the sake of completeness :&lt;/p&gt;
&lt;p&gt;to show:&lt;/p&gt;
&lt;pre&gt;&lt;code&gt;  @objc func sendEmail (sender : AnyObject) {
    let button = sender as! ActionButton
    let viewController = button.viewController
    var picker = MFMailComposeViewController()
    picker.mailComposeDelegate = viewController
    picker.setToRecipients([self.address!])
    viewController!.presentViewController(picker, animated: true, completion: nil)
}
&lt;/code&gt;&lt;/pre&gt;
&lt;p&gt;and to dismiss&lt;/p&gt;
&lt;pre&gt;&lt;code&gt;func mailComposeController(controller: MFMailComposeViewController!, didFinishWithResult result: MFMailComposeResult, error: NSError!) {
        dismissViewControllerAnimated(true, completion: nil)
    }
&lt;/code&gt;&lt;/pre&gt;
&lt;p&gt;I don't change anything on that storyboard view it (don't add fields or add/remove/change constraints)&lt;/p&gt;
&lt;p&gt;Anyone an idea on how this happens and how to fix it ?&lt;/p&gt;</t>
  </si>
  <si>
    <t>2015-10-12 08:59:40.730000+00:00</t>
  </si>
  <si>
    <t>2018-02-02 17:14:50.297000+00:00</t>
  </si>
  <si>
    <t>2015-10-12 09:43:15.027000+00:00</t>
  </si>
  <si>
    <t>swift|constraints</t>
  </si>
  <si>
    <t>Multiple remote_form_for on the same page causes duplicate ids</t>
  </si>
  <si>
    <t>&lt;p&gt;I've got a rails app that displays a list of items called modules.  I'm iterating over these, rendering a partial for each one that includes a remote_form_for call.&lt;/p&gt;
&lt;p&gt;This all works, but fails HTML validation because my form text fields all have the same id.  &lt;/p&gt;
&lt;p&gt;Is there a :prefix option  on the form (or something else) I can use to get around this?&lt;/p&gt;
&lt;p&gt;Update:&lt;br&gt;
(some code)&lt;/p&gt;
&lt;pre&gt;&lt;code&gt;    //_module_form.html.erb
    &amp;lt;% remote_form_for app_module do |f| %&amp;gt;
         &amp;lt;%= f.label :name %&amp;gt;
         &amp;lt;%= f.text_field :name %&amp;gt;
         &amp;lt;%= submit_tag 'Save' %&amp;gt;
    &amp;lt;%end %&amp;gt;
    //parent page
    &amp;lt;% @thing.modules.each do |app_module| %&amp;gt;
       &amp;lt;%= render :partial =&amp;gt; "module_form", :locals =&amp;gt; { :app_module =&amp;gt; app_module } %&amp;gt;
    &amp;lt;% end %&amp;gt;
&lt;/code&gt;&lt;/pre&gt;
&lt;p&gt;So if I have more than 1 item in the collection, I render the identical form on the same page, and the form id and textbox id are duplicated.&lt;/p&gt;
&lt;p&gt;I can customize the form id pretty easily, but what about the text_box, since the controller is looking for specific named controls?&lt;/p&gt;</t>
  </si>
  <si>
    <t>2010-03-11 14:29:09.683000+00:00</t>
  </si>
  <si>
    <t>2010-07-13 20:38:13.140000+00:00</t>
  </si>
  <si>
    <t>2010-03-11 19:52:53.790000+00:00</t>
  </si>
  <si>
    <t>Protractor cannot find angular on window</t>
  </si>
  <si>
    <t>&lt;p&gt;I am trying to write a basic e2e test with protractor. Below is my test. I've added the console.log to see if I can access the URL, the output in the log shows the result of the call to &lt;code&gt;browser.getLocationAbsUrl()&lt;/code&gt; is a promise that is 'pending' (&lt;code&gt;Promise::105 {[[PromiseStatus]]: "pending"}&lt;/code&gt;). The error I get is &lt;code&gt;Error while waiting for Protractor to sync with the page: "angular could not be found on the window"&lt;/code&gt;&lt;/p&gt;
&lt;pre&gt;&lt;code&gt;describe "routes", () -&amp;gt;
  it "should automatically redirect to / when location hash/fragment is empty", () -&amp;gt;
    browser.navigate 'index.html'
    console.log browser.getLocationAbsUrl()
    expect(browser.getLocationAbsUrl()).toBe '/'
&lt;/code&gt;&lt;/pre&gt;
&lt;p&gt;My config file is simple:&lt;/p&gt;
&lt;pre&gt;&lt;code&gt;exports.config = {
  seleniumAddress: 'http://localhost:4444/wd/hub',
  baseUrl: 'http://localhost:8000',
  capabilities: {
    'browserName': 'chrome'
  },
  troubleshoot: true,
  specs: ['app/spec/e2e/**/*.coffee']
}
&lt;/code&gt;&lt;/pre&gt;</t>
  </si>
  <si>
    <t>2015-05-18 13:43:37.730000+00:00</t>
  </si>
  <si>
    <t>2015-05-19 11:31:50.273000+00:00</t>
  </si>
  <si>
    <t>javascript|angularjs|protractor|e2e-testing</t>
  </si>
  <si>
    <t>mutex as class member</t>
  </si>
  <si>
    <t>&lt;pre&gt;&lt;code&gt; class temp
 {
    boost::mutex mx;
    void CriticalCode() {
        boost::mutex::scoped_lock scoped_lock(mx); 
        //Do Something
        return;
    }
 }
&lt;/code&gt;&lt;/pre&gt;
&lt;ol&gt;
&lt;li&gt;&lt;p&gt;If this class is allocated on the heap (&lt;code&gt;temp* T = new temp()&lt;/code&gt;), will this be thread safe (for each instance, not all instances together)?&lt;/p&gt;&lt;/li&gt;
&lt;li&gt;&lt;p&gt;If I make &lt;code&gt;boost::mutex mx&lt;/code&gt; -&gt; &lt;code&gt;boost::mutex* mx&lt;/code&gt;, and allocate it in the constructor so it will be allocated on the heap, will the code be thread safe also?&lt;/p&gt;&lt;/li&gt;
&lt;li&gt;&lt;p&gt;If answer to 1 and 2 are no, how can I make each instance thread safe?&lt;/p&gt;&lt;/li&gt;
&lt;/ol&gt;</t>
  </si>
  <si>
    <t>2011-05-10 08:10:21.750000+00:00</t>
  </si>
  <si>
    <t>2011-05-10 09:14:21.120000+00:00</t>
  </si>
  <si>
    <t>c++|multithreading|boost|mutex</t>
  </si>
  <si>
    <t>angular 2 access custom validator return to inform user</t>
  </si>
  <si>
    <t>&lt;p&gt;here's a simple custom validator in angular 2&lt;/p&gt;
&lt;pre&gt;&lt;code&gt;hasUpperCase(control:FormControl):{[s:string]:boolean}{
    if (/[A-Z]/.test(control.value) === true { return null }
    else{ return {noUpperCase:true} }
}
&lt;/code&gt;&lt;/pre&gt;
&lt;p&gt;How can I access the else return, so that I can prompt the user that the input has no upper case?&lt;/p&gt;
&lt;p&gt;Thanks!&lt;/p&gt;</t>
  </si>
  <si>
    <t>2016-08-16 21:49:01.313000+00:00</t>
  </si>
  <si>
    <t>2016-08-17 11:07:12.420000+00:00</t>
  </si>
  <si>
    <t>validation|angular</t>
  </si>
  <si>
    <t>FB.api('/me/accounts',...) got broken April 30th 2015</t>
  </si>
  <si>
    <t>&lt;p&gt;After April 30th 2015, when Graph API v1.0 Deprecation performed, the code below has not given accounts any more, though it worked earlier:&lt;/p&gt;
&lt;pre&gt;&lt;code&gt;FB.api('/me/accounts', 'get', {}, function(response) {...} );
&lt;/code&gt;&lt;/pre&gt;
&lt;p&gt;However you get the accounts if you copy accessToken from Graph API Explorer and paste to code below:&lt;/p&gt;
&lt;pre&gt;&lt;code&gt;var access_token = 'CAACEd...';
FB.api('/me/accounts', 'get', 
{"access_token":access_token}, function(response) {...} );
&lt;/code&gt;&lt;/pre&gt;
&lt;p&gt;AccessToken should though get programmable. Below is the right way for getting it, but it gives different (wrong) accessToken value than Graph API Explorer. Why?&lt;/p&gt;
&lt;pre&gt;&lt;code&gt;var access_token = FB.getAuthResponse()['accessToken'];
&lt;/code&gt;&lt;/pre&gt;</t>
  </si>
  <si>
    <t>2015-05-07 15:48:47.850000+00:00</t>
  </si>
  <si>
    <t>Display date parameter as a calendar Control in Tableau</t>
  </si>
  <si>
    <t>&lt;p&gt;Is it possible to display date parameter in tableau as a calendar?
Thanks&lt;/p&gt;</t>
  </si>
  <si>
    <t>2017-01-30 16:11:05.540000+00:00</t>
  </si>
  <si>
    <t>2017-01-30 16:30:09.827000+00:00</t>
  </si>
  <si>
    <t>tableau</t>
  </si>
  <si>
    <t>How should I build a history from a text in rails effective</t>
  </si>
  <si>
    <t>&lt;p&gt;I'm looking for some suggestions to build a history in a database effective, from a text which changes over time.&lt;/p&gt;
&lt;p&gt;The only idea which I have at the moment is, to calculate the difference between the "old" and the  "new" text. And save this difference in the history tabel from the text.&lt;/p&gt;
&lt;p&gt;But the big question for me is, how can I show the change between two versions. If I only save the difference, the connection between the "old" and the "new" text gets lost.&lt;/p&gt;
&lt;p&gt;Regards, dot&lt;/p&gt;</t>
  </si>
  <si>
    <t>2014-04-25 15:18:34.633000+00:00</t>
  </si>
  <si>
    <t>2014-04-28 18:10:50.093000+00:00</t>
  </si>
  <si>
    <t>Weird issue while deploying ruby on rails app to AWS</t>
  </si>
  <si>
    <t>&lt;p&gt;I'm currently trying to setup cronjobs using whenever on an AWS server, but when  i try to run the script/rails file I get the following message:&lt;/p&gt;
&lt;pre&gt;&lt;code&gt;-bash: script/rails: /usr/bin/ruby^M: bad interpreter: No such file or directory
&lt;/code&gt;&lt;/pre&gt;
&lt;p&gt;While the script/rails file contains the following: &lt;/p&gt;
&lt;pre&gt;&lt;code&gt;#!/usr/bin/ruby
# This command will automatically be run when you run "rails" with Rails 3 gems installed from the root of your application.
APP_PATH = File.expand_path('../../config/application',  __FILE__)
require File.expand_path('../../config/boot',  __FILE__)
require 'rails/commands'
&lt;/code&gt;&lt;/pre&gt;
&lt;p&gt;It looks like to me for whatever reason an extra ^M is being appended to the first line. Also note that I'm developing on windows and deploying to an AWS ubuntu server. Does anyone have an idea of how I can fix this issue? I'm trying to give as much guidance as i can, but this is a weird problem. Note: I tried just creating the file on the ubuntu machine through ssh but it then tries to execute rails itself when i do script/rails.
Thanks,
Cody&lt;/p&gt;</t>
  </si>
  <si>
    <t>2014-05-27 23:38:05.863000+00:00</t>
  </si>
  <si>
    <t>2014-05-28 00:14:47.533000+00:00</t>
  </si>
  <si>
    <t>ruby-on-rails|ruby|amazon-web-services</t>
  </si>
  <si>
    <t>Sqlite in mono, SQLiteConnection could not be found</t>
  </si>
  <si>
    <t>&lt;p&gt;I am not sure how to correct this error.&lt;/p&gt;
&lt;pre&gt;&lt;code&gt;The type or namespace name `SQLiteConnection' could not be found. Are you missing a using directive or an assembly reference?
&lt;/code&gt;&lt;/pre&gt;
&lt;p&gt;I included the reference Mono.Data Mono.Data.Sqlite Mono.Data.SqliteClient  and a few non related refs. I am using&lt;/p&gt;
&lt;pre&gt;&lt;code&gt;//using System.Data.SQLite; //&amp;lt;-- this line was all i needed in msvs
using Mono.Data.Sqlite;
using Mono.Data.SqliteClient;
using System;
using System.Data;
using Mono.Data.SqliteClient
&lt;/code&gt;&lt;/pre&gt;</t>
  </si>
  <si>
    <t>2009-05-05 18:58:01.933000+00:00</t>
  </si>
  <si>
    <t>2016-11-17 08:04:33.540000+00:00</t>
  </si>
  <si>
    <t>2012-05-04 11:48:24.763000+00:00</t>
  </si>
  <si>
    <t>user34537</t>
  </si>
  <si>
    <t>c#|sqlite|mono</t>
  </si>
  <si>
    <t>mod_rewrite, clean URLs, and GET parameters</t>
  </si>
  <si>
    <t>&lt;p&gt;first I want to apologise profusely - I searched dozens of questions and I'm still at a complete loss (self-learner at a non-profit with limited knowledge of PHP).&lt;/p&gt;
&lt;p&gt;I have a URL like this &lt;code&gt;http://www.welcomedesk.org/index.php?lang=en&amp;amp;page=home&lt;/code&gt;
(all links redirect to index.php)&lt;/p&gt;
&lt;p&gt;I would like it to show like &lt;code&gt;http://www.welcomedesk.org/en/home&lt;/code&gt;&lt;/p&gt;
&lt;p&gt;I have a mod_rewrite with this:
    RewriteEngine On&lt;/p&gt;
&lt;pre&gt;&lt;code&gt;RewriteCond %{REQUEST_FILENAME} !-f
RewriteCond %{REQUEST_FILENAME} !-d
RewriteRule ^([^/]+)/([^/]+)$ index.php?lang=$1&amp;amp;page=$2 [L]
&lt;/code&gt;&lt;/pre&gt;
&lt;p&gt;It's working! But I don't know what to do with my usual menu links? They are all subject to this function:&lt;/p&gt;
&lt;pre&gt;&lt;code&gt;function redoUrl($addvalues = array())
{
$query = '?';
$keysnew = array_keys($addvalues);
$myget = $_GET;
for ($i = 0; $i &amp;lt; count($addvalues); $i++)
{
    $myget[$keysnew[$i]] = $addvalues[$keysnew[$i]];
}
$keys = array_keys($myget);
$i = 0;
//echo('&amp;lt;pre&amp;gt;'.print_r($addvalues).'&amp;lt;/pre&amp;gt;');
foreach($myget as $get_param)
{
    if('' &amp;lt;&amp;gt;$get_param)
    {
        if ($query &amp;lt;&amp;gt; '?') { $query .= '&amp;amp;'; }
        $query .= $keys[$i] . '=' . $get_param;     
    }
    $i++;
}
return basename($_SERVER['PHP_SELF']).$query;
}
&lt;/code&gt;&lt;/pre&gt;
&lt;p&gt;Do I need to change this function? Do I need to hand-rewrite all of my links?&lt;/p&gt;
&lt;p&gt;Furthermore, the files are named &lt;code&gt;$page_$lang.inc.php&lt;/code&gt; and inserted to populate content, everything is situated in the main folder, but when I access &lt;code&gt;/en/home&lt;/code&gt; it assumes that the new folder is /en/ and no longer finds anything. The mod_rewrite seems to forget that /en/ was a GET parameter and just loses it.&lt;/p&gt;</t>
  </si>
  <si>
    <t>2013-12-19 14:26:45.037000+00:00</t>
  </si>
  <si>
    <t>2013-12-19 14:30:40.840000+00:00</t>
  </si>
  <si>
    <t>apache|.htaccess|mod-rewrite|parameters|get</t>
  </si>
  <si>
    <t>How do i return the new image from the function?</t>
  </si>
  <si>
    <t>&lt;p&gt;I added the line&lt;/p&gt;
&lt;pre&gt;&lt;code&gt;if (newWidth &amp;gt;= 1 &amp;amp;&amp;amp; newHeight &amp;gt;= 1)
&lt;/code&gt;&lt;/pre&gt;
&lt;p&gt;And now i'm getting the error &lt;/p&gt;
&lt;p&gt;Error   1   'Images_Batch_Resize.Form1.ResizeImage(string, int, int)': not all code paths return a value&lt;/p&gt;
&lt;pre&gt;&lt;code&gt;private static Bitmap ResizeImage(String filename, int maxWidth, int maxHeight)
        {
            using (Image originalImage = Image.FromFile(filename))
            {
                //Caluate new Size
                int newWidth = originalImage.Width;
                int newHeight = originalImage.Height;
                double aspectRatio = (double)originalImage.Width / (double)originalImage.Height;
                if (aspectRatio &amp;lt;= 1 &amp;amp;&amp;amp; originalImage.Width &amp;gt; maxWidth)
                {
                    newWidth = maxWidth;
                    newHeight = (int)Math.Round(newWidth / aspectRatio);
                }
                else if (aspectRatio &amp;gt; 1 &amp;amp;&amp;amp; originalImage.Height &amp;gt; maxHeight)
                {
                    newHeight = maxHeight;
                    newWidth = (int)Math.Round(newHeight * aspectRatio);
                }
                if (newWidth &amp;gt;= 1 &amp;amp;&amp;amp; newHeight &amp;gt;= 1)
                {
                    Bitmap newImage = new Bitmap(newWidth, newHeight);
                    using (Graphics g = Graphics.FromImage(newImage))
                    {
                        //--Quality Settings Adjust to fit your application
                        g.InterpolationMode = System.Drawing.Drawing2D.InterpolationMode.HighQualityBilinear;
                        g.SmoothingMode = System.Drawing.Drawing2D.SmoothingMode.HighQuality;
                        g.PixelOffsetMode = System.Drawing.Drawing2D.PixelOffsetMode.HighQuality;
                        g.CompositingQuality = System.Drawing.Drawing2D.CompositingQuality.HighQuality;
                        g.DrawImage(originalImage, 0, 0, newImage.Width, newImage.Height);
                        return newImage;
                    }
                }
            }
&lt;/code&gt;&lt;/pre&gt;</t>
  </si>
  <si>
    <t>2016-01-19 20:30:09.517000+00:00</t>
  </si>
  <si>
    <t>2016-01-19 20:45:18.767000+00:00</t>
  </si>
  <si>
    <t>SKPhysicsBody polygonFrom path efficiency</t>
  </si>
  <si>
    <t>&lt;p&gt;When creating a physicsbody using &lt;strong&gt;polygonFrom: CGPath&lt;/strong&gt;, does the size &lt;strong&gt;(area)&lt;/strong&gt; of the polygons affect the game's efficiency? &lt;/p&gt;
&lt;p&gt;I'm not sure whether it's best to create a smaller physicsbody containing more polygons, or create a larger physicbody using less polygons to combat any kind of lag. Or should my goal be to meet in the middle and have minimal polygons with a minimal size? Cheers.&lt;/p&gt;</t>
  </si>
  <si>
    <t>2018-03-19 04:47:08.787000+00:00</t>
  </si>
  <si>
    <t>swift|sprite-kit</t>
  </si>
  <si>
    <t>for and file command in shell</t>
  </si>
  <si>
    <t>&lt;p&gt;I have studied shell recently and I saw a sample code in the book and here it is:&lt;/p&gt;
&lt;p&gt;File.sh&lt;/p&gt;
&lt;pre&gt;&lt;code&gt;#!bin/bash
file_count=0;
for file in *
do
  let file+=1
done
echo "There are $file_count files in folder"
&lt;/code&gt;&lt;/pre&gt;
&lt;p&gt;I tried this code and result is so weird.&lt;/p&gt;
&lt;p&gt;I has three files in folder, &lt;code&gt;File.sh&lt;/code&gt;, &lt;code&gt;Test.sh&lt;/code&gt;, &lt;code&gt;Child.sh&lt;/code&gt; but &lt;code&gt;file_count&lt;/code&gt; value is 6 in result.&lt;/p&gt;
&lt;p&gt;I print value of file and the result is:&lt;/p&gt;
&lt;pre&gt;&lt;code&gt;child.sh
child.sh~
File.sh
Test~
Test.sh
Test.sh~
&lt;/code&gt;&lt;/pre&gt;
&lt;p&gt;Wonder why this happened.&lt;/p&gt;</t>
  </si>
  <si>
    <t>2014-05-26 08:08:35.657000+00:00</t>
  </si>
  <si>
    <t>2014-05-26 08:12:41.333000+00:00</t>
  </si>
  <si>
    <t>bash|file|shell</t>
  </si>
  <si>
    <t>How to remove duplicates when use full join and have null values in cells</t>
  </si>
  <si>
    <t>&lt;p&gt;This is my basic table: &lt;/p&gt;
&lt;blockquote&gt;
  &lt;p&gt;number            |SITE_WT    |SITE_WT_DATA   |SITE_NWT   |SITE_NWT_DATA A&lt;br&gt;
  |1            |NULL           |1          |NULL&lt;/p&gt;
&lt;/blockquote&gt;
&lt;p&gt;and this is my select and full joins:&lt;/p&gt;
&lt;pre&gt;&lt;code&gt; SELECT      Number,T1.site ,T2.site,T3.site ,T4.site   
     FROM [A] AS T1
     FULL JOIN [B] AS T2
        ON T1.number=T2.number  
     FULL JOIN [C] AS T3
        ON  T2.number = T3.number  
     FULL JOIN [D] AS T4
        ON T3.number=T4.number 
&lt;/code&gt;&lt;/pre&gt;
&lt;p&gt;This is the result :&lt;/p&gt;
&lt;blockquote&gt;
  &lt;p&gt;number  |SITE_WT  |SITE_WT_DATA   |SITE_NWT   |SITE_NWT_DATA   A     |1234&lt;br&gt;
  |NULL         |NULL       |NULL   A     |NULL     |NULL           |1234&lt;br&gt;
  |NULL&lt;/p&gt;
&lt;/blockquote&gt;
&lt;p&gt;I have the problem with &lt;strong&gt;Null&lt;/strong&gt; and it break my &lt;strong&gt;join&lt;/strong&gt; and i have duplicates, because the correct result  must be, only one row for every different number,Any suggestions how to  do it &lt;/p&gt;
&lt;p&gt;Correct result :&lt;/p&gt;
&lt;blockquote&gt;
  &lt;p&gt;number  |SITE_WT  |SITE_WT_DATA   |SITE_NWT   |SITE_NWT_DATA   A     |1234&lt;br&gt;
  |NULL         |1234       |NULL&lt;/p&gt;
&lt;/blockquote&gt;</t>
  </si>
  <si>
    <t>2017-02-24 08:42:59.197000+00:00</t>
  </si>
  <si>
    <t>2017-02-24 12:10:10.887000+00:00</t>
  </si>
  <si>
    <t>user7186061</t>
  </si>
  <si>
    <t>sql-server|join|null|duplicates</t>
  </si>
  <si>
    <t>Zend Navigation issue</t>
  </si>
  <si>
    <t>&lt;p&gt;I'm using Zend navigation to display menu items on the site. &lt;/p&gt;
&lt;p&gt;in below bootstrap function,  what does it mean by 'layout' in&lt;br&gt;
$this-&gt;bootstrap('layout') ? Is it layout file name with path ?, since i have several modules, its bit confusing.&lt;/p&gt;
&lt;pre&gt;&lt;code&gt;protected function _initNavigation()
{
    $this-&amp;gt;bootstrap('layout');
    $layout = $this-&amp;gt;getResource('layout');
    $view = $layout-&amp;gt;getView();             
    $config = new Zend_Config_Xml(APPLICATION_PATH . '/configs/navigation.xml', 'nav');
     $container = new Zend_Navigation($config);
     $view-&amp;gt;navigation($container);
} 
&lt;/code&gt;&lt;/pre&gt;</t>
  </si>
  <si>
    <t>2012-08-03 13:44:33.913000+00:00</t>
  </si>
  <si>
    <t>2012-08-04 16:36:26.890000+00:00</t>
  </si>
  <si>
    <t>php|zend-framework|zend-navigation</t>
  </si>
  <si>
    <t>What is it exactly meant by "This is an 'on-wire' format structure."?</t>
  </si>
  <si>
    <t>&lt;p&gt;The following code is excerpted from in6addr.h in Windows SDK:&lt;/p&gt;
&lt;pre&gt;&lt;code&gt;//
// IPv6 Internet address (RFC 2553)
// This is an 'on-wire' format structure.
//
typedef struct in6_addr {
    union {
        UCHAR       Byte[16];
        USHORT      Word[8];
    } u;
} IN6_ADDR, *PIN6_ADDR, FAR *LPIN6_ADDR;
&lt;/code&gt;&lt;/pre&gt;
&lt;p&gt;I'm not a native English developer. So please forgive me for asking a stupid-looking question:&lt;/p&gt;
&lt;p&gt;What is it exactly meant by "This is an '&lt;strong&gt;on-wire&lt;/strong&gt;' format structure."&lt;/p&gt;</t>
  </si>
  <si>
    <t>2013-01-13 11:57:42.310000+00:00</t>
  </si>
  <si>
    <t>2015-11-01 02:09:09.827000+00:00</t>
  </si>
  <si>
    <t>sdk|coding-style|comments</t>
  </si>
  <si>
    <t>mpdf writeHTML on every pages</t>
  </si>
  <si>
    <t>&lt;p&gt;I'm actually trying to create a custom PDF with mpdf (&lt;a href="https://mpdf.github.io" rel="nofollow noreferrer"&gt;https://mpdf.github.io&lt;/a&gt;). But I'm facing some difficulties with a simple problem.
I wanna put a rotated text (rotate:90) on every pages in the margin.&lt;/p&gt;
&lt;p&gt;At first attempt, I try to use the header/footer and using the absolute position for placing my text. Doesn't work....My text is just not showing.&lt;/p&gt;
&lt;p&gt;Second attempt, I try to use the waterMark. I got my text on every page but I cannot move my text...So it's not really a good solution either.&lt;/p&gt;
&lt;p&gt;Third attempt, I try using "writeHTML" but it's only work for the first page...&lt;/p&gt;
&lt;p&gt;Some code if you dare try to help me:
CSS&lt;/p&gt;
&lt;pre&gt;&lt;code&gt;#infos {
 position: absolute;
 bottom: 100px;
 left: 30px;
 rotate: -90;
 font-size: 8px;
 color: #CBCBCB}
&lt;/code&gt;&lt;/pre&gt;
&lt;p&gt;PHP&lt;/p&gt;
&lt;pre&gt;&lt;code&gt;$mpdf-&amp;gt;WriteHTML('&amp;lt;div id="infos"&amp;gt;'.$infos.'&amp;lt;/div&amp;gt;', 2);
&lt;/code&gt;&lt;/pre&gt;</t>
  </si>
  <si>
    <t>2018-01-19 14:00:57.190000+00:00</t>
  </si>
  <si>
    <t>2018-01-19 15:23:54.147000+00:00</t>
  </si>
  <si>
    <t>php|css|mpdf</t>
  </si>
  <si>
    <t>How to subtract specific elements in a list using functional programming in Mathematica?</t>
  </si>
  <si>
    <t>&lt;p&gt;I have a list of dates and values in the format: &lt;/p&gt;
&lt;pre&gt;&lt;code&gt;{{{dateInfo1},value1},{{dateInfo2},value2},...,{{dateInfoN},valueN}}
&lt;/code&gt;&lt;/pre&gt;
&lt;p&gt;With some actual dates and values:&lt;/p&gt;
&lt;pre&gt;&lt;code&gt;{{{1971, 1, 31, 0, 0, 0.}, 1.0118}, {{1971, 2, 28, 0, 0, 0}, 1.0075},
 ..., {{2010, 5, 31, 0, 0, 0.}, 1.0403}}
&lt;/code&gt;&lt;/pre&gt;
&lt;p&gt;&lt;em&gt;For those curious, it's a list of US versus CAD $ values pulled from the &lt;a href="http://research.stlouisfed.org/fred2/" rel="nofollow noreferrer"&gt;FRED database&lt;/a&gt;.&lt;/em&gt;&lt;/p&gt;
&lt;p&gt;I would like to simply subtract value1 from value 2, and then create a new list with data in the form of:&lt;/p&gt;
&lt;pre&gt;&lt;code&gt; {{{dateInfo1},0},{{dateInfo2},change1},...,{{dateInfoN},changeN-1}}
&lt;/code&gt;&lt;/pre&gt;
&lt;p&gt;&lt;em&gt;(with change1 being value2-value1)&lt;/em&gt;&lt;/p&gt;
&lt;p&gt;I know there must be a relatively easy way to do this using functional programming, as opposed to Do or While with index variables and counting and all that nonsense. The method I'm trying to accomplish has to be relatively robust, because I am automatically pulling in datasets from sources that have the same formatting, but different time intervals. Replotting is then much easier if I don't have to specify the ListPlot date intervals (which would happen if I stripped the dateInfo from the list).&lt;/p&gt;
&lt;p&gt;I am familiar with the Documentation Center and non-programming Mathematica capabilities. I have been learning programming with Mathematica, and really want to extend that ability into functional programming, but have found most of the resources on the topic a bit too difficult. I feel like I am at that hump in the learning curve where it's about to click into place, but right now I am struggling. At the very least if you have a good source  on functional programming I would be more than happy to look into those! Any help is much appreciated! Sorry if it's TMI, but I'm sure many of you have felt the same way.&lt;/p&gt;</t>
  </si>
  <si>
    <t>2010-06-24 00:29:19.103000+00:00</t>
  </si>
  <si>
    <t>2016-01-17 23:16:07.027000+00:00</t>
  </si>
  <si>
    <t>list|date|functional-programming|wolfram-mathematica</t>
  </si>
  <si>
    <t>NSData from base64 encoded binary string?</t>
  </si>
  <si>
    <t>&lt;p&gt;I have a file that I am reading as binary, and encoding it with base64, and sending it via an api.&lt;/p&gt;
&lt;p&gt;The file looks like this:&lt;/p&gt;
&lt;pre&gt;&lt;code&gt;f = File.open 'brass.syx'
 =&amp;gt; #&amp;lt;File:brass.syx&amp;gt;
2.2.0 :022 &amp;gt; f.binmode
 =&amp;gt; #&amp;lt;File:brass.syx&amp;gt;
2.2.0 :023 &amp;gt; f.read
 =&amp;gt; "\xF0C\x00\t \x00*8\x14Fc\x00\x00\x00c\x00\x00\x00?\x04O\x0E\x1507\x162b=&amp;gt;\x00\x00\x00\x00\x000\x04F\x06\x06B\\\x1625=&amp;gt;\x00\x00\x00\x00\x008\x04O\x02\x00.#\x168cVV\x00\x00\x00\x00\x009\fO\x02\x00%\"\x0F@U\x00\x00\x00\x00\x00\x00\x00:\bC\x02\x009\x18\x13&amp;lt;cVV\x00\x00\x00\x00\x00:\bc\x02\x00^C_&amp;lt;5222\x11\x0F#\x00\x05\x00\x10\x18BRASS 1   M8\x14Fc\x00\x00\x00\x00\x00\x00\x00?\x00O\x0E\x1507\x162b=&amp;gt;\x00\x00\x00\x00\x000\x00F\x06\x06B\\\x1625=&amp;gt;\x00\x00\x00\x00\x008\x00O\x02\x00.#\x162cVV\x00\x00\x00\x00\x009\x04M\x02\x00%\"\x0FFU\x00\x00\x00\x00\x00\x00\x00:\x04F\x02\x007\x18\x137cVV\x00\x00\x00\x00\x00:\bc\x02\x00^C_&amp;lt;2222\x11\x0E#\x00\x05\x000\x18BRASS 2   5 \x1C:ca`\x00\x00\x00\x00\x05d\bP\x00\x00C$\eGcac\x00'\x00\x00\x0F@\x00c\x00\x00C$\eGcac\x00'\x00\x00\x0FH\x00c\x00\x00C$\eGcac\x00'\x00\x00\x0F0\x00c\x00\x00# \x1C:ca`\x00\x00\x00\x00\x05\\\x00X\x00\x00C$\eGcac\x00'\x00\x00\x0F8\x00c\x00\x00T__&amp;lt;2222\x15\x0F%\x00\x00\x00\b\x18BRASS 3   M\e\x101Zc[\x00\x00\x00\f\x00p\x000\x06\x00F\e\x101Zc[\x00\x00\x00\x04\x00P\x00[\x00\x00F\e\x101Zc[\x00\x00\x00\x00\x00\b\x00L\x00\x00@(\x17*ca^\x00\x00\x00\x00\x00H\x00c\x00\x002\x1A\x12\x1F^c_\x00(\x00\x05\x00h\x00X\x00\x00Acc)ccc\x00\x00\x00\x00\x00 \x00c\x00\x00cccc2222\x01\r!\x00\n\x00\x11\x18BRASS 4   F\e\x101Zc[\x00\x00\x00\f\x00\b\x00c\x02\x00F\e\x101Zc[\x00\x00\x00\x04\x00\b\x00A\x00\x00F\e\x101Zc[\x00\x00\x00\x00\x00h\x00F\x00\x00@(\x17*ca^\x00\x00\x00\x00\x00p\x00c\x00\x002\x1A\t*^c]\x00(\x00\x05\x00p\x00S\x00\x00Acc)ccc\x00\x00\x00\x00\x00(\x00c\x00\x00cccc2222\b\x0E\x0E\x00\r\x00\x11\x18BRASS ENS F\r&amp;lt;5bPU\x006\x00\x00\x00I\x00\\\x0225\r&amp;lt;5bPU\x006\x00\x00\x009\x009\x0225\r&amp;lt;5bPU\x006\x00\x00\x00)\x04T\x022&amp;gt;F\x146c\\T\x00\x00\x00\x00\x00Z\x00b\x0225.&amp;lt;5b__\x006\x00\x00\x00\x01\x04R\x02\x00&amp;gt;F\x146ca_\x00\x00\x00\x00\x00:\x04c\x02\x00^C_&amp;lt;2222\x01\x0F&amp;amp;!\x00G\x10\fBRASS 5THSH\e\x101Zc[\x00\x00\x00\f\x00p\x00c\x06\x00F\e\x101Zc[\x00\x00\x00\x04\x00P\x00I\x00\x00F\e\x101Zc[\x00\x00\x00\x00\x00\x18\x00U\x00\x00@(\x17*ca^\x00\x00\x00\x00\x00H\x00c\x00\x002\x1A\x12\x1F^c_\x00(\x00\x05\x00P\x00Y\x00\x00Acc)ccc\x00\x00\x00\x00\x008\x00c\x00\x00cccc2222\e\x0F!\x00\n\x00\x01\x18PERCBRASS F$\x1A3c`^\x00\x00\x00\x00\x049\x03Q\x02\x009B\x113c^Z\x00'\x00\x00\x06;\x03c\x02\x009B\x113c^Z\x00'\x00\x00\x06;\x03c\x02\x008\x11\x113c^Z\x00'\x00\x00\x06;\x03c\x02\x00F%\x038c6\x00\x00'\x00\x00\x06:\aY\x00\b&amp;lt;B0:c6\x00\x00'\x00\x00\x06:\ac\x00\x00T__&amp;lt;2222\x15\r\x1E\x00\x00\x00\x18\fBRASS BC1 2=\x130cbc\x00'\x00\x0E\x00\t\x03P\x02\x012\x14\x142c__\x00\x00\x00\x00\x00:\x03c\x02\x002\x14\x141c__\x00\x00\x00\x00\x00:\x03a\x02\x002\x14\x141c`_\x00\x00\x00\x00\x00:\x03c\x02\x002\x0F\x0F1ccc\x00.\x00=\x00r\x007\x00@2\x14\x141c__\x00\x00\x00\x00\x00:\x03c\x02\x00^C_&amp;lt;2222\x15\x0F\"!\x00\x00\x18\x18BRASS BC2 M\x1E\x104ca`\x00\x00\x00\x03\x00\x1A\x06R\x02\x012\e\x104cac\x00\x00\x00\x00\x00R\x03c\x01\x0F2\e\x104cac\x00\x00\x00\x00\x00:\x03a\x01\x0F2\e\x104cac\x00\x00\x00\x00\x00\"\x03c\x01\x0F6\x1C&amp;amp;1cba\x00.\x00c\x00r\t^\x02\x0081-3c`c\x00\x00\x00\x00\x00\x02\x03c\x01\x00^C_&amp;lt;2222\x15\x0F\"!\x00\x00\x18\fBC BRSENSM5 \x182ca^\x00\x00\x00\x00\x00P\x1CM\x02\x005 \x182ca^\x00\x00\x00\x00\x00P\x10O\x02\x005\x1E\x162ca^\x00\x00\x00\x00\x000\f@\x02\x00.#\x162c`_\x00\x00\x00\x00\x00K\x18O\x02\x00%\"\x0FFU\x00\x00\x00\x00\x00\x00\x00Z\f`\x02\x00=\x17\x117cVV\x00\x00\x00\x00\x00*\x04c\x02\x00^C_&amp;lt;1322\x11\x0F#\x00\x00\x00\x00\fHORNS 1   M8\x14Fc\x00\x00\x00\x00\x00\x00\x00?\x00O\x0E\x1507\x162b=&amp;gt;\x00\x00\x00\x00\x000\x00F\x06\x06B\\\x1625=&amp;gt;\x00\x00\x00\x00\x008\x00R\x02\x00.#\x162c`_\x00\x00\x00\x00\x00;\x10P\x02\x00%\"\x0FFU\x00\x00\x00\x00\x00\x00\x00:\x04F\x02\x00=\x17\x117cVV\x00\x00\x00\x00\x00:\bc\x02\x00^C_&amp;lt;2222\x11\x0F#\x00\x00\x000\fHORNS 2   M8\x14Fc\x00\x00\x00\x00\x00\x00\x00?\x00T\x0E\x1507\x162b=&amp;gt;\x00\x00\x00\x00\x000\x00F\x06\x06B\\\x1625A&amp;gt;\x00\x00\x00\x00\x008\x00]\x02\x00.#\x118cV[\x00\x00\x00\x00\x00r\fP\x02\x00-\"2@ca_\x00\x00\x00\x00\x00r\bS\x02\x009\x18\x13&amp;lt;cV\\\x00\x00\x00\x00\x00:\x00c\x02\x00^C_&amp;lt;5222\x11\x0F#\x00\x00\x00\x10\fHORNS 3   M \x182ca^\x00\x00\x00\x00\x00P\x1CM\x02\x005 \x182ca^\x00\x00\x00\x00\x00P\x10O\x02\x005\x1E\x162ca^\x00\x00\x00\x00\x000\f@\x02\x00.#\x162c`_\x00\x00\x00\x00\x00K\x18O\x02\x00%\"\x0FFU\x00\x00\x00\x00\x00\x00\x00Z\f`\x02\x00=\x17\x117cVV\x00\x00\x00\x00\x00*\x04c\x02\x00^C_&amp;lt;1322\x11\x0F#\x00\x00\x00\x00\fHORNS 4   #\x19\x1CDccc\x00'62\x05t\x1AT\x02\x002\x13\x1FGc`c\x00'\x00\x00\x0F(\x04c\x02\x002\x13\x1FGc`c\x00'\x00\x00\x0FH\x04c\x02\x002\x13\x1FGc`c\x00'\x00\x00\x0FH\x04c\x02\x004\x1A\x1D/c``\x00\e\x00\x04\x03H\x01^\x02\x009\x18\x122c^`\x00'\x00\x00\x0FB\x04c\x02\x00T__&amp;lt;2222\x15\x0F 8\x00\x00\b\fHORNS 5   ;\x19\x1CDc^^\x00'62\x05t\rO\x02\x004$)Gcbb\x00'\x00\x00\x0F(\bc\x02\x007$)Gcbb\x00'\x00\x00\x0FH\bc\x02\x009LRGcbb\x00'\x00\x00\x0FH\bc\x02\x004\x1A\x1D/]ba\x00\e\x00\x04\x03H\x00S\x02\x009\x18\x122c^`\x00'\x00\x00\x0FB\x00c\x02\x00T__&amp;lt;2222\x15\x0F 8\x00\x00\b\fHORNS 6   c\e\x101Zc[\x00\x00\x00\f\x00p\f^\x00\x00.\e\x105Zc[\x00\x00\x00\x04\x008\x00T\x00\x00.\e\x101Zc[\x00\x00\x00\x00\x00(\x00K\x00\x00E(\x17,ca^\x00\x00\x00\x00\x00 \x00c\x01#1\x1A\x12*^c\x00\x00(\x00\x05\x00P\bU\x00\x00Bcc,ccc\x00\x00\x00\x00\x00(\x00c\x01!cccc2222\b\x0E#\x00\x00\x00\x01\x18HORNS 7   F8\x14Fc\x00\x00\x00\x00\x00\x00\x00?\x04T\x0E\x1507\x162b=&amp;gt;\x00\x00\x00\x00\x000\x04F\x06\x06B\\\x1625A&amp;gt;\x00\x00\x00\x00\x008\x04]\x02\x004\x1C28cVX\x00\x00\x00\x00\x00r\rW\x02\x004\x1C28cVZ\x00\x00\x00\x00\x00r\x05`\x02\x009\x18\x13&amp;lt;cV\\\x00\x00\x00\x00\x00:\x04c\x02\x00^C_&amp;lt;5222\x11\x0F#\x00\x00\x00\x00\fHORNS BC1 58\x14Fc\x00\x00\x00\x00\x00\x00\x00?\x00O\x0E\x0007\x162b=&amp;gt;\x00\x00\x00\x00\x000\x00F\x06\"B\\\x1625=&amp;gt;\x00\x00\x00\x00\x008\x03R\x02\x00.#\x162c`_\x00\x00\x00\x00\x00;\x03O\x02\x00%\"\x0FFca_\x00\x00\x00\x00\x00:\x03Q\x02\x00=\x1C,7c\\c\x00\x00\x00\x00\x00:\x03c\x02\x00^C_&amp;lt;1322\x11\x0F#\x00\x00\x00\x10\x18HORNS BC2 ,8\x14Fc\x00\x00\x00\x00\x00\x00\x00?\x04O\x0E\x1507\x162b=&amp;gt;\x00\x00\x00\x00\x000\x04F\x06\x06B\\\x1625=&amp;gt;\x00\x00\x00\x00\x008\x04O\x02\x00.#\x168cVV\x00\x00\x00\x00\x009\fO\x02\x00%\"\x0F@U\x00\x00\x00\x00\x00\x00\x00:\bC\x02\x009\x18\x13&amp;lt;cVV\x00\x00\x00\x00\x00:\bc\x02\x00^C_&amp;lt;5222\x11\x0F#\x00\x03\x00\x10\fFRENCHHORN.8\x14Fc\x00\x00\x00\x00\x00\x00\x00?\fc\x0E\x150\f\x162c==\x00\x00\x00\x00\x005\x002\f\x04BL\x162c==\x00?\x00\x00\x00=\x10J\x02\x00)\f\x162c==\x00\x00\x00\x00\x00=\x04O\x02\x00c\f\x162U\x00\x00\x00D\x00`\x04:\x1C2\x04\x05F\x18\x137cVV\x00\x00\x00\x00\x00:\x10c\x02\x00VC_&amp;lt;4222\x11\x0F\"-\x05\x00 \x18TRUMPET   M\e\x10\x1FZc^\x00\x00\x00\x11\x00\b\x00c\x04\x00F\e\x10(Zc_\x00\x00\x00\x00\x00p\x00A\x00\x00F\e\x10'Zc^\x00\x00\x00\x00\x00\b\x00R\x00\x00@(\x17*ca^\x00\x00\x00\x00\x008\x00c\x00\x002\x1A\t$^c^\x00\x18\x00\x05\x00p\x04V\x00\x00Acc)ccc\x00\x00\x00\x00\x00h\x00c\x00\x00cccc2222\b\x0E\x17\x00\v\x00!\x18ANLGBRASS cL\n c\\\x00\x00\x00\x00\x00\x008\x00R\x04\x00LI\n7c\\\x00\x00\x00\x00\x00\x008\x00P\x04\x008J\n-bb$\x00b\x00\x00\x008\x00H\x04\x006\x0F\n/c\\\x00\x00\x00\x00\x00\x00h\x00`\x04\x005. =c]Z\x00\x00\x00\x00\x00\b\x00S\x02\x00P8\n-bb$\x00b\x00\x00\x008\x00c\x02\x00T__&amp;lt;2222\x01\x0F\x1E?\x06\x008\fORCHESTRA ccccccc\x00\x00\x00\x00\x008\x00\x00\x02\x00ccccccc\x00\x00\x00\x00\x008\x00\x00\x02\x00ccccccc\x00\x00\x00\x00\x008\x00\x00\x02\x00ccccccc\x00\x00\x00\x00\x008\x00\x00\x02\x00ccccccc\x00\x00\x00\x00\x008\x00\x00\x02\x00ccccccc\x00\x00\x00\x00\x008\x00c\x02\x00cccc2222\x00\b#\x00\x00\x001\x18          ccccccc\x00\x00\x00\x00\x008\x00\x00\x02\x00ccccccc\x00\x00\x00\x00\x008\x00\x00\x02\x00ccccccc\x00\x00\x00\x00\x008\x00\x00\x02\x00ccccccc\x00\x00\x00\x00\x008\x00\x00\x02\x00ccccccc\x00\x00\x00\x00\x008\x00\x00\x02\x00ccccccc\x00\x00\x00\x00\x008\x00c\x02\x00cccc2222\x00\b#\x00\x00\x001\x18          ccccccc\x00\x00\x00\x00\x008\x00\x00\x02\x00ccccccc\x00\x00\x00\x00\x008\x00\x00\x02\x00ccccccc\x00\x00\x00\x00\x008\x00\x00\x02\x00ccccccc\x00\x00\x00\x00\x008\x00\x00\x02\x00ccccccc\x00\x00\x00\x00\x008\x00\x00\x02\x00ccccccc\x00\x00\x00\x00\x008\x00c\x02\x00cccc2222\x00\b#\x00\x00\x001\x18          ccccccc\x00\x00\x00\x00\x008\x00\x00\x02\x00ccccccc\x00\x00\x00\x00\x008\x00\x00\x02\x00ccccccc\x00\x00\x00\x00\x008\x00\x00\x02\x00ccccccc\x00\x00\x00\x00\x008\x00\x00\x02\x00ccccccc\x00\x00\x00\x00\x008\x00\x00\x02\x00ccccccc\x00\x00\x00\x00\x008\x00c\x02\x00cccc2222\x00\b#\x00\x00\x001\x18          ccccccc\x00\x00\x00\x00\x008\x00\x00\x02\x00ccccccc\x00\x00\x00\x00\x008\x00\x00\x02\x00ccccccc\x00\x00\x00\x00\x008\x00\x00\x02\x00ccccccc\x00\x00\x00\x00\x008\x00\x00\x02\x00ccccccc\x00\x00\x00\x00\x008\x00\x00\x02\x00ccccccc\x00\x00\x00\x00\x008\x00c\x02\x00cccc2222\x00\b#\x00\x00\x001\x18          ccccccc\x00\x00\x00\x00\x008\x00\x00\x02\x00ccccccc\x00\x00\x00\x00\x008\x00\x00\x02\x00ccccccc\x00\x00\x00\x00\x008\x00\x00\x02\x00ccccccc\x00\x00\x00\x00\x008\x00\x00\x02\x00ccccccc\x00\x00\x00\x00\x008\x00\x00\x02\x00ccccccc\x00\x00\x00\x00\x008\x00c\x02\x00cccc2222\x00\b#\x00\x00\x001\x18          ccccccc\x00\x00\x00\x00\x008\x00\x00\x02\x00ccccccc\x00\x00\x00\x00\x008\x00\x00\x02\x00ccccccc\x00\x00\x00\x00\x008\x00\x00\x02\x00ccccccc\x00\x00\x00\x00\x008\x00\x00\x02\x00ccccccc\x00\x00\x00\x00\x008\x00\x00\x02\x00ccccccc\x00\x00\x00\x00\x008\x00c\x02\x00cccc2222\x00\b#\x00\x00\x001\x18          ccccccc\x00\x00\x00\x00\x008\x00\x00\x02\x00ccccccc\x00\x00\x00\x00\x008\x00\x00\x02\x00ccccccc\x00\x00\x00\x00\x008\x00\x00\x02\x00ccccccc\x00\x00\x00\x00\x008\x00\x00\x02\x00ccccccc\x00\x00\x00\x00\x008\x00\x00\x02\x00ccccccc\x00\x00\x00\x00\x008\x00c\x02\x00cccc2222\x00\b#\x00\x00\x001\x18          ccccccc\x00\x00\x00\x00\x008\x00\x00\x02\x00ccccccc\x00\x00\x00\x00\x008\x00\x00\x02\x00ccccccc\x00\x00\x00\x00\x008\x00\x00\x02\x00ccccccc\x00\x00\x00\x00\x008\x00\x00\x02\x00ccccccc\x00\x00\x00\x00\x008\x00\x00\x02\x00ccccccc\x00\x00\x00\x00\x008\x00c\x02\x00cccc2222\x00\b#\x00\x00\x001\x18          q\xF7"
 2.2.0 :024 &amp;gt; Base64.encode64 _ # &amp;lt;-- what is sent over the wire
  =&amp;gt; "8EMACSAAKjgURmMAAABjAAAAPwRPDhUwNxYyYj0+AAAAAAAwBEYGBkJcFjI1\nPT4AAAAAADgETwIALiMWOGNWVgAAAAAAOQxPAgAlIg9AVQAAAAAAAAA6CEMC\nADkYEzxjVlYAAAAAADoIYwIAXkNfPDUyMjIRDyMABQAQGEJSQVNTIDEgICBN\nOBRGYwAAAAAAAAA/AE8OFTA3FjJiPT4AAAAAADAARgYGQlwWMjU9PgAAAAAA\nOABPAgAuIxYyY1ZWAAAAAAA5BE0CACUiD0ZVAAAAAAAAADoERgIANxgTN2NW\nVgAAAAAAOghjAgBeQ188MjIyMhEOIwAFADAYQlJBU1MgMiAgIDUgHDpjYWAA\nAAAABWQIUAAAQyQbR2NhYwAnAAAPQABjAABDJBtHY2FjACcAAA9IAGMAAEMk\nG0djYWMAJwAADzAAYwAAIyAcOmNhYAAAAAAFXABYAABDJBtHY2FjACcAAA84\nAGMAAFRfXzwyMjIyFQ8lAAAACBhCUkFTUyAzICAgTRsQMVpjWwAAAAwAcAAw\nBgBGGxAxWmNbAAAABABQAFsAAEYbEDFaY1sAAAAAAAgATAAAQCgXKmNhXgAA\nAAAASABjAAAyGhIfXmNfACgABQBoAFgAAEFjYyljY2MAAAAAACAAYwAAY2Nj\nYzIyMjIBDSEACgARGEJSQVNTIDQgICBGGxAxWmNbAAAADAAIAGMCAEYbEDFa\nY1sAAAAEAAgAQQAARhsQMVpjWwAAAAAAaABGAABAKBcqY2FeAAAAAABwAGMA\nADIaCSpeY10AKAAFAHAAUwAAQWNjKWNjYwAAAAAAKABjAABjY2NjMjIyMggO\nDgANABEYQlJBU1MgRU5TIEYNPDViUFUANgAAAEkAXAIyNQ08NWJQVQA2AAAA\nOQA5AjI1DTw1YlBVADYAAAApBFQCMj5GFDZjXFQAAAAAAFoAYgIyNS48NWJf\nXwA2AAAAAQRSAgA+RhQ2Y2FfAAAAAAA6BGMCAF5DXzwyMjIyAQ8mIQBHEAxC\nUkFTUyA1VEhTSBsQMVpjWwAAAAwAcABjBgBGGxAxWmNbAAAABABQAEkAAEYb\nEDFaY1sAAAAAABgAVQAAQCgXKmNhXgAAAAAASABjAAAyGhIfXmNfACgABQBQ\nAFkAAEFjYyljY2MAAAAAADgAYwAAY2NjYzIyMjIbDyEACgABGFBFUkNCUkFT\nUyBGJBozY2BeAAAAAAQ5A1ECADlCETNjXloAJwAABjsDYwIAOUIRM2NeWgAn\nAAAGOwNjAgA4EREzY15aACcAAAY7A2MCAEYlAzhjNgAAJwAABjoHWQAIPEIw\nOmM2AAAnAAAGOgdjAABUX188MjIyMhUNHgAAABgMQlJBU1MgQkMxIDI9EzBj\nYmMAJwAOAAkDUAIBMhQUMmNfXwAAAAAAOgNjAgAyFBQxY19fAAAAAAA6A2EC\nADIUFDFjYF8AAAAAADoDYwIAMg8PMWNjYwAuAD0AcgA3AEAyFBQxY19fAAAA\nAAA6A2MCAF5DXzwyMjIyFQ8iIQAAGBhCUkFTUyBCQzIgTR4QNGNhYAAAAAMA\nGgZSAgEyGxA0Y2FjAAAAAABSA2MBDzIbEDRjYWMAAAAAADoDYQEPMhsQNGNh\nYwAAAAAAIgNjAQ82HCYxY2JhAC4AYwByCV4CADgxLTNjYGMAAAAAAAIDYwEA\nXkNfPDIyMjIVDyIhAAAYDEJDIEJSU0VOU001IBgyY2FeAAAAAABQHE0CADUg\nGDJjYV4AAAAAAFAQTwIANR4WMmNhXgAAAAAAMAxAAgAuIxYyY2BfAAAAAABL\nGE8CACUiD0ZVAAAAAAAAAFoMYAIAPRcRN2NWVgAAAAAAKgRjAgBeQ188MTMy\nMhEPIwAAAAAMSE9STlMgMSAgIE04FEZjAAAAAAAAAD8ATw4VMDcWMmI9PgAA\nAAAAMABGBgZCXBYyNT0+AAAAAAA4AFICAC4jFjJjYF8AAAAAADsQUAIAJSIP\nRlUAAAAAAAAAOgRGAgA9FxE3Y1ZWAAAAAAA6CGMCAF5DXzwyMjIyEQ8jAAAA\nMAxIT1JOUyAyICAgTTgURmMAAAAAAAAAPwBUDhUwNxYyYj0+AAAAAAAwAEYG\nBkJcFjI1QT4AAAAAADgAXQIALiMROGNWWwAAAAAAcgxQAgAtIjJAY2FfAAAA\nAAByCFMCADkYEzxjVlwAAAAAADoAYwIAXkNfPDUyMjIRDyMAAAAQDEhPUk5T\nIDMgICBNIBgyY2FeAAAAAABQHE0CADUgGDJjYV4AAAAAAFAQTwIANR4WMmNh\nXgAAAAAAMAxAAgAuIxYyY2BfAAAAAABLGE8CACUiD0ZVAAAAAAAAAFoMYAIA\nPRcRN2NWVgAAAAAAKgRjAgBeQ188MTMyMhEPIwAAAAAMSE9STlMgNCAgICMZ\nHERjY2MAJzYyBXQaVAIAMhMfR2NgYwAnAAAPKARjAgAyEx9HY2BjACcAAA9I\nBGMCADITH0djYGMAJwAAD0gEYwIANBodL2NgYAAbAAQDSAFeAgA5GBIyY15g\nACcAAA9CBGMCAFRfXzwyMjIyFQ8gOAAACAxIT1JOUyA1ICAgOxkcRGNeXgAn\nNjIFdA1PAgA0JClHY2JiACcAAA8oCGMCADckKUdjYmIAJwAAD0gIYwIAOUxS\nR2NiYgAnAAAPSAhjAgA0Gh0vXWJhABsABANIAFMCADkYEjJjXmAAJwAAD0IA\nYwIAVF9fPDIyMjIVDyA4AAAIDEhPUk5TIDYgICBjGxAxWmNbAAAADABwDF4A\nAC4bEDVaY1sAAAAEADgAVAAALhsQMVpjWwAAAAAAKABLAABFKBcsY2FeAAAA\nAAAgAGMBIzEaEipeYwAAKAAFAFAIVQAAQmNjLGNjYwAAAAAAKABjASFjY2Nj\nMjIyMggOIwAAAAEYSE9STlMgNyAgIEY4FEZjAAAAAAAAAD8EVA4VMDcWMmI9\nPgAAAAAAMARGBgZCXBYyNUE+AAAAAAA4BF0CADQcMjhjVlgAAAAAAHINVwIA\nNBwyOGNWWgAAAAAAcgVgAgA5GBM8Y1ZcAAAAAAA6BGMCAF5DXzw1MjIyEQ8j\nAAAAAAxIT1JOUyBCQzEgNTgURmMAAAAAAAAAPwBPDgAwNxYyYj0+AAAAAAAw\nAEYGIkJcFjI1PT4AAAAAADgDUgIALiMWMmNgXwAAAAAAOwNPAgAlIg9GY2Ff\nAAAAAAA6A1ECAD0cLDdjXGMAAAAAADoDYwIAXkNfPDEzMjIRDyMAAAAQGEhP\nUk5TIEJDMiAsOBRGYwAAAAAAAAA/BE8OFTA3FjJiPT4AAAAAADAERgYGQlwW\nMjU9PgAAAAAAOARPAgAuIxY4Y1ZWAAAAAAA5DE8CACUiD0BVAAAAAAAAADoI\nQwIAORgTPGNWVgAAAAAAOghjAgBeQ188NTIyMhEPIwADABAMRlJFTkNISE9S\nTi44FEZjAAAAAAAAAD8MYw4VMAwWMmM9PQAAAAAANQAyDARCTBYyYz09AD8A\nAAA9EEoCACkMFjJjPT0AAAAAAD0ETwIAYwwWMlUAAABEAGAEOhwyBAVGGBM3\nY1ZWAAAAAAA6EGMCAFZDXzw0MjIyEQ8iLQUAIBhUUlVNUEVUICAgTRsQH1pj\nXgAAABEACABjBABGGxAoWmNfAAAAAABwAEEAAEYbECdaY14AAAAAAAgAUgAA\nQCgXKmNhXgAAAAAAOABjAAAyGgkkXmNeABgABQBwBFYAAEFjYyljY2MAAAAA\nAGgAYwAAY2NjYzIyMjIIDhcACwAhGEFOTEdCUkFTUyBjTAogY1wAAAAAAAA4\nAFIEAExJCjdjXAAAAAAAADgAUAQAOEoKLWJiJABiAAAAOABIBAA2DwovY1wA\nAAAAAABoAGAEADUuID1jXVoAAAAAAAgAUwIAUDgKLWJiJABiAAAAOABjAgBU\nX188MjIyMgEPHj8GADgMT1JDSEVTVFJBIGNjY2NjY2MAAAAAADgAAAIAY2Nj\nY2NjYwAAAAAAOAAAAgBjY2NjY2NjAAAAAAA4AAACAGNjY2NjY2MAAAAAADgA\nAAIAY2NjY2NjYwAAAAAAOAAAAgBjY2NjY2NjAAAAAAA4AGMCAGNjY2MyMjIy\nAAgjAAAAMRggICAgICAgICAgY2NjY2NjYwAAAAAAOAAAAgBjY2NjY2NjAAAA\nAAA4AAACAGNjY2NjY2MAAAAAADgAAAIAY2NjY2NjYwAAAAAAOAAAAgBjY2Nj\nY2NjAAAAAAA4AAACAGNjY2NjY2MAAAAAADgAYwIAY2NjYzIyMjIACCMAAAAx\nGCAgICAgICAgICBjY2NjY2NjAAAAAAA4AAACAGNjY2NjY2MAAAAAADgAAAIA\nY2NjY2NjYwAAAAAAOAAAAgBjY2NjY2NjAAAAAAA4AAACAGNjY2NjY2MAAAAA\nADgAAAIAY2NjY2NjYwAAAAAAOABjAgBjY2NjMjIyMgAIIwAAADEYICAgICAg\nICAgIGNjY2NjY2MAAAAAADgAAAIAY2NjY2NjYwAAAAAAOAAAAgBjY2NjY2Nj\nAAAAAAA4AAACAGNjY2NjY2MAAAAAADgAAAIAY2NjY2NjYwAAAAAAOAAAAgBj\nY2NjY2NjAAAAAAA4AGMCAGNjY2MyMjIyAAgjAAAAMRggICAgICAgICAgY2Nj\nY2NjYwAAAAAAOAAAAgBjY2NjY2NjAAAAAAA4AAACAGNjY2NjY2MAAAAAADgA\nAAIAY2NjY2NjYwAAAAAAOAAAAgBjY2NjY2NjAAAAAAA4AAACAGNjY2NjY2MA\nAAAAADgAYwIAY2NjYzIyMjIACCMAAAAxGCAgICAgICAgICBjY2NjY2NjAAAA\nAAA4AAACAGNjY2NjY2MAAAAAADgAAAIAY2NjY2NjYwAAAAAAOAAAAgBjY2Nj\nY2NjAAAAAAA4AAACAGNjY2NjY2MAAAAAADgAAAIAY2NjY2NjYwAAAAAAOABj\nAgBjY2NjMjIyMgAIIwAAADEYICAgICAgICAgIGNjY2NjY2MAAAAAADgAAAIA\nY2NjY2NjYwAAAAAAOAAAAgBjY2NjY2NjAAAAAAA4AAACAGNjY2NjY2MAAAAA\nADgAAAIAY2NjY2NjYwAAAAAAOAAAAgBjY2NjY2NjAAAAAAA4AGMCAGNjY2My\nMjIyAAgjAAAAMRggICAgICAgICAgY2NjY2NjYwAAAAAAOAAAAgBjY2NjY2Nj\nAAAAAAA4AAACAGNjY2NjY2MAAAAAADgAAAIAY2NjY2NjYwAAAAAAOAAAAgBj\nY2NjY2NjAAAAAAA4AAACAGNjY2NjY2MAAAAAADgAYwIAY2NjYzIyMjIACCMA\nAAAxGCAgICAgICAgICBjY2NjY2NjAAAAAAA4AAACAGNjY2NjY2MAAAAAADgA\nAAIAY2NjY2NjYwAAAAAAOAAAAgBjY2NjY2NjAAAAAAA4AAACAGNjY2NjY2MA\nAAAAADgAAAIAY2NjY2NjYwAAAAAAOABjAgBjY2NjMjIyMgAIIwAAADEYICAg\nICAgICAgIHH3\n"
&lt;/code&gt;&lt;/pre&gt;
&lt;p&gt;When my the api call is resolved, I have tried both:&lt;/p&gt;
&lt;pre&gt;&lt;code&gt;    NSString *string = [NSString stringWithFormat:@"data:application/octet-stream;base64,%@", encodedString];
    NSURL *url = [NSURL URLWithString:string];
    NSData *data = [NSData dataWithContentsOfURL:URL];
&lt;/code&gt;&lt;/pre&gt;
&lt;p&gt;and&lt;/p&gt;
&lt;pre&gt;&lt;code&gt;    NSData *data = [[NSData alloc] initWithBase64EncodedString:encodedString options:0];
&lt;/code&gt;&lt;/pre&gt;
&lt;p&gt;Both result in data being nil...  How can I properly get an NSData object from my base64 encoded string of binary data?&lt;/p&gt;</t>
  </si>
  <si>
    <t>2016-06-13 16:17:20.350000+00:00</t>
  </si>
  <si>
    <t>2016-06-13 20:22:02.617000+00:00</t>
  </si>
  <si>
    <t>Built a text slider with jQuery but needs some improvement</t>
  </si>
  <si>
    <t>&lt;p&gt;I built a small slider with jQuery a few months ago, and I'm recycling it to use in a new project. Originally, it was sliding images, but I need it to slide text. Here is the jQuery:&lt;/p&gt;
&lt;pre&gt;&lt;code&gt;$(document).ready(function () {
var About = {
    init: function () {
        var text_spans = $('.headline-box span'),
            extracts = new Array(),
            delay = 5,
            current = 0;
        text_spans.each(function (index) {
            if ($(this).is(":visible")) {
                current = index;
            }
            extracts.push($(this));
        });
        var interval = setInterval(function () {
            target = (current &amp;lt; (extracts.length - 1)) ? current + 1 : 0;
            extracts[current].slideUp('slow');
            extracts[target].slideDown('slow');
            current = target;
        }, delay * 500);
    }
}
About.init();
});
&lt;/code&gt;&lt;/pre&gt;
&lt;p&gt;However, right now it doesn't work very well. For example:&lt;/p&gt;
&lt;ul&gt;
&lt;li&gt;When it gets to the end of the loop of &lt;code&gt;span&lt;/code&gt;'s, it takes a delay (that is built into the code) instead of automatically cycling round to the first &lt;code&gt;span&lt;/code&gt; again.&lt;/li&gt;
&lt;li&gt;I have two instances of the same slider on my page, using the same classname etc. However, it only executes one at a time (i.e one executes in a loop, and then the other will start).&lt;/li&gt;
&lt;li&gt;Sometimes the &lt;code&gt;span&lt;/code&gt;'s will have &lt;code&gt;display: block;&lt;/code&gt; as inline CSS instead of &lt;code&gt;display: inline;&lt;/code&gt;. Usually it only happens to the first one in the loop.&lt;/li&gt;
&lt;/ul&gt;
&lt;p&gt;To give you a bit of context, it's supposed to be used as a news-ticker type thing which is automated. At the moment I have 3 &lt;code&gt;span&lt;/code&gt;'s in the loop but I need to be able to add more.&lt;/p&gt;
&lt;p&gt;Sorry if this sounds like a list of demands, but I've been going through it for a while now with no luck.&lt;/p&gt;
&lt;p&gt;Thank you to anyone who can help :)&lt;/p&gt;</t>
  </si>
  <si>
    <t>2013-01-30 18:10:57.587000+00:00</t>
  </si>
  <si>
    <t>2013-01-30 21:40:44.360000+00:00</t>
  </si>
  <si>
    <t>jquery|slider</t>
  </si>
  <si>
    <t>How do I add new text to elements of the same class without overwriting my existing elements?</t>
  </si>
  <si>
    <t>&lt;p&gt;Sorry if my question isn't clear. 
Basically I have the following code   &lt;/p&gt;
&lt;p&gt;HTML:&lt;/p&gt;
&lt;pre&gt;&lt;code&gt;    &amp;lt;div class="container"&amp;gt;
        &amp;lt;textarea class="newText" placeholder="Have something to say?"&amp;gt;&amp;lt;/textarea&amp;gt;
        &amp;lt;button class="btn btn-default btn-sm"&amp;gt;Post&amp;lt;/button&amp;gt;
    &amp;lt;/div&amp;gt;
&amp;lt;div class="main"&amp;gt;
    &amp;lt;div class="postFeed"&amp;gt;
        &amp;lt;ul class="postFeedElements"&amp;gt;
            &amp;lt;li&amp;gt;
                &amp;lt;ul class="iconList pull-right"&amp;gt;
                    &amp;lt;li&amp;gt; &amp;lt;span class="remove glyphicon glyphicon-remove" data-toggle="tooltip" data-placement="right" title="Remove"&amp;gt;&amp;lt;/span&amp;gt;
                    &amp;lt;/li&amp;gt;
                &amp;lt;/ul&amp;gt;
                &amp;lt;li&amp;gt;
                     &amp;lt;h4 class="noSelect"&amp;gt; Text&amp;lt;/h4&amp;gt;
                &amp;lt;/li&amp;gt;
        &amp;lt;/ul&amp;gt;
    &amp;lt;/div&amp;gt;
&amp;lt;/div&amp;gt;
&lt;/code&gt;&lt;/pre&gt;
&lt;p&gt;JQuery:&lt;/p&gt;
&lt;pre&gt;&lt;code&gt;var newPost = function () {
$('.btn').click(function () {
    var post = $('.newText').val();
    $('&amp;lt;div class="postFeed"&amp;gt;&amp;lt;ul class="postFeedElements"&amp;gt;&amp;lt;li&amp;gt;&amp;lt;ul class="iconList pull-right"&amp;gt;&amp;lt;li&amp;gt;&amp;lt;span class="remove glyphicon glyphicon-remove" data-toggle="tooltip" data-placement="right" title="Remove Post"&amp;gt;&amp;lt;/span&amp;gt;&amp;lt;/li&amp;gt;&amp;lt;/ul&amp;gt;&amp;lt;li&amp;gt;&amp;lt;h4 class="noSelect"&amp;gt;&amp;lt;/h4&amp;gt;&amp;lt;/li&amp;gt;&amp;lt;/ul&amp;gt;&amp;lt;/div&amp;gt;').appendTo('.container');
    $('.noSelect').text(post);
    $('.newText').val(" ");
});
&lt;/code&gt;&lt;/pre&gt;
&lt;p&gt;&lt;a href="http://jsfiddle.net/r8umr1m3/" rel="nofollow"&gt;http://jsfiddle.net/r8umr1m3/&lt;/a&gt;&lt;/p&gt;
&lt;p&gt;Text input in the texarea gets passed into a new heading of an identical div element.&lt;br&gt;
Currently when new text is passed to a new div, it overwrites any existing text in existing divs as each heading element shares the same class. How can I make it so each element has different text based on the input in the textarea whilst still keeping the same class?&lt;/p&gt;
&lt;p&gt;Thanks,&lt;/p&gt;</t>
  </si>
  <si>
    <t>2015-05-21 13:22:02.990000+00:00</t>
  </si>
  <si>
    <t>2015-05-21 13:51:13.010000+00:00</t>
  </si>
  <si>
    <t>spring integration jms channel setting concurrent-consumers is causing data corruption</t>
  </si>
  <si>
    <t>&lt;p&gt;I'm using spring integration jms channel to consume messages from the queue and process it.&lt;/p&gt;
&lt;p&gt;Here is my inbound-channel-config.xml&lt;/p&gt;
&lt;pre&gt;&lt;code&gt;&amp;lt;jms:message-driven-channel-adapter id="jmsIn"
            destination="requestQueue"
            channel="routingChannel" 
            connection-factory="cachingConnectionFactory" 
            error-channel="errorChannel"
            concurrent-consumers="${jms_adapter_concurrent_consumers}" /&amp;gt;
&lt;/code&gt;&lt;/pre&gt;
&lt;p&gt;Here when i set concurrent-consumers to a value greater than 1, the messages that i consume gets corrupted while processing. I'm consuming XML and Json messages from the queue and while parsing the data, i could see that some of its contents are changed and set to some random value.&lt;/p&gt;
&lt;p&gt;The above config works fine only when concurrent-consumers value is set to 1.&lt;/p&gt;
&lt;p&gt;My question is, do i have to manually Synchronize (make thread safe) my code when i set concurrent-consumers to a value greater than 1?&lt;/p&gt;</t>
  </si>
  <si>
    <t>2017-07-24 00:35:14.220000+00:00</t>
  </si>
  <si>
    <t>2017-08-02 04:14:40.067000+00:00</t>
  </si>
  <si>
    <t>java|concurrency|spring-integration|spring-jms</t>
  </si>
  <si>
    <t>C# project reference's question</t>
  </si>
  <si>
    <t>&lt;p&gt;I have a c# solution and its composed of numerous projects.&lt;/p&gt;
&lt;p&gt;I have a project that is my baseassemblies that holds all common information that other projects use. All of the other projects have references to baseassemblies.&lt;/p&gt;
&lt;p&gt;I added a dll reference in my baseassemblies however all of the other projects cant see it.&lt;/p&gt;
&lt;p&gt;How can I make it so that the other projects can see the DLL that baseassemblies is referencing? I dont want to have to add the DLL to all of the projects since that defeats the purpose of my baseassemblies project.&lt;/p&gt;</t>
  </si>
  <si>
    <t>2010-02-18 16:11:19.867000+00:00</t>
  </si>
  <si>
    <t>2014-04-28 15:04:10.843000+00:00</t>
  </si>
  <si>
    <t>c#|dll|visual-studio-2005|reference</t>
  </si>
  <si>
    <t>CSS not loading on web-server</t>
  </si>
  <si>
    <t>&lt;p&gt;I am building a website on a nginx server, and want to use the semantic-ui template. I am using node.js with express, but the CSS just won't load... The console says it can't locate the files, but when i run the code on my local machine, it works fine. Has anyone encountered this before?&lt;/p&gt;
&lt;p&gt;Heres my code:&lt;/p&gt;
&lt;p&gt;app.js&lt;/p&gt;
&lt;pre&gt;&lt;code&gt;var express     = require('express');
var app         = express();
var path        = require('path');
app.set('view engine', 'ejs');
app.use(express.static('/public'));
app.set('views', path.join(__dirname, 'views'));
require('./routes/routes')(app);
app.listen(8000, function () {
    console.log('server running on port 8000')
});
&lt;/code&gt;&lt;/pre&gt;
&lt;p&gt;routes/routes.js&lt;/p&gt;
&lt;pre&gt;&lt;code&gt;module.exports = function (app) {
    app.get('/', function (req, res) {
        res.render('construction.ejs');
    });
};
&lt;/code&gt;&lt;/pre&gt;
&lt;p&gt;construction.ejs&lt;/p&gt;
&lt;pre&gt;&lt;code&gt;&amp;lt;!DOCTYPE html&amp;gt;
&amp;lt;html&amp;gt;
&amp;lt;head&amp;gt;
    &amp;lt;title&amp;gt;My website&amp;lt;/title&amp;gt;
    &amp;lt;link rel="stylesheet" type="text/css" href="semantic/dist/semantic.min.css"&amp;gt;
    &amp;lt;script src="https://code.jquery.com/jquery-3.1.1.min.js"
        integrity="sha256-hVVnYaiADRTO2PzUGmuLJr8BLUSjGIZsDYGmIJLv2b8="
        crossorigin="anonymous"&amp;gt;&amp;lt;/script&amp;gt;
    &amp;lt;script src="semantic/dist/semantic.min.js"&amp;gt;&amp;lt;/script&amp;gt;
&amp;lt;/head&amp;gt;
&amp;lt;body&amp;gt;
    &amp;lt;div class="ui container raised very padded text segment"&amp;gt;
        &amp;lt;h1&amp;gt;WELCOME!!&amp;lt;/h1&amp;gt;
        &amp;lt;p&amp;gt;This page is still under construction...&amp;lt;/p&amp;gt;
        &amp;lt;p&amp;gt;Check back in a few weeks ;-)&amp;lt;/p&amp;gt;
    &amp;lt;/div&amp;gt;
&amp;lt;/body&amp;gt;
&amp;lt;/html&amp;gt;
&lt;/code&gt;&lt;/pre&gt;</t>
  </si>
  <si>
    <t>2017-04-27 19:39:37.220000+00:00</t>
  </si>
  <si>
    <t>javascript|css|nginx|server|semantic-ui</t>
  </si>
  <si>
    <t>Mocking/stubbing system call using RSPec</t>
  </si>
  <si>
    <t>&lt;p&gt;This is helper module:&lt;/p&gt;
&lt;pre&gt;&lt;code&gt;module SendingMailHelper
  def send_mail(subject, body)
    to_email_id = " abc@gmail.com"
    cc_email_id = "def@gmail.com"
    html_message = %{&amp;lt;html&amp;gt;&amp;lt;body&amp;gt;#{body}&amp;lt;/body&amp;gt;&amp;lt;/html&amp;gt;}
    flag=false
    while(!flag) do
      flag = system %{echo "#{html_message}" | mutt -e "set content_type=text/html" -s "#{subject}" #{cc_email_id} -- #{to_email_id}}
    end
    flag
  end
end
&lt;/code&gt;&lt;/pre&gt;
&lt;p&gt;The way I have written my spec is as follows, but it is not working:&lt;/p&gt;
&lt;pre&gt;&lt;code&gt;require File.expand_path(File.dirname(__FILE__) + '/../spec_helper')
describe SendingMailHelper do
  it "test something" do
    html_message = %{&amp;lt;html&amp;gt;&amp;lt;body&amp;gt;www.google.com&amp;lt;/body&amp;gt;&amp;lt;/html&amp;gt;}
    to_email_id = " abc@gmail.com"
    cc_email_id = "def@gmail.com"
    subject = "test e-mail"
    SendingMailHelper.expects(:system).with(%{echo "#{html_message}" | mutt -e "set content_type=text/html" -s "#{subject}" #{cc_email_id} -- #{to_email_id}}).returns(true).once
    helper.send_mail("test e-mail","www.google.com").should==true
  end
end
&lt;/code&gt;&lt;/pre&gt;
&lt;p&gt;Getting the following error:&lt;/p&gt;
&lt;pre&gt;&lt;code&gt;SendingMailHelper test something
     Failure/Error: SendingMailHelper.expects(:system).with(%{echo "#{html_message}" | mutt -e "set content_type=text/html" -s "#{subject}" #{cc_email_id} -- #{to_email_id}}).returns(true).once
     Mocha::ExpectationError:
       not all expectations were satisfied
       unsatisfied expectations:
       - expected exactly once, not yet invoked:
&lt;/code&gt;&lt;/pre&gt;
&lt;p&gt;&lt;strong&gt;I also want to mock it in such a way that mocked mutt returns &lt;code&gt;false&lt;/code&gt; twice and true in the third call to test the retry mechanism. Is there a way to do that?&lt;/strong&gt;&lt;/p&gt;</t>
  </si>
  <si>
    <t>2014-07-01 15:10:44.100000+00:00</t>
  </si>
  <si>
    <t>2014-07-03 14:37:40.380000+00:00</t>
  </si>
  <si>
    <t>QThreads Vs Pthreads</t>
  </si>
  <si>
    <t>&lt;p&gt;I have a quick question. I am supposed to create a small multithreaded program to grab data from multiple sensors and I have knowledge of both pthreads and qthreads. I have access to both libraries. personally I am biased towards using Qt because of its design and various functionalities. But is there a significant advantage on using one vs the other?
Thanks&lt;/p&gt;</t>
  </si>
  <si>
    <t>2010-11-10 00:35:57.557000+00:00</t>
  </si>
  <si>
    <t>2011-09-27 10:24:19.857000+00:00</t>
  </si>
  <si>
    <t>2010-11-10 00:42:54.617000+00:00</t>
  </si>
  <si>
    <t>qt|pthreads</t>
  </si>
  <si>
    <t>Toggle metrics in specific chart in Qlik sense mashup</t>
  </si>
  <si>
    <t>&lt;p&gt;I want to create a chart in a Qlik Sense mashup, in which I can toggle between metrics. For example: each line below represents a country, the X-axis is a timeline, and I want to toggle between sales, website session and NPS score on the Y-axis. This toggle should only apply this line chart and not the other objects in the mashup.&lt;/p&gt;
&lt;p&gt;Is this possible and how would I do it?&lt;a href="https://i.stack.imgur.com/TDRcp.png" rel="nofollow noreferrer"&gt;&lt;img src="https://i.stack.imgur.com/TDRcp.png" alt="enter image description here"&gt;&lt;/a&gt;&lt;/p&gt;</t>
  </si>
  <si>
    <t>2018-11-08 13:58:20.483000+00:00</t>
  </si>
  <si>
    <t>2018-11-26 21:52:41.583000+00:00</t>
  </si>
  <si>
    <t>qliksense</t>
  </si>
  <si>
    <t>Overflow:hidden not working in safari browser</t>
  </si>
  <si>
    <t>&lt;p&gt;I applied &lt;code&gt;Overflow:hidden&lt;/code&gt; to &lt;code&gt;&amp;lt;body&amp;gt; and &amp;lt;html&amp;gt;&lt;/code&gt; tags to stop scrolling of page when popup element is clicked this property working fine for me in almost every browser but not in Safari I googled for this solution but cannot find a solution to this so please someone help me in solving this thanks in advance&lt;/p&gt;</t>
  </si>
  <si>
    <t>2015-02-09 10:22:47.593000+00:00</t>
  </si>
  <si>
    <t>2015-02-11 11:47:23.223000+00:00</t>
  </si>
  <si>
    <t>safari|mobile-safari</t>
  </si>
  <si>
    <t>Is there a free API for generating Google compatible sitemaps?</t>
  </si>
  <si>
    <t>&lt;p&gt;There's plenty of websites that offer this service for free, like &lt;a href="http://www.xml-sitemaps.com/" rel="nofollow"&gt;this one&lt;/a&gt;.&lt;/p&gt;
&lt;p&gt;The input/output for the service is perfect. Here's a url, and it gives me back some XML.&lt;/p&gt;
&lt;p&gt;Does anyone know of a similar service that is available as an API, so I can just call it by passing a site url, and it return some xml?&lt;/p&gt;</t>
  </si>
  <si>
    <t>2013-03-13 16:21:44.287000+00:00</t>
  </si>
  <si>
    <t>2013-03-14 11:50:04.627000+00:00</t>
  </si>
  <si>
    <t>api|sitemap</t>
  </si>
  <si>
    <t>Any Suggestion about Free FTP Server for Testing</t>
  </si>
  <si>
    <t>&lt;p&gt;I'm using FtpWebRequest to download files from FTP server.Am trying to test my code to connect FTP Server and download different size files. Is this any Free FTP server available ,so i can install in my local machine and connect thru FTPWebRequest to download the file.&lt;/p&gt;
&lt;p&gt;I was trying FileZilla but it has some library problem,so i couldn't install the software.Any suggestion greatly appreciated.&lt;/p&gt;
&lt;p&gt;Thanks in Advance.&lt;/p&gt;</t>
  </si>
  <si>
    <t>2012-01-30 22:49:52.863000+00:00</t>
  </si>
  <si>
    <t>2017-03-15 01:59:42.710000+00:00</t>
  </si>
  <si>
    <t>How to plot error ellipses from covariance matrix</t>
  </si>
  <si>
    <t>&lt;p&gt;I fitted my data with some parameters and now I have their optimal values &lt;code&gt;popt&lt;/code&gt; and their covariance matrix &lt;code&gt;pcov&lt;/code&gt;. I assume that these uncertainties are Gaussian and I would like to have a plot of error ellipses like the one below. Is there some easy way to do it (without manually doing every subplot)? I was looking at &lt;code&gt;pandas.tools.plotting.scatter_matrix&lt;/code&gt; which seems somehow close but I do not know ho to apply this to my multivariate Gaussian.&lt;/p&gt;
&lt;p&gt;&lt;a href="https://i.stack.imgur.com/VNsh4.png" rel="nofollow noreferrer"&gt;&lt;img src="https://i.stack.imgur.com/VNsh4.png" alt="enter image description here"&gt;&lt;/a&gt;&lt;/p&gt;</t>
  </si>
  <si>
    <t>2017-12-01 16:53:41.007000+00:00</t>
  </si>
  <si>
    <t>python|pandas|matplotlib</t>
  </si>
  <si>
    <t>Django Many To Many field with filter</t>
  </si>
  <si>
    <t>&lt;p&gt;I am trying to add a filter to my ManyToMany field. &lt;/p&gt;
&lt;p&gt;I have a model User and a model Notification. Notification is connected with User by a ManyToMany field. I want to be able to send a Notification to all users that are for example located in Bulgaria or filter them based on another property in the user model which is not predefined(i.e. The person who creates the Notification does not know pre-creation the filter field).&lt;/p&gt;
&lt;p&gt;I tried using &lt;code&gt;raw_id_fields&lt;/code&gt; for User in Notification admin page. I can then chose and filter Users I want to add based on filters in the Model but I can only choose one user at a time and if I have to add, for example 10k users this can be quite inconvenient.
&lt;a href="https://i.stack.imgur.com/X4lPg.png" rel="nofollow noreferrer"&gt;&lt;img src="https://i.stack.imgur.com/X4lPg.png" alt="enter image description here"&gt;&lt;/a&gt;
 I want to be able to either use &lt;code&gt;raw_id_field&lt;/code&gt; and select multiple instances at once, or add some field filtration to &lt;code&gt;filter_horizontal&lt;/code&gt; or I don't know. &lt;/p&gt;</t>
  </si>
  <si>
    <t>2017-12-12 09:04:03.807000+00:00</t>
  </si>
  <si>
    <t>2017-12-12 13:43:47.110000+00:00</t>
  </si>
  <si>
    <t>django|filter|many-to-many|admin</t>
  </si>
  <si>
    <t>C++ timer in microseconds</t>
  </si>
  <si>
    <t>&lt;p&gt;I am trying to do a timer in microseconds, but it's not quite working.&lt;/p&gt;
&lt;pre&gt;&lt;code&gt;#include &amp;lt;time.h&amp;gt;
#include &amp;lt;iostream&amp;gt;
#include &amp;lt;unistd.h&amp;gt;
using namespace std;
int main ()
{
    struct timespec start_time;
    struct timespec end_time;
    clock_gettime(CLOCK_PROCESS_CPUTIME_ID, &amp;amp;start_time);
    usleep(5000);
    clock_gettime(CLOCK_PROCESS_CPUTIME_ID, &amp;amp;end_time);
    cout &amp;lt;&amp;lt; "START: " &amp;lt;&amp;lt; (start_time.tv_nsec/1000) &amp;lt;&amp;lt; endl;
    cout &amp;lt;&amp;lt; "END: " &amp;lt;&amp;lt; (end_time.tv_nsec/1000) &amp;lt;&amp;lt; endl;
    cout &amp;lt;&amp;lt; "DIFF: " &amp;lt;&amp;lt; (end_time.tv_nsec - start_time.tv_nsec) /1000 &amp;lt;&amp;lt; endl;
    return 0;
}
&lt;/code&gt;&lt;/pre&gt;
&lt;p&gt;The result look like this:&lt;/p&gt;
&lt;pre&gt;&lt;code&gt;START: 3586
END: 3630
DIFF: 43
&lt;/code&gt;&lt;/pre&gt;
&lt;p&gt;I need the DIFF be around 5000. Any suggestions?&lt;/p&gt;</t>
  </si>
  <si>
    <t>2014-04-20 18:36:57.033000+00:00</t>
  </si>
  <si>
    <t>2014-04-20 18:59:58.433000+00:00</t>
  </si>
  <si>
    <t>user3394087</t>
  </si>
  <si>
    <t>c++|time|timer</t>
  </si>
  <si>
    <t>How to parse file in php and generate insert statements for mysql?</t>
  </si>
  <si>
    <t>&lt;p&gt;In case of csv file we have &lt;code&gt;fgetcsv&lt;/code&gt; in php to parse and get the output but in my case file is &lt;code&gt;.dat&lt;/code&gt; and I need to parse it and store it into MySQL Database and so do we have any built in function in php like &lt;code&gt;fgetcsv&lt;/code&gt; that can work in similar fashion on &lt;code&gt;.dat&lt;/code&gt; file ?&lt;/p&gt;
&lt;p&gt;Here is the sample value, it has headers DF_PARTY_ID;DF_PARTY_CODE;DF_CONNECTION_ID and its value as mentioned under.&lt;/p&gt;
&lt;p&gt;Sample Data:&lt;/p&gt;
&lt;pre&gt;&lt;code&gt;DF_PARTY_ID;DF_PARTY_CODE;DF_CONNECTION_ID
87961526;4002524;13575326
87966204;4007202;13564782
&lt;/code&gt;&lt;/pre&gt;</t>
  </si>
  <si>
    <t>2009-12-18 15:57:15.803000+00:00</t>
  </si>
  <si>
    <t>2009-12-18 16:25:52.360000+00:00</t>
  </si>
  <si>
    <t>2009-12-18 16:16:01.210000+00:00</t>
  </si>
  <si>
    <t>php|mysql|csv</t>
  </si>
  <si>
    <t>ANgular js Event handling based on dynamic load iframe content</t>
  </si>
  <si>
    <t>&lt;p&gt;&lt;div class="snippet" data-lang="js" data-hide="false" data-console="false" data-babel="false"&gt;_x000D_
&lt;div class="snippet-code"&gt;_x000D_
&lt;pre class="snippet-code-js lang-js prettyprint-override"&gt;&lt;code&gt;var app = angular.module('myApp',['youtube-embed','ui.router'  ]);_x000D_
app.controller('myCtrl',function($scope,$stateParams,$timeout){_x000D_
    $scope.playerVars = {_x000D_
        controls: 0,_x000D_
        showinfo:0,_x000D_
        modestbranding:1,                    _x000D_
        wmode:"opaque",_x000D_
        disablekb:1,_x000D_
        autohide:0,_x000D_
        rel:0,_x000D_
        fs:0,_x000D_
        iv_load_policy:3,_x000D_
        cc_load_policy: 0,_x000D_
        mute:0,_x000D_
        listType:'playlist',_x000D_
        list: 'PLBg1SJiXSxfKi639YOHzyIFON_Tz5KG8T'_x000D_
    }_x000D_
$scope.showPlayer = false;_x000D_
$scope.loadPlayer = function(){_x000D_
    $scope.showPlayer = true;_x000D_
}_x000D_
});              &lt;/code&gt;&lt;/pre&gt;_x000D_
&lt;pre class="snippet-code-html lang-html prettyprint-override"&gt;&lt;code&gt;&amp;lt;!DOCTYPE html&amp;gt;_x000D_
&amp;lt;html&amp;gt;_x000D_
&amp;lt;head&amp;gt;_x000D_
    &amp;lt;script src="https://cdnjs.cloudflare.com/ajax/libs/angular.js/1.6.5/angular.js"&amp;gt;&amp;lt;/script&amp;gt;_x000D_
 &amp;lt;script src="https://cdnjs.cloudflare.com/ajax/libs/angular-ui-router/1.0.16/angular-ui-router.js"&amp;gt;&amp;lt;/script&amp;gt; _x000D_
 &amp;lt;script src="https://www.youtube.com/iframe_api"&amp;gt;&amp;lt;/script&amp;gt;_x000D_
 &amp;lt;script src="embedYoutube.js"&amp;gt;&amp;lt;/script&amp;gt;_x000D_
&amp;lt;/head&amp;gt;_x000D_
&amp;lt;body &amp;gt;_x000D_
&amp;lt;div  ng-app="myApp" id="app"&amp;gt;_x000D_
 &amp;lt;div class="" ng-controller='myCtrl' &amp;gt;_x000D_
     &amp;lt;ul  &amp;gt;_x000D_
         &amp;lt;li &amp;gt;_x000D_
             &amp;lt;a ng-click="videoPlayer.nextVideo()" href=""&amp;gt;Next Video  &amp;lt;/a&amp;gt;_x000D_
         &amp;lt;/li&amp;gt;_x000D_
           &amp;lt;li&amp;gt;_x000D_
             &amp;lt;a ng-click="loadPlayer()" href=""&amp;gt; Load Player &amp;lt;/a&amp;gt;_x000D_
         &amp;lt;/li&amp;gt;    _x000D_
     &amp;lt;/ul&amp;gt;_x000D_
  &amp;lt;div ng-if="showPlayer"&amp;gt;_x000D_
   &amp;lt;youtube-video  player-width="'100%'" player-height="'0%'" player="videoPlayer" player-vars="playerVars"  class="youtube"&amp;gt;             _x000D_
   &amp;lt;/youtube-video&amp;gt; _x000D_
  &amp;lt;/div&amp;gt;               _x000D_
    &amp;lt;/div&amp;gt;    _x000D_
&amp;lt;/div&amp;gt;    _x000D_
&amp;lt;script src="script.js"&amp;gt;&amp;lt;/script&amp;gt;_x000D_
&amp;lt;/body&amp;gt; _x000D_
&amp;lt;/html&amp;gt;&lt;/code&gt;&lt;/pre&gt;_x000D_
&lt;/div&gt;_x000D_
&lt;/div&gt;_x000D_
&lt;/p&gt;
&lt;p&gt;&lt;code&gt;enter code here&lt;/code&gt;I am using an angular youtube embed from &lt;a href="http://brandly.github.io/angular-youtube-embed/#/" rel="nofollow noreferrer"&gt;http://brandly.github.io/angular-youtube-embed/#/&lt;/a&gt;   in my project. Based on condition, if i wanna load player dynamically and link event handler on that, How should i do. I am attaching a &lt;code&gt;plunker https://plnkr.co/edit/fYFrgW1fDPJ2wZGc5ykJ?p=info&lt;/code&gt; . Help me . &lt;/p&gt;</t>
  </si>
  <si>
    <t>2018-05-09 07:36:53.063000+00:00</t>
  </si>
  <si>
    <t>2018-05-10 12:38:19.847000+00:00</t>
  </si>
  <si>
    <t>angularjs|youtube-javascript-api|youtube-iframe-api</t>
  </si>
  <si>
    <t>jQuery animation unexpected lag</t>
  </si>
  <si>
    <t>&lt;p&gt;I'm trying to create a "hover" effect with jQuery.
It works fine except for a strange lag occuring only the first time the complete callback is called - I noticed it is the &lt;em&gt;only&lt;/em&gt; time it actually reaches the exact position it should (rest are ~1px less, but that's fine), stays there for a bit, then continues the animation and from that point it works smoothly.&lt;/p&gt;
&lt;p&gt;I've created a jsFiddle with my code &lt;a href="http://jsfiddle.net/F4dkB/1/" rel="nofollow"&gt;here&lt;/a&gt; and this is the code I've written.&lt;/p&gt;
&lt;pre&gt;&lt;code&gt;function hover(el, speed, start, stop) {
    if (el.is(':visible')) {
        el.animate({
            'top': stop + 'px'
        }, speed, function () {
            el.animate({
                'top': start + 'px'
            }, speed, hover(el, speed, start, stop));
        });
    }
}
$("div &amp;gt; div").fadeIn(1000, function () {
    hover($(this), 1000, 192, 210);
});
&lt;/code&gt;&lt;/pre&gt;
&lt;p&gt;Am I missing something obvious? Is it a bug? Am I misusing something? &lt;/p&gt;
&lt;p&gt;Any help appreciated, thanks!&lt;/p&gt;</t>
  </si>
  <si>
    <t>2014-04-10 18:43:36.123000+00:00</t>
  </si>
  <si>
    <t>2014-04-10 19:32:53.883000+00:00</t>
  </si>
  <si>
    <t>javascript|jquery|animation</t>
  </si>
  <si>
    <t>Lazy Loading in UITableViewCell</t>
  </si>
  <si>
    <t>&lt;p&gt;I have a quick question, I want to use lazy loading in my application so searched on net and found a very good following library:&lt;/p&gt;
&lt;p&gt;&lt;a href="https://github.com/rs/SDWebImage/tree/b357e8210c2a1c96ea768b16fd0c003baef77a04" rel="nofollow"&gt;https://github.com/rs/SDWebImage/tree/b357e8210c2a1c96ea768b16fd0c003baef77a04&lt;/a&gt;&lt;/p&gt;
&lt;p&gt;Its very simple to integrate in the code and working perfectly.&lt;/p&gt;
&lt;p&gt;Now,my question is that if I use it in my application and release the app then can Apple have any issue on the same and can they reject my App on the basis of this?&lt;/p&gt;
&lt;p&gt;I'm sure that many people must have used this library, so please advise me.&lt;/p&gt;</t>
  </si>
  <si>
    <t>2012-06-21 10:11:52.453000+00:00</t>
  </si>
  <si>
    <t>2015-12-25 15:33:56.347000+00:00</t>
  </si>
  <si>
    <t>objective-c|uitableview|sdwebimage</t>
  </si>
  <si>
    <t>User Login credential doesn't show up in the landing page(Homepage) after logging in</t>
  </si>
  <si>
    <t>&lt;p&gt;I got user-login template from github. I modified it a bit to suit my need but didn't altered any important code.&lt;/p&gt;
&lt;p&gt;Problem 1: If I register and login, the page goes to activity_main class(landing page) and my login credentials(name &amp;amp; email) are shown. But if I log out and logging again the credentials are not shown on the landing page. First time it shows next time never.&lt;/p&gt;
&lt;p&gt;Problem 2: If I register a new ID but login with any old already registered ID (immediately after registering new), landing page shows the credential of newly register ID. After that again it won't show up if I log in with any ID.&lt;/p&gt;
&lt;p&gt;What I want to Happen: User credential to be shown on landing page whenever he logs in.Also prob 2nd to be fixed.&lt;/p&gt;
&lt;p&gt;Any help would be appreciated guys.&lt;/p&gt;
&lt;p&gt;login page code:&lt;/p&gt;
&lt;pre&gt;&lt;code&gt;    @Override
    public void onCreate(Bundle savedInstanceState) {
        super.onCreate(savedInstanceState);
        setContentView(R.layout.activity_login);
        inputEmail = (EditText) findViewById(R.id.email);
        inputPassword = (EditText) findViewById(R.id.password);
        btnLogin = (Button) findViewById(R.id.btnLogin);
        btnLinkToRegister = (Button) findViewById(R.id.btnLinkToRegisterScreen);
        // Progress dialog
        pDialog = new ProgressDialog(this);
        pDialog.setCancelable(false);
        // Session manager
        session = new SessionManager(getApplicationContext());
        // Check if user is already logged in or not
        if (session.isLoggedIn()) {
            // User is already logged in. Take him to main activity
            Intent intent = new Intent(Activity_Login.this, Activity_Main.class);
            startActivity(intent);
            finish();
        }
        // Login button Click Event
        btnLogin.setOnClickListener(new View.OnClickListener() {
            public void onClick(View view) {
                String email = inputEmail.getText().toString();
                String password = inputPassword.getText().toString();
                // Check for empty data in the form
                if (email.trim().length() &amp;gt; 0 &amp;amp;&amp;amp; password.trim().length() &amp;gt; 0) {
                    // login user
                    checkLogin(email, password);
                } else {
                    // Prompt user to enter credentials
                    Toast.makeText(getApplicationContext(),
                            "Please enter the credentials!", Toast.LENGTH_LONG)
                            .show();
                }
            }
        });
        // Link to Register Screen
        btnLinkToRegister.setOnClickListener(new View.OnClickListener() {
            public void onClick(View view) {
                Intent i = new Intent(getApplicationContext(),
                        Activity_Register.class);
                startActivity(i);
                finish();
            }
        });
    }
    /**
     * function to verify login details in mysql db
     * */
    private void checkLogin(final String email, final String password) {
        // Tag used to cancel the request
        String tag_string_req = "req_login";
        pDialog.setMessage("Logging in ...");
        showDialog();
        StringRequest strReq = new StringRequest(Method.POST,
                Config_URL.URL_REGISTER, new Response.Listener&amp;lt;String&amp;gt;() {
            @Override
            public void onResponse(String response) {
                Log.d(TAG, "Login Response: " + response.toString());
                hideDialog();
                try {
                    JSONObject jObj = new JSONObject(response);
                    boolean error = jObj.getBoolean("error");
                    // Check for error node in json
                    if (!error) {
                        // user successfully logged in
                        // Create login session
                        session.setLogin(true);
                        // Launch main activity
                        Intent intent = new Intent(Activity_Login.this,
                                Activity_Main.class);
                        startActivity(intent);
                        finish();
                    } else {
                        // Error in login. Get the error message
                        String errorMsg = jObj.getString("error_msg");
                        Toast.makeText(getApplicationContext(),
                                errorMsg, Toast.LENGTH_LONG).show();
                    }
                } catch (JSONException e) {
                    // JSON error
                    e.printStackTrace();
                }
            }
        }, new Response.ErrorListener() {
            @Override
            public void onErrorResponse(VolleyError error) {
                Log.e(TAG, "Login Error: " + error.getMessage());
                Toast.makeText(getApplicationContext(),
                        error.getMessage(), Toast.LENGTH_LONG).show();
                hideDialog();
            }
        }) {
            @Override
            protected Map&amp;lt;String, String&amp;gt; getParams() {
                // Posting parameters to login url
                Map&amp;lt;String, String&amp;gt; params = new HashMap&amp;lt;String, String&amp;gt;();
                params.put("tag", "login");
                params.put("email", email);
                params.put("password", password);
                return params;
            }
        };
        // Adding request to request queue
        AppController.getInstance().addToRequestQueue(strReq, tag_string_req);
    }
    private void showDialog() {
        if (!pDialog.isShowing())
            pDialog.show();
    }
    private void hideDialog() {
        if (pDialog.isShowing())
            pDialog.dismiss();
    }
}
&lt;/code&gt;&lt;/pre&gt;
&lt;p&gt;Register page code:&lt;/p&gt;
&lt;pre&gt;&lt;code&gt;    @Override
    public void onCreate(Bundle savedInstanceState) {
        super.onCreate(savedInstanceState);
        setContentView(R.layout.activity_register);
        inputFullName = (EditText) findViewById(R.id.name);
        inputEmail = (EditText) findViewById(R.id.email);
        inputPassword = (EditText) findViewById(R.id.password);
        inputNumber = (EditText) findViewById(R.id.number);
        btnRegister = (Button) findViewById(R.id.btnRegister);
        btnLinkToLogin = (Button) findViewById(R.id.btnLinkToLoginScreen);
        // Progress dialog
        pDialog = new ProgressDialog(this);
        pDialog.setCancelable(false);
        // Session manager
        session = new SessionManager(getApplicationContext());
        // SQLite database handler
        db = new SQLiteHandler(getApplicationContext());
        // Check if user is already logged in or not
        if (session.isLoggedIn()) {
            // User is already logged in. Take him to main activity
            Intent intent = new Intent(Activity_Register.this,
                    Activity_Main.class);
            startActivity(intent);
            finish();
        }
        // Register Button Click event
        btnRegister.setOnClickListener(new View.OnClickListener() {
            public void onClick(View view) {
                String name = inputFullName.getText().toString();
                String email = inputEmail.getText().toString();
                String password = inputPassword.getText().toString();
                String number = inputNumber.getText().toString();
                if (!name.isEmpty() &amp;amp;&amp;amp; !email.isEmpty() &amp;amp;&amp;amp; !password.isEmpty() &amp;amp;&amp;amp; !number.isEmpty()) {
                    registerUser(name, email, password, number);
                } else {
                    Toast.makeText(getApplicationContext(),
                            "Please enter your details!", Toast.LENGTH_LONG)
                            .show();
                }
            }
        });
        // Link to Login Screen
        btnLinkToLogin.setOnClickListener(new View.OnClickListener() {
            public void onClick(View view) {
                Intent i = new Intent(getApplicationContext(),
                        Activity_Login.class);
                startActivity(i);
                finish();
            }
        });
    }
    /**
     * Function to store user in MySQL database will post params(tag, name,
     * email, password) to register url
     * */
    private void registerUser(final String name, final String email,
                              final String password, final String number) {
        // Tag used to cancel the request
        String tag_string_req = "req_register";
        pDialog.setMessage("Registering ...");
        showDialog();
        StringRequest strReq = new StringRequest(Method.POST,
                Config_URL.URL_REGISTER, new Response.Listener&amp;lt;String&amp;gt;() {
            @Override
            public void onResponse(String response) {
                Log.d(TAG, "Register Response: " + response.toString());
                hideDialog();
                try {
                    JSONObject jObj = new JSONObject(response);
                    boolean error = jObj.getBoolean("error");
                    if (!error) {
                        // User successfully stored in MySQL
                        // Now store the user in sqlite
                        String uid = jObj.getString("uid");
                        JSONObject user = jObj.getJSONObject("user");
                        String name = user.getString("name");
                        String email = user.getString("email");
                        String created_at = user
                                .getString("created_at");
                        // Inserting row in users table
                        db.addUser(name, email, uid, created_at);
                        // Launch login activity
                        Intent intent = new Intent(
                                Activity_Register.this,
                                Activity_Login.class);
                        startActivity(intent);
                        finish();
                    } else {
                        // Error occurred in registration. Get the error
                        // message
                        String errorMsg = jObj.getString("error_msg");
                        Toast.makeText(getApplicationContext(),
                                errorMsg, Toast.LENGTH_LONG).show();
                    }
                } catch (JSONException e) {
                    e.printStackTrace();
                }
            }
        }, new Response.ErrorListener() {
            @Override
            public void onErrorResponse(VolleyError error) {
                Log.e(TAG, "Registration Error: " + error.getMessage());
                Toast.makeText(getApplicationContext(),
                        error.getMessage(), Toast.LENGTH_LONG).show();
                hideDialog();
            }
        }) {
            @Override
            protected Map&amp;lt;String, String&amp;gt; getParams() {
                // Posting params to register url
                Map&amp;lt;String, String&amp;gt; params = new HashMap&amp;lt;String, String&amp;gt;();
                params.put("tag", "register");
                params.put("name", name);
                params.put("email", email);
                params.put("password", password);
                params.put("number", number);
                return params;
            }
        };
        // Adding request to request queue
        AppController.getInstance().addToRequestQueue(strReq, tag_string_req);
    }
    private void showDialog() {
        if (!pDialog.isShowing())
            pDialog.show();
    }
    private void hideDialog() {
        if (pDialog.isShowing())
            pDialog.dismiss();
    }
}
&lt;/code&gt;&lt;/pre&gt;
&lt;p&gt;Main activity page code:&lt;/p&gt;
&lt;pre&gt;&lt;code&gt;public class Activity_Main extends Activity {
    private TextView txtName;
    private TextView txtEmail;
    private Button btnLogout;
    private SQLiteHandler db;
    private SessionManager session;
    public Button booknow;
    public void init(){
        booknow= (Button) findViewById(R.id.booknow);
        booknow.setOnClickListener(new View.OnClickListener() {
            @Override
            public void onClick(View view) {
                Intent toy = new Intent(Activity_Main.this,BikeEntryActivity.class);
                startActivity(toy);
            }
        });
    }
    @Override
    protected void onCreate(Bundle savedInstanceState) {
        super.onCreate(savedInstanceState);
        setContentView(R.layout.activity_main);
        init();
        txtName = (TextView) findViewById(R.id.name);
        txtEmail = (TextView) findViewById(R.id.email);
        btnLogout = (Button) findViewById(R.id.btnLogout);
        // SqLite database handler
        db = new SQLiteHandler(getApplicationContext());
        // session manager
        session = new SessionManager(getApplicationContext());
        if (!session.isLoggedIn()) {
            logoutUser();
        }
        // Fetching user details from sqlite
        HashMap&amp;lt;String, String&amp;gt; user = db.getUserDetails();
        String name = user.get("name");
        String email = user.get("email");
        // Displaying the user details on the screen
        txtName.setText(name);
        txtEmail.setText(email);
        // Logout button click event
        btnLogout.setOnClickListener(new View.OnClickListener() {
            @Override
            public void onClick(View v) {
                logoutUser();
            }
        });
    }
    /**
     * Logging out the user. Will set isLoggedIn flag to false in shared
     * preferences Clears the user data from sqlite users table
     * */
    private void logoutUser() {
        session.setLogin(false);
        db.deleteUsers();
        // Launching the login activity
        Intent intent = new Intent(Activity_Main.this, Activity_Login.class);
        startActivity(intent);
        finish();
    }
    }
&lt;/code&gt;&lt;/pre&gt;</t>
  </si>
  <si>
    <t>2016-07-03 05:20:20.053000+00:00</t>
  </si>
  <si>
    <t>2016-07-03 15:51:03.273000+00:00</t>
  </si>
  <si>
    <t>2016-07-03 12:11:40.007000+00:00</t>
  </si>
  <si>
    <t>How to reuse this little block of code in React.js?</t>
  </si>
  <si>
    <t>&lt;p&gt;I'm a total react Newb, but here is the code I have:     &lt;/p&gt;
&lt;pre&gt;&lt;code&gt;var ExampleComponent = React.createClass({
  getInitialState: function() {
    return {close: false};
  },
  handleClick: function(event) {
    this.setState({close: !this.state.close});
  },
});
  var ButtonThing = React.createClass({
   &amp;lt;ExampleComponent /&amp;gt;,
   render: function() {
    &amp;lt;div&amp;gt; yo &amp;lt;/div&amp;gt;
    );
  }
 });
&lt;/code&gt;&lt;/pre&gt;
&lt;p&gt;Where the "ExampleComponent" can be used in multiple places? I've tried what I have above and just putting in "ExampleComponent" straight, but no luck. Or am I just going about this wrong?&lt;/p&gt;</t>
  </si>
  <si>
    <t>2016-01-07 19:33:22.587000+00:00</t>
  </si>
  <si>
    <t>2016-01-07 20:48:17.853000+00:00</t>
  </si>
  <si>
    <t>reactjs|react-router|react-jsx</t>
  </si>
  <si>
    <t>How can I build a Rails time object representing a certain day in a certain week?</t>
  </si>
  <si>
    <t>&lt;p&gt;I also have a week number, extracted from another time object like this&lt;/p&gt;
&lt;pre&gt;&lt;code&gt;other_time.strftime('%W').to_i
&lt;/code&gt;&lt;/pre&gt;
&lt;p&gt;&lt;code&gt;%W&lt;/code&gt; gives:&lt;/p&gt;
&lt;blockquote&gt;
  &lt;p&gt;Week number of the year.  The week starts with Monday.  (00..53)&lt;/p&gt;
&lt;/blockquote&gt;
&lt;p&gt;I also have a day name:&lt;/p&gt;
&lt;pre&gt;&lt;code&gt;'Tuesday'
&lt;/code&gt;&lt;/pre&gt;
&lt;p&gt;How can I build a DateTime object that represents Tuesday in the week indicated by the week number? The time component of the object is irrelevant at this stage, as it will be changed in a later step.&lt;/p&gt;
&lt;p&gt;I'm using Rails 3.2.0 and Ruby 1.9.2p320.&lt;/p&gt;
&lt;p&gt;Edit: Incorrectly stated that I wanted a Time object. I actually want a DateTime object.&lt;/p&gt;</t>
  </si>
  <si>
    <t>2012-06-08 18:02:27.670000+00:00</t>
  </si>
  <si>
    <t>2012-06-08 20:32:15.397000+00:00</t>
  </si>
  <si>
    <t>2012-06-08 18:12:33.737000+00:00</t>
  </si>
  <si>
    <t>ruby-on-rails|ruby-on-rails-3|time</t>
  </si>
  <si>
    <t>Program runs but file will not open. Command line in C++</t>
  </si>
  <si>
    <t>&lt;p&gt;I am unsure as to why when I type in the user prompt that comes up. I type "cat" or "File.txt" and it won't open. I know I've done something wrong and this is the first time I've used command line arguments in C++. So either my code is wrong or the file isn't where it needs to be. I put it in with the .cpp files so I think it's in the right place. The File.txt is just a txt file with 3 lines of code I need outputted to the screen when the user enters the command.&lt;/p&gt;
&lt;p&gt;I also have a header file that contains a class and all the things required in the header file.&lt;/p&gt;
&lt;pre&gt;&lt;code&gt;class Cat {
public:
  static int main(int argc, std::string argv[]);
};
&lt;/code&gt;&lt;/pre&gt;
&lt;p&gt;Any help as how to fix this is much appreciated.&lt;/p&gt;
&lt;pre&gt;&lt;code&gt;//This is Cat.cpp
// Source file for the Cat class
// Implements a command line utility that displays the
// contents of a file.
    #include "Cat.hpp"
    #include&amp;lt;iostream&amp;gt;
    #include&amp;lt;fstream&amp;gt;
    #include&amp;lt;vector&amp;gt;
    using namespace std;
    int Cat::main(int argc, string argv[]) {
        //The main function takes two arguments :
        //1. Check if the user provided the correct number of arguments to the command. 
        //Our version of cat only takes one argument, so argc should be 
        //2. If not, display the message usage : cat &amp;lt;filename&amp;gt; and return 1 (representing failure.)
        //3. Attempt to open the file whose is at argv[1]. 
        //IF the file cannot be opened, display the message error : file not found and return 1.
        //Display the contents of the file.
            if (argc &amp;gt; 1) 
            {
                cout &amp;lt;&amp;lt; "File.txt" &amp;lt;&amp;lt; argv[1] &amp;lt;&amp;lt; endl;
            }
            else 
            {
                cout &amp;lt;&amp;lt; ": cat &amp;lt;File.txt&amp;gt;. return 1. \n";
                return -1;
            }
            ifstream infile(argv[1]); //open the file
            if (infile.is_open() &amp;amp;&amp;amp; infile.good()) 
            {
                cout &amp;lt;&amp;lt; "File is now open!\nContains:\n";
                string line = "";
                while (getline(infile, line))
                {
                    cout &amp;lt;&amp;lt; line &amp;lt;&amp;lt; '\n';
                }
            }
            else 
            {
                cout &amp;lt;&amp;lt; ": File not found. return 1";
            }
            infile.close();
            return 0;
    }
//This is shell.cpp
// This program implements a simple shell
#include &amp;lt;iostream&amp;gt;
#include &amp;lt;string&amp;gt;
#include "Cat.hpp"
#include &amp;lt;vector&amp;gt;
#include &amp;lt;algorithm&amp;gt;
using namespace std;
// Maximum number of arguments (including command) allowed
// in a command line. 
const int MAX_ARGS = 16;
int scanCommandLine(string cmd, string argv[]);
size_t split(const std::string &amp;amp;txt, std::vector&amp;lt;std::string&amp;gt; &amp;amp;strs, char ch)
{
    size_t pos = txt.find(ch);
    size_t initialPos = 0;
    strs.clear();
    while (pos != std::string::npos) {
        strs.push_back(txt.substr(initialPos, pos - initialPos));
        initialPos = pos + 1;
        pos = txt.find(ch, initialPos);
    }
    strs.push_back(txt.substr(initialPos, std::min(pos, txt.size()) - initialPos + 1));
    return strs.size();
}
int main()
{
    //Your shell must repeatedly display a prompt(a $ followed by a space), 
    //then wait for the user to type in a command line.
    //If the user types nothing or only types spaces or tabs, the shell does nothing :
    //The Prompt
    bool exit = false;
    while (!exit)
    {
        cout &amp;lt;&amp;lt; "$ " ;
        string cmd;
        cin &amp;gt;&amp;gt; cmd;
        vector &amp;lt;string&amp;gt; args;
        split(cmd, args, ' ');
        //If the user types a valid command, the shell should execute the command and display a new prompt :
        //If the user types exit, the shell exits :
        if (args[0] == "exit")
        {
            exit = true;
        }
        else if (args[0] == "cat")
        {
            string * s = new string[args.size()];
            for (int i = 0; i &amp;lt; args.size(); i++)
            {
                s[i] = args[i];
            }
            Cat::main(args.size(), s);
        }
        //If the user types an invalid command, the shell displays an error :
        else
        {
            cout &amp;lt;&amp;lt; args[0] &amp;lt;&amp;lt; ": Command not found." &amp;lt;&amp;lt; endl;
        }
    }
    //The shell will keep repeating this process until the user types exit.
}
int scanCommandLine(string cmd, string argv[])
{
  int argc = 0;
  size_t start = 0;
  size_t end = 0;
  string arg;
  while(end != string::npos &amp;amp;&amp;amp; argc &amp;lt; MAX_ARGS) {
    start = cmd.find_first_not_of( " \t", end );
    if(start == string::npos)
      break;
    end = cmd.find_first_of(" \t", start);
    argv[argc] = cmd.substr(start, end - start);
    argc++;
  }
  return argc;
}
&lt;/code&gt;&lt;/pre&gt;</t>
  </si>
  <si>
    <t>2018-09-14 23:42:36.097000+00:00</t>
  </si>
  <si>
    <t>2018-09-14 23:46:58.533000+00:00</t>
  </si>
  <si>
    <t>How can I include multiple child tables with a LINQ query?</t>
  </si>
  <si>
    <t>&lt;p&gt;I have this class:&lt;/p&gt;
&lt;pre&gt;&lt;code&gt;public class Word
{
    public string WordId { get; set; } // WordId (Primary key) (length: 20)
    public int WordIdentity { get; set; } // WordIdentity
    public virtual System.Collections.Generic.ICollection&amp;lt;WordForm&amp;gt; WordForms { get; set; } // WordForm.FK_WordFormWord
    public Word()
    {
        WordForms = new System.Collections.Generic.List&amp;lt;WordForm&amp;gt;();
    }
}
&lt;/code&gt;&lt;/pre&gt;
&lt;p&gt;and&lt;/p&gt;
&lt;pre&gt;&lt;code&gt;public class WordForm    {
    public string WordFormId { get; set; } // WordFormId (Primary key) (length: 20)
    public int WordFormIdentity { get; set; } // WordFormIdentity
    public string WordId { get; set; } // WordId (length: 20)
    public virtual System.Collections.Generic.ICollection&amp;lt;SampleSentence&amp;gt; SampleSentences { get; set; } // SampleSentence.FK_SampleSentenceWordForm
    public virtual System.Collections.Generic.ICollection&amp;lt;WordDefinition&amp;gt; WordDefinitions { get; set; } // WordDefinition.FK_WordDefinitionWordForm
    public WordForm()
    {
        SampleSentences = new System.Collections.Generic.List&amp;lt;SampleSentence&amp;gt;();
        WordDefinitions = new System.Collections.Generic.List&amp;lt;WordDefinition&amp;gt;();
    }
}
&lt;/code&gt;&lt;/pre&gt;
&lt;p&gt;and&lt;/p&gt;
&lt;pre&gt;&lt;code&gt;public class SampleSentence
{
    public int SampleSentenceId { get; set; } // SampleSentenceId (Primary key)
    public string WordFormId { get; set; } // WordFormId (length: 20)
    public string Text { get; set; } // Text
    // Foreign keys
    public virtual WordForm WordForm { get; set; } // FK_SampleSentenceWordForm
}
public class WordDefinition
{
    public int WordDefinitionId { get; set; } // WordDefinitionId (Primary key)
    public string WordFormId { get; set; } // WordFormId (length: 20)
    public string Text { get; set; } // Text (length: 50)
    public int? Ascii { get; set; } // Ascii
    // Foreign keys
    public virtual WordForm WordForm { get; set; } // FK_WordDefinitionWordForm
}
&lt;/code&gt;&lt;/pre&gt;
&lt;p&gt;I'm trying to retrieve data for the word, wordForm, SampleSentences and WordDefinitions but I am not sure how to code the select. Here's what I have so far:&lt;/p&gt;
&lt;pre&gt;&lt;code&gt;var words = db.Words
            .Include(w =&amp;gt; w.WordForms)
            // How do I include SampleSentences
            // and WordDefinitions ?
            .AsNoTracking()
            .ToListAsync();
&lt;/code&gt;&lt;/pre&gt;
&lt;p&gt;Can someone tell me how I can also include SampleSentences and WordDefinitions? I tried to do this but it's failing syntax checks:&lt;/p&gt;
&lt;pre&gt;&lt;code&gt; .Include(w =&amp;gt; w.WordForms.SampleSentences)
&lt;/code&gt;&lt;/pre&gt;</t>
  </si>
  <si>
    <t>2016-05-16 06:04:47.823000+00:00</t>
  </si>
  <si>
    <t>2016-05-16 06:51:42.933000+00:00</t>
  </si>
  <si>
    <t>How to check the broadcast receiver is running or not in android?</t>
  </si>
  <si>
    <t>&lt;p&gt;Hai is it possible to check the broadcast receiver is currently running or not?if possible how to check it?&lt;/p&gt;</t>
  </si>
  <si>
    <t>2012-01-21 13:37:14.337000+00:00</t>
  </si>
  <si>
    <t>2014-03-03 02:09:14.777000+00:00</t>
  </si>
  <si>
    <t>android|broadcastreceiver</t>
  </si>
  <si>
    <t>Room Reservation System - Ideas (non technical)</t>
  </si>
  <si>
    <t>&lt;p&gt;Need suggestions on room reservation system. Posting it as I couldn't find a similar question here in SO.&lt;/p&gt;
&lt;p&gt;&lt;strong&gt;Question:&lt;/strong&gt; Can I use wordpress and create my own plugin using php/mysql for a very simple and straight-forward room reservation system (4 page workflow)? If not what are the possibilites, Please suggest.&lt;/p&gt;
&lt;p&gt;If the post is not in the right forum, please feel free to close it or re-direct me.&lt;/p&gt;
&lt;p&gt;&lt;strong&gt;Background:&lt;/strong&gt; I work part time for a non profit organization (I dont get paid, it's just a service to the community during my free time). They own a small property with about 20-30 rooms onsite and manage their room reservations, manually with Google drive.&lt;/p&gt;
&lt;p&gt;I've suggested them to build an online portal for reservation. This is a service project, to enhance my technical resume as well as help someone. &lt;/p&gt;
&lt;p&gt;&lt;strong&gt;My technical abilities&lt;/strong&gt; - HTML, CSS, VB, SQL, PL-sQL (A long time ago) and I'm an automation tester so very good with programming skills.&lt;/p&gt;
&lt;p&gt;&lt;strong&gt;Project deadline&lt;/strong&gt; -  4 to 6 months. (I'd be spending about 15 hours/week)&lt;/p&gt;
&lt;p&gt;PS: If this is beyond my capabilities I will be asking them to outsource. &lt;/p&gt;</t>
  </si>
  <si>
    <t>2013-03-07 05:54:20.513000+00:00</t>
  </si>
  <si>
    <t>2015-10-16 20:22:52.940000+00:00</t>
  </si>
  <si>
    <t>system</t>
  </si>
  <si>
    <t>For java doc comments how do you properly comment a void method?</t>
  </si>
  <si>
    <t>&lt;p&gt;I know for methods with parameters and constructors, you do @param or @return but how do you reference a void method in java docs?&lt;/p&gt;</t>
  </si>
  <si>
    <t>2018-01-25 15:30:51.843000+00:00</t>
  </si>
  <si>
    <t>2018-01-25 15:38:53.730000+00:00</t>
  </si>
  <si>
    <t>java|javadoc</t>
  </si>
  <si>
    <t>Symfony 2. Delete entity on click</t>
  </si>
  <si>
    <t>&lt;p&gt;I need to delete row from database on click. I got database with emails. 
And I need to generate button near each input with e-mail from database and on click action to delete it.&lt;/p&gt;
&lt;pre&gt;&lt;code&gt;{% for inc in Incmejl %}
                        &amp;lt;input type="text" value="{{ inc.getEmail()  }}" &amp;gt;
                    {% endfor %}
&lt;/code&gt;&lt;/pre&gt;
&lt;p&gt;Entity name: Reports.&lt;/p&gt;</t>
  </si>
  <si>
    <t>2014-09-25 13:25:20.490000+00:00</t>
  </si>
  <si>
    <t>2015-08-29 14:15:21.940000+00:00</t>
  </si>
  <si>
    <t>symfony|onclick|entity</t>
  </si>
  <si>
    <t>Parent height auto with children divs of full width and variable height</t>
  </si>
  <si>
    <t>&lt;p&gt;I'm trying to figure out a relatively browser-compatible way of allowing the height of a parent div to expand with its children of &lt;code&gt;width: 100%&lt;/code&gt; and some percentage height. I need the parent to have &lt;code&gt;height: 100%&lt;/code&gt; because the first child's height is dependent on it. I want a background image on the parent div that's aligned to the bottom of the entire page which overflows the screen, but the parent div's height is limited to the height of the screen because its height is set to 100%. &lt;/p&gt;
&lt;p&gt;In my case, I've set the following properties: &lt;/p&gt;
&lt;pre&gt;&lt;code&gt;html, body { width: 100%; height: 100%; }
.parent {
    width: 100%;
    height: 100%:
    position: relative;
}
.child1 {
    width: 100%;
    height: 100%;
    min-height: 520px;
    max-height: 960px;
    position: relative;
}
.child2 {
    width: 100%;
    height: 900px;
    position: relative;
}
&lt;/code&gt;&lt;/pre&gt;
&lt;p&gt;I can position a div inside of the second child to be absolutely positioned relative to the bottom of the second child, but I need to have &lt;code&gt;overflow: hidden&lt;/code&gt; set on the second child for other elements, and since the background size is supposed to scale with the width of the page, it gets clipped on large screens. &lt;/p&gt;
&lt;p&gt;Example: &lt;a href="http://jsfiddle.net/qxbu0mom/" rel="nofollow"&gt;http://jsfiddle.net/qxbu0mom/&lt;/a&gt;&lt;/p&gt;
&lt;p&gt;edit:&lt;/p&gt;
&lt;p&gt;Thanks to Terry for pointing out I can use vh; I can just change the first child's height to 100vh and remove &lt;code&gt;height: 100%&lt;/code&gt; from the parent.  &lt;/p&gt;</t>
  </si>
  <si>
    <t>2014-09-16 22:21:41.967000+00:00</t>
  </si>
  <si>
    <t>2014-09-16 22:35:38.500000+00:00</t>
  </si>
  <si>
    <t>How do I return a Unicode value in this SQL example?</t>
  </si>
  <si>
    <t>&lt;p&gt;I need to return Russian text from a SQL Server 2005 database table. &lt;/p&gt;
&lt;p&gt;In the following example which is a simple way of describing my dilemma, the @Test variable will print out question marks:&lt;/p&gt;
&lt;pre&gt;&lt;code&gt;DECLARE @Test nvarchar(max)
SET @Test = '������������'
PRINT @Test
&lt;/code&gt;&lt;/pre&gt;
&lt;p&gt;(Note that the @Test value is Russian text, for those who don't have the font installed.)&lt;/p&gt;
&lt;p&gt;But if I change the code to the following, the @Test variable will print out the text as intended:&lt;/p&gt;
&lt;pre&gt;&lt;code&gt;DECLARE @Test nvarchar(max)
SET @Test = N'������������'
PRINT @Test
&lt;/code&gt;&lt;/pre&gt;
&lt;p&gt;&lt;strong&gt;Here is what I want to know:&lt;/strong&gt;&lt;/p&gt;
&lt;p&gt;In my real-world example I am doing the following with a stored proc:&lt;/p&gt;
&lt;pre&gt;&lt;code&gt;EXEC usp_GetContent @Content = @Test
&lt;/code&gt;&lt;/pre&gt;
&lt;p&gt;The value for @Test is in Russian, but gets displayed as question marks. If the proc looked like this, the Russian comes through fine:&lt;/p&gt;
&lt;pre&gt;&lt;code&gt;EXEC usp_GetContent @Content = N'������������'
&lt;/code&gt;&lt;/pre&gt;
&lt;p&gt;But this is not a possibility for me; I need to pass in a variable.&lt;/p&gt;
&lt;p&gt;Any advice?&lt;/p&gt;
&lt;p&gt;Thanks.&lt;/p&gt;</t>
  </si>
  <si>
    <t>2009-12-24 16:24:37.157000+00:00</t>
  </si>
  <si>
    <t>2009-12-24 16:44:09.927000+00:00</t>
  </si>
  <si>
    <t>sql|stored-procedures|unicode|parameters</t>
  </si>
  <si>
    <t>Render TimePickerDialog on forms</t>
  </si>
  <si>
    <t>&lt;p&gt;Is it possible for me to render the Android TimePickerDialog on a forms project? I've tried the TimePicker control on forms, but it's basically just a Textbox. which is not what i want. I want the TimePickerDialog as it displays in an Android project, but in a forms PCL.&lt;/p&gt;
&lt;p&gt;Is this possible?&lt;/p&gt;
&lt;p&gt;Would i have to use a custom renderer?&lt;/p&gt;
&lt;p&gt;Any help would be greatly appreciated.&lt;/p&gt;</t>
  </si>
  <si>
    <t>2016-04-18 16:01:35.260000+00:00</t>
  </si>
  <si>
    <t>2016-04-18 16:10:49.533000+00:00</t>
  </si>
  <si>
    <t>android|xamarin|xamarin.forms</t>
  </si>
  <si>
    <t>HomeKit - Changing Lightbulb Color Without Transition</t>
  </si>
  <si>
    <t>&lt;p&gt;I am making an app that uses HomeKit enabled lights for notifications. When I write a new value to the hue characteristic of a lightbulb, the color is transitioned from it's current hue to the hue written. So instead of going from it's currently color (let's say Red) immediately to the written color (let's say Purple) it goes from Red, Pink to Purple as well as all the "in between" colors.&lt;/p&gt;
&lt;p&gt;How can I &lt;em&gt;immediately&lt;/em&gt; change the color of a HomeKit Enabled lightbulb from one color to the next without this transition?&lt;/p&gt;</t>
  </si>
  <si>
    <t>2017-03-14 15:10:01.820000+00:00</t>
  </si>
  <si>
    <t>2017-03-21 14:50:06.783000+00:00</t>
  </si>
  <si>
    <t>ios|swift|homekit</t>
  </si>
  <si>
    <t>Null Pointer Exception while unmarshalling XML to Java object having @XMLElementWrapper</t>
  </si>
  <si>
    <t>&lt;p&gt;I am using JAXB for unmarshalling XML file to Java Object.&lt;/p&gt;
&lt;p&gt;This XML contains list. e.g&lt;/p&gt;
&lt;pre&gt;&lt;code&gt;&amp;lt;items&amp;gt;
&amp;lt;item&amp;gt;
...
&amp;lt;/item&amp;gt;
...
&amp;lt;/items&amp;gt;
&lt;/code&gt;&lt;/pre&gt;
&lt;p&gt;and Java Class have @XMLElementWrapper for items&lt;/p&gt;
&lt;pre&gt;&lt;code&gt;@XMLElementWrapper(name="items")
@XMLElement(name="item")
private List&amp;lt;Item&amp;gt; items;
&lt;/code&gt;&lt;/pre&gt;
&lt;p&gt;And I am getting null pointer exception when i try to unmarshall.&lt;/p&gt;
&lt;pre&gt;&lt;code&gt; java.lang.NullPointerException
          at sun.reflect.UnsafeFieldAccessorImpl.ensureObj(UnsafeFieldAccessorImpl.java:54)
          at sun.reflect.UnsafeObjectFieldAccessorImpl.get(UnsafeObjectFieldAccessorImpl.java:36)
          at java.lang.reflect.Field.get(Field.java:379)
          at com.sun.xml.bind.v2.runtime.reflect.Accessor$FieldReflection.get(Accessor.java:185)
          at com.sun.xml.bind.v2.runtime.reflect.Lister$CollectionLister.startPacking(Lister.java:249)
          at com.sun.xml.bind.v2.runtime.reflect.Lister$CollectionLister.startPacking(Lister.java:224)
          at com.sun.xml.bind.v2.runtime.unmarshaller.Scope.add(Scope.java:78)
          at com.sun.xml.bind.v2.runtime.property.ArrayERProperty$ReceiverImpl.receive(ArrayERProperty.java:150)
          at com.sun.xml.bind.v2.runtime.unmarshaller.UnmarshallingContext.endElement(UnmarshallingContext.java:404)
          at com.sun.xml.bind.v2.runtime.unmarshaller.SAXConnector.endElement(SAXConnector.java:125)
          at org.apache.xerces.parsers.AbstractSAXParser.endElement(Unknown Source)
          at org.apache.xerces.impl.XMLNSDocumentScannerImpl.scanEndElement(Unknown Source)
          at org.apache.xerces.impl.XMLDocumentFragmentScannerImpl$FragmentContentDispatcher.dispatch(Unknown Source)
          at org.apache.xerces.impl.XMLDocumentFragmentScannerImpl.scanDocument(Unknown Source)
          at org.apache.xerces.parsers.XML11Configuration.parse(Unknown Source)
          at org.apache.xerces.parsers.XML11Configuration.parse(Unknown Source)
          at org.apache.xerces.parsers.XMLParser.parse(Unknown Source)
          at org.apache.xerces.parsers.AbstractSAXParser.parse(Unknown Source)
          at com.sun.xml.bind.v2.runtime.unmarshaller.UnmarshallerImpl.unmarshal0(UnmarshallerImpl.java:200)
          at com.sun.xml.bind.v2.runtime.unmarshaller.UnmarshallerImpl.unmarshal(UnmarshallerImpl.java:173)
          at javax.xml.bind.helpers.AbstractUnmarshallerImpl.unmarshal(AbstractUnmarshallerImpl.java:157)
          at javax.xml.bind.helpers.AbstractUnmarshallerImpl.unmarshal(AbstractUnmarshallerImpl.java:214)
          at com.amazon.epubs.edition.manifest.serializer.JAXBMarshaller.unmarshall(JAXBMarshaller.java:45)
          at amazon.PeriodicalsManagementService.handler.PreviewPublicationHandler.getFolioRenditions(PreviewPublicationHandler.java:293)
          at amazon.PeriodicalsManagementService.handler.PreviewPublicationHandler.doMainProcessing(PreviewPublicationHandler.java:176)
          ... 19 more
&lt;/code&gt;&lt;/pre&gt;</t>
  </si>
  <si>
    <t>2014-03-28 21:49:54.073000+00:00</t>
  </si>
  <si>
    <t>2014-03-28 22:23:01.707000+00:00</t>
  </si>
  <si>
    <t>java|xml|jaxb</t>
  </si>
  <si>
    <t>Controlling how parameters are sent to superclass constructor from subclass constructor declaration (C++)</t>
  </si>
  <si>
    <t>&lt;p&gt;Can it be done?  I am looking for something different than using the member initialization list (because that is present in the definition, not necessarily the declaration).&lt;/p&gt;
&lt;p&gt;Something like&lt;/p&gt;
&lt;pre&gt;&lt;code&gt;class(args) : superclass(fn of args);
&lt;/code&gt;&lt;/pre&gt;</t>
  </si>
  <si>
    <t>2010-07-14 00:06:25.630000+00:00</t>
  </si>
  <si>
    <t>2010-07-14 00:51:47.913000+00:00</t>
  </si>
  <si>
    <t>2010-07-14 00:33:36.723000+00:00</t>
  </si>
  <si>
    <t>Ruby on Rails 3 Tiered Link Program</t>
  </si>
  <si>
    <t>&lt;blockquote&gt;
  &lt;p&gt;My app is a web forum. Root page is a list of user-submitted
  categories. I click one and it links to a list of user-submitted posts
  about that category. I click a post and it links to a list of comments
  about that post. Those are the 3 tiers.&lt;/p&gt;
&lt;/blockquote&gt;
&lt;p&gt;&lt;strong&gt;CATEGORIES INDEX&lt;/strong&gt; &lt;em&gt;This is a list of clickable categories&lt;/em&gt;&lt;/p&gt;
&lt;pre&gt;&lt;code&gt;&amp;lt;% @categories.each do |category| %&amp;gt;
&amp;lt;%= link_to category.title, category %&amp;gt;
&amp;lt;% end %&amp;gt;
&lt;/code&gt;&lt;/pre&gt;
&lt;p&gt;&lt;a href="https://i.stack.imgur.com/IPE3d.png" rel="nofollow noreferrer"&gt;&lt;img src="https://i.stack.imgur.com/IPE3d.png" alt="enter image description here"&gt;&lt;/a&gt;&lt;/p&gt;
&lt;p&gt;&lt;strong&gt;CATEGORIES SHOW&lt;/strong&gt; &lt;em&gt;I clicked a category, now I'm here looking at a list of posts&lt;/em&gt;&lt;/p&gt;
&lt;pre&gt;&lt;code&gt;&amp;lt;%= render :partial =&amp;gt; @category.posts %&amp;gt;
&amp;lt;% end %&amp;gt;
&lt;/code&gt;&lt;/pre&gt;
&lt;p&gt;&lt;strong&gt;_POSTS&lt;/strong&gt; &lt;em&gt;The posts are rendered from this here partial&lt;/em&gt;&lt;/p&gt;
&lt;pre&gt;&lt;code&gt;&amp;lt;%= div_for(post) do %&amp;gt;
&amp;lt;%= link_to post.body, Post  %&amp;gt;
&lt;/code&gt;&lt;/pre&gt;
&lt;p&gt;&lt;a href="https://i.stack.imgur.com/uL1Bv.png" rel="nofollow noreferrer"&gt;&lt;img src="https://i.stack.imgur.com/uL1Bv.png" alt="enter image description here"&gt;&lt;/a&gt;&lt;/p&gt;
&lt;p&gt;Clicking that post link takes me to &lt;strong&gt;POSTS INDEX&lt;/strong&gt;.&lt;/p&gt;
&lt;blockquote&gt;
  &lt;p&gt;I'm not sure if this is a desirable flow of a Rails app. It seems odd
  to go from Categories, to Posts, to Comments using Categories_Index,
  Categories_Show, and Posts_Index, respectively. I don't know how to display or submit comments from this POSTS INDEX. @comments.each do |comments| provides an error and so does the render: partial method. I can not use the same methods for Comments that I used for Categories and Posts.&lt;/p&gt;
&lt;/blockquote&gt;
&lt;p&gt;&lt;strong&gt;MODELS&lt;/strong&gt; &lt;em&gt;Models are complete with has_many, belongs_to, etc.&lt;/em&gt;&lt;/p&gt;
&lt;p&gt;&lt;strong&gt;CATEGORIES CONTROLLER&lt;/strong&gt;
    def index
    @categories = Category.all
    end
    def create
    @category = current_user.categories.build(categories_params)
    end&lt;/p&gt;
&lt;p&gt;&lt;strong&gt;POSTS CONTROLLER&lt;/strong&gt;
     def create
     @category = Category.find(params[:category_id])
     @post = @category.posts.new(post_params)&lt;/p&gt;
&lt;p&gt;&lt;strong&gt;COMMENTS CONTROLLER&lt;/strong&gt;
     def index
     @subcomments = Subcomment.all
     end
     def create
     @subcomment = current_user.subcomments.build(subcomment_params)
     end&lt;/p&gt;
&lt;p&gt;&lt;strong&gt;ROUTES&lt;/strong&gt;&lt;/p&gt;
&lt;pre&gt;&lt;code&gt;Rails.application.routes.draw do
resources :comments
resources :posts
devise_for :users
resources :categories do
resources :posts do
end
resources :comments
end
root "categories#index"
&lt;/code&gt;&lt;/pre&gt;
&lt;p&gt;&lt;strong&gt;&lt;em&gt;I successfully added posts to categories. How can I add comments to posts? Is my approach correct?&lt;/em&gt;&lt;/strong&gt;&lt;/p&gt;</t>
  </si>
  <si>
    <t>2016-03-08 05:39:52.260000+00:00</t>
  </si>
  <si>
    <t>2016-03-09 01:26:14.617000+00:00</t>
  </si>
  <si>
    <t>user5619350</t>
  </si>
  <si>
    <t>Use Pandas with Python3</t>
  </si>
  <si>
    <t>&lt;p&gt;I try to use pandas, but when I import pandas with the python interpreter I have the following error message: &lt;/p&gt;
&lt;pre&gt;&lt;code&gt;&amp;gt;&amp;gt;&amp;gt; import pandas as pd
Traceback (most recent call last):
  File "&amp;lt;stdin&amp;gt;", line 1, in &amp;lt;module&amp;gt;
  File "/usr/lib/python3/dist-packages/pandas/__init__.py", line 42, in &amp;lt;module&amp;gt;
    import pandas.core.config_init
  File "/usr/lib/python3/dist-packages/pandas/core/config_init.py", line 17, in &amp;lt;module&amp;gt;
    from pandas.core.format import detect_console_encoding
  File "/usr/lib/python3/dist-packages/pandas/core/format.py", line 10, in &amp;lt;module&amp;gt;
    from pandas.core.index import Index, MultiIndex, _ensure_index
  File "/usr/lib/python3/dist-packages/pandas/core/index.py", line 31, in &amp;lt;module&amp;gt;
    from pandas.io.common import PerformanceWarning
  File "/usr/lib/python3/dist-packages/pandas/io/common.py", line 5, in &amp;lt;module&amp;gt;
    import csv
  File "/home/sebastien/Documents/visualStudio/Python3_ex/Depute/analysis/csv.py", line 11, in &amp;lt;module&amp;gt;
    import seaborn as sns # Pimp my Matplotlib
  File "/usr/lib/python3/dist-packages/seaborn/__init__.py", line 1, in &amp;lt;module&amp;gt;
    from .rcmod import *
  File "/usr/lib/python3/dist-packages/seaborn/rcmod.py", line 5, in &amp;lt;module&amp;gt;
    from . import palettes
  File "/usr/lib/python3/dist-packages/seaborn/palettes.py", line 14, in &amp;lt;module&amp;gt;
    from .utils import desaturate, set_hls_values
  File "/usr/lib/python3/dist-packages/seaborn/utils.py", line 14, in &amp;lt;module&amp;gt;
    pandas_has_categoricals = LooseVersion(pd.__version__) &amp;gt;= "0.15"
AttributeError: module 'pandas' has no attribute '__version__'
&lt;/code&gt;&lt;/pre&gt;
&lt;p&gt;I have the same problem when I launch a script. 
I work with Linux Mint. 
Everyone has an idea of what happen ? &lt;/p&gt;
&lt;p&gt;Thank you so much, &lt;/p&gt;
&lt;p&gt;Sebastien&lt;/p&gt;</t>
  </si>
  <si>
    <t>2018-05-29 13:06:47.050000+00:00</t>
  </si>
  <si>
    <t>2018-05-29 13:13:39.870000+00:00</t>
  </si>
  <si>
    <t>python|pandas|import</t>
  </si>
  <si>
    <t>R: local Moran's I produces negative variance (localmoran)</t>
  </si>
  <si>
    <t>&lt;p&gt;I have to compute the local moran test statistics for a set of spatial data. I am using the R function localmoran from the spdep package. For some of my geographical units the variance of the local moran test statistics is NEGATIVE. This impedes me to plot e.g. LISA maps, for it makes it impossible to compute the significance of the local moran test for each unit.&lt;/p&gt;
&lt;p&gt;Note that for the majority of the units the computation works fine! So I wouldn't ascribe the error to the function, the weights matrix is also correct, can it just be that some of the data is not compatible to the localmoran function??&lt;/p&gt;
&lt;p&gt;Any idea how can this be possible?&lt;/p&gt;
&lt;p&gt;Thanks!&lt;/p&gt;</t>
  </si>
  <si>
    <t>2017-04-08 20:07:04.333000+00:00</t>
  </si>
  <si>
    <t>2017-04-08 20:13:37.797000+00:00</t>
  </si>
  <si>
    <t>r|local|spatial</t>
  </si>
  <si>
    <t>SAS (proc risk) - instrument statement - adding a variable to an inherited definition</t>
  </si>
  <si>
    <t>&lt;p&gt;How do you ADD an instrument variable to an existing definition? using code?  eg:&lt;/p&gt;
&lt;pre&gt;&lt;code&gt;proc risk;
 environment new = work.Test ;
 declare instvars=(var1 num var, var2 num var, var3 num var);
 instrument MyInst variables = ( var1, var2 ) ;
 environment save;
run;
proc risk;
 environment open= work.Test;
 instrument MyInst variables= ( /* how do I add var3? */);
 environment save;
run;
&lt;/code&gt;&lt;/pre&gt;
&lt;p&gt;There must be an easy way!  If not - how can one determine the original definition (programmatically) ?&lt;/p&gt;
&lt;p&gt;To expand on the requirement - I cannot update the original instrument definition, as this is inherited from a production environment.  Also - I do not wish to hardcode the original instrument variables in the second instrument statement, in case the original environment changes.  &lt;/p&gt;
&lt;p&gt;I think there might not be another way (other than hard coding) but open to ideas!&lt;/p&gt;</t>
  </si>
  <si>
    <t>2013-01-24 15:53:20.497000+00:00</t>
  </si>
  <si>
    <t>2013-01-24 18:51:54.120000+00:00</t>
  </si>
  <si>
    <t>2013-01-24 16:15:25.897000+00:00</t>
  </si>
  <si>
    <t>sas</t>
  </si>
  <si>
    <t>How to get values of a row to be placed in a modal (Codeigniter)</t>
  </si>
  <si>
    <t>&lt;p&gt;I am using the codeigniter framework with the  element as my edit button. However, when I am trying to get the array values of the row in which the button was placed and selected it doesn't show. I also want to update or edit the said row. I don't know what's wrong with my code.&lt;/p&gt;
&lt;h1&gt; Controller function &lt;/h1&gt;
&lt;pre&gt;&lt;code&gt;function fetch(){
    $data = array(
        'fo_supp' =&amp;gt; $this-&amp;gt;system_model-&amp;gt;fetch('fo_supp', array('id' =&amp;gt; $this-&amp;gt;input-&amp;gt;post('id')))
    );
    var_dump(data);
}
&lt;/code&gt;&lt;/pre&gt;
&lt;h1&gt; Ajax function and view with modal  &lt;/h1&gt;
&lt;p&gt;&lt;div class="snippet" data-lang="js" data-hide="false" data-console="true" data-babel="false"&gt;_x000D_
&lt;div class="snippet-code"&gt;_x000D_
&lt;pre class="snippet-code-js lang-js prettyprint-override"&gt;&lt;code&gt;&amp;lt;script type="text/javascript"&amp;gt;_x000D_
    //-- Modal has finished being hidden_x000D_
    $('#sfm_modal_edit').on('hidden.bs.modal', function(e) {_x000D_
        //$(this).find('form')[0].reset();_x000D_
    });_x000D_
_x000D_
_x000D_
_x000D_
  _x000D_
_x000D_
$(document).ready(function() { _x000D_
    _x000D_
$('.editBtn').on("click", function() {_x000D_
alert("test");_x000D_
var rowID = $(this).attr('id');_x000D_
_x000D_
$.ajax({_x000D_
    url: '&amp;lt;?php echo base_url(); ?&amp;gt;SFM/fetch',_x000D_
   method:"POST",_x000D_
   data:  {_x000D_
   'id': rowID_x000D_
     },_x000D_
_x000D_
success: function(data) {_x000D_
console.log(data);_x000D_
    $('#supp_codev1').value(data.SUPP_CODE);_x000D_
    $('#address1v1').value(data.address1);_x000D_
    $('#address2v1').value(data.address2);_x000D_
    $('#countryv1').value(data.country);_x000D_
    $('#descriptionv1').value(data.description);_x000D_
    $('#tel_numv1').value(data.tel_num);_x000D_
    $('#fax_numv1').value(data.fax_num);_x000D_
    $('#contact_personv1').value(data.contact_person);_x000D_
    $('#emailv1').value(data.email);_x000D_
    $('#consol_agentv1').value(data.consol_agent);_x000D_
    $('#disc1v1').value(data.disc1);_x000D_
    $('#disc2v1').value(data.disc2);_x000D_
    $('#disc3v1').value(data.disc3);_x000D_
    $('#disc4v1').value(data.disc4);_x000D_
    $('#disc5v1').value(data.disc5);_x000D_
    $('#last_transactionv1').value(data.last_transaction);_x000D_
    $('#old_supplierv1').value(data.old_supplier);_x000D_
_x000D_
  $("#sfm_modal_edit").modal('show');_x000D_
_x000D_
 }_x000D_
});_x000D_
_x000D_
});_x000D_
});_x000D_
&amp;lt;/script&amp;gt; &lt;/code&gt;&lt;/pre&gt;_x000D_
&lt;pre class="snippet-code-html lang-html prettyprint-override"&gt;&lt;code&gt;&amp;lt;!-- page content --&amp;gt;_x000D_
&amp;lt;div class="right_col" role="main"&amp;gt;_x000D_
  &amp;lt;div class="col-md-12 col-sm-12 col-xs-12"&amp;gt;_x000D_
_x000D_
    &amp;lt;div class="x_panel"&amp;gt;_x000D_
      &amp;lt;div class="x_title"&amp;gt;_x000D_
        &amp;lt;h2&amp;gt;Supplier Master File_x000D_
_x000D_
          &amp;lt;small&amp;gt;&amp;lt;/small&amp;gt;_x000D_
        &amp;lt;/h2&amp;gt;_x000D_
        &amp;lt;ul class="nav navbar-right panel_toolbox"&amp;gt;_x000D_
          &amp;lt;li&amp;gt;_x000D_
            &amp;lt;a class="collapse-link"&amp;gt;_x000D_
              &amp;lt;i class="fa fa-chevron-up"&amp;gt;&amp;lt;/i&amp;gt;_x000D_
            &amp;lt;/a&amp;gt;_x000D_
          &amp;lt;/li&amp;gt;_x000D_
          &amp;lt;li class="dropdown"&amp;gt;_x000D_
            &amp;lt;a href="#" class="dropdown-toggle" data-toggle="dropdown" role="button" aria-expanded="false"&amp;gt;_x000D_
              &amp;lt;i class="fa fa-wrench"&amp;gt;&amp;lt;/i&amp;gt;_x000D_
            &amp;lt;/a&amp;gt;_x000D_
            &amp;lt;ul class="dropdown-menu" role="menu"&amp;gt;_x000D_
              &amp;lt;li&amp;gt;_x000D_
                &amp;lt;a href="#"&amp;gt;Settings 1_x000D_
                &amp;lt;/a&amp;gt;_x000D_
              &amp;lt;/li&amp;gt;_x000D_
              &amp;lt;li&amp;gt;_x000D_
                &amp;lt;a href="#"&amp;gt;Settings 2_x000D_
                &amp;lt;/a&amp;gt;_x000D_
              &amp;lt;/li&amp;gt;_x000D_
            &amp;lt;/ul&amp;gt;_x000D_
        &amp;lt;/ul&amp;gt;_x000D_
        &amp;lt;div class="clearfix"&amp;gt;&amp;lt;/div&amp;gt;_x000D_
      &amp;lt;/div&amp;gt;_x000D_
      &amp;lt;div class="x_content"&amp;gt;_x000D_
        &amp;lt;div style="overflow: hidden;"&amp;gt;_x000D_
          &amp;lt;button type="button" class="btn btn-primary" data-toggle="modal" data-target="#sfm_modal" style="float: right;"&amp;gt;_x000D_
     &amp;lt;i class="material-icons"&amp;gt;&amp;amp;#xE147;&amp;lt;/i&amp;gt;_x000D_
     &amp;lt;span&amp;gt;Add New Data&amp;lt;/span&amp;gt;_x000D_
    _x000D_
   &amp;lt;/button&amp;gt;_x000D_
        &amp;lt;/div&amp;gt;_x000D_
        &amp;lt;table id="datatable-buttons" name="sfm_table" class="table table-striped table-bordered"&amp;gt;_x000D_
          &amp;lt;thead&amp;gt;_x000D_
            &amp;lt;tr&amp;gt;_x000D_
              &amp;lt;th&amp;gt;Supplier Code_x000D_
              &amp;lt;/th&amp;gt;_x000D_
              &amp;lt;th&amp;gt;Address_x000D_
              &amp;lt;/th&amp;gt;_x000D_
              &amp;lt;th&amp;gt;Country_x000D_
              &amp;lt;/th&amp;gt;_x000D_
              &amp;lt;th&amp;gt;Description_x000D_
              &amp;lt;/th&amp;gt;_x000D_
              &amp;lt;th&amp;gt;Telephone Number_x000D_
              &amp;lt;/th&amp;gt;_x000D_
              &amp;lt;th&amp;gt;Fax Number_x000D_
              &amp;lt;/th&amp;gt;_x000D_
              &amp;lt;th&amp;gt;Contact Person_x000D_
              &amp;lt;/th&amp;gt;_x000D_
              &amp;lt;th&amp;gt;Email_x000D_
              &amp;lt;/th&amp;gt;_x000D_
_x000D_
              &amp;lt;th&amp;gt;Actions_x000D_
              &amp;lt;/th&amp;gt;_x000D_
              &amp;lt;th&amp;gt;Consolidating Agent_x000D_
              &amp;lt;/th&amp;gt;_x000D_
              &amp;lt;th&amp;gt;Discount 1_x000D_
              &amp;lt;/th&amp;gt;_x000D_
              &amp;lt;th&amp;gt;Discount 2_x000D_
              &amp;lt;/th&amp;gt;_x000D_
              &amp;lt;th&amp;gt;Discount 3_x000D_
              &amp;lt;/th&amp;gt;_x000D_
              &amp;lt;th&amp;gt;Discount 4_x000D_
              &amp;lt;/th&amp;gt;_x000D_
              &amp;lt;th&amp;gt;Discount 5_x000D_
              &amp;lt;/th&amp;gt;_x000D_
              &amp;lt;th&amp;gt;Last Transaction_x000D_
              &amp;lt;/th&amp;gt;_x000D_
              &amp;lt;th&amp;gt;Old Supplier_x000D_
              &amp;lt;/th&amp;gt;_x000D_
            &amp;lt;/tr&amp;gt;_x000D_
          &amp;lt;/thead&amp;gt;_x000D_
          &amp;lt;tbody&amp;gt;_x000D_
            &amp;lt;?php if(!empty($fo_supp)): ?&amp;gt;_x000D_
            &amp;lt;?php foreach($fo_supp as $supp): ?&amp;gt;_x000D_
            &amp;lt;tr&amp;gt;_x000D_
              &amp;lt;td&amp;gt;_x000D_
                &amp;lt;?=$supp-&amp;gt;SUPP_CODE?&amp;gt;_x000D_
              &amp;lt;/td&amp;gt;_x000D_
              &amp;lt;td&amp;gt;_x000D_
                &amp;lt;?=$supp-&amp;gt;ADDRESS." ".$supp-&amp;gt;ADDRESS2?&amp;gt;_x000D_
              &amp;lt;/td&amp;gt;_x000D_
              &amp;lt;td&amp;gt;_x000D_
                &amp;lt;?=$supp-&amp;gt;COUNTRY?&amp;gt;_x000D_
              &amp;lt;/td&amp;gt;_x000D_
              &amp;lt;td&amp;gt;_x000D_
                &amp;lt;?=$supp-&amp;gt;DESCRIPTION?&amp;gt;_x000D_
              &amp;lt;/td&amp;gt;_x000D_
              &amp;lt;td&amp;gt;_x000D_
                &amp;lt;?=$supp-&amp;gt;TEL_NO?&amp;gt;_x000D_
              &amp;lt;/td&amp;gt;_x000D_
              &amp;lt;td&amp;gt;_x000D_
                &amp;lt;?=$supp-&amp;gt;FAX_NO?&amp;gt;_x000D_
              &amp;lt;/td&amp;gt;_x000D_
              &amp;lt;td&amp;gt;_x000D_
                &amp;lt;?=$supp-&amp;gt;CONTACT?&amp;gt;_x000D_
              &amp;lt;/td&amp;gt;_x000D_
              &amp;lt;td&amp;gt;_x000D_
                &amp;lt;?=$supp-&amp;gt;EMAIL?&amp;gt;_x000D_
              &amp;lt;/td&amp;gt;_x000D_
              &amp;lt;td&amp;gt;_x000D_
_x000D_
                &amp;lt;a href="#sfm_modal_edit" id='&amp;lt;?=$supp-&amp;gt;SUPP_CODE?&amp;gt;' class="editBtn" data-toggle="modal"&amp;gt;_x000D_
                  &amp;lt;i class="material-icons" data-toggle="tooltip" title="Edit"&amp;gt;&amp;amp;#xE254;&amp;lt;/i&amp;gt;_x000D_
                &amp;lt;/a&amp;gt;_x000D_
_x000D_
_x000D_
                &amp;lt;a href="#deleteEmployeeModal" class="delete" data-toggle="modal"&amp;gt;_x000D_
                  &amp;lt;i class="material-icons" data-toggle="tooltip" title="Delete"&amp;gt;&amp;amp;#xE872;&amp;lt;/i&amp;gt;_x000D_
                &amp;lt;/a&amp;gt;_x000D_
              &amp;lt;/td&amp;gt;_x000D_
_x000D_
              &amp;lt;td&amp;gt;_x000D_
                &amp;lt;?=$supp-&amp;gt;CONS_AGENT?&amp;gt;_x000D_
              &amp;lt;/td&amp;gt;_x000D_
              &amp;lt;td&amp;gt;_x000D_
                &amp;lt;?=$supp-&amp;gt;DISC1?&amp;gt;_x000D_
              &amp;lt;/td&amp;gt;_x000D_
              &amp;lt;td&amp;gt;_x000D_
                &amp;lt;?=$supp-&amp;gt;DISC2?&amp;gt;_x000D_
              &amp;lt;/td&amp;gt;_x000D_
              &amp;lt;td&amp;gt;_x000D_
                &amp;lt;?=$supp-&amp;gt;DISC3?&amp;gt;_x000D_
              &amp;lt;/td&amp;gt;_x000D_
              &amp;lt;td&amp;gt;_x000D_
                &amp;lt;?=$supp-&amp;gt;DISC4?&amp;gt;_x000D_
              &amp;lt;/td&amp;gt;_x000D_
              &amp;lt;td&amp;gt;_x000D_
                &amp;lt;?=$supp-&amp;gt;DISC5?&amp;gt;_x000D_
              &amp;lt;/td&amp;gt;_x000D_
              &amp;lt;td&amp;gt;_x000D_
                &amp;lt;?=  $supp-&amp;gt;LAST_TRANS ?&amp;gt;_x000D_
              &amp;lt;/td&amp;gt;_x000D_
              &amp;lt;td&amp;gt;_x000D_
                &amp;lt;?=$supp-&amp;gt;SUPP_CODE2?&amp;gt;_x000D_
              &amp;lt;/td&amp;gt;_x000D_
            &amp;lt;/tr&amp;gt;_x000D_
            &amp;lt;?php endforeach;?&amp;gt;_x000D_
            &amp;lt;?php else: ?&amp;gt;_x000D_
            &amp;lt;tr&amp;gt;_x000D_
              &amp;lt;?php for($i = 0; $i &amp;lt; 10; $i++): ?&amp;gt;_x000D_
              &amp;lt;td&amp;gt;_x000D_
                &amp;lt;span class="text-danger"&amp;gt; Not Available &amp;lt;/span&amp;gt;_x000D_
              &amp;lt;/td&amp;gt;_x000D_
              &amp;lt;?php endfor; ?&amp;gt;_x000D_
            &amp;lt;/tr&amp;gt;_x000D_
            &amp;lt;?php endif; ?&amp;gt;_x000D_
          &amp;lt;/tbody&amp;gt;_x000D_
        &amp;lt;/table&amp;gt;_x000D_
      &amp;lt;/div&amp;gt;_x000D_
_x000D_
    &amp;lt;/div&amp;gt;_x000D_
_x000D_
_x000D_
    &amp;lt;!-- UPDATE MODAL --&amp;gt;_x000D_
_x000D_
_x000D_
    &amp;lt;!--MODAL HERE--&amp;gt;_x000D_
    &amp;lt;div class="modal fade" name="sfm_modal_edit " id="sfm_modal_edit" tabindex="-1" role="dialog" aria-labelledby="myModalLabel" aria-hidden="true"&amp;gt;_x000D_
      &amp;lt;div class="modal-dialog"&amp;gt;_x000D_
        &amp;lt;div class="modal-content"&amp;gt;_x000D_
          &amp;lt;!-- Modal Header --&amp;gt;_x000D_
          &amp;lt;div class="modal-header"&amp;gt;_x000D_
            &amp;lt;button type="button" class="close" data-dismiss="modal"&amp;gt;_x000D_
       &amp;lt;span aria-hidden="true"&amp;gt;��&amp;lt;/span&amp;gt;_x000D_
       &amp;lt;span class="sr-only"&amp;gt;Close&amp;lt;/span&amp;gt;_x000D_
      &amp;lt;/button&amp;gt;_x000D_
            &amp;lt;h4 class="modal-title" id="myModalLabel"&amp;gt;_x000D_
              Edit Supplier_x000D_
            &amp;lt;/h4&amp;gt;_x000D_
          &amp;lt;/div&amp;gt;_x000D_
          &amp;lt;!-- Modal Body --&amp;gt;_x000D_
          &amp;lt;div class="modal-body"&amp;gt;_x000D_
            &amp;lt;form id="form2" class="form-horizontal"&amp;gt;_x000D_
              &amp;lt;div class="form-group form-group-sm"&amp;gt;_x000D_
                &amp;lt;!-- left column --&amp;gt;_x000D_
                &amp;lt;div class="col-sm-6"&amp;gt;_x000D_
                  &amp;lt;div class="form-group"&amp;gt;_x000D_
                    &amp;lt;label for="new_name" class="col-sm-2 control-label bg-danger" style="visibility: hidden;"&amp;gt;Supplier Code&amp;lt;/label&amp;gt;_x000D_
                    &amp;lt;span class="label label-default"&amp;gt;Supplier Code&amp;lt;/span&amp;gt;_x000D_
                    &amp;lt;div class="col-sm-10"&amp;gt;_x000D_
                      &amp;lt;input type="text" name="supp_codev1" id="supp_codev1" class="form-control" data-inputmask="'mask': '999999'"&amp;gt;_x000D_
                    &amp;lt;/div&amp;gt;_x000D_
                  &amp;lt;/div&amp;gt;_x000D_
                  &amp;lt;div class="form-group"&amp;gt;_x000D_
                    &amp;lt;label for="new_subname" class="col-sm-2 control-label" style="visibility: hidden;"&amp;gt;Address&amp;lt;/label&amp;gt;_x000D_
                    &amp;lt;span class="label label-default"&amp;gt;Address&amp;lt;/span&amp;gt;_x000D_
                    &amp;lt;div class="col-sm-10"&amp;gt;_x000D_
                      &amp;lt;input type="text" name="address1v1" class="form-control  col-md-10" id="address1v1" placeholder=""&amp;gt;_x000D_
                    &amp;lt;/div&amp;gt;_x000D_
                  &amp;lt;/div&amp;gt;_x000D_
                  &amp;lt;div class="form-group"&amp;gt;_x000D_
                    &amp;lt;label for="new_address" class="col-sm-2 control-label bg-danger" style="visibility: hidden;"&amp;gt;Address 2&amp;lt;/label&amp;gt;_x000D_
                    &amp;lt;span class="label label-default"&amp;gt;Address 2&amp;lt;/span&amp;gt;_x000D_
                    &amp;lt;div class="col-sm-10"&amp;gt;_x000D_
                      &amp;lt;input type="text" name="address2v1" class="form-control  col-md-10" id="address2v1" placeholder=""&amp;gt;_x000D_
                    &amp;lt;/div&amp;gt;_x000D_
                  &amp;lt;/div&amp;gt;_x000D_
                  &amp;lt;div class="form-group"&amp;gt;_x000D_
                    &amp;lt;label for="new_addresssub" class="col-sm-2 control-label" style="visibility: hidden;"&amp;gt;Country&amp;lt;/label&amp;gt;_x000D_
                    &amp;lt;span class="label label-default"&amp;gt;Country&amp;lt;/span&amp;gt;_x000D_
                    &amp;lt;div class="col-sm-10"&amp;gt;_x000D_
                      &amp;lt;input type="text" name="countryv1" id="countryv1" class="form-control col-md-10" /&amp;gt;_x000D_
                    &amp;lt;/div&amp;gt;_x000D_
                  &amp;lt;/div&amp;gt;_x000D_
                  &amp;lt;!-- &amp;lt;div class="form-group"&amp;gt;&amp;lt;label for="new_zip" class="col-sm-2 control-label bg-danger" style = "visibility: hidden;"&amp;gt;Description&amp;lt;/label&amp;gt;&amp;lt;span class="label label-default" &amp;gt;Supplier Code&amp;lt;/span&amp;gt;&amp;lt;div class="col-sm-3"&amp;gt;&amp;lt;input type="text" class="form-control" id="new_zip" placeholder=""&amp;gt;&amp;lt;/div&amp;gt;&amp;lt;div class="col-sm-7"&amp;gt;&amp;lt;label for="new_zip_detail" class="sr-only" style = "visibility: hidden;"&amp;gt;City, State Country&amp;lt;/label&amp;gt;&amp;lt;input type="text" class="form-control" id="new_zip_detail" placeholder="City, State Country" disabled=""&amp;gt;&amp;lt;/div&amp;gt;&amp;lt;/div&amp;gt; --&amp;gt;_x000D_
                  &amp;lt;div class="form-group"&amp;gt;_x000D_
                    &amp;lt;label for="new_addresssub" class="col-sm-2 control-label" style="visibility: hidden;"&amp;gt;Description&amp;lt;/label&amp;gt;_x000D_
                    &amp;lt;span class="label label-default"&amp;gt;Description&amp;lt;/span&amp;gt;_x000D_
                    &amp;lt;div class="col-sm-10"&amp;gt;_x000D_
                      &amp;lt;input type="text" name="descriptionv1" class="form-control" id="descriptionv1" placeholder=""&amp;gt;_x000D_
                    &amp;lt;/div&amp;gt;_x000D_
                  &amp;lt;/div&amp;gt;_x000D_
                  &amp;lt;div class="form-group"&amp;gt;_x000D_
                    &amp;lt;label for="new_phone" class="col-sm-2 control-label" style="visibility: hidden;"&amp;gt;Telephone Number&amp;lt;/label&amp;gt;_x000D_
                    &amp;lt;span class="label label-default"&amp;gt;Telephone Number&amp;lt;/span&amp;gt;_x000D_
                    &amp;lt;div class="col-sm-10"&amp;gt;_x000D_
                      &amp;lt;input type="text" class="form-control" name="tel_numv1" id="tel_numv1" data-inputmask="'mask' : '(999) 999-9999'"&amp;gt;_x000D_
                    &amp;lt;/div&amp;gt;_x000D_
                  &amp;lt;/div&amp;gt;_x000D_
                  &amp;lt;div class="form-group"&amp;gt;_x000D_
                    &amp;lt;label for="new_phone" class="col-sm-2 control-label" style="visibility: hidden;"&amp;gt;Fax Number&amp;lt;/label&amp;gt;_x000D_
                    &amp;lt;span class="label label-default"&amp;gt;Fax Number&amp;lt;/span&amp;gt;_x000D_
                    &amp;lt;div class="col-sm-10"&amp;gt;_x000D_
                      &amp;lt;input type="text" class="form-control" name="fax_numv1" id="fax_numv1" data-inputmask="'mask' : '(999) 999-9999'"&amp;gt;_x000D_
                    &amp;lt;/div&amp;gt;_x000D_
                  &amp;lt;/div&amp;gt;_x000D_
                  &amp;lt;div class="form-group"&amp;gt;_x000D_
                    &amp;lt;label for="new_name" class="col-sm-2 control-label bg-danger" style="visibility: hidden;"&amp;gt;Consolidating Agent&amp;lt;/label&amp;gt;_x000D_
                    &amp;lt;span class="label label-default"&amp;gt;Consolidating Agent&amp;lt;/span&amp;gt;_x000D_
                    &amp;lt;div class="col-sm-10"&amp;gt;_x000D_
                      &amp;lt;input type="text" name="consol_agentv1" class="form-control" id="consol_agentv1" placeholder=""&amp;gt;_x000D_
                    &amp;lt;/div&amp;gt;_x000D_
                  &amp;lt;/div&amp;gt;_x000D_
_x000D_
                &amp;lt;/div&amp;gt;_x000D_
                &amp;lt;!-- right column --&amp;gt;_x000D_
                &amp;lt;div class="col-sm-6"&amp;gt;_x000D_
                  &amp;lt;div class="form-group"&amp;gt;_x000D_
                    &amp;lt;label for="new_subname" class="col-sm-2 control-label" style="visibility: hidden;"&amp;gt;Email&amp;lt;/label&amp;gt;_x000D_
                    &amp;lt;span class="label label-default"&amp;gt;Email&amp;lt;/span&amp;gt;_x000D_
                    &amp;lt;div class="col-sm-10"&amp;gt;_x000D_
                      &amp;lt;input type="text" class="form-control" name="emailv1" id="emailv1" placeholder=""&amp;gt;_x000D_
                    &amp;lt;/div&amp;gt;_x000D_
                  &amp;lt;/div&amp;gt;_x000D_
                  &amp;lt;div class="form-group"&amp;gt;_x000D_
                    &amp;lt;label for="new_name" class="col-sm-2 control-label bg-danger" style="visibility: hidden;"&amp;gt;Contact Person&amp;lt;/label&amp;gt;_x000D_
                    &amp;lt;span class="label label-default"&amp;gt;Contact Person&amp;lt;/span&amp;gt;_x000D_
                    &amp;lt;div class="col-sm-10"&amp;gt;_x000D_
                      &amp;lt;input type="text" class="form-control" name="contact_personv1" id="contact_personv1" placeholder=""&amp;gt;_x000D_
                    &amp;lt;/div&amp;gt;_x000D_
                  &amp;lt;/div&amp;gt;_x000D_
_x000D_
                  &amp;lt;div class="form-group"&amp;gt;_x000D_
                    &amp;lt;label for="new_subname" class="col-sm-2 control-label" style="visibility: hidden;"&amp;gt;Discount 1&amp;lt;/label&amp;gt;_x000D_
                    &amp;lt;span class="label label-default"&amp;gt;Discount 1&amp;lt;/span&amp;gt;_x000D_
                    &amp;lt;div class="col-sm-10"&amp;gt;_x000D_
                      &amp;lt;input type="text" class="form-control" name="disc1v1" id="disc1v1" placeholder=""&amp;gt;_x000D_
                    &amp;lt;/div&amp;gt;_x000D_
                  &amp;lt;/div&amp;gt;_x000D_
                  &amp;lt;div class="form-group"&amp;gt;_x000D_
                    &amp;lt;label for="new_address" class="col-sm-2 control-label bg-danger" style="visibility: hidden;"&amp;gt;Discount 2&amp;lt;/label&amp;gt;_x000D_
                    &amp;lt;span class="label label-default"&amp;gt;Discount 2&amp;lt;/span&amp;gt;_x000D_
                    &amp;lt;div class="col-sm-10"&amp;gt;_x000D_
                      &amp;lt;input type="text" class="form-control" name="disc2v1" id="disc2v1" placeholder=""&amp;gt;_x000D_
                    &amp;lt;/div&amp;gt;_x000D_
                  &amp;lt;/div&amp;gt;_x000D_
                  &amp;lt;div class="form-group"&amp;gt;_x000D_
                    &amp;lt;label for="new_addresssub" class="col-sm-2 control-label" style="visibility: hidden;"&amp;gt;Discount 3&amp;lt;/label&amp;gt;_x000D_
                    &amp;lt;span class="label label-default"&amp;gt;Discount 3&amp;lt;/span&amp;gt;_x000D_
                    &amp;lt;div class="col-sm-10"&amp;gt;_x000D_
                      &amp;lt;input type="text" class="form-control" name="disc3v1" id="disc3v1" placeholder=""&amp;gt;_x000D_
                    &amp;lt;/div&amp;gt;_x000D_
                  &amp;lt;/div&amp;gt;_x000D_
_x000D_
                  &amp;lt;div class="form-group"&amp;gt;_x000D_
                    &amp;lt;label for="new_phone" class="col-sm-2 control-label" style="visibility: hidden;"&amp;gt;Discount 4&amp;lt;/label&amp;gt;_x000D_
                    &amp;lt;span class="label label-default"&amp;gt;Discount 4&amp;lt;/span&amp;gt;_x000D_
                    &amp;lt;div class="col-sm-10"&amp;gt;_x000D_
                      &amp;lt;input type="phone" class="form-control" name="disc4v1" id="disc4v1" placeholder=""&amp;gt;_x000D_
                    &amp;lt;/div&amp;gt;_x000D_
                  &amp;lt;/div&amp;gt;_x000D_
                  &amp;lt;div class="form-group"&amp;gt;_x000D_
                    &amp;lt;label for="new_phone" class="col-sm-2 control-label" style="visibility: hidden;"&amp;gt;Discount 5&amp;lt;/label&amp;gt;_x000D_
                    &amp;lt;span class="label label-default"&amp;gt;Discount 5&amp;lt;/span&amp;gt;_x000D_
                    &amp;lt;div class="col-sm-10"&amp;gt;_x000D_
                      &amp;lt;input type="phone" class="form-control" name="disc5v1" id="disc5v1" placeholder=""&amp;gt;_x000D_
                    &amp;lt;/div&amp;gt;_x000D_
                  &amp;lt;/div&amp;gt;_x000D_
                  &amp;lt;div class="form-group"&amp;gt;_x000D_
                    &amp;lt;label for="new_phone" class="col-sm-2 control-label" style="visibility: hidden;"&amp;gt;Last Transaction&amp;lt;/label&amp;gt;_x000D_
                    &amp;lt;span class="label label-default"&amp;gt;Last Transaction&amp;lt;/span&amp;gt;_x000D_
                    &amp;lt;div class="col-sm-10"&amp;gt;_x000D_
                      &amp;lt;input type="text" class="form-control" name="last_transactionv1" id="last_transactionv1" data-inputmask="'mask': '9999/99/99'"&amp;gt;_x000D_
                    &amp;lt;/div&amp;gt;_x000D_
                  &amp;lt;/div&amp;gt;_x000D_
                  &amp;lt;div class="form-group"&amp;gt;_x000D_
                    &amp;lt;label for="new_phone" class="col-sm-2 control-label" style="visibility: hidden;"&amp;gt;Old Supplier&amp;lt;/label&amp;gt;_x000D_
                    &amp;lt;span class="label label-default"&amp;gt;Old Supplier&amp;lt;/span&amp;gt;_x000D_
                    &amp;lt;div class="col-sm-10"&amp;gt;_x000D_
                      &amp;lt;input type="phone" class="form-control" name="old_supplierv1" id="old_supplierv1" placeholder=""&amp;gt;_x000D_
                    &amp;lt;/div&amp;gt;_x000D_
                  &amp;lt;/div&amp;gt;_x000D_
_x000D_
                &amp;lt;/div&amp;gt;_x000D_
              &amp;lt;/div&amp;gt;_x000D_
_x000D_
          &amp;lt;/div&amp;gt;_x000D_
          &amp;lt;!-- End main input boxes, starting a new "row" --&amp;gt;_x000D_
          &amp;lt;!-- Modal Footer --&amp;gt;_x000D_
          &amp;lt;div class="modal-footer"&amp;gt;_x000D_
            &amp;lt;button type="button" class="btn btn-default" id="newConsigneeReset"&amp;gt;Reset&amp;lt;/button&amp;gt;_x000D_
            &amp;lt;button type="button" class="btn btn-default" data-dismiss="modal"&amp;gt;Close&amp;lt;/button&amp;gt;_x000D_
            &amp;lt;button type="submit" class="btn btn-primary"&amp;gt;Add&amp;lt;/button&amp;gt;_x000D_
          &amp;lt;/div&amp;gt;_x000D_
          &amp;lt;!-- End Modal Footer --&amp;gt;_x000D_
          &amp;lt;/form&amp;gt;_x000D_
        &amp;lt;/div&amp;gt;_x000D_
        &amp;lt;!-- End modal body div --&amp;gt;_x000D_
      &amp;lt;/div&amp;gt;_x000D_
      &amp;lt;!-- End modal content div --&amp;gt;_x000D_
    &amp;lt;/div&amp;gt;_x000D_
    &amp;lt;!-- End modal dialog div --&amp;gt;_x000D_
  &amp;lt;/div&amp;gt;_x000D_
  &amp;lt;!-- End modal div --&amp;gt;_x000D_
_x000D_
  &amp;lt;!-- /page content --&amp;gt;&lt;/code&gt;&lt;/pre&gt;_x000D_
&lt;/div&gt;_x000D_
&lt;/div&gt;_x000D_
&lt;/p&gt;
&lt;p&gt;&lt;h2&gt; In the developers tools network tab/doc &lt;/h2&gt;&lt;/p&gt;
&lt;p&gt;&lt;a href="https://i.stack.imgur.com/3vLc7.png" rel="nofollow noreferrer"&gt;I found this when i enter a value in the modal and clicked add&lt;/a&gt;&lt;/p&gt;</t>
  </si>
  <si>
    <t>2018-10-24 05:59:03.800000+00:00</t>
  </si>
  <si>
    <t>2018-10-24 07:33:25.827000+00:00</t>
  </si>
  <si>
    <t>2018-10-24 07:26:34.343000+00:00</t>
  </si>
  <si>
    <t>javascript|php|jquery|ajax|codeigniter</t>
  </si>
  <si>
    <t>Get the index of view from which a button was clicked in a NSCollectionView</t>
  </si>
  <si>
    <t>&lt;p&gt;I have a &lt;code&gt;NSCollectionView&lt;/code&gt; and I am adding my custom view which acts as &lt;code&gt;NSCollectionViewItem&lt;/code&gt; for that collection view. In my collectionViewItem, I have a &lt;code&gt;NSButton&lt;/code&gt; along with various other elements. I have a method &lt;code&gt;onButtonClick&lt;/code&gt; which is connected to that button. Now, suppose I add 5 items of my collectonViewItem on to the collectionView. 
How can I get the index of the view from where the button was clicked?&lt;/p&gt;
&lt;p&gt;Inside &lt;code&gt;onButtonClick&lt;/code&gt;, I tried following code but it always returns 0 regardless of which button I click:&lt;/p&gt;
&lt;pre&gt;&lt;code&gt;id collectionViewItem = [sender superView];
NSInteger index = [[colloectionView subviews]  indexOfObject:collectionViewItem];
&lt;/code&gt;&lt;/pre&gt;
&lt;p&gt;What is the right way to achieve this?&lt;/p&gt;</t>
  </si>
  <si>
    <t>2012-10-10 07:21:01.453000+00:00</t>
  </si>
  <si>
    <t>2013-05-14 12:20:52.860000+00:00</t>
  </si>
  <si>
    <t>objective-c|cocoa|nscollectionview|nscollectionviewitem</t>
  </si>
  <si>
    <t>How can I subtract two dates - one already declared, one the current date</t>
  </si>
  <si>
    <t>&lt;p&gt;I am trying to create an array that displays employees and their hire date, data that's already declared. I need to have a set instance variable of today's date as the retiring date and use that to find the amount of years, months and days they have worked. I have the project broken up into two files that work together. I'm just having trouble trying to get the years, months, and days they've worked. 
My code is for the first file: &lt;/p&gt;
&lt;pre&gt;&lt;code&gt;import java.time.*;
import java.time.LocalDate.*;
import java.time.Month.*;
import java.time.Period.*;
class Employee
{
//Instance variables
private String name;
private double salary;
private LocalDate hireDay;
private LocalDate retDay = LocalDate.now();
private int years;
private int months;
private int days;
   //Constructor - same name as class -- first thing that runs
    public Employee(String n, double s, int year, int month, int day)//, int ys, int 
    ms, int ds)
   {
    name = n;
    salary = s;
    hireDay = LocalDate.of(year, month, day);
    ///years  = ys;
   // months = ms;
    //days = ds;
}
//methods are public -- any class can have access to the method
//may or may not have a parameter
public String getName()
{
    return name;
}
public double getSalary()
{
    return salary;
}
public LocalDate getHireDay()
{
    return hireDay;
}
public void raiseSalary(double byPercent)
{
    double raise = salary * byPercent/100;
    salary += raise;
}
public int getRetYears()
 {
   return years;
 }
 public int getRetMonths()
 {
  return months;
 }
   public int getRetDays()
 {
 return days;
 }
  public void calcRetDay(Period timeWorked, int y, int m, int d)
 {
  timeWorked = Period.between(hireDay, retDay);
  y = timeWorked.getYears();
  m = timeWorked.getMonths();
d = timeWorked.getDays();
years = y;
months = m;  
days = d;
  }
}
&lt;/code&gt;&lt;/pre&gt;
&lt;p&gt;My code for my second file is: &lt;/p&gt;
&lt;pre&gt;&lt;code&gt;import java.time.*;
import java.time.LocalDate;
import java.time.Month;
import java.time.Period;
//*****Communicates with employee.java****************************
public class EmployeeDriver
    {
    public static void main(String[] args)
    {
     Employee[] staff = new Employee[3];
     //populate the staff array with three employee objects
     staff[0] = new Employee("Carl Cracker", 75000, 1987, 12, 15);
     staff[1] = new Employee("Harry Hacker", 50000, 1989, 10, 1);
     staff[2] = new Employee("Tony Tester", 40000, 1990, 3, 15);
     //raise everyone's salary by 5%
     for (Employee e : staff)
        //below is dot notation --- encapsulation
        e.raiseSalary(5);
     //print out information about all Employee objects
     for (Employee e : staff)
        System.out.println("name=" + e.getName() + ",salary=" + e.getSalary() + ",hireDay=" + e.getHireDay() + ",years=" + e.getRetYears()+ ",months=" + e.getRetMonths()+ ",days=" + e.getRetDays());
}
}
&lt;/code&gt;&lt;/pre&gt;</t>
  </si>
  <si>
    <t>2018-02-18 21:52:35.850000+00:00</t>
  </si>
  <si>
    <t>"Attempted to load class "Client" from namespace "GuzzleHttp"</t>
  </si>
  <si>
    <t>&lt;blockquote&gt;
  &lt;p&gt;[2018-11-12 16:02:51] request.CRITICAL: Uncaught PHP Exception
  Symfony\Component\Debug\Exception\ClassNotFoundException: "Attempted
  to load class "Client" from namespace "GuzzleHttp". Did you forget a
  "use" statement for e.g. "Symfony\Component\BrowserKit\Client",
  "Symfony\Component\HttpKernel\Client" or
  "Symfony\Bundle\FrameworkBundle\Client"?" at
  /home/placeme1/src/AppBundle/Controller/IndexController.php line 58
  {"exception":"[object]
  (Symfony\Component\Debug\Exception\ClassNotFoundException(code:
  0): Attempted to load class \"Client\" from namespace
  \"GuzzleHttp\".\nDid you forget a \"use\" statement for e.g.
  \"Symfony\Component\BrowserKit\Client\",
  \"Symfony\Component\HttpKernel\Client\" or
  \"Symfony\Bundle\FrameworkBundle\Client\"? at
  /home/placeme1/src/AppBundle/Controller/IndexController.php:58)"} []&lt;/p&gt;
&lt;/blockquote&gt;
&lt;p&gt;im getting above error in my prod.log file when i try to get some data from an api.&lt;/p&gt;
&lt;pre&gt;&lt;code&gt;     namespace AppBundle\Controller;
       use AppBundle\Entity\Employer;
       use AppBundle\Entity\Placement;
       use AppBundle\Entity\PlacementSkill;
       use AppBundle\Entity\Student;
       use AppBundle\Entity\StudentSkill;
       use FOS\RestBundle\Controller\Annotations as Rest;
       use Symfony\Component\Form\Extension\Core\Type\DateType;
       use Symfony\Component\Form\Extension\Core\Type\IntegerType;
       use Symfony\Component\Form\Extension\Core\Type\TextareaType;
       use Symfony\Component\Form\Extension\Core\Type\TextType;
       use Symfony\Component\Form\Extension\Core\Type\SubmitType;
       use Symfony\Component\Form\Extension\Core\Type\FileType;
       use Sensio\Bundle\FrameworkExtraBundle\Configuration\Route;
       use Symfony\Bundle\FrameworkBundle\Controller\Controller;
       use Symfony\Component\HttpFoundation\Request;
       use Symfony\Component\HttpFoundation\Response;
   use GuzzleHttp\Client;
    class IndexController extends Controller
   {
    protected $em;
    public function __construct()
    {}
    /**
     * @Route("/test")
     */
    public function testAction(){
        $client = new Client();
        $res = $client-&amp;gt;get('https://api.github.com/repos/guzzle/guzzle');
        echo $res-&amp;gt;getStatusCode();
    // 200
        echo $res-&amp;gt;getHeaderLine('content-type');
        echo $res-&amp;gt;getBody();
        return new Response("test");
    }
}
&lt;/code&gt;&lt;/pre&gt;</t>
  </si>
  <si>
    <t>2018-11-12 17:04:33.337000+00:00</t>
  </si>
  <si>
    <t>2018-11-13 05:25:09.170000+00:00</t>
  </si>
  <si>
    <t>symfony|guzzlehttp</t>
  </si>
  <si>
    <t>Updating list after insert new items through a JSP form</t>
  </si>
  <si>
    <t>&lt;p&gt;In my Spring project, I am passing a List to my JSP page from my controller in this way:&lt;/p&gt;
&lt;pre&gt;&lt;code&gt;mav.addObject("tipos", tipo.listaTipos());
mav.addObject("campos", atributo.listaKey());
&lt;/code&gt;&lt;/pre&gt;
&lt;p&gt;In the JSP page, besides display this items, I can add new items too, as demonstrated in the code below (both HTMl and Jquery):&lt;/p&gt;
&lt;p&gt;&lt;strong&gt;HTML&lt;/strong&gt;&lt;/p&gt;
&lt;pre&gt;&lt;code&gt;&amp;lt;table class="bordered campos" id="edit_campos"&amp;gt;
  &amp;lt;thead&amp;gt;
  &amp;lt;tr&amp;gt;    
      &amp;lt;th&amp;gt;Campo&amp;lt;/th&amp;gt;
      &amp;lt;th&amp;gt;#&amp;lt;/th&amp;gt;
  &amp;lt;/tr&amp;gt;
  &amp;lt;/thead&amp;gt;
  &amp;lt;tfoot&amp;gt;
  &amp;lt;tr&amp;gt;
    &amp;lt;td&amp;gt; &amp;lt;input type="text" name="nome_campo"&amp;gt; &amp;lt;/td&amp;gt;
    &amp;lt;td&amp;gt; &amp;lt;button type="button" id="incluir_campo" class="btn btn-link"&amp;gt;Incluir&amp;lt;/button&amp;gt; &amp;lt;/td&amp;gt;
  &amp;lt;/tr&amp;gt;
  &amp;lt;/tfoot&amp;gt;
  &amp;lt;c:forEach var="item_key" items="${campos}"&amp;gt;
  &amp;lt;tr id="linha_${item_key.id}"&amp;gt;
    &amp;lt;td&amp;gt; &amp;lt;input type="text" name="${item_key.nome}" value="${item_key.nome}"&amp;gt; &amp;lt;/td&amp;gt;
    &amp;lt;td&amp;gt; &amp;lt;button type="button" id="excluir_campo" class="btn btn-link"&amp;gt;Excluir&amp;lt;/button&amp;gt; &amp;lt;/td&amp;gt;
  &amp;lt;/tr&amp;gt;
  &amp;lt;/c:forEach&amp;gt;
&amp;lt;/table&amp;gt;
&lt;/code&gt;&lt;/pre&gt;
&lt;p&gt;&lt;/p&gt;&lt;/p&gt;
&lt;p&gt;&lt;strong&gt;JQuery&lt;/strong&gt;&lt;/p&gt;
&lt;pre&gt;&lt;code&gt;$("#incluir_campo").on("click", function () {
    $.ajax({
        type: "GET",
        url: "&amp;lt;c:out value="${pageContext.request.contextPath}/key/cadastra_campo"/&amp;gt;",
        data: {nome: $("input[name=nome_campo]").val() }
    }).done(function(data){
        if(data=="yes") {
            var newRow = $("&amp;lt;tr&amp;gt;");
            cols = '&amp;lt;td&amp;gt; &amp;lt;input type="text" name="${item_key.nome}" value="${item_key.nome}"&amp;gt; &amp;lt;/td&amp;gt;';
            cols += '&amp;lt;td&amp;gt; &amp;lt;button type="button" id="excluir_campo_${item_campo.id}" class="btn btn-link"&amp;gt;Excluir&amp;lt;/button&amp;gt; &amp;lt;/td&amp;gt;';
            newRow.append(cols);
            $("table.campos").append(newRow);
            $("input[name=nome_campo]").val("");
        }
        else {
            alert("erro ao incluir campo");
        }
    }).fail(function(){
        alert("falha ao incluir campo");
    });
});
&lt;/code&gt;&lt;/pre&gt;
&lt;p&gt;But, in this current scenario, the new lines are display with no content, due the list passed to JSP remains the same. How I can update the list I passed to my JSP after I insert a new item?&lt;/p&gt;</t>
  </si>
  <si>
    <t>2014-04-06 23:16:09.277000+00:00</t>
  </si>
  <si>
    <t>2016-11-03 09:33:16.673000+00:00</t>
  </si>
  <si>
    <t>java|javascript|jquery|jsp</t>
  </si>
  <si>
    <t>Pending sort hypotheses</t>
  </si>
  <si>
    <t>&lt;p&gt;What could be the reason for the following error message:&lt;/p&gt;
&lt;pre&gt;&lt;code&gt;Pending sort hypotheses: trelations
&lt;/code&gt;&lt;/pre&gt;
&lt;p&gt;Here,&lt;/p&gt;
&lt;ul&gt;
&lt;li&gt;&lt;p&gt;trelations is a class type&lt;/p&gt;&lt;/li&gt;
&lt;li&gt;&lt;p&gt;the error is generated when proving a collection of subgoals by contradiction. Subgoals are of the form: "premise1 ==&gt; premise2 ==&gt; False"&lt;/p&gt;&lt;/li&gt;
&lt;li&gt;&lt;p&gt;the proof state says "No subgoals!", though.&lt;/p&gt;&lt;/li&gt;
&lt;li&gt;&lt;p&gt;the assumptions of trelations are consistent to me (&lt;a href="https://lists.cam.ac.uk/pipermail/cl-isabelle-users/2012-July/msg00023.html" rel="nofollow"&gt;https://lists.cam.ac.uk/pipermail/cl-isabelle-users/2012-July/msg00023.html&lt;/a&gt;)&lt;/p&gt;&lt;/li&gt;
&lt;/ul&gt;
&lt;p&gt;Thanks.&lt;/p&gt;</t>
  </si>
  <si>
    <t>2016-03-09 08:53:43.900000+00:00</t>
  </si>
  <si>
    <t>2016-03-10 09:07:50.667000+00:00</t>
  </si>
  <si>
    <t>isabelle</t>
  </si>
  <si>
    <t>How to add RecyclerView in extended fragment to display the list</t>
  </si>
  <si>
    <t>&lt;p&gt;I have extended 3 fragment in main activity..also how do i add recyclerview to display a list in one of my fragment.&lt;/p&gt;
&lt;p&gt;&lt;strong&gt;Please help&lt;/strong&gt;&lt;/p&gt;</t>
  </si>
  <si>
    <t>2017-01-04 08:56:00.097000+00:00</t>
  </si>
  <si>
    <t>2017-01-04 09:25:59.740000+00:00</t>
  </si>
  <si>
    <t>2017-01-04 09:05:39.347000+00:00</t>
  </si>
  <si>
    <t>android|android-fragments|android-recyclerview|recycler-adapter</t>
  </si>
  <si>
    <t>How to display a ROW based on value in CASE STATEMENT</t>
  </si>
  <si>
    <t>&lt;p&gt;I have a query as below, and want to display a row only if the value is 1 using CASE. Please can you advice how I can do that&lt;/p&gt;
&lt;pre&gt;&lt;code&gt;SELECT DISTINCT 
    a.AccountID, 
    a.ForeName, 
    a.Surname, 
    a.Gender, 
    CASE 
        WHEN B.Value = '1145' THEN '1' 
        WHEN B.Value = '1007' THEN '2' ELSE '0' 
    END AS Value, 
    b.Address,
     b.Town
FROM 
    Customer a
LEFT OUTER JOIN 
    AdditionalDetails b
ON 
    b.ID = a.AccountID
&lt;/code&gt;&lt;/pre&gt;
&lt;p&gt;The result I am getting:  &lt;/p&gt;
&lt;pre&gt;&lt;code&gt; AccountID  ForeName  Surname  Gender NoName  Address Town
  00012       Eric      Manse   Male    0      Porto   Porto
  00013       Peter     Mark    Male    0      Porto   Porto
  00014       Tom       Jerry   Male    0      Porto   Porto
  00014       Tom       Jerry   Male    1      Porto   Porto
  00015       Sarah     Parker  Female  0      Porto   Porto
  00015       Sarah     Parker  Female  1      Porto   Porto
&lt;/code&gt;&lt;/pre&gt;
&lt;p&gt;If there is a 1 in the CASE statement, it should not display the 0 just the row with the value 1&lt;/p&gt;</t>
  </si>
  <si>
    <t>2018-11-20 12:17:05.527000+00:00</t>
  </si>
  <si>
    <t>2018-11-20 16:16:14.257000+00:00</t>
  </si>
  <si>
    <t>Java Send Mail Function</t>
  </si>
  <si>
    <t>&lt;p&gt;Does anybody has a proper java send mail function that works 100 % and can share it with me. I am getting some problem with mine!!!&lt;/p&gt;</t>
  </si>
  <si>
    <t>2010-12-14 20:36:29.450000+00:00</t>
  </si>
  <si>
    <t>2010-12-14 21:14:45.150000+00:00</t>
  </si>
  <si>
    <t>2010-12-14 20:45:39.577000+00:00</t>
  </si>
  <si>
    <t>java|sendmail</t>
  </si>
  <si>
    <t>remote_addr= method doesn't work in integration tests. What for this method is needed?</t>
  </si>
  <si>
    <t>&lt;p&gt;I'm doing integration tests in Rails. I want to imitate a request from an arbitrary ip address. So far I've learned that there are two ways to do it:&lt;/p&gt;
&lt;pre&gt;&lt;code&gt;remote_addr=(remote_ip) ## the first
get("/", nil, {"REMOTE_ADDR" =&amp;gt; "999.99.99"}) ## the second
&lt;/code&gt;&lt;/pre&gt;
&lt;p&gt;But the first one doesn't work in integration tests. It doesn't set &lt;code&gt;remote_addr&lt;/code&gt;:&lt;/p&gt;
&lt;pre&gt;&lt;code&gt;test("some integration test") do
   r_a = "999.99.99"
   puts remote_addr
     remote_addr=(r_a)  ## neither before get()...
   puts remote_addr
   get("/")  ## get request
     remote_addr=(r_a)  ## nor after get() it doesn't set remote_addr
   assert_equal(r_a, assigns(:r_a))  ## assertion test 
end
&lt;/code&gt;&lt;/pre&gt;
&lt;p&gt;Now I run the test. This is a result. Please pay attention that the value changes before and after:&lt;/p&gt;
&lt;pre&gt;&lt;code&gt;# Running tests:
127.0.0.1
999.99.99
F
Finished tests in 1.109375s, 0.9014 tests/s, 5.4085 assertions/s.
  1) Failure:
test_some_integration_test(UserFlowsTest) [test/integration/user_flows_test.rb:45]:
&amp;lt;"999.99.99"&amp;gt; expected but was
&amp;lt;"127.0.0.1"&amp;gt;.
&lt;/code&gt;&lt;/pre&gt;
&lt;p&gt;But as I said above the second approach works fine:&lt;/p&gt;
&lt;pre&gt;&lt;code&gt;test("some integration test") do
   r_a = "999.99.99"
   puts remote_addr
     get("/", nil, {"REMOTE_ADDR" =&amp;gt; "999.99.99"})
   puts remote_addr
   assert_equal(r_a, assigns(:r_a))  ## assertion test
   puts "assigns(:r_a) = #{assigns(:r_a)}"
end
&lt;/code&gt;&lt;/pre&gt;
&lt;p&gt;The result. Please pay attention that the value isn't changed in &lt;code&gt;remote_addr()&lt;/code&gt; but is changed in &lt;code&gt;assigns(:r_a)&lt;/code&gt;:&lt;/p&gt;
&lt;pre&gt;&lt;code&gt;# Running tests:
127.0.0.1
127.0.0.1
assigns(:r_a) = 999.99.99
.
Finished tests in 1.296875s, 0.7711 tests/s, 7.7108 assertions/s.
&lt;/code&gt;&lt;/pre&gt;
&lt;p&gt;The source code of &lt;a href="http://api.rubyonrails.org/classes/ActionDispatch/TestRequest.html#method-i-remote_addr-3D" rel="nofollow"&gt;remote_addr=&lt;/a&gt; is this:&lt;/p&gt;
&lt;pre&gt;&lt;code&gt;# File actionpack/lib/action_dispatch/testing/test_request.rb, line 55
def remote_addr=(addr)
  @env['REMOTE_ADDR'] = addr
end
&lt;/code&gt;&lt;/pre&gt;
&lt;p&gt;It has to change, but it doesn't.&lt;/p&gt;
&lt;ol&gt;
&lt;li&gt;&lt;p&gt;Why &lt;code&gt;remote_addr=&lt;/code&gt; doesn't set the remote_ip in integration tests?&lt;/p&gt;&lt;/li&gt;
&lt;li&gt;&lt;p&gt;What for then this method is needed?&lt;/p&gt;&lt;/li&gt;
&lt;li&gt;&lt;p&gt;Is it still possible to use it in integration tests or the second approach is the only option?&lt;/p&gt;&lt;/li&gt;
&lt;/ol&gt;</t>
  </si>
  <si>
    <t>2013-06-04 17:35:07.413000+00:00</t>
  </si>
  <si>
    <t>2013-06-05 17:20:02.717000+00:00</t>
  </si>
  <si>
    <t>2013-06-04 18:01:04.510000+00:00</t>
  </si>
  <si>
    <t>ruby-on-rails-3.2|integration-testing</t>
  </si>
  <si>
    <t>Weird Phaser black lines and "blur" while moving</t>
  </si>
  <si>
    <t>&lt;p&gt;(called it "blur" because i dont know how it is really named)&lt;br/&gt;
Footage: &lt;a href="https://youtu.be/zvoQilhFxUw" rel="nofollow noreferrer"&gt;https://youtu.be/zvoQilhFxUw&lt;/a&gt;&lt;br/&gt;
Project: &lt;a href="https://github.com/hasezoey/phaser-tiled-test/" rel="nofollow noreferrer"&gt;https://github.com/hasezoey/phaser-tiled-test/&lt;/a&gt;&lt;br/&gt;&lt;/p&gt;
&lt;p&gt;Does anyone know why its happening and how to fix it?&lt;br/&gt;&lt;/p&gt;
&lt;p&gt;Phaser 3.8&lt;br/&gt;
Tileset tiles 16x16 (no spaceing / margin)&lt;br/&gt;
Map made with Tiled&lt;br/&gt;
Vivaldi@latest&lt;br/&gt;&lt;/p&gt;
&lt;p&gt;Black Line / Bleeding Fix: &lt;a href="https://github.com/sporadic-labs/tile-extruder" rel="nofollow noreferrer"&gt;https://github.com/sporadic-labs/tile-extruder&lt;/a&gt;
Fixed by &lt;a href="https://stackoverflow.com/questions/50432202/wierd-phaser-black-lines-while-moving-problems/50439253#50439253"&gt;This Answer&lt;/a&gt;&lt;/p&gt;
&lt;p&gt;EDIT: when changing pixelArt to false, it works fine but seems washed-out&lt;/p&gt;</t>
  </si>
  <si>
    <t>2018-05-20 06:16:18.907000+00:00</t>
  </si>
  <si>
    <t>2018-05-21 17:39:04.407000+00:00</t>
  </si>
  <si>
    <t>javascript|phaser-framework</t>
  </si>
  <si>
    <t>Website width on iphone</t>
  </si>
  <si>
    <t>&lt;p&gt;I have problem with website width on iphone. I've added meta tag:
to header, but still my website ignores scaling on iphone.&lt;/p&gt;
&lt;p&gt;You find my website at &lt;a href="http://dev.mooaed.com/" rel="nofollow"&gt;http://dev.mooaed.com/&lt;/a&gt;&lt;/p&gt;
&lt;p&gt;Thank you!&lt;/p&gt;</t>
  </si>
  <si>
    <t>2013-08-29 13:18:11.520000+00:00</t>
  </si>
  <si>
    <t>2013-08-29 13:20:56.053000+00:00</t>
  </si>
  <si>
    <t>html|css|wordpress</t>
  </si>
  <si>
    <t>Magic-8-ball? in Scheme</t>
  </si>
  <si>
    <t>&lt;p&gt;Just like the Magic-8-ball game does, I am trying to build a model that can answer different questions in the order of:&lt;/p&gt;
&lt;ul&gt;
&lt;li&gt;"It is certain"&lt;/li&gt;
&lt;li&gt;"Outlook good" &lt;/li&gt;
&lt;li&gt;"Ask again later" &lt;/li&gt;
&lt;li&gt;"Outlook not so good".&lt;/li&gt;
&lt;/ul&gt;
&lt;p&gt;And produces "you did not ask a question, try again" if the question is empty, denoted by (no-answer)&lt;/p&gt;
&lt;p&gt;I wrote down the code for this question but the empty case is not working.&lt;/p&gt;
&lt;p&gt;That is, &lt;code&gt;(magic-8-ball "")&lt;/code&gt; should produce "you did not ask a question, try again".&lt;/p&gt;
&lt;pre&gt;&lt;code&gt;;; 8-ball-answers: (listof string)
(define 8-ball-answers (list "It is certain" "Outlook good" "Ask again later" "Outlook not so good"))
;; no-answer: string
;; Purpose: correct form of string to produce when magic-8-ball consumes empty string
(define no-answer "you did not ask a question, try again")
;;magic-8-ball: string -&amp;gt; string
;;Purpose: consumes a string and produces a string
;;Effects: modifies (8-ball-answers). If the string is empty, produces
;;         "you did not ask a question, try again". Otherwise, changes 
;;         "It is certain" to "Outlook good",
;;         "Outlook is good" to "Ask again later",
;;         "Ask again later" to "Outlook not so good",
;;         and "Outlook not so good" to "It is certain".
(define (magic-8-ball s)
  (local 
    [
     ;; new-list represents the new value of the list 8-ball-answers
     ;;          after every time the function is called.
     (define next-answer (first 8-ball-answers))]
    (begin
      (cond [(equal? s "") no-answer]
            [else (set! 8-ball-answers (append (rest 8-ball-answers)
                                               (list next-answer)))])
      next-answer)))
&lt;/code&gt;&lt;/pre&gt;
&lt;p&gt;Here is my test case:&lt;/p&gt;
&lt;pre&gt;&lt;code&gt;(check-expect (and (equal? (magic-8-ball "Do you love me?")
                       "It is certain")
               (equal? (magic-8-ball "How is your life?")
                       "Outlook good")
               (equal? (magic-8-ball "") 
                       "you did not ask a question, try again")
               (equal? (magic-8-ball "2nd0A-wmQ232.asdA?") 
                       "Ask again later")
               (equal? (magic-8-ball "No questions here")
                       "Outlook not so good")
               (equal? (magic-8-ball "Now do you hate me?")
                       "It is certain"))
               true))
&lt;/code&gt;&lt;/pre&gt;
&lt;p&gt;The test should pass, but mine did not. The problem occurs when the string is empty.&lt;/p&gt;
&lt;p&gt;Can anyone tell me what the problem is?
Thanks!&lt;/p&gt;</t>
  </si>
  <si>
    <t>2011-06-12 18:42:29.127000+00:00</t>
  </si>
  <si>
    <t>2011-06-13 06:38:18.903000+00:00</t>
  </si>
  <si>
    <t>scheme|racket</t>
  </si>
  <si>
    <t>browser differences with Transform</t>
  </si>
  <si>
    <t>&lt;p&gt;So, I'm just gonna show you my code, maybe something will jump out at you.  I'm playing with some CSS3 and Transform (in the form of a cube)&lt;/p&gt;
&lt;p&gt;This is my test site - &lt;a href="http://warm-cove-2672.herokuapp.com/" rel="nofollow"&gt;http://warm-cove-2672.herokuapp.com/&lt;/a&gt;&lt;/p&gt;
&lt;p&gt;That looks good, and works great inside of Chrome...&lt;/p&gt;
&lt;p&gt;Firefox it doesn't keep its shape when you rotate the cube (and it's smaller?)...&lt;/p&gt;
&lt;p&gt;IE it doesn't work at all...&lt;/p&gt;
&lt;p&gt;&lt;strong&gt;css&lt;/strong&gt;&lt;/p&gt;
&lt;pre&gt;&lt;code&gt;#camera {
  position: relative;
  -webkit-perspective: 800;
  -webkit-perspective-origin: 50% 200px;
  -moz-perspective: 800;
  -moz-perspective-origin: 50% 200px;
  -ms-perspective: 800;
  -ms-perspective-origin: 50% 200px;
  -o-perspective: 800;
  -o-perspective-origin: 50% 200px;
  #cube {
    position: relative;
    margin: 0 auto;
    height: 400px;
    width: 400px;
    -webkit-transition: -webkit-transform 2s linear;
    -webkit-transform-style: preserve-3d;
    -moz-transition: -moz-transform 2s linear;
    -moz-transform-style: preserve-3d;
    -ms-transition: -ms-transform 2s linear;
    -ms-transform-style: preserve-3d;
    -o-transition: -o-transform 2s linear;
    -o-transform-style: preserve-3d;
    .face {
      position: absolute;
      height: 400px;
      width: 400px;
      padding: 5px;
      border: 20px solid #333;
      text-align: center;
      -webkit-box-sizing: border-box;
      -moz-box-sizing:    border-box;
      -ms-box-sizing:     border-box;
      -o-box-sizing:      border-box;
      box-sizing:         border-box;
      font-size: 400px;
      line-height: .9;
    }
    .a { 
      background-color: rgba(255,255,255, 1.0);
      -webkit-transform: translateZ(200px);
      -moz-transform: translateZ(200px);
      -ms-transform: translateZ(200px);
      -o-transform: translateZ(200px);
    }
    .b { 
      background-color: rgba(255,255,255, 1.0);
      -webkit-transform: rotateY(-90deg) translateZ(200px);
      -moz-transform: rotateY(-90deg) translateZ(200px);
      -ms-transform: rotateY(-90deg) translateZ(200px);
      -o-transform: rotateY(-90deg) translateZ(200px);
    }
    .c { 
      background-color: rgba(255,255,255, 1.0);
      -webkit-transform: rotateY(180deg) translateZ(200px);
      -moz-transform: rotateY(180deg) translateZ(200px);
      -ms-transform: rotateY(180deg) translateZ(200px);
      -o-transform: rotateY(180deg) translateZ(200px);
    }
    .d { 
      background-color: rgba(255,255,255, 1.0);
      -webkit-transform: rotateY(90deg) translateZ(200px);
      -moz-transform: rotateY(90deg) translateZ(200px);
      -ms-transform: rotateY(90deg) translateZ(200px);
      -o-transform: rotateY(90deg) translateZ(200px);
    }
  }
}
&lt;/code&gt;&lt;/pre&gt;
&lt;p&gt;&lt;strong&gt;js&lt;/strong&gt;&lt;/p&gt;
&lt;pre&gt;&lt;code&gt;$('#cube').css({
  "webkitTransform" : "rotateX("+xAngle+"deg) rotateY("+yAngle+"deg)",
  "mozTransform" : "rotateX("+xAngle+"deg) rotateY("+yAngle+"deg)",
  "msTransform" : "rotateX("+xAngle+"deg) rotateY("+yAngle+"deg)",
  "OTransform" : "rotateX("+xAngle+"deg) rotateY("+yAngle+"deg)",
  "transform" : "rotateX("+xAngle+"deg) rotateY("+yAngle+"deg)"
});
&lt;/code&gt;&lt;/pre&gt;
&lt;p&gt;Those rotate variables are either +90 or -90 depending on what's clicked.&lt;/p&gt;
&lt;p&gt;Thoughts?&lt;/p&gt;</t>
  </si>
  <si>
    <t>2013-09-10 23:02:37.397000+00:00</t>
  </si>
  <si>
    <t>2013-09-11 19:46:57.127000+00:00</t>
  </si>
  <si>
    <t>javascript|css|css3|cross-browser|css-transitions</t>
  </si>
  <si>
    <t>Prevent cycles in implicit conversion</t>
  </si>
  <si>
    <t>&lt;p&gt;I'm wondering if I have a similar scenario to the following, how I can prevent a cyclic implicit conversion?&lt;/p&gt;
&lt;p&gt;Edit: A bit of context this is for converting between some classes used as ORM entities and case classes used as DTOs.&lt;/p&gt;
&lt;pre&gt;&lt;code&gt;class Author(var name: String) {
  def books : List[Book] = List(new Book("title", this))// get books
}
class Book(var title: String, var author: Author)
case class DTOBook(title: String, author: Option[DTOAuthor])
case class DTOAuthor(name: String, books: List[DTOBook])
implicit def author2Author(author: Author) : DTOAuthor = {
  DTOAuthor(author.name, author.books.map(x =&amp;gt; x : DTOBook) : List[DTOBook])
}
implicit def book2Book(book: Book) : DTOBook = {
  DTOBook(book.title, Option(book.author : DTOAuthor))
}
val author: DTOAuthor = new Author("John Brown")
&lt;/code&gt;&lt;/pre&gt;</t>
  </si>
  <si>
    <t>2015-01-16 21:16:53.200000+00:00</t>
  </si>
  <si>
    <t>2015-01-16 21:37:00.653000+00:00</t>
  </si>
  <si>
    <t>scala|implicit-conversion</t>
  </si>
  <si>
    <t>Drag and drop cross domains, iframes, browsers windows</t>
  </si>
  <si>
    <t>&lt;p&gt;Thanks stackoverflow i solved a lot of my javascript problems, but now i stopped at the point without hope. It is hard to describe, there is clear video shows my problem with drag drop cross-domains iframe.&lt;/p&gt;
&lt;p&gt;&lt;a href="http://www.youtube.com/watch?v=v65mO27h75E"&gt;http://www.youtube.com/watch?v=v65mO27h75E&lt;/a&gt;&lt;/p&gt;
&lt;ul&gt;
&lt;li&gt;First part in Iceweasel (and FF, Opera) = iframe d&amp;amp;d work OK.&lt;/li&gt;
&lt;li&gt;Second part in Chromium (and Chrome) = iframe d&amp;amp;d NOT work. &lt;/li&gt;
&lt;/ul&gt;
&lt;p&gt;and there are links to example iframes set and iframes sources:&lt;/p&gt;
&lt;ul&gt;
&lt;li&gt;parent page: http:// msdrop.com/msdrop-jquery-test-iframe-frameset.htm&lt;/li&gt;
&lt;li&gt;iframe A: http:// msdrop.com&lt;/li&gt;
&lt;li&gt;iframe B: http:// nextgd.com/msdrop-jquery-test-iframe.htm&lt;/li&gt;
&lt;/ul&gt;
&lt;p&gt;Is it Chrome bug, or security that comes under "Same origin policy"? This is strange because d&amp;amp;d works excellent between two windows, and want not work at all from parent window to iframe.&lt;/p&gt;
&lt;p&gt;Thanks for suggestions.
Piotr&lt;/p&gt;
&lt;p&gt;EDIT: It's possible Chrome/Chromium security mitigation is overly broad. Issue 251718: &lt;a href="https://code.google.com/p/chromium/issues/detail?id=251718"&gt;https://code.google.com/p/chromium/issues/detail?id=251718&lt;/a&gt;&lt;/p&gt;</t>
  </si>
  <si>
    <t>2013-06-06 17:50:08.830000+00:00</t>
  </si>
  <si>
    <t>2013-06-20 10:47:38.190000+00:00</t>
  </si>
  <si>
    <t>javascript|jquery|iframe|cross-domain|drag</t>
  </si>
  <si>
    <t>How do I add white sidebars to a webpage in html</t>
  </si>
  <si>
    <t>&lt;p&gt;Im Kenny and I wanted to add two left and right sidebars to may webpage so it looks like an papersheet in front of an background image.
How do I do this?&lt;/p&gt;</t>
  </si>
  <si>
    <t>2017-07-29 21:12:52.973000+00:00</t>
  </si>
  <si>
    <t>2017-07-29 21:28:25.077000+00:00</t>
  </si>
  <si>
    <t>Visual component, get fed information or gather information?</t>
  </si>
  <si>
    <t>&lt;p&gt;I have two components, the core component and the visual component. The core component does all the game logic and does all the client/server computing. This component is always on the object, both client and server side.&lt;/p&gt;
&lt;p&gt;Then I have the visual component, which is client side only.&lt;/p&gt;
&lt;p&gt;My question is, should the core component tell the visual component the information it needs and the visual component completely unaware that the core component exists, or should the visual component always update and fetch information from the core component and have the core component completely unaware of the visual component existing?&lt;/p&gt;</t>
  </si>
  <si>
    <t>2015-01-04 13:32:21.600000+00:00</t>
  </si>
  <si>
    <t>2016-01-25 17:48:24.970000+00:00</t>
  </si>
  <si>
    <t>c#|unity3d|unity-components</t>
  </si>
  <si>
    <t>Very simple email validation, need to make sure that there are 2 or more characters after the LAST period</t>
  </si>
  <si>
    <t>&lt;p&gt;the program I'm using has its own email validation built in and it only accept emails where the last group of characters after the LAST period is 2 or more. I have this regex statement so far:&lt;/p&gt;
&lt;pre&gt;&lt;code&gt;/^[^@]+@[^@]+\\.[^@]+$/i
&lt;/code&gt;&lt;/pre&gt;
&lt;p&gt;This is acceptable for what I'm trying to do, not trying to be super fancy here. Just want to check:&lt;/p&gt;
&lt;ul&gt;
&lt;li&gt;There is an @ sign with something before it that is not an @ sign&lt;/li&gt;
&lt;li&gt;There is something before the last .&lt;/li&gt;
&lt;li&gt;There are at least 2 characters after the last .&lt;/li&gt;
&lt;/ul&gt;
&lt;p&gt;I'm just not sure how to test for the LAST . as opposed to ANY . after the @ sign.&lt;/p&gt;
&lt;p&gt;Any help?&lt;/p&gt;</t>
  </si>
  <si>
    <t>2015-09-17 19:12:54.107000+00:00</t>
  </si>
  <si>
    <t>2015-09-17 19:41:37.570000+00:00</t>
  </si>
  <si>
    <t>2015-09-17 19:37:56.737000+00:00</t>
  </si>
  <si>
    <t>regex|firebase</t>
  </si>
  <si>
    <t>Can't add server(Atlas Cluster) in Mongo Explorer</t>
  </si>
  <si>
    <t>&lt;p&gt;How can I add and connect to this &lt;strong&gt;Atlas Cluster&lt;/strong&gt; from &lt;strong&gt;Mongo Explorer&lt;/strong&gt;?:&lt;/p&gt;
&lt;pre&gt;&lt;code&gt;mongo "mongodb://cluster0-shard-00-00-jxeqq.mongodb.net:27017,cluster0-shard-00-01-jxeqq.mongodb.net:27017,cluster0-shard-00-02-jxeqq.mongodb.net:27017/aggregations?replicaSet=Cluster0-shard-0" --authenticationDatabase admin --ssl -u m121 -p aggregations --norc
&lt;/code&gt;&lt;/pre&gt;
&lt;p&gt;PS: I need to add and run this from &lt;a href="https://plugins.jetbrains.com/plugin/7141-mongo-plugin" rel="nofollow noreferrer"&gt;Mongo Explorer&lt;/a&gt; (Plugin for IntelliJ IDEA) not from shell. &lt;/p&gt;
&lt;p&gt;github.com/dboissier/mongo4idea &lt;/p&gt;</t>
  </si>
  <si>
    <t>2018-06-20 13:12:11.723000+00:00</t>
  </si>
  <si>
    <t>2018-06-26 12:39:32.503000+00:00</t>
  </si>
  <si>
    <t>2018-06-23 15:08:45.880000+00:00</t>
  </si>
  <si>
    <t>mongodb|cluster-computing|explorer|atlas</t>
  </si>
  <si>
    <t>how to put char * argv[] to global variable</t>
  </si>
  <si>
    <t>&lt;p&gt;I am just trying to write something like that:&lt;/p&gt;
&lt;pre&gt;&lt;code&gt;u64 get_env(char *argv[]);
char* g_argv[];
static char * Sample ()
{
  return (char*)get_env(g_argv);
}
int main(int argc, char *argv[])
{
   g_argv = argv;
   Sample();
}
&lt;/code&gt;&lt;/pre&gt;
&lt;blockquote&gt;
&lt;pre&gt;&lt;code&gt;Getting error: 'g_argv' has an incomplete type
warning: array 'g_argv' assumed to have one element [enabled by default]
&lt;/code&gt;&lt;/pre&gt;
&lt;/blockquote&gt;
&lt;p&gt;I've tried many different ways. How to write it right?&lt;/p&gt;</t>
  </si>
  <si>
    <t>2014-10-18 20:05:24.450000+00:00</t>
  </si>
  <si>
    <t>2014-10-18 20:25:38.423000+00:00</t>
  </si>
  <si>
    <t>MySQL WHERE: how to write "!=" or "not equals"?</t>
  </si>
  <si>
    <t>&lt;p&gt;I need to do this&lt;/p&gt;
&lt;pre&gt;&lt;code&gt;DELETE FROM konta WHERE taken != ''
&lt;/code&gt;&lt;/pre&gt;
&lt;p&gt;But != doesn't exist in mysql.
Anyone know how to do this?&lt;/p&gt;</t>
  </si>
  <si>
    <t>2012-07-10 20:51:55.167000+00:00</t>
  </si>
  <si>
    <t>2015-08-22 22:15:16.477000+00:00</t>
  </si>
  <si>
    <t>user166390</t>
  </si>
  <si>
    <t>mysql|sql-delete</t>
  </si>
  <si>
    <t>MS SQL Code optimation in an stored procedure</t>
  </si>
  <si>
    <t>&lt;p&gt;Is there a shorter/better way of doing this (putting the "SELECT..." inside the IF statement?):&lt;/p&gt;
&lt;pre&gt;&lt;code&gt;SELECT @varA = COLUMN1
FROM    TABLE
WHERE   COLUMN2 = @varX
IF @varA &amp;lt;&amp;gt; @varB
BEGIN
    DO SOMETHING
    RETURN 
END
&lt;/code&gt;&lt;/pre&gt;
&lt;p&gt;varB is comming through an input parameter.&lt;/p&gt;
&lt;p&gt;Thank you!&lt;/p&gt;</t>
  </si>
  <si>
    <t>2018-01-29 09:13:17.823000+00:00</t>
  </si>
  <si>
    <t>2018-01-29 09:26:26.340000+00:00</t>
  </si>
  <si>
    <t>sql-server|stored-procedures</t>
  </si>
  <si>
    <t>popToViewController Executing First</t>
  </si>
  <si>
    <t>&lt;p&gt;When the post button is pressed, the function below executes. In the function, all the objects that are retrieved using the Parse backend are appended to the &lt;code&gt;groupConversation&lt;/code&gt; array, which is a global array. However, when I reference the array in the &lt;code&gt;UITableViewController&lt;/code&gt; that is popped to towards the end of the function and use &lt;code&gt;println()&lt;/code&gt; to print the content of the array, the array is empty. However, when I use &lt;code&gt;println()&lt;/code&gt; in the &lt;code&gt;UIViewController&lt;/code&gt; that contains this function the array is shown to contain one object. In the console, the &lt;code&gt;println()&lt;/code&gt; of the &lt;code&gt;UITableViewController&lt;/code&gt; that is popped to once the button is pressed, is executed before the &lt;code&gt;println()&lt;/code&gt; of the &lt;code&gt;UIViewController&lt;/code&gt; that contains the function below. How can I make the functon below execute completely before popping to the &lt;code&gt;UITableViewController&lt;/code&gt;.     &lt;/p&gt;
&lt;pre&gt;&lt;code&gt;@IBAction func postButtonPressed(sender: AnyObject) {
    //Adds Object To Key
    var name=PFObject(className:currentScreen)
    name["userPost"] = textView.text
    name.saveInBackgroundWithBlock {
        (success: Bool!, error: NSError!) -&amp;gt; Void in
        if success == true {
            self.textView.text=""
        } else {
            println("TypeMessageViewController Error")
        }
    }
    //Gets all objects of the key
    var messageDisplay = PFQuery(className:currentScreen)
    messageDisplay.selectKeys(["userPost"])
    messageDisplay.findObjectsInBackgroundWithBlock {
        (objects: [AnyObject]!, error: NSError!) -&amp;gt; Void in
        if error == nil{
            for object in objects {
                var textObject = object["userPost"] as String
                groupConversation.append(textObject)
                }
        } else {
            // Log details of the failure
        }
        println("Type message \(groupConversation)")
    }
    navigationController!.popToViewController(navigationController!.viewControllers[1] as UIViewController, animated: true)
}
&lt;/code&gt;&lt;/pre&gt;</t>
  </si>
  <si>
    <t>2014-12-30 03:24:41.947000+00:00</t>
  </si>
  <si>
    <t>2014-12-30 04:25:36.873000+00:00</t>
  </si>
  <si>
    <t>ios|iphone|xcode|swift|parse.com</t>
  </si>
  <si>
    <t>Exceeded configured max-open-requests</t>
  </si>
  <si>
    <t>&lt;p&gt;recently I started to build some small web processing service using akka streams. It's quite simple, I'm pulling urls from redis, then I'm downloading those urls(they are images) later I'm processing images, and pushing them to s3 and some json to redis.&lt;/p&gt;
&lt;p&gt;I'm downloading lot of different kinds of images from multiple sites, I'm getting whole bunch of errors like 404, Unexpected disconnect , Response Content-Length 17951202 exceeds the configured limit of 8388608, EntityStreamException: Entity stream truncation and redirects. With redirects I'm invoking requestWithRedirects with address founded in location header of response. &lt;/p&gt;
&lt;p&gt;Part responsible for downloading is pretty much like this:&lt;/p&gt;
&lt;pre&gt;&lt;code&gt;override lazy val http: HttpExt = Http()   
def requestWithRedirects(request: HttpRequest, retries: Int = 10)(implicit akkaSystem: ActorSystem, materializer: FlowMaterializer): Future[HttpResponse] = {
    TimeoutFuture(timeout, msg = "Download timed out!") {
      http.singleRequest(request)
    }.flatMap {
      response =&amp;gt; handleResponse(request, response, retries)
    }.recoverWith {
      case e: Exception if retries &amp;gt; 0 =&amp;gt;
        requestWithRedirects(request, retries = retries - 1)
    }
}
&lt;/code&gt;&lt;/pre&gt;
&lt;p&gt;TimeoutFuture is quite simple it takes future and timeout. If future takes longer than timeout it returns other future with timeout exception. 
The problem I'm having is: after some time I'm getting an error:&lt;/p&gt;
&lt;pre&gt;&lt;code&gt;Message: RuntimeException: Exceeded configured max-open-requests value of [128]                    akka.http.impl.engine.client.PoolInterfaceActor$$anonfun$receive$1.applyOrElse in PoolInterfaceActor.scala::109
akka.actor.Actor$class.aroundReceive in Actor.scala::467
    akka.http.impl.engine.client.PoolInterfaceActor.akka$stream$actor$ActorSubscriber$$super$aroundReceive in PoolInterfaceActor.scala::46
    akka.stream.actor.ActorSubscriber$class.aroundReceive in ActorSubscriber.scala::208
    akka.http.impl.engine.client.PoolInterfaceActor.akka$stream$actor$ActorPublisher$$super$aroundReceive in PoolInterfaceActor.scala::46
    akka.stream.actor.ActorPublisher$class.aroundReceive in ActorPublisher.scala::317
    akka.http.impl.engine.client.PoolInterfaceActor.aroundReceive in PoolInterfaceActor.scala::46
    akka.actor.ActorCell.receiveMessage in ActorCell.scala::516
    akka.actor.ActorCell.invoke in ActorCell.scala::487
    akka.dispatch.Mailbox.processMailbox in Mailbox.scala::238
    akka.dispatch.Mailbox.run in Mailbox.scala::220
    akka.dispatch.ForkJoinExecutorConfigurator$AkkaForkJoinTask.exec in AbstractDispatcher.scala::397
    scala.concurrent.forkjoin.ForkJoinTask.doExec in ForkJoinTask.java::260
    scala.concurrent.forkjoin.ForkJoinPool$WorkQueue.runTask in ForkJoinPool.java::1339
    scala.concurrent.forkjoin.ForkJoinPool.runWorker in ForkJoinPool.java::1979
    scala.concurrent.forkjoin.ForkJoinWorkerThread.run in ForkJoinWorkerThread.java::107
&lt;/code&gt;&lt;/pre&gt;
&lt;p&gt;I'm not sure what could be the problem but I think I have some downloads that were not finished properly and they stay in some global pool of connections after a while causing mentioned error. Any ideas what could be causing the problem? Or how to try find root of the problem: I already tested 404 responses, and Response Content-Length exceeds... errors, and they doesn't seem to be my troublemakers. &lt;/p&gt;
&lt;p&gt;EDIT:
Most likely the problem is with my TimeoutFuture. I'm filling it with error as described here &lt;a href="https://stackoverflow.com/a/29330010/2963977"&gt;https://stackoverflow.com/a/29330010/2963977&lt;/a&gt; but in my opinion future that is actually downloading an image never completes and it's taking my connection pool resources.&lt;/p&gt;
&lt;p&gt;I wonder why those settings doesn't have any impact in my case :&lt;/p&gt;
&lt;pre&gt;&lt;code&gt;akka.http.client.connecting-timeout = 1 s
akka.http.client.idle-timeout = 1 s
akka.http.host-connection-pool.idle-timeout = 1 s
&lt;/code&gt;&lt;/pre&gt;
&lt;p&gt;EDIT2:&lt;/p&gt;
&lt;p&gt;Apparently timeouts are not supported yet. Here is my bug report 
&lt;a href="https://github.com/akka/akka/issues/17732#issuecomment-112315953" rel="nofollow noreferrer"&gt;https://github.com/akka/akka/issues/17732#issuecomment-112315953&lt;/a&gt;&lt;/p&gt;</t>
  </si>
  <si>
    <t>2015-06-13 09:13:31.973000+00:00</t>
  </si>
  <si>
    <t>2015-06-17 00:36:16.250000+00:00</t>
  </si>
  <si>
    <t>2017-05-23 12:16:31.537000+00:00</t>
  </si>
  <si>
    <t>scala|akka-stream|akka-http</t>
  </si>
  <si>
    <t>Strech an image in css</t>
  </si>
  <si>
    <t>&lt;p&gt;i am new in the web development field, so i got stuck at the background itself. i tried stretch this image(img3.jpg) in the html file using  which they say isnt supported in HTML5, but i got some weird output and it was a catastrophe, so can you tell me how to get me image to stretch full 100% of the webpage ??&lt;/p&gt;
&lt;pre&gt;&lt;code&gt; body {
background: #08121A;    background-image: url('../img3.jpg');
background-repeat: no-repeat;
margin:0;
padding:0;
font-family: 'Source Sans Pro', 'sans-serif';
font-size: 1.1em;
color: #545B64;
font-weight: 300;
&lt;/code&gt;&lt;/pre&gt;
&lt;p&gt;}&lt;/p&gt;</t>
  </si>
  <si>
    <t>2015-07-26 06:38:54.820000+00:00</t>
  </si>
  <si>
    <t>2015-07-26 06:59:15.013000+00:00</t>
  </si>
  <si>
    <t>html|css|html5</t>
  </si>
  <si>
    <t>Facebook og:image accessible by debugger but not displayed</t>
  </si>
  <si>
    <t>&lt;p&gt;I'm currently tring to share an article on facebook from a website I'm working on but &lt;strong&gt;the image is not displayed&lt;/strong&gt; when I try to share the article.&lt;/p&gt;
&lt;p&gt;The size of the image (1024px x 914px) and the og metadatas seems to follow the facebook's best practise advises, &lt;/p&gt;
&lt;p&gt;So I tried to debug with the OG debugger, but the tool finds &lt;strong&gt;no error&lt;/strong&gt; so far.
And still, it catches the correct url but the image is not displayed in the tool either (I only find a blank square, but when I click on it, it redirects toward the image I wanted. -&gt; Which means it &lt;em&gt;CAN&lt;/em&gt; access the image)&lt;/p&gt;
&lt;p&gt;I also contacted my hosting service to check for server issues and firewalls but there is nothing preventing access to the image from facebook. &lt;/p&gt;
&lt;p&gt;&lt;strong&gt;Here is the url if you want to try yourself&lt;/strong&gt; :
&lt;a href="https://developers.facebook.com/tools/debug/og/object?q=http%3A%2F%2Fwww.wedig.fr%2Finnovation%2Fretour-sur-la-soiree-crisalide-numerique-a-rennes" rel="nofollow"&gt;https://developers.facebook.com/tools/debug/og/object?q=http%3A%2F%2Fwww.wedig.fr%2Finnovation%2Fretour-sur-la-soiree-crisalide-numerique-a-rennes&lt;/a&gt;&lt;/p&gt;
&lt;p&gt;With no errors, I don't know how to resolve the problem.&lt;/p&gt;</t>
  </si>
  <si>
    <t>2015-10-20 14:21:35.630000+00:00</t>
  </si>
  <si>
    <t>2017-04-15 16:52:00.523000+00:00</t>
  </si>
  <si>
    <t>wordpress|facebook|image|facebook-graph-api|facebook-opengraph</t>
  </si>
  <si>
    <t>How to create a generic validation.xml in struts 2 application?</t>
  </si>
  <si>
    <t>&lt;p&gt;For instance, I have a field to enter telephone number and i want it to be validated. I.e. check if the value entered is numeric and check if the entered value is having 10 digits.
I achieved this by creating a &lt;code&gt;validation.xml&lt;/code&gt;. 
But my question is How can i use the same set of validation rules(the same file) for another field? Is that possible in Struts 2?&lt;/p&gt;</t>
  </si>
  <si>
    <t>2013-11-12 05:50:58.873000+00:00</t>
  </si>
  <si>
    <t>2016-03-15 10:37:09.013000+00:00</t>
  </si>
  <si>
    <t>struts2|struts-validation</t>
  </si>
  <si>
    <t>Does sort function consider the leaf nodes in a multilevel array?</t>
  </si>
  <si>
    <t>&lt;p&gt;This following piece of code is meant to create a multilevel array, print it, then shuffle it, again print it, and sort the array.&lt;/p&gt;
&lt;pre&gt;&lt;code&gt;$arr=array(
        array(
            array('a','b','c')
        ),
        array(
            array('d','e','f')
        ),
    array(
            array('g','h','i')
        ),
);
print_r($arr);
shuffle($arr);
print_r($arr);
sort($arr);
print_r($arr);
&lt;/code&gt;&lt;/pre&gt;
&lt;p&gt;Now the odd thing that i observed, when &lt;code&gt;shuffle()&lt;/code&gt; is used, it only shuffles the indexes of the array that is being shuffled, it doesnt shuffle, the inner most elements &lt;code&gt;a,b,c&lt;/code&gt; to something else, but when the the &lt;code&gt;sort()&lt;/code&gt; function is used, it sorts back the array into the normal status and &lt;strong&gt;the leaf nodes are back to alphabetical order&lt;/strong&gt;. Why does this happen?&lt;/p&gt;
&lt;p&gt;&lt;strong&gt;Here is the sample output:&lt;/strong&gt;
*&lt;em&gt;Original Array&lt;/em&gt;*&lt;/p&gt;
&lt;pre&gt;&lt;code&gt;Array
(
    [0] =&amp;gt; Array
        (
            [0] =&amp;gt; Array
                (
                    [0] =&amp;gt; a
                    [1] =&amp;gt; b
                    [2] =&amp;gt; c
                )
        )
    [1] =&amp;gt; Array
        (
            [0] =&amp;gt; Array
                (
                    [0] =&amp;gt; d
                    [1] =&amp;gt; e
                    [2] =&amp;gt; f
                )
        )
    [2] =&amp;gt; Array
        (
            [0] =&amp;gt; Array
                (
                    [0] =&amp;gt; g
                    [1] =&amp;gt; h
                    [2] =&amp;gt; i
                )
        )
)
&lt;/code&gt;&lt;/pre&gt;
&lt;p&gt;&lt;strong&gt;Shuffled Array&lt;/strong&gt;&lt;/p&gt;
&lt;pre&gt;&lt;code&gt;Array
(
    [0] =&amp;gt; Array
        (
            [0] =&amp;gt; Array
                (
                    [0] =&amp;gt; g
                    [1] =&amp;gt; h
                    [2] =&amp;gt; i
                )
        )
    [1] =&amp;gt; Array
        (
            [0] =&amp;gt; Array
                (
                    [0] =&amp;gt; a
                    [1] =&amp;gt; b
                    [2] =&amp;gt; c
                )
        )
    [2] =&amp;gt; Array
        (
            [0] =&amp;gt; Array
                (
                    [0] =&amp;gt; d
                    [1] =&amp;gt; e
                    [2] =&amp;gt; f
                )
        )
)
&lt;/code&gt;&lt;/pre&gt;
&lt;p&gt;&lt;strong&gt;Sorted Array&lt;/strong&gt;&lt;/p&gt;
&lt;pre&gt;&lt;code&gt;Array
(
    [0] =&amp;gt; Array
        (
            [0] =&amp;gt; Array
                (
                    [0] =&amp;gt; a
                    [1] =&amp;gt; b
                    [2] =&amp;gt; c
                )
        )
    [1] =&amp;gt; Array
        (
            [0] =&amp;gt; Array
                (
                    [0] =&amp;gt; d
                    [1] =&amp;gt; e
                    [2] =&amp;gt; f
                )
        )
    [2] =&amp;gt; Array
        (
            [0] =&amp;gt; Array
                (
                    [0] =&amp;gt; g
                    [1] =&amp;gt; h
                    [2] =&amp;gt; i
                )
        )
)
&lt;/code&gt;&lt;/pre&gt;</t>
  </si>
  <si>
    <t>2011-06-06 11:47:40.143000+00:00</t>
  </si>
  <si>
    <t>2011-06-06 12:31:32.917000+00:00</t>
  </si>
  <si>
    <t>php|sorting|shuffle</t>
  </si>
  <si>
    <t>an question on iterator object in the "for" statement</t>
  </si>
  <si>
    <t>&lt;p&gt;I am trying to understand a java program, which has a code segment such as &lt;/p&gt;
&lt;pre&gt;&lt;code&gt;for (final Document document : cluster.getDocuments())  {  
    if (documentsShown &amp;gt;= maxNumberOfDocumentsToShow)  {  
        break;  
    }  
    displayDocument(level + 1, document);  
    documentsShown++;  
}  
&lt;/code&gt;&lt;/pre&gt;
&lt;p&gt;Does this mean that &lt;code&gt;cluster.getDocuments()&lt;/code&gt; must be an iterator object?&lt;/p&gt;</t>
  </si>
  <si>
    <t>2011-06-03 18:24:07.777000+00:00</t>
  </si>
  <si>
    <t>2011-06-03 19:00:14.187000+00:00</t>
  </si>
  <si>
    <t>2011-06-03 18:55:38.427000+00:00</t>
  </si>
  <si>
    <t>milter-reject: END-OF-MESSAGE</t>
  </si>
  <si>
    <t>&lt;p&gt;Few days ago I install DKIM Signing using on my CentOs 6 server. Yesterday All websites scripts unexpectedly stopped sending out mail.&lt;/p&gt;
&lt;p&gt;At /var/log/maillog I look:&lt;/p&gt;
&lt;blockquote&gt;
  &lt;p&gt;Aug 10 00:26:45 lcnoju8613 postfix/cleanup[3326]: A907541324:
  milter-reject: END-OF-MESSAGE from localhost[127.0.0.1]: 4.7.1 Service
  unavailable - try again later; from=
  to=&lt;/p&gt;
&lt;/blockquote&gt;
&lt;p&gt;What is it? How can I fix it?&lt;/p&gt;</t>
  </si>
  <si>
    <t>2013-08-09 22:52:02.373000+00:00</t>
  </si>
  <si>
    <t>2015-09-25 10:09:33.850000+00:00</t>
  </si>
  <si>
    <t>email|unix|centos|postfix-mta|dkim</t>
  </si>
  <si>
    <t>Error C2440 and Error 4024</t>
  </si>
  <si>
    <t>&lt;p&gt;I am getting constant errors trying to call these two function for my program. As it is one of my first for class, I cannot figure out where it is going wrong. It should simply call the function grosscal and tax cal dependent on what pay rate you choice, using the switch case to cycle through the choices.&lt;/p&gt;
&lt;pre&gt;&lt;code&gt;#include &amp;lt;stdio.h&amp;gt;
#define BASEHRS 40 // hours at pay1
#define OVERTIME 1.5 // 1.5 time
#define AMT1 300 // 1st rate tier
#define AMT2 150 // 2st rate tier
#define RATE1 0.15 // rate for 1st tier
#define RATE2 0.20 // rate for 2nd tier
#define RATE3 0.25 // rate for 3rd tier
double grossCal(double, double, double);
double taxCal(double, double);
double netCal(double, double, double);
int main(void)
{
double hours, gross, net, taxes;
double pay1, pay2, pay3, pay4;
int payrate;
pay1 = 8.75;
pay2 = 9.33;
pay3 = 10.00;
pay4 = 11.20;
printf("Enter the number of hours worked this week: ");
scanf("%lf", &amp;amp;hours);
printf("*****************************************************************\n");
printf("Enter the number corresponding to the desired pay rate or action:\n");
printf("1) $%.2f/hr\t\t2) $%.2f/hr\n", pay1, pay2);
printf("3) $%.2f/hr\t\t4) $%.2f/h\n", pay3, pay4);
printf("5) quit\n");
printf("*****************************************************************\n");
scanf("%d", &amp;amp;payrate);
switch (payrate)
{
    case '1' :  grossCal(&amp;amp;gross, pay1, hours);
                taxCal(gross, &amp;amp;taxes);
                break;
    case '2' :  grossCal(&amp;amp;gross, pay2, hours);
                taxCal(gross, &amp;amp;taxes);
                break;
    case '3' :  grossCal(&amp;amp;gross, pay3, hours);
                taxCal(gross, &amp;amp;taxes);
                break;
    case '4' :  grossCal(&amp;amp;gross, pay4, hours);
                taxCal(gross, &amp;amp;taxes);
                break;
    default  :  break;
}
net = gross - taxes;
printf("gross: $%.2f; taxes: $%.2f; net: $%.2f\n", gross, taxes, net);
return 0;
}
double grossCal(double *grossPay, double pay, double hours){
    if (hours &amp;lt;= BASEHRS)
        *grossPay = hours * pay;
    else
        *grossPay = BASEHRS * pay + (hours - BASEHRS) * pay * OVERTIME;
}
double taxCal(double gross, double *taxestotal){
    if (gross &amp;lt;= AMT1)
        *taxestotal = gross * RATE1;
    else if (gross &amp;lt;= AMT1 + AMT2)
        *taxestotal = AMT1 * RATE1 + (gross - AMT1) * RATE2;
    else
        *taxestotal = AMT1 * RATE1 + AMT2 * RATE2 + (gross - AMT1 - AMT2) * RATE3;
}
&lt;/code&gt;&lt;/pre&gt;</t>
  </si>
  <si>
    <t>2015-01-28 03:58:53.700000+00:00</t>
  </si>
  <si>
    <t>2015-01-28 04:26:42.373000+00:00</t>
  </si>
  <si>
    <t>How does the === work in ruby?</t>
  </si>
  <si>
    <t>&lt;p&gt;I know that Class defines &lt;code&gt;===&lt;/code&gt; to test whether
an object is an instance of that class.&lt;/p&gt;
&lt;p&gt;Now the question is why this evaluate to &lt;code&gt;true&lt;/code&gt; only if &lt;code&gt;Class&lt;/code&gt; is  the lefthand operand.&lt;/p&gt;
&lt;p&gt;&lt;strong&gt;Example:&lt;/strong&gt;&lt;/p&gt;
&lt;pre&gt;&lt;code&gt;'a' === String #false
&lt;/code&gt;&lt;/pre&gt;
&lt;p&gt;and&lt;/p&gt;
&lt;pre&gt;&lt;code&gt;String === 'a' #true
&lt;/code&gt;&lt;/pre&gt;
&lt;p&gt;or &lt;/p&gt;
&lt;pre&gt;&lt;code&gt;def Foo
end
f = Foo.new
f === Foo #false
Foo === f #true
&lt;/code&gt;&lt;/pre&gt;</t>
  </si>
  <si>
    <t>2015-04-02 04:31:33.690000+00:00</t>
  </si>
  <si>
    <t>2015-04-04 20:04:35.163000+00:00</t>
  </si>
  <si>
    <t>Zip file with .csv extention lost somewhere in filesystem</t>
  </si>
  <si>
    <t>&lt;p&gt;The file is also locked with winzip and I cant remember the name or directory, I hid it in a very obscure directory. Could be in the windows system files could be in a program directory file. I did a search for all .CSV files I have 4-5K to go through. Any suggestions on how this could be done?&lt;/p&gt;
&lt;p&gt;I was opening up files in batches by highlighting a bunch that pressing edit with notepad plus plus. Than going  through each one. I know once the file is opened in notepad plus it will not show any words. It is pictures. I own an eCommerce site and I have my master copies that I bought $X,XXX and did not want to take any chances in them be found and resold by other people on my network. Any suggestions?&lt;/p&gt;</t>
  </si>
  <si>
    <t>2012-10-04 05:57:26.190000+00:00</t>
  </si>
  <si>
    <t>2012-10-04 06:19:49.883000+00:00</t>
  </si>
  <si>
    <t>2012-10-04 06:17:01.083000+00:00</t>
  </si>
  <si>
    <t>zip|file-search</t>
  </si>
  <si>
    <t>Can I force Perl Devel::Cover to generate a coverage report if I killed the build testcover process before it was finished?</t>
  </si>
  <si>
    <t>&lt;p&gt;If I am able to start up Devel::Cover successfully and it starts to collect data in the cover_db directory, can I then kill the process and then after the fact get Devel::Cover or some other utility to process those binary Devel::Cover run files and structure files into the HTML coverage report?  &lt;/p&gt;
&lt;p&gt;To ask the question another way ... Can I use Devel::Cover to get a coverage report for a process that I am unable to stop, other than by killing the process?&lt;/p&gt;
&lt;p&gt;This question is related to: &lt;a href="https://stackoverflow.com/questions/2901293/"&gt;How do I get code coverage of Perl CGI script when executed by Selenium?&lt;/a&gt;&lt;/p&gt;</t>
  </si>
  <si>
    <t>2010-05-28 00:49:06.390000+00:00</t>
  </si>
  <si>
    <t>2010-05-28 03:40:48.100000+00:00</t>
  </si>
  <si>
    <t>2017-05-23 10:24:36.023000+00:00</t>
  </si>
  <si>
    <t>perl|reporting|code-coverage|kill</t>
  </si>
  <si>
    <t>get data by parameter array php</t>
  </si>
  <si>
    <t>&lt;p&gt;get data by parameter array php?&lt;/p&gt;
&lt;p&gt;my code is:&lt;/p&gt;
&lt;pre&gt;&lt;code&gt;public function dataListAjax(Request $request)
{
    $os[] = $request-&amp;gt;input('os');
    foreach ($os as $value) {
        $data = DataList::where('title', $value)-&amp;gt;get();
       // return $data;
   }
   return $data;
&lt;/code&gt;&lt;/pre&gt;
&lt;p&gt;}&lt;/p&gt;
&lt;p&gt;this is my req : xxx.local/ajax-data?os=centos&amp;amp;os=ubuntu&lt;/p&gt;
&lt;p&gt;why i only get data ubuntu? why not i get both data ubuntu and centos?&lt;/p&gt;
&lt;pre&gt;&lt;code&gt;[{"id":1,"title":"Ubuntu","content":"ubuntu content","is_published":0,"created_at":null,"updated_at":null}]
&lt;/code&gt;&lt;/pre&gt;</t>
  </si>
  <si>
    <t>2018-08-28 16:22:52.793000+00:00</t>
  </si>
  <si>
    <t>2018-09-21 05:10:22.507000+00:00</t>
  </si>
  <si>
    <t>2018-08-28 16:31:00.857000+00:00</t>
  </si>
  <si>
    <t>How to save contents of large .txt file in a HashMap but only display one line (randomly)</t>
  </si>
  <si>
    <t>&lt;p&gt;Creating a small battleship game on Android that will use RMI and Tomcat.&lt;/p&gt;
&lt;p&gt;I need to load data from a text file "boards.txt" and possibly store it in a HashMap in order to query it.&lt;/p&gt;
&lt;p&gt;I cannot attach the file but below is a screenshot of the .txt file in Notepad. It displays the board layout for 10,000 Battleship game boards (I think it's that number anyway) which are 10x10 grids. &lt;/p&gt;
&lt;p&gt;So each 100 characters of the file will be the locations of the different ships and blank spaces for a 10 x 10 grid with each separated by a line break. &lt;/p&gt;
&lt;p&gt;What I'm struggling with is the actual parsing. I think saving the data to a HashMap will make it easier to search through for picking a random board layout. Below is the code that I am currently using to read in the data.&lt;/p&gt;
&lt;pre&gt;&lt;code&gt;public static void main(String[] args) throws FileNotFoundException {
        Scanner scanner = new Scanner(new FileReader("C:\\Path\\boards.txt"));
        HashMap&amp;lt;String, String&amp;gt; map = new HashMap&amp;lt;String, String&amp;gt;();
        while (scanner.hasNextLine()) {
            String columns = scanner.nextLine();
            map.put(columns, columns);
        }
        System.out.println(map);
    }
&lt;/code&gt;&lt;/pre&gt;
&lt;p&gt;Now the main reason I have it like this was just to get rid of errors. Previously my code was like this: &lt;/p&gt;
&lt;pre&gt;&lt;code&gt;public static void main(String[] args) throws FileNotFoundException {
        Scanner scanner = new Scanner(new FileReader("C:\\Path\\boards.txt"));
        HashMap&amp;lt;String, String&amp;gt; map = new HashMap&amp;lt;String, String&amp;gt;();
        while (scanner.hasNextLine()) {
            String[] columns = scanner.nextLine().split(" ");
            map.put(columns[0], columns[1]);
        }
        System.out.println(map);
    }
&lt;/code&gt;&lt;/pre&gt;
&lt;p&gt;But, I was getting an out of bounds exception. Due to the fact there is no blank spaces to split most likely. &lt;/p&gt;
&lt;p&gt;OK so my main issue is, how do I either save the entire .txt file to a HashMap and only display one line of 100 characters at a time. &lt;/p&gt;
&lt;p&gt;And Secondly (lower priority) - I would like to choose one line at random so I could create a random number between 1-10000 to display one line. I thought of using a String, Integer HashMap and somehow have a index value for each line but I'm not sure how I would do that.&lt;/p&gt;
&lt;p&gt;**EDIT
Sorry I forgot to add the screenshot. Here it is:
&lt;img src="https://i.stack.imgur.com/F5dSB.png" alt="enter image description here"&gt;&lt;/p&gt;
&lt;p&gt;Thank you for your answers, I'll read through them now&lt;/p&gt;</t>
  </si>
  <si>
    <t>2012-12-19 21:54:09.530000+00:00</t>
  </si>
  <si>
    <t>2013-04-30 15:23:19.547000+00:00</t>
  </si>
  <si>
    <t>2012-12-20 11:43:48.233000+00:00</t>
  </si>
  <si>
    <t>java|io|hashmap</t>
  </si>
  <si>
    <t>Program logic to Update and Get data to/from same stored procedure</t>
  </si>
  <si>
    <t>&lt;p&gt;I am working on this project to create a Windows service that creates thread every 20 seconds. This service get text and numbers from stored procedure and sends SMS to those number, and at every end of thread it returns result to stored procedure. &lt;/p&gt;
&lt;p&gt;In that logic, I have to call the stored procedure multiple times, so what I want to do is I want to get and update data at same time. The code flow is like this: this is the function that is called onStart of service.&lt;/p&gt;
&lt;pre&gt;&lt;code&gt;public void Prepare(object state)
{
    DataTable _dt = new DataTable();
    DataTable _dt_sms_result = new DataTable();
    _dt = GetInfo();
    if (_dt != null)
    {
        _dt_sms_result.Columns.Add("sms_id", typeof(int));
        _dt_sms_result.Columns.Add("send_time", typeof(DateTime));
        _dt_sms_result.Columns.Add("result", typeof(string));
        foreach (DataRow dr in _dt.Rows)
        {
            bool status = sendMsg(dr["smsid"].ToString(), dr["number"].ToString(), dr["messagetxt"].ToString(), dr["from"].ToString(), dr["to"].ToString());
            Thread.Sleep(1000);
            DataRow lvlrow = _dt_sms_result.NewRow();
            lvlrow["sms_id"] = dr["sms_id"];
            lvlrow["send_time"] = DateTime.Now;
            if (status)
                lvlrow["result"] = "Message Sent";
            else
                lvlrow["result"] = "Sending Failed";
            _dt_sms_result.Rows.Add(lvlrow);
        }//end foreach
        PushInfo(_dt_sms_result);
    }
&lt;/code&gt;&lt;/pre&gt;
&lt;p&gt;Code for &lt;code&gt;GetInfo()&lt;/code&gt;:&lt;/p&gt;
&lt;pre&gt;&lt;code&gt;public DataTable GetInfo()
{
    cmd.CommandText = "StoreProc_511";
    cmd.CommandType = CommandType.StoredProcedure;
    cmd.Parameters.Clear();
    cmd.Parameters.AddWithValue("@username", "******");            
    cmd.Parameters.AddWithValue("@authcode", "******");
    DataTable dt = new DataTable();
    try
    {
        Connect();
        SqlDataAdapter da = new SqlDataAdapter(cmd);
        da.Fill(dt);              
    }
    catch (SqlException se)
    {
        MyLog.Write(new LogPacket(se, DateTime.Now));
        return null;
    }
    finally
    {
        Disconnect();
    }
    return dt;        
}
&lt;/code&gt;&lt;/pre&gt;
&lt;p&gt;Code for &lt;code&gt;PushInfo()&lt;/code&gt;:&lt;/p&gt;
&lt;pre&gt;&lt;code&gt;public void PushInfo(DataTable dt_sms_result)
{
    int res = -1;
    cmd.CommandText = "StoreProc_511";
    cmd.CommandType = CommandType.StoredProcedure;
    cmd.Parameters.Clear();
    cmd.Parameters.AddWithValue("@username", "*****");            
    cmd.Parameters.AddWithValue("@authcode", "*****");
    SqlParameter tvpParam = cmd.Parameters.AddWithValue("@sms_result", dt_sms_result);
    tvpParam.SqlDbType = SqlDbType.Structured;
    try
    {
        Connect();
        res = cmd.ExecuteNonQuery();
    }
    catch (SqlException se)
    {
        MyLog.Write(new LogPacket(se, DateTime.Now));            
        Disconnect();           
    }
    finally
    {
        Disconnect();
    }
}
&lt;/code&gt;&lt;/pre&gt;
&lt;p&gt;What I have thought so far is to pass &lt;code&gt;_dt_sms_result&lt;/code&gt; to &lt;code&gt;GetInfo()&lt;/code&gt; and delete &lt;code&gt;PushInfo()&lt;/code&gt; as we'll be making only one call. And add &lt;/p&gt;
&lt;pre&gt;&lt;code&gt;SqlParameter tvpParam = cmd.Parameters.AddWithValue("@sms_result", dt_sms_result);
tvpParam.SqlDbType = SqlDbType.Structured;
&lt;/code&gt;&lt;/pre&gt;
&lt;p&gt;to &lt;code&gt;GetInfo()&lt;/code&gt;. &lt;/p&gt;
&lt;p&gt;But I am still confused with the logic where that &lt;code&gt;GetInfo(with DT)&lt;/code&gt; should be placed on &lt;code&gt;Prepare()&lt;/code&gt; method.&lt;/p&gt;
&lt;p&gt;Can some one help me with the logic here? Thanks!&lt;/p&gt;</t>
  </si>
  <si>
    <t>2015-06-28 10:05:09.977000+00:00</t>
  </si>
  <si>
    <t>2015-06-28 11:37:56.343000+00:00</t>
  </si>
  <si>
    <t>2015-06-28 10:38:49.940000+00:00</t>
  </si>
  <si>
    <t>c#|stored-procedures|thread-safety</t>
  </si>
  <si>
    <t>Problem shrinking with StretchBlt()</t>
  </si>
  <si>
    <t>&lt;p&gt;I have some code that paints my own rectangular buttons based on a source bitmap. &lt;/p&gt;
&lt;p&gt;Most of the time the destination buttons are bigger than my source bitmap image and StretchBlt works fine. However, when the destination is smaller than the source image, StretchBlt refuses to fill the entire destination area.&lt;/p&gt;
&lt;p&gt;I know StretchBlt isn't great on quality when it comes to scaling down images but I'm not too concerned about that. I just don't want missing pixels.&lt;/p&gt;
&lt;p&gt;Here a link with the source image at the top and destination at the bottom:&lt;/p&gt;
&lt;p&gt;&lt;a href="http://www.mediafire.com/file/4z5fhzym2kh/Broken.bmp" rel="nofollow noreferrer"&gt;link text&lt;/a&gt;
Note, I am actually shrinking parts of the source image into the destination. I am not shrinking the entire image down. So for example, I copy the corners size for size with BitBlt() then I stretch (squash) the horizontal pixel data between the corners from the source image into the destination DC. &lt;/p&gt;
&lt;p&gt;There is no fault with my source and destination coordinates. If I change from SRCCOPY to WHITENESS, the entire area fills with white as you'd expect. There is no grey bar where pixels haven't copied as you see in the Broken.bmp image above.&lt;/p&gt;
&lt;p&gt;Has anyone had this problem before, and if so, can somebody please suggest a solution?&lt;/p&gt;
&lt;p&gt;Cheers&lt;/p&gt;</t>
  </si>
  <si>
    <t>2009-12-03 04:22:44.983000+00:00</t>
  </si>
  <si>
    <t>2010-04-18 16:00:04.983000+00:00</t>
  </si>
  <si>
    <t>stretchblt</t>
  </si>
  <si>
    <t>Why Laravel 5 hashes password twice?</t>
  </si>
  <si>
    <t>&lt;p&gt;I set hash mutator for User model:&lt;/p&gt;
&lt;pre class="lang-php prettyprint-override"&gt;&lt;code&gt;public function setPasswordAttribute($value)
{
    \Log::info('Hash');
    $this-&amp;gt;attributes['password'] = \Hash::make($value);
}
&lt;/code&gt;&lt;/pre&gt;
&lt;p&gt;Then I have a register function. The password hashes twice (checked in logs)&lt;/p&gt;
&lt;pre class="lang-php prettyprint-override"&gt;&lt;code&gt;public function register(RegisterNewUser $request)
{
    $user = new User();
    $user-&amp;gt;first_name = $request-&amp;gt;first_name;
    $user-&amp;gt;last_name = $request-&amp;gt;last_name;
    $user-&amp;gt;email = $request-&amp;gt;email;
    $user-&amp;gt;password = $request-&amp;gt;password;
    $user-&amp;gt;admin = true;
    $user-&amp;gt;save();
    $this-&amp;gt;auth-&amp;gt;login($user);
    return redirect()-&amp;gt;route('dashboard');
}
&lt;/code&gt;&lt;/pre&gt;
&lt;p&gt;Actually the function was originally written like this:&lt;/p&gt;
&lt;pre class="lang-php prettyprint-override"&gt;&lt;code&gt;$user = new User($request-&amp;gt;all());
$user-&amp;gt;admin = true;
$user-&amp;gt;save();
&lt;/code&gt;&lt;/pre&gt;
&lt;p&gt;With the same result. Password gets hashed twice and I can't figure why.&lt;/p&gt;
&lt;p&gt;I even tried:&lt;/p&gt;
&lt;pre&gt;&lt;code&gt;get('test', function() {
    $user = \CRM\EloquentModels\User::create([
        'email' =&amp;gt; 'zzz@zzz.zzz',
        'last_name' =&amp;gt; 'zzz',
        'password' =&amp;gt; 123
    ]);
});
&lt;/code&gt;&lt;/pre&gt;
&lt;p&gt;And it gets hashed twice. No idea...&lt;/p&gt;</t>
  </si>
  <si>
    <t>2015-03-04 18:29:49.930000+00:00</t>
  </si>
  <si>
    <t>2015-03-04 18:57:18.203000+00:00</t>
  </si>
  <si>
    <t>Replacing data on some condition in RDDs and filtering out non required RDDs</t>
  </si>
  <si>
    <t>&lt;p&gt;I've RDD which looks like this:&lt;/p&gt;
&lt;pre&gt;&lt;code&gt;[((String, String, String), (String, String))]
&lt;/code&gt;&lt;/pre&gt;
&lt;p&gt;Sample data is like this:&lt;/p&gt;
&lt;pre&gt;&lt;code&gt;((10,1,a),(x,3))
((10,2,b),(y,5))
((11,2,b),
((11,3,c),(z,4))
&lt;/code&gt;&lt;/pre&gt;
&lt;p&gt;So if the value of 2nd string inside key is 2 or 3, replace it with 2-3, if it is 1 or if the rdd is like the 3rd one, remove that rdd.&lt;/p&gt;
&lt;p&gt;So the expected output is like this:&lt;/p&gt;
&lt;pre&gt;&lt;code&gt;((10,2-3,b),(y,5))
((11,2-3,c),(z,4))
&lt;/code&gt;&lt;/pre&gt;</t>
  </si>
  <si>
    <t>2017-11-13 07:00:27.973000+00:00</t>
  </si>
  <si>
    <t>2017-11-13 15:48:25.203000+00:00</t>
  </si>
  <si>
    <t>2017-11-13 07:01:40.010000+00:00</t>
  </si>
  <si>
    <t>scala|apache-spark|rdd</t>
  </si>
  <si>
    <t>JQuery File extension rewrite, load new url into hidden div</t>
  </si>
  <si>
    <t>&lt;p&gt;I have a thumbnail gallery in a div on my sidebar. Each of these jpg images links to the larger jpg image in the main div of the same page. I have these loading in a div via fadein jquery with the following:&lt;/p&gt;
&lt;pre&gt;&lt;code&gt;$(function() {
 $('.vid-gallery-thumbnail a').click(function() {
  newImg = $(this).attr('href');
  $('.ngg-imagebrowser img').fadeOut('slow', function(){
   $('.ngg-imagebrowser').css({ height: $(".ngg-imagebrowser img").height() });
   $('.ngg-imagebrowser img').attr({ src: newImg }).css({ margin: "0", visibility: "hidden" }).show();
   $('.ngg-imagebrowser').animate({ height: $(".ngg-imagebrowser img").height() }, 'slow', function(){
    $('.ngg-imagebrowser img').css({ visibility: "visible", display: "none" }).fadeIn('slow');
   });
  });
  return false;
 });
});
&lt;/code&gt;&lt;/pre&gt;
&lt;p&gt;What I'm trying to do is rewrite that url string so the .jpg extension is dynamically rewritten as an .flv extension. That link would then be inserted into the main div area and displayed. Here is the code I've been trying to get to work.&lt;/p&gt;
&lt;pre&gt;&lt;code&gt;$(function() {
 $('.vid-gallery-thumbnail a').click(function() {
  if (var suffix == null) { suffix = ".flv"; }
  fileExtension = $(this).attr("src").substr($(this).attr("src").lastIndexOf(".jpg"));
  var newFLV = $(this).attr("src", $(this).attr("src").replace(fileExtension, suffix));
  $('.ngg-imagebrowser img').fadeOut('slow', function(){
   $('.ngg-imagebrowser').css({ height: $(".ngg-imagebrowser img").height() });
   $('.ngg-imagebrowser img').attr({ src: newFLV }).css({ margin: "0", visibility: "hidden" }).show();
   $('.ngg-imagebrowser').animate({ height: $(".ngg-imagebrowser img").height() }, 'slow', function(){
    $('.ngg-imagebrowser img').css({ visibility: "visible", display: "none" }).fadeIn('slow');
   });
  });
  return false;
 });
});
&lt;/code&gt;&lt;/pre&gt;
&lt;p&gt;What currently happens: Image is not rewritten, the JPG loads in the browser like a normal image link. I'm not really a Javascript programmer, so I'm out of my depth. Any ideas to help me along would be lovely! Thanks in advance.&lt;/p&gt;</t>
  </si>
  <si>
    <t>2009-05-10 06:21:38.487000+00:00</t>
  </si>
  <si>
    <t>2009-05-11 23:35:57.417000+00:00</t>
  </si>
  <si>
    <t>f8xmulder</t>
  </si>
  <si>
    <t>javascript|jquery|url-rewriting</t>
  </si>
  <si>
    <t>Convert JavaScript ternary operator to if than else statement</t>
  </si>
  <si>
    <t>&lt;p&gt;I'm trying to convert the following ternary operator representation to an if-then else statement:&lt;/p&gt;
&lt;pre&gt;&lt;code&gt;return 0 === r.length ? t ? O.toInvalid : null : o(r) ? null : O.toInvalid
&lt;/code&gt;&lt;/pre&gt;
&lt;p&gt;Could you please help me to do this?&lt;/p&gt;</t>
  </si>
  <si>
    <t>2016-09-15 07:29:45.070000+00:00</t>
  </si>
  <si>
    <t>2016-09-15 08:32:55.050000+00:00</t>
  </si>
  <si>
    <t>2016-09-15 08:01:59.877000+00:00</t>
  </si>
  <si>
    <t>javascript|ternary-operator</t>
  </si>
  <si>
    <t>How should I implement online easy "photoshopping" to remove background for uploaded images?</t>
  </si>
  <si>
    <t>&lt;p&gt;We are making an app that includes a digital gallery which display photos and text.&lt;/p&gt;
&lt;p&gt;The user usually uploads a photo with a background, we would like to mask out the background, with the foreground object remaining composited with our custom background. The object is mostly dark and the shape is simple, so if it is photographed on a white background the outline is clearly defined. We would like to provide very easy to use tools to help the user remove the background, which provides similar features of photoshop, but w/o the complexness of it. We also need to let the user resize the object to the same size.&lt;/p&gt;
&lt;p&gt;Some ideas,&lt;/p&gt;
&lt;ol&gt;
&lt;li&gt;A magic wand tool&lt;/li&gt;
&lt;li&gt;A line tool that creates closed bezier lines&lt;/li&gt;
&lt;li&gt;Some predefined shapes as masks.&lt;/li&gt;
&lt;/ol&gt;
&lt;p&gt;The tool could be made with flash/air/html5.&lt;/p&gt;</t>
  </si>
  <si>
    <t>2011-03-24 07:21:45.670000+00:00</t>
  </si>
  <si>
    <t>2011-03-24 10:46:03.080000+00:00</t>
  </si>
  <si>
    <t>web-applications|photoshop|composite</t>
  </si>
  <si>
    <t>Jetty + Jersey + Spring DI with no web.xml</t>
  </si>
  <si>
    <t>&lt;p&gt;I am trying to write a small REST application using an embedded Jetty 9 server and a Jersey (2.18) servlet. I would like to use Spring 4 for Dependency Injection, but I am having troubles to inject spring beans in Jersey resources.
I am configuring the server programmatically, so no web.xml.&lt;/p&gt;
&lt;p&gt;My Jersey resource config is:&lt;/p&gt;
&lt;pre&gt;&lt;code&gt;public class ApplicationConfig extends ResourceConfig {
  public static final String ROOT_PACKAGE = "com.example";
  public ApplicationConfig() {
    packages(true, ROOT_PACKAGE);
    // Features
    register(JacksonFeature.class);
    property(METAINF_SERVICES_LOOKUP_DISABLE, true);
  }
}
&lt;/code&gt;&lt;/pre&gt;
&lt;p&gt;The main class (where I'm configuring and starting Jetty) is:&lt;/p&gt;
&lt;pre&gt;&lt;code&gt;public class Runner {
  public static void main(String[] args) {
    ApplicationConfig applicationConfig = new ApplicationConfig();
    ServletHolder jerseyServlet = new ServletHolder(new ServletContainer(applicationConfig));
    ServletContextHandler context = new ServletContextHandler();
    context.setContextPath("/");
    context.addServlet(jerseyServlet, "/rest/*");
    context.addEventListener(new ContextLoaderListener());
    context.addEventListener(new RequestContextListener());
    context.setInitParameter("contextClass", AnnotationConfigWebApplicationContext.class.getName());
    context.setInitParameter("contextConfigLocation", ProductionSpringConfig.class.getName());
    Server server = new Server(8080);
    server.setHandler(context);
    try {
      server.start();
      server.join();
    } catch (Exception e) {
      e.printStackTrace();
    }
  }
}
&lt;/code&gt;&lt;/pre&gt;
&lt;p&gt;The spring configurations is:&lt;/p&gt;
&lt;pre&gt;&lt;code&gt;@Configuration
@ComponentScan("com.example")
public class ProductionSpringConfig {}
&lt;/code&gt;&lt;/pre&gt;
&lt;p&gt;I have added a simple Spring component in the scanned package and I can see it is correctly instantiated when the Server starts:&lt;/p&gt;
&lt;pre&gt;&lt;code&gt;@Component
public class BeanExample {
  public void doSomething(){
    System.out.println("HelloWorld");
  }
}
&lt;/code&gt;&lt;/pre&gt;
&lt;p&gt;When I try to inject it into a Jersey resource though, it is always null. I tried using both the Autowired and Inject annotations.
I'm pretty sure I misunderstood something and I didn't configure all the pieces properly.&lt;/p&gt;
&lt;p&gt;Could anybody help please?&lt;/p&gt;</t>
  </si>
  <si>
    <t>2015-06-14 17:13:03.583000+00:00</t>
  </si>
  <si>
    <t>spring|servlets|jersey|jetty|jax-rs</t>
  </si>
  <si>
    <t>Implement Different Login Page for each role in asp.net-core 2</t>
  </si>
  <si>
    <t>&lt;p&gt;I want to implement different login page for each user based in its role in asp net core . I can set login path but its static for any roles.&lt;/p&gt;
&lt;pre&gt;&lt;code&gt;   services.AddAuthentication(CookieAuthenticationDefaults.AuthenticationScheme)
        .AddCookie(options =&amp;gt;
        {
            options.LoginPath = "Account/Login/";
            options.AccessDeniedPath = "Account/Forbidden/";
        }); 
&lt;/code&gt;&lt;/pre&gt;
&lt;p&gt;so when i call action that authorize(role="Admin") redirect to admin login page. and when call action that authorize(role="User") redirect to User login page&lt;/p&gt;</t>
  </si>
  <si>
    <t>2017-12-30 08:22:46.040000+00:00</t>
  </si>
  <si>
    <t>2018-01-30 10:26:41.697000+00:00</t>
  </si>
  <si>
    <t>asp.net-core|asp.net-core-2.0|httpcookie</t>
  </si>
  <si>
    <t>RibbonApplicationMenu Recent list</t>
  </si>
  <si>
    <t>&lt;p&gt;I have an .net 4.5 WPF application which automatically (not extra coded) creates recent entries to the JumpList in taskbar. I would like to bind these JumpList items to the RibbonApplicationMenu. I tried to get the current JumpList like this:&lt;/p&gt;
&lt;pre&gt;&lt;code&gt;this.JumpList = JumpList.GetJumpList(App.Current);
&lt;/code&gt;&lt;/pre&gt;
&lt;p&gt;but I'm not able to bind the List to the RibbonApplicationMenu.&lt;/p&gt;
&lt;pre&gt;&lt;code&gt;                   &amp;lt;RibbonApplicationMenu.AuxiliaryPaneContent&amp;gt;
                    &amp;lt;RibbonGallery CanUserFilter="False" ScrollViewer.VerticalScrollBarVisibility="Auto" &amp;gt;
                        &amp;lt;RibbonGalleryCategory Header="Recent Documents" Background="Transparent" &amp;gt;
                            &amp;lt;JumpList JumpList="{Binding JumpList}"/&amp;gt;
                        &amp;lt;/RibbonGalleryCategory&amp;gt;
                    &amp;lt;/RibbonGallery&amp;gt;
                &amp;lt;/RibbonApplicationMenu.AuxiliaryPaneContent&amp;gt;
&lt;/code&gt;&lt;/pre&gt;
&lt;p&gt;What can I do to get a recent list into my RibbonApplicationMenu without creating my own List.&lt;/p&gt;
&lt;p&gt;EDIT&lt;/p&gt;
&lt;p&gt;I'm doing this in my MainWpf constructor.&lt;/p&gt;
&lt;pre&gt;&lt;code&gt;        JumpList pJumpList = JumpList.GetJumpList(Application.Current);
        pJumpList.ShowFrequentCategory = false;
        pJumpList.ShowRecentCategory = true;
        foreach (var item in this.pJumpList.JumpItems)
        {
            JumpPath path = item as JumpPath;
            this.JumpListCollection.Add(path.Path);
        }
&lt;/code&gt;&lt;/pre&gt;
&lt;p&gt;I would like to the current recent item from the Jumplist in the RibbonMenu&lt;/p&gt;
&lt;p&gt;&lt;img src="https://i.stack.imgur.com/Nbgu9.png" alt="enter image description here"&gt;
&lt;img src="https://i.stack.imgur.com/tBOCe.png" alt="enter image description here"&gt;&lt;/p&gt;
&lt;p&gt;This recent items are created by Windows not from code in my application&lt;/p&gt;</t>
  </si>
  <si>
    <t>2015-02-04 20:06:56.297000+00:00</t>
  </si>
  <si>
    <t>2015-02-07 15:24:06.580000+00:00</t>
  </si>
  <si>
    <t>c#|wpf|.net-4.5|ribbon|recent-file-list</t>
  </si>
  <si>
    <t>C++ way to override basic_string</t>
  </si>
  <si>
    <t>&lt;p&gt;I am using gcc 2.95.3 to support a legacy system that uses multi-threaded application. STL implementation for basic_string is not threadsafe and STL implementation for &lt;code&gt;__default_alloc_template&amp;lt;false, 0&amp;gt;::allocate(unsigned int)&lt;/code&gt; too. If I could ovverride these by  providing my own implementation that would ensure mutual exclusion through semaphore lock and unlock, and call the original function through &lt;code&gt;dlsym&lt;/code&gt; search?&lt;/p&gt;</t>
  </si>
  <si>
    <t>2017-12-01 13:47:23.937000+00:00</t>
  </si>
  <si>
    <t>c++|templates|stl|alloc</t>
  </si>
  <si>
    <t>Implementing Simpson's Rule math.net numerics</t>
  </si>
  <si>
    <t>&lt;p&gt;I am trying to implement Simpson's Rule using the math.net numerics library.  The method that I would like to use takes four arguments, a Func (function pointer), intervalBegin, intervalEnd and partitionNumbers.  Currently I am testing the method using Math.Sin, but can someone help me to understand how this Func should be implemented?  &lt;/p&gt;
&lt;pre&gt;&lt;code&gt;var test = MathNet.Numerics.Integration.SimpsonRule.IntegrateComposite(Math.Sin, 1, 4, 20);
&lt;/code&gt;&lt;/pre&gt;</t>
  </si>
  <si>
    <t>2014-10-17 06:31:03.490000+00:00</t>
  </si>
  <si>
    <t>2014-10-17 07:42:06.923000+00:00</t>
  </si>
  <si>
    <t>2014-10-17 06:31:57.947000+00:00</t>
  </si>
  <si>
    <t>c#|numerical-integration|mathnet</t>
  </si>
  <si>
    <t>Ternary operator isNaN</t>
  </si>
  <si>
    <t>&lt;p&gt;I want to check if 1) a number is even or odd 2) print a message saying "not a number" if the value is not a number. I did with the if else statements but I'm trying to do it with the ternary one for practise, here's the code:&lt;/p&gt;
&lt;pre&gt;&lt;code&gt;function even_or_odd(number) {
  return number % 2 === 0 ? "Even" : number % 2 !== 0 ? "Odd" : isNaN(number) ? "not a number" : "";
}
console.log(even_or_odd(hi));
&lt;/code&gt;&lt;/pre&gt;
&lt;p&gt;It works for numbers, prints successfully "even" or "odd" but fails in isNaN.&lt;/p&gt;
&lt;p&gt;The fiddlestick: &lt;a href="https://jsfiddle.net/DimitriXd4/bwfhmqfm/7/" rel="nofollow"&gt;https://jsfiddle.net/DimitriXd4/bwfhmqfm/7/&lt;/a&gt;&lt;/p&gt;
&lt;p&gt;What am I doing wrong? &lt;/p&gt;</t>
  </si>
  <si>
    <t>2016-05-05 12:50:09.943000+00:00</t>
  </si>
  <si>
    <t>2016-05-05 13:10:33.800000+00:00</t>
  </si>
  <si>
    <t>2016-05-05 12:59:29.393000+00:00</t>
  </si>
  <si>
    <t>user663031</t>
  </si>
  <si>
    <t>javascript|numbers|boolean</t>
  </si>
  <si>
    <t>Merging few lists into one using linq</t>
  </si>
  <si>
    <t>&lt;p&gt;Is there a simple way to take few lists of the same size and create a new one ouf of their min/max values in each index with linq? I mean how to compare items at same index and pick which one is Max or Min like here:&lt;/p&gt;
&lt;pre&gt;&lt;code&gt;List&amp;lt;List&amp;lt;int&amp;gt;&amp;gt; Some2dList = new List&amp;lt;List&amp;lt;int&amp;gt;&amp;gt;
                 { new List&amp;lt;int&amp;gt; { 1, 2, 3, 4, 5 }, 
                   new List&amp;lt;int&amp;gt; { 5, 4, 3, 2, 1 } } ;
List&amp;lt;int&amp;gt; NewList = new List&amp;lt;int&amp;gt;(5);
for(int i=0; i&amp;lt; 5; i++)
{
    int CurrentHighest=0;
    for(int j=0; j&amp;lt;2; j++)
    {
        if (Some2dList[j][i] &amp;gt; CurrentHighest)
            CurrentHighest = Some2dList[j][i];
    }
    NewList.Add(CurrentHighest);
}
//Which gives me {5,4,3,4,5}
&lt;/code&gt;&lt;/pre&gt;
&lt;p&gt;I've simplified those loops to look clearlier. I know I could use Concat and GroupBy, and then select Max out of each, but for simple types and classes without a key value I can't figure it out.&lt;/p&gt;
&lt;p&gt;edit: I shoul've been more precise. List in example are assigned manually, but I'm asking about solution, that would be flexible for ANY amount of lists compared. Also, lists are always same sized.&lt;/p&gt;</t>
  </si>
  <si>
    <t>2013-08-20 17:58:55.460000+00:00</t>
  </si>
  <si>
    <t>2013-08-21 00:55:28.140000+00:00</t>
  </si>
  <si>
    <t>c#|linq|list|merge</t>
  </si>
  <si>
    <t>What is difference between getDecorView() and peekDecorView() in android</t>
  </si>
  <si>
    <t>&lt;p&gt;what is difference between getDecorView() and peekDecorView(),
what they return &lt;/p&gt;</t>
  </si>
  <si>
    <t>2016-03-19 05:04:04.587000+00:00</t>
  </si>
  <si>
    <t>2016-03-19 05:22:50.430000+00:00</t>
  </si>
  <si>
    <t>android|android-layout|android-gradle|android-view</t>
  </si>
  <si>
    <t>why vector's move ctor does not deduce a noexcept()?</t>
  </si>
  <si>
    <t>&lt;p&gt;Why move constructor for &lt;code&gt;std::vector&lt;/code&gt; with custom allocator does not deduce a &lt;code&gt;noexcept()&lt;/code&gt; from allocator's behaviours?&lt;/p&gt;
&lt;p&gt;This leads to the class that encapsulates such vector cannot form  the (other) vector that can be normally moved in some &lt;code&gt;&amp;lt;algorithm&amp;gt;&lt;/code&gt;s. Even if the underlying type meets the nessesary requirements (MoveInsertable and DefaultInsertable).&lt;/p&gt;</t>
  </si>
  <si>
    <t>2013-04-22 07:36:32.010000+00:00</t>
  </si>
  <si>
    <t>2013-04-22 12:13:32.143000+00:00</t>
  </si>
  <si>
    <t>c++|c++11|g++|move-semantics</t>
  </si>
  <si>
    <t>Call OrigCountryRegionId from InventTable</t>
  </si>
  <si>
    <t>&lt;p&gt;I am trying to retrieve the value of field &lt;code&gt;ShortName&lt;/code&gt; from the table &lt;code&gt;LogisticsAddressCountryRegionTranslation&lt;/code&gt; based on the &lt;code&gt;OrigCountryRegionId&lt;/code&gt; and the &lt;code&gt;LanguageID&lt;/code&gt; fields, the &lt;code&gt;LanguageId&lt;/code&gt; is retrieved from the &lt;code&gt;CustPackingSlipJour&lt;/code&gt;.&lt;/p&gt;
&lt;p&gt;I am having troubles to retrieve the &lt;code&gt;OrigCountryRegionId&lt;/code&gt; from the &lt;code&gt;InventTable&lt;/code&gt;.&lt;/p&gt;
&lt;p&gt;The method &lt;code&gt;InventTable&lt;/code&gt; exists on the table &lt;code&gt;CustPackingSlipTrans&lt;/code&gt;, so i want to retrieve the value of the field &lt;code&gt;OrigCountryRegionId&lt;/code&gt; on the &lt;code&gt;ItemId&lt;/code&gt;, which is returned on the &lt;code&gt;InventTable&lt;/code&gt; method on the &lt;code&gt;CustPackingSlipTrans&lt;/code&gt; table.&lt;/p&gt;
&lt;p&gt;I have a piece of code, but not sure how to implement the solution as described above.&lt;/p&gt;
&lt;pre&gt;&lt;code&gt;salesPackingSlipTmp.OrigCountryRegionName = LogisticsAddressCountryRegionTranslation::find(CustPackingSlipTrans*I am lost here*, CustPackingSlipJour.LanguageId, false).ShortName;
&lt;/code&gt;&lt;/pre&gt;</t>
  </si>
  <si>
    <t>2016-09-30 10:18:15.517000+00:00</t>
  </si>
  <si>
    <t>2016-09-30 10:53:51.550000+00:00</t>
  </si>
  <si>
    <t>axapta|dynamics-ax-2012</t>
  </si>
  <si>
    <t>How do I calculate an elements position in a scrolled div?</t>
  </si>
  <si>
    <t>&lt;p&gt;I have a div with absolute positioning set to allow vertical scrolling. My app includes drag &amp;amp; drop facilities that rely on me determining the coordinates of elements when events are fired.&lt;/p&gt;
&lt;p&gt;The offsets I use to calculate elements positions (i.e. element.offsetLeft &amp;amp; element.offsetTop) only relate to original position of the element and do not account for changes in position that result from the user having scrolled. I figured I could add in a correction if I could calculate the distance scrolled but I can't see any way to do that (unlike with window scrolling).&lt;/p&gt;
&lt;p&gt;Would really appreciate any suggestions.&lt;/p&gt;</t>
  </si>
  <si>
    <t>2009-08-05 22:49:20.703000+00:00</t>
  </si>
  <si>
    <t>2012-01-30 00:49:37.463000+00:00</t>
  </si>
  <si>
    <t>2009-08-06 11:14:44.137000+00:00</t>
  </si>
  <si>
    <t>css|html|scroll|position</t>
  </si>
  <si>
    <t>Encoding cyrilllic letters?</t>
  </si>
  <si>
    <t>&lt;p&gt;I need to change cyrillic letters to latin letters in string(let's consider only two letters for short):&lt;/p&gt;
&lt;pre&gt;&lt;code&gt; # -*- coding: utf-8 -*-
 import re 
 vac = {'��': 'a', '��': 'b'}
 s = '��������'
 re.sub('��', vac['��'], s)
 re.sub('��', vac['��'], s)
 print s # works fine, prints "abba" 
 s = '��������'
 # doesn't work in loop
 for ch in vac:
     s = re.sub(unicode(ch, 'utf-8'), vac[unicode(ch, 'utf-8')], s)
 print s
&lt;/code&gt;&lt;/pre&gt;
&lt;p&gt;UPD: Thank you, guys. Based on your answers, I coded the working function:&lt;/p&gt;
&lt;pre&gt;&lt;code&gt; # -*- coding: utf-8 -*-
 def translit(s):
     symbols = (u"����������������������������������������������������������������������������������������������������������������",
     u"abvgdeezijklmnoprstufh'y'euABVGDEEZIJKLMNOPRSTUFH'Y'EU")
     tr = {ord(a):ord(b) for a, b in zip(*symbols)}
     vac = {u'��': 'ya', u'��': 'zh', u'��': 'ts', u'��': 'ch', u'��': 'sh', u'��': 'sch', u'��': 'Ya', u'��': 'Ch', u'��': 'Sh', u'��': 'Sch', u'��': 'Zh', u'��': 'Ts'}
     s = s.translate(tr)
     s = ''.join([vac.get(c, c) for c in s])
     return s
 s = u"���������� ����������, ������������ translit'����"
 a = translit(s)
 print a 
&lt;/code&gt;&lt;/pre&gt;</t>
  </si>
  <si>
    <t>2014-01-26 13:51:40.367000+00:00</t>
  </si>
  <si>
    <t>2014-01-27 09:13:22.793000+00:00</t>
  </si>
  <si>
    <t>python|encoding</t>
  </si>
  <si>
    <t>Application incompatible with few devices</t>
  </si>
  <si>
    <t>&lt;p&gt;I uploaded my application on Google Play Store. I could search for it and install on almost every device. Except on &lt;a href="http://www.flipkart.com/samsung-galaxy-y-duos-s6102/p/itmd6vvtrjwbgwgm#specifications" rel="nofollow noreferrer"&gt;Samsung Galaxy Y Duos s6102&lt;/a&gt;&lt;/p&gt;
&lt;p&gt;After searching for a solution, few things i found out:&lt;/p&gt;
&lt;p&gt;&lt;strong&gt;Problem with uses-features in the Manifest:&lt;/strong&gt;&lt;/p&gt;
&lt;p&gt;I am having only 2 features in the Manifest&lt;/p&gt;
&lt;pre&gt;&lt;code&gt;&amp;lt;uses-feature android:name="android.hardware.camera" /&amp;gt;
&amp;lt;uses-feature android:name="android.hardware.camera.autofocus" /&amp;gt;
&lt;/code&gt;&lt;/pre&gt;
&lt;p&gt;But the device has a Camera, so this might not be the case.&lt;/p&gt;
&lt;p&gt;&lt;strong&gt;Problem with support-screens in the Manifest:&lt;/strong&gt;&lt;/p&gt;
&lt;p&gt;I haven't added any such tag in my Manifest, assuming that by default all Screens are supported. And confirmed that from the developer's console&lt;/p&gt;
&lt;p&gt;&lt;img src="https://i.stack.imgur.com/gPNyX.png" alt="enter image description here"&gt;&lt;/p&gt;
&lt;p&gt;I found out that &lt;strong&gt;QVGA&lt;/strong&gt; Screens are not supported by default, you have to explicitly declare them.&lt;/p&gt;
&lt;p&gt;But &lt;strong&gt;QVGA&lt;/strong&gt; screens come under Small Screen as stated here:&lt;/p&gt;
&lt;p&gt;&lt;img src="https://i.stack.imgur.com/zOY6w.png" alt="enter image description here"&gt;&lt;/p&gt;
&lt;p&gt;Then thought density might be the reason, but from the docs:&lt;/p&gt;
&lt;pre&gt;&lt;code&gt;For applications that support Android 1.6 (API level 4) and higher, this is "true" by default and you should not set it "false"
&lt;/code&gt;&lt;/pre&gt;
&lt;p&gt;So, are there any other reasons for this Issue? Or should i try adding them all to my Manifest file.&lt;/p&gt;</t>
  </si>
  <si>
    <t>2013-01-10 06:28:27.210000+00:00</t>
  </si>
  <si>
    <t>2013-01-10 06:47:01+00:00</t>
  </si>
  <si>
    <t>android|google-play</t>
  </si>
  <si>
    <t>Laravel/Sentry Eloquent\User::__toString() must not throw and exception</t>
  </si>
  <si>
    <t>&lt;p&gt;Having a weird issue. I have a portal I have developed which up until today has been working good in both the prod and dev environments. Today after running a composer update everything works great on dev environment but when I pushed it to production one of my pages stopped working. The page allows me to pull up a user account and modify certain fields(pretty straight forward).&lt;/p&gt;
&lt;p&gt;As an example/test I have created a test function in the controller to spit out a specific users information:&lt;/p&gt;
&lt;pre&gt;&lt;code&gt;public function getTest(){
    $user = Sentry::findUserByLogin('XXXXX');
    echo $user;
}
&lt;/code&gt;&lt;/pre&gt;
&lt;p&gt;When I run this function on the dev side it shows all the information its suppose to. When on the production side I get this error:&lt;/p&gt;
&lt;pre&gt;&lt;code&gt;production.ERROR: 500 - Method Cartalyst\Sentry\Users\Eloquent\User::__toString() must not throw an exception @ /employees/admin/test
exception 'Symfony\Component\Debug\Exception\FatalErrorException' with message 'Method Cartalyst\Sentry\Users\Eloquent\User::__toString() must not throw an exception' in E:\sites\yaya.com\portal\app\src\employees\controllers\admin.php:0
Stack trace:
[internal function]: Illuminate\Exception\Handler-&amp;gt;handleShutdown()
{main} [] []
&lt;/code&gt;&lt;/pre&gt;
&lt;p&gt;I have not modified anything inside of Sentry or Eloquent.&lt;/p&gt;
&lt;p&gt;Any ideas on what would cause this error? On the production side if I do a &lt;code&gt;var_dump(user)&lt;/code&gt; it wont throw the error and I can see everything inside the protected fields. Or if I do echo &lt;code&gt;$user-&amp;gt;username&lt;/code&gt; it also works just fine. Problem is I need to return the user information as well as the groups the user is in to my JS to display it on my screen depending on the drop down selected for the user. &lt;/p&gt;</t>
  </si>
  <si>
    <t>2014-06-13 21:12:20.220000+00:00</t>
  </si>
  <si>
    <t>2015-09-04 07:47:53.173000+00:00</t>
  </si>
  <si>
    <t>2014-06-14 07:36:52.297000+00:00</t>
  </si>
  <si>
    <t>php|symfony|laravel|laravel-4|cartalyst-sentry</t>
  </si>
  <si>
    <t>Why is my XSLT template not displaying a table?</t>
  </si>
  <si>
    <t>&lt;p&gt;I'm fairly new to the whole XML and XSLT stuff. But I'm having an issue here. I need to print a table with all the information from the XML. "catalog" must be grouped and sorted by author. But to start it should be like this-&lt;/p&gt;
&lt;blockquote&gt;
  &lt;p&gt;Author: Gambardella,&lt;br&gt;
  Matthew Author: Ralls, Kim&lt;/p&gt;
&lt;/blockquote&gt;
&lt;p&gt;etc...&lt;/p&gt;
&lt;p&gt;with each Author in a table cell.
But its only displaying
Author:&lt;/p&gt;
&lt;p&gt;with nothing else&lt;/p&gt;
&lt;p&gt;What might I be doing wrong here? Some guidance is appreciated.&lt;/p&gt;
&lt;p&gt;My XML&lt;/p&gt;
&lt;pre&gt;&lt;code&gt;&amp;lt;?xml version="1.0"?&amp;gt;
&amp;lt;?xml-stylesheet href="catalog.xsl" type="text/xsl"?&amp;gt;
&amp;lt;catalog&amp;gt;
&amp;lt;book id="bk101"&amp;gt;
  &amp;lt;author&amp;gt;Gambardella, Matthew&amp;lt;/author&amp;gt;
  &amp;lt;title&amp;gt;XML Developer's Guide&amp;lt;/title&amp;gt;
  &amp;lt;genre&amp;gt;Computer&amp;lt;/genre&amp;gt;
  &amp;lt;price&amp;gt;44.95&amp;lt;/price&amp;gt;
  &amp;lt;publish_date&amp;gt;2000-10-01&amp;lt;/publish_date&amp;gt;
  &amp;lt;description&amp;gt;An in-depth look at creating applications 
  with XML.&amp;lt;/description&amp;gt;
 &amp;lt;/book&amp;gt;
 &amp;lt;book id="bk102"&amp;gt;
  &amp;lt;author&amp;gt;Ralls, Kim&amp;lt;/author&amp;gt;
  &amp;lt;title&amp;gt;Midnight Rain&amp;lt;/title&amp;gt;
  &amp;lt;genre&amp;gt;Fantasy&amp;lt;/genre&amp;gt;
  &amp;lt;price&amp;gt;5.95&amp;lt;/price&amp;gt;
  &amp;lt;publish_date&amp;gt;2000-12-16&amp;lt;/publish_date&amp;gt;
  &amp;lt;description&amp;gt;A former architect battles corporate zombies, 
  an evil sorceress, and her own childhood to become queen 
  of the world.&amp;lt;/description&amp;gt;
 &amp;lt;/book&amp;gt;
 &amp;lt;book id="bk103"&amp;gt;
  &amp;lt;author&amp;gt;Corets, Eva&amp;lt;/author&amp;gt;
  &amp;lt;title&amp;gt;Maeve Ascendant&amp;lt;/title&amp;gt;
  &amp;lt;genre&amp;gt;Fantasy&amp;lt;/genre&amp;gt;
  &amp;lt;price&amp;gt;5.95&amp;lt;/price&amp;gt;
  &amp;lt;publish_date&amp;gt;2000-11-17&amp;lt;/publish_date&amp;gt;
  &amp;lt;description&amp;gt;After the collapse of a nanotechnology 
  society in England, the young survivors lay the 
  foundation for a new society.&amp;lt;/description&amp;gt;
 &amp;lt;/book&amp;gt;
 &amp;lt;book id="bk104"&amp;gt;
  &amp;lt;author&amp;gt;Corets, Eva&amp;lt;/author&amp;gt;
  &amp;lt;title&amp;gt;Oberon's Legacy&amp;lt;/title&amp;gt;
  &amp;lt;genre&amp;gt;Fantasy&amp;lt;/genre&amp;gt;
  &amp;lt;price&amp;gt;5.95&amp;lt;/price&amp;gt;
  &amp;lt;publish_date&amp;gt;2001-03-10&amp;lt;/publish_date&amp;gt;
  &amp;lt;description&amp;gt;In post-apocalypse England, the mysterious 
  agent known only as Oberon helps to create a new life 
  for the inhabitants of London. Sequel to Maeve 
  Ascendant.&amp;lt;/description&amp;gt;
 &amp;lt;/book&amp;gt;
 &amp;lt;book id="bk105"&amp;gt;
  &amp;lt;author&amp;gt;Corets, Eva&amp;lt;/author&amp;gt;
  &amp;lt;title&amp;gt;The Sundered Grail&amp;lt;/title&amp;gt;
  &amp;lt;genre&amp;gt;Fantasy&amp;lt;/genre&amp;gt;
  &amp;lt;price&amp;gt;5.95&amp;lt;/price&amp;gt;
  &amp;lt;publish_date&amp;gt;2001-09-10&amp;lt;/publish_date&amp;gt;
  &amp;lt;description&amp;gt;The two daughters of Maeve, half-sisters, 
  battle one another for control of England. Sequel to 
  Oberon's Legacy.&amp;lt;/description&amp;gt;
 &amp;lt;/book&amp;gt;
 &amp;lt;book id="bk106"&amp;gt;
  &amp;lt;author&amp;gt;Randall, Cynthia&amp;lt;/author&amp;gt;
  &amp;lt;title&amp;gt;Lover Birds&amp;lt;/title&amp;gt;
  &amp;lt;genre&amp;gt;Romance&amp;lt;/genre&amp;gt;
  &amp;lt;price&amp;gt;4.95&amp;lt;/price&amp;gt;
  &amp;lt;publish_date&amp;gt;2000-09-02&amp;lt;/publish_date&amp;gt;
  &amp;lt;description&amp;gt;When Carla meets Paul at an ornithology 
  conference, tempers fly as feathers get ruffled.&amp;lt;/description&amp;gt;
 &amp;lt;/book&amp;gt;
 &amp;lt;book id="bk107"&amp;gt;
  &amp;lt;author&amp;gt;Thurman, Paula&amp;lt;/author&amp;gt;
  &amp;lt;title&amp;gt;Splish Splash&amp;lt;/title&amp;gt;
  &amp;lt;genre&amp;gt;Romance&amp;lt;/genre&amp;gt;
  &amp;lt;price&amp;gt;4.95&amp;lt;/price&amp;gt;
  &amp;lt;publish_date&amp;gt;2000-11-02&amp;lt;/publish_date&amp;gt;
  &amp;lt;description&amp;gt;A deep sea diver finds true love twenty 
  thousand leagues beneath the sea.&amp;lt;/description&amp;gt;
 &amp;lt;/book&amp;gt;
 &amp;lt;book id="bk108"&amp;gt;
  &amp;lt;author&amp;gt;Knorr, Stefan&amp;lt;/author&amp;gt;
  &amp;lt;title&amp;gt;Creepy Crawlies&amp;lt;/title&amp;gt;
  &amp;lt;genre&amp;gt;Horror&amp;lt;/genre&amp;gt;
  &amp;lt;price&amp;gt;4.95&amp;lt;/price&amp;gt;
  &amp;lt;publish_date&amp;gt;2000-12-06&amp;lt;/publish_date&amp;gt;
  &amp;lt;description&amp;gt;An anthology of horror stories about roaches,
  centipedes, scorpions  and other insects.&amp;lt;/description&amp;gt;
 &amp;lt;/book&amp;gt;
 &amp;lt;book id="bk109"&amp;gt;
  &amp;lt;author&amp;gt;Kress, Peter&amp;lt;/author&amp;gt;
  &amp;lt;title&amp;gt;Paradox Lost&amp;lt;/title&amp;gt;
  &amp;lt;genre&amp;gt;Science Fiction&amp;lt;/genre&amp;gt;
  &amp;lt;price&amp;gt;6.95&amp;lt;/price&amp;gt;
  &amp;lt;publish_date&amp;gt;2000-11-02&amp;lt;/publish_date&amp;gt;
  &amp;lt;description&amp;gt;After an inadvertant trip through a Heisenberg
  Uncertainty Device, James Salway discovers the problems 
  of being quantum.&amp;lt;/description&amp;gt;
 &amp;lt;/book&amp;gt;
 &amp;lt;book id="bk110"&amp;gt;
  &amp;lt;author&amp;gt;O'Brien, Tim&amp;lt;/author&amp;gt;
  &amp;lt;title&amp;gt;Microsoft .NET: The Programming Bible&amp;lt;/title&amp;gt;
  &amp;lt;genre&amp;gt;Computer&amp;lt;/genre&amp;gt;
  &amp;lt;price&amp;gt;36.95&amp;lt;/price&amp;gt;
  &amp;lt;publish_date&amp;gt;2000-12-09&amp;lt;/publish_date&amp;gt;
  &amp;lt;description&amp;gt;Microsoft's .NET initiative is explored in 
  detail in this deep programmer's reference.&amp;lt;/description&amp;gt;
 &amp;lt;/book&amp;gt;
 &amp;lt;book id="bk111"&amp;gt;
  &amp;lt;author&amp;gt;O'Brien, Tim&amp;lt;/author&amp;gt;
  &amp;lt;title&amp;gt;MSXML3: A Comprehensive Guide&amp;lt;/title&amp;gt;
  &amp;lt;genre&amp;gt;Computer&amp;lt;/genre&amp;gt;
  &amp;lt;price&amp;gt;36.95&amp;lt;/price&amp;gt;
  &amp;lt;publish_date&amp;gt;2000-12-01&amp;lt;/publish_date&amp;gt;
  &amp;lt;description&amp;gt;The Microsoft MSXML3 parser is covered in 
  detail, with attention to XML DOM interfaces, XSLT processing, 
  SAX and more.&amp;lt;/description&amp;gt;
 &amp;lt;/book&amp;gt;
 &amp;lt;book id="bk212"&amp;gt;
  &amp;lt;author&amp;gt;Galos, Mike&amp;lt;/author&amp;gt;
  &amp;lt;title&amp;gt;Visual Studio 7: A Comprehensive Guide&amp;lt;/title&amp;gt;
  &amp;lt;genre&amp;gt;Computer&amp;lt;/genre&amp;gt;
  &amp;lt;price&amp;gt;49.95&amp;lt;/price&amp;gt;
  &amp;lt;publish_date&amp;gt;2001-04-16&amp;lt;/publish_date&amp;gt;
  &amp;lt;description&amp;gt;Microsoft Visual Studio 7 is explored in depth,
  looking at how Visual Basic, Visual C++, C#, and ASP+ are 
  integrated into a comprehensive development 
  environment.&amp;lt;/description&amp;gt;
 &amp;lt;/book&amp;gt;
&amp;lt;/catalog&amp;gt;
&lt;/code&gt;&lt;/pre&gt;
&lt;p&gt;XSL&lt;/p&gt;
&lt;pre&gt;&lt;code&gt;&amp;lt;?xml version="1.0" encoding="UTF-8"?&amp;gt;
&amp;lt;xsl:stylesheet version="2.0"     xmlns:xsl="http://www.w3.org/1999/XSL/Transform"&amp;gt;
    &amp;lt;xsl:output method="html"/&amp;gt;
    &amp;lt;xsl:template match="catalog"&amp;gt;        
        &amp;lt;html&amp;gt;
            &amp;lt;head&amp;gt;
                &amp;lt;title&amp;gt;Books Catalog by Author&amp;lt;/title&amp;gt;
            &amp;lt;/head&amp;gt;            
            &amp;lt;body&amp;gt;
                &amp;lt;h1&amp;gt;Books Catalog by Author&amp;lt;/h1&amp;gt;                
                &amp;lt;table BORDER="1" CELLPADDING="5"&amp;gt;
                    &amp;lt;xsl:for-each-group select="book" group-by="author"&amp;gt;
                        &amp;lt;xsl:sort select="current-grouping-key()"/&amp;gt;
                        &amp;lt;tr bgcolor="#ef9f37"&amp;gt;
                            &amp;lt;td colspan="6"&amp;gt;Author:
                                &amp;lt;xsl:value-of select="current-grouping-key()"/&amp;gt;
                            &amp;lt;/td&amp;gt;
                        &amp;lt;/tr&amp;gt;                      
                    &amp;lt;/xsl:for-each-group&amp;gt;
                &amp;lt;/table&amp;gt;
            &amp;lt;/body&amp;gt;
        &amp;lt;/html&amp;gt;
    &amp;lt;/xsl:template&amp;gt;
&amp;lt;/xsl:stylesheet&amp;gt;
&lt;/code&gt;&lt;/pre&gt;</t>
  </si>
  <si>
    <t>2018-01-29 12:12:03.103000+00:00</t>
  </si>
  <si>
    <t>2018-01-29 13:06:40.383000+00:00</t>
  </si>
  <si>
    <t>xml|xslt|xslt-2.0</t>
  </si>
  <si>
    <t>Writing to BigQuery from within a ParDo function</t>
  </si>
  <si>
    <t>&lt;p&gt;I would like to call a &lt;code&gt;beam.io.Write(beam.io.BigQuerySink(..))&lt;/code&gt; operation from within a ParDo function to generate a separate BigQuery table for each key in the &lt;code&gt;PCollection&lt;/code&gt; (i'm using the python SDK). Here are two similar threads, which unfortunately didn't help:&lt;/p&gt;
&lt;p&gt;1) &lt;a href="https://stackoverflow.com/questions/31156774/about-key-grouping-with-groupbykey"&gt;https://stackoverflow.com/questions/31156774/about-key-grouping-with-groupbykey&lt;/a&gt;&lt;/p&gt;
&lt;p&gt;2) &lt;a href="https://stackoverflow.com/questions/35979421/dynamic-table-name-when-writing-to-bq-from-dataflow-pipelines"&gt;Dynamic table name when writing to BQ from dataflow pipelines&lt;/a&gt;&lt;/p&gt;
&lt;p&gt;When I execute the following code, the rows for the first key get inserted into BigQuery and then the pipeline fails with the error below. Would really appreciate any suggestions on what I'm doing wrong or any suggestions on how to fix it.&lt;/p&gt;
&lt;p&gt;Pipeline code:&lt;/p&gt;
&lt;pre&gt;&lt;code&gt;rows = p | 'read_bq_table' &amp;gt;&amp;gt; beam.io.Read(beam.io.BigQuerySource(query=query))
class par_upload(beam.DoFn):
    def process(self, context):
        key, value = context.element
        ### This block causes issues ###
        value | 'write_to_bq' &amp;gt;&amp;gt; beam.io.Write(
                        beam.io.BigQuerySink(
                            'PROJECT-NAME:analytics.first_table', #will be replace by a dynamic name based on key
                            schema=schema,
                            write_disposition=beam.io.BigQueryDisposition.WRITE_APPEND, 
                            create_disposition=beam.io.BigQueryDisposition.CREATE_IF_NEEDED
                            )
            )
        ### End block ######
        return [value] 
### Following part works fine ###
filtered = (rows    | 'filter_rows' &amp;gt;&amp;gt; beam.Filter(lambda row: row['topic'] == 'analytics') 
                    | 'apply_projection' &amp;gt;&amp;gt; beam.Map(apply_projection, projection_fields) 
                    | 'group_by_key' &amp;gt;&amp;gt; beam.GroupByKey() 
                    | 'par_upload_to_bigquery' &amp;gt;&amp;gt; beam.ParDo(par_upload())
                    | 'flat_map' &amp;gt;&amp;gt; beam.FlatMap(lambda l: l) #this step is just for testing
                )
### This part works fine if I comment out the 'write_to_bq' block above
filtered | 'write_to_bq' &amp;gt;&amp;gt; beam.io.Write(
        beam.io.BigQuerySink(
            'PROJECT-NAME:analytics.another_table',
            schema=schema,
            write_disposition=beam.io.BigQueryDisposition.WRITE_TRUNCATE,
            create_disposition=beam.io.BigQueryDisposition.CREATE_IF_NEEDED)
        )
&lt;/code&gt;&lt;/pre&gt;
&lt;p&gt;Error message:&lt;/p&gt;
&lt;pre&gt;&lt;code&gt;INFO:oauth2client.client:Attempting refresh to obtain initial access_token
INFO:oauth2client.client:Attempting refresh to obtain initial access_token
INFO:root:Writing 1 rows to PROJECT-NAME:analytics.first_table table.
INFO:root:Final: Debug counters: {'element_counts': Counter({'CreatePInput0': 1, 'write_to_bq/native_write': 1})}
ERROR:root:Error while visiting par_upload_to_bigquery
Traceback (most recent call last):
  File "split_events.py", line 137, in &amp;lt;module&amp;gt;
    run()
  File "split_events.py", line 132, in run
    p.run()
  File "/Users/dimitri/anaconda/lib/python2.7/site-packages/apache_beam/pipeline.py", line 159, in run
    return self.runner.run(self)
  File "/Users/dimitri/anaconda/lib/python2.7/site-packages/apache_beam/runners/direct_runner.py", line 102, in run
    super(DirectPipelineRunner, self).run(pipeline)
  File "/Users/dimitri/anaconda/lib/python2.7/site-packages/apache_beam/runners/runner.py", line 98, in run
    pipeline.visit(RunVisitor(self))
  File "/Users/dimitri/anaconda/lib/python2.7/site-packages/apache_beam/pipeline.py", line 182, in visit
    self._root_transform().visit(visitor, self, visited)
  File "/Users/dimitri/anaconda/lib/python2.7/site-packages/apache_beam/pipeline.py", line 419, in visit
    part.visit(visitor, pipeline, visited)
  File "/Users/dimitri/anaconda/lib/python2.7/site-packages/apache_beam/pipeline.py", line 422, in visit
    visitor.visit_transform(self)
  File "/Users/dimitri/anaconda/lib/python2.7/site-packages/apache_beam/runners/runner.py", line 93, in visit_transform
    self.runner.run_transform(transform_node)
  File "/Users/dimitri/anaconda/lib/python2.7/site-packages/apache_beam/runners/runner.py", line 168, in run_transform
    return m(transform_node)
  File "/Users/dimitri/anaconda/lib/python2.7/site-packages/apache_beam/runners/direct_runner.py", line 98, in func_wrapper
    func(self, pvalue, *args, **kwargs)
  File "/Users/dimitri/anaconda/lib/python2.7/site-packages/apache_beam/runners/direct_runner.py", line 180, in run_ParDo
    runner.process(v)
  File "apache_beam/runners/common.py", line 133, in apache_beam.runners.common.DoFnRunner.process (apache_beam/runners/common.c:4483)
  File "apache_beam/runners/common.py", line 139, in apache_beam.runners.common.DoFnRunner.process (apache_beam/runners/common.c:4311)
  File "apache_beam/runners/common.py", line 150, in apache_beam.runners.common.DoFnRunner.reraise_augmented (apache_beam/runners/common.c:4677)
  File "apache_beam/runners/common.py", line 137, in apache_beam.runners.common.DoFnRunner.process (apache_beam/runners/common.c:4245)
  File "/Users/dimitri/anaconda/lib/python2.7/site-packages/apache_beam/typehints/typecheck.py", line 149, in process
    return self.run(self.dofn.process, context, args, kwargs)
  File "/Users/dimitri/anaconda/lib/python2.7/site-packages/apache_beam/typehints/typecheck.py", line 134, in run
    result = method(context, *args, **kwargs)
  File "split_events.py", line 73, in process
    create_disposition=beam.io.BigQueryDisposition.CREATE_IF_NEEDED
  File "/Users/dimitri/anaconda/lib/python2.7/site-packages/apache_beam/transforms/ptransform.py", line 724, in __ror__
    return self.transform.__ror__(pvalueish, self.label)
  File "/Users/dimitri/anaconda/lib/python2.7/site-packages/apache_beam/transforms/ptransform.py", line 445, in __ror__
    return _MaterializePValues(cache).visit(result)
  File "/Users/dimitri/anaconda/lib/python2.7/site-packages/apache_beam/transforms/ptransform.py", line 105, in visit
    return self._pvalue_cache.get_unwindowed_pvalue(node)
  File "/Users/dimitri/anaconda/lib/python2.7/site-packages/apache_beam/runners/runner.py", line 262, in get_unwindowed_pvalue
    return [v.value for v in self.get_pvalue(pvalue)]
  File "/Users/dimitri/anaconda/lib/python2.7/site-packages/apache_beam/runners/runner.py", line 244, in get_pvalue
    value_with_refcount = self._cache[self.key(pvalue)]
KeyError: "(4384177040, None) [while running 'par_upload_to_bigquery']"
&lt;/code&gt;&lt;/pre&gt;
&lt;hr&gt;
&lt;p&gt;&lt;strong&gt;Edit (after the first answer):&lt;/strong&gt;&lt;/p&gt;
&lt;p&gt;I didn't realise my &lt;em&gt;value&lt;/em&gt; needs to be a &lt;code&gt;PCollection&lt;/code&gt;. &lt;/p&gt;
&lt;p&gt;I've changed my code to this now (which is probably very inefficient): &lt;/p&gt;
&lt;pre&gt;&lt;code&gt;key_pipe = p | 'pipe_' + key &amp;gt;&amp;gt; beam.Create(value)
key_pipe | 'write_' + key &amp;gt;&amp;gt; beam.io.Write(beam.io.BigQuerySink(..))
&lt;/code&gt;&lt;/pre&gt;
&lt;p&gt;Which now works fine &lt;strong&gt;locally&lt;/strong&gt; but not with &lt;code&gt;BlockingDataflowPipelineRunner&lt;/code&gt; :-(&lt;/p&gt;
&lt;p&gt;The pipeline fails with the following error:&lt;/p&gt;
&lt;pre&gt;&lt;code&gt;    JOB_MESSAGE_ERROR: (979394c29490e588): Traceback (most recent call last):
  File "/usr/local/lib/python2.7/dist-packages/dataflow_worker/batchworker.py", line 474, in do_work
    work_executor.execute()
  File "dataflow_worker/executor.py", line 901, in dataflow_worker.executor.MapTaskExecutor.execute (dataflow_worker/executor.c:24331)
    op.start()
  File "dataflow_worker/executor.py", line 465, in dataflow_worker.executor.DoOperation.start (dataflow_worker/executor.c:14193)
    def start(self):
  File "dataflow_worker/executor.py", line 469, in dataflow_worker.executor.DoOperation.start (dataflow_worker/executor.c:13499)
    fn, args, kwargs, tags_and_types, window_fn = (
ValueError: too many values to unpack (expected 5)
&lt;/code&gt;&lt;/pre&gt;</t>
  </si>
  <si>
    <t>2016-09-24 20:21:59.787000+00:00</t>
  </si>
  <si>
    <t>2016-09-26 21:19:19.217000+00:00</t>
  </si>
  <si>
    <t>2017-05-23 11:48:28.370000+00:00</t>
  </si>
  <si>
    <t>google-bigquery|google-cloud-dataflow|apache-beam</t>
  </si>
  <si>
    <t>Request for PDO experience, the best there is?</t>
  </si>
  <si>
    <t>&lt;p&gt;I'm about to migrate from mysqli to PDO and would like some feedback on how it's related to other similar solutions regardning speed, security and db-portability. Any experience welcome.&lt;/p&gt;
&lt;p&gt;regards,
/t&lt;/p&gt;</t>
  </si>
  <si>
    <t>2011-02-14 22:51:00.343000+00:00</t>
  </si>
  <si>
    <t>2011-02-14 22:55:19.373000+00:00</t>
  </si>
  <si>
    <t>php|pdo</t>
  </si>
  <si>
    <t>Hibernate One-To-Many relationship and element searching</t>
  </si>
  <si>
    <t>&lt;p&gt;I'm implementing simple DDD project and I came across a problem that I am unable to solve by myself. I'd like to have a list of objects in one of my aggregates (One-To-Many relationship). The problem is this list is going to be huge (I guess it can reach 1000 entries and more eventually) and I'm going to need only a few elements from it at a time (specific ones but not known in the moment of instantiation of the aggregate). I'd rather avoid making a separate repository for those kinds of objects, which would clearly solve the issue, because it violates encapsulation and DDD principles.&lt;/p&gt;
&lt;p&gt;Is there another way of doing it? I was thinking about a custom list that could proxy to the database making queries... how to handle such basic issue?&lt;/p&gt;</t>
  </si>
  <si>
    <t>2013-10-21 07:57:52.937000+00:00</t>
  </si>
  <si>
    <t>2014-03-25 17:21:07.930000+00:00</t>
  </si>
  <si>
    <t>hibernate|domain-driven-design|one-to-many</t>
  </si>
  <si>
    <t>How to specify colors manually in ggplot2 within a for loop?</t>
  </si>
  <si>
    <t>&lt;p&gt;I am building some code to plot energy supply vs. energy demand for bird populations with user-defined foraging guilds. I don't know in advance how many guilds a user will specify, and I need to create guild-specific plots. I would like to be able to specify the colors of the lines for energy supply and demand. Here's my data:&lt;/p&gt;
&lt;pre&gt;&lt;code&gt;guilds &amp;lt;- c("ducks","geese") #I have 2 foraging guilds
dayz &amp;lt;- c(1,2,3,4,5,6) #The plot will span 6 days
guild1_supply &amp;lt;- c(100,120,150,130,110,70) #energy available to guild 1
guild2_supply &amp;lt;- c(70,90,110,120,100,80) #energy available to guild 2
supply_by_guild &amp;lt;- cbind(guild1_supply,guild2_supply)
guild1_demand &amp;lt;- c(10,80,120,130,70,20) #energy demand for guild 1
guild2_demand &amp;lt;- c(5,45,75,60,30,0) #energy demand for guild 2
demand_by_guild &amp;lt;- cbind(guild1_demand,guild2_demand)
setwd("C:/Users/XXX) #Set working directory for figure output
&lt;/code&gt;&lt;/pre&gt;
&lt;p&gt;Now I create guild-specific plots in a for loop.&lt;/p&gt;
&lt;pre&gt;&lt;code&gt;for (i in 1:length(guilds)) { # use a for loop to create data frames
temp &amp;lt;- data.frame(cbind(dayz,supply_by_guild[,i],demand_by_guild[,i]))
names(temp)[2] &amp;lt;- "Food Energy Supply" # rename variable
names(temp)[3] &amp;lt;- "Food Energy Demand" # rename variable
temp &amp;lt;- melt(temp, id.vars = c("dayz")) # melt data frame to long format
names(temp)[2] &amp;lt;- "Legend" # rename variable
names(temp)[3] &amp;lt;- "energy" # rename variable
jpeg(paste("Fig",i+4,".jpg",sep=""),width=2000, height=1000, res=300)
print(ggplot(data=temp, aes(x=dayz, y=energy,group=Legend, color=Legend)) + geom_line() + xlab("Day") + ylab(paste("Energy   (",energy_unit,")",sep="")) + ggtitle(paste("Figure ",i+4,". Daily Food Energy Supply and Demand: ",guilds[i],sep=""))) 
dev.off()
}
&lt;/code&gt;&lt;/pre&gt;
&lt;p&gt;This above code works, but when I try to manually specify the colors of the lines by adding &lt;code&gt;+ scale_color_manual(values=c("cyan4", "orangered1"))&lt;/code&gt;, I get the error "non-numeric argument to binary operator." Any help much appreciated.&lt;/p&gt;</t>
  </si>
  <si>
    <t>2016-07-26 20:18:01.750000+00:00</t>
  </si>
  <si>
    <t>2016-08-02 06:22:17.100000+00:00</t>
  </si>
  <si>
    <t>Mongoid + Cucumber</t>
  </si>
  <si>
    <t>&lt;p&gt;I try to run a scenario with Cucumber, through Capybara, in a Rails 3.2.3 app supported by Mongoid. The aim is to have current user add a book to his collection.&lt;/p&gt;
&lt;p&gt;Everything goes ok, but the final step definition, where I check that the amount of books is now one, fails.&lt;/p&gt;
&lt;p&gt;But if I check on the app controller, the size actually increased. And actually, when I send &lt;code&gt;reload&lt;/code&gt; to the user in the step definition, it passes:&lt;/p&gt;
&lt;pre&gt;&lt;code&gt;user.reload.books(true).size.should == 1
&lt;/code&gt;&lt;/pre&gt;
&lt;p&gt;I'm afraid this behavior could harm my app once in production. Any advice how to make sure all tests and app behaviors are consistent?&lt;/p&gt;
&lt;p&gt;&lt;strong&gt;UPDATE&lt;/strong&gt;&lt;/p&gt;
&lt;p&gt;I checked the test.log to see what's going on.
Calling &lt;code&gt;reload&lt;/code&gt; I get this query to MongoDB:&lt;/p&gt;
&lt;pre&gt;&lt;code&gt;find({"count"=&amp;gt;"books",
"query"=&amp;gt;{:_id=&amp;gt;{"$in"=&amp;gt;[BSON::ObjectId('4f889b473dffd63235000004')]}},
"fields"=&amp;gt;nil}).limit(-1)
&lt;/code&gt;&lt;/pre&gt;
&lt;p&gt;while without the reload I get this:&lt;/p&gt;
&lt;pre&gt;&lt;code&gt;find({"count"=&amp;gt;"books", "query"=&amp;gt;{:_id=&amp;gt;{"$in"=&amp;gt;[]}}, "fields"=&amp;gt;nil}).limit(-1)
&lt;/code&gt;&lt;/pre&gt;
&lt;p&gt;It practically doesn't query against the &lt;code&gt;user&lt;/code&gt; if I don't reload the model, which doesn't make much sense to me.&lt;/p&gt;</t>
  </si>
  <si>
    <t>2012-04-05 20:28:40.427000+00:00</t>
  </si>
  <si>
    <t>2012-04-17 18:37:54.577000+00:00</t>
  </si>
  <si>
    <t>2012-04-13 21:38:24.520000+00:00</t>
  </si>
  <si>
    <t>ruby-on-rails|ruby-on-rails-3|mongodb|cucumber|mongoid</t>
  </si>
  <si>
    <t>Replace all kind of dashes</t>
  </si>
  <si>
    <t>&lt;p&gt;I have a excel document which I import in MySQL using a library.&lt;/p&gt;
&lt;p&gt;But some of the texts in the document contain dashes which I though I have replaced, but apparently not all of them.
&lt;code&gt;-&lt;/code&gt;, &lt;code&gt;���&lt;/code&gt;, &lt;code&gt;-&lt;/code&gt; &amp;lt;-all of these are different. &lt;/p&gt;
&lt;p&gt;Is there any way I could replace all kind of dahes with this one &lt;code&gt;-&lt;/code&gt;&lt;/p&gt;
&lt;p&gt;The main problem is that I dont know all of the dashes that exist in computers.&lt;/p&gt;</t>
  </si>
  <si>
    <t>2013-08-14 14:30:57.243000+00:00</t>
  </si>
  <si>
    <t>2013-08-14 14:49:52.483000+00:00</t>
  </si>
  <si>
    <t>2013-08-14 14:38:44.937000+00:00</t>
  </si>
  <si>
    <t>php|str-replace</t>
  </si>
  <si>
    <t>upload multiple images and inserted into separate field in table using php and mysql</t>
  </si>
  <si>
    <t>&lt;p&gt;I am not very well in PHP. I want to upload two images separately and stored those in two different field in table. My HTML code is as below :&lt;/p&gt;
&lt;pre&gt;&lt;code&gt;&amp;lt;form method="post" enctype="multipart/form-data" name="News Slider"&amp;gt;
                &amp;lt;input name="img" type="file" required id="sortpicture"/&amp;gt;
                &amp;lt;input name="img2" type="file" required id="sortpicture"/&amp;gt;
                &amp;lt;button type="submit" name="submit" value="Save and Submit" class="btn btn-app"&amp;gt;Save and Submit&amp;lt;/button&amp;gt;
              &amp;lt;button type="reset" name="reset" value="Reset the Form" class="btn btn-app"&amp;gt;Reset the Form&amp;lt;/button&amp;gt;
              &amp;lt;/form&amp;gt;
&lt;/code&gt;&lt;/pre&gt;
&lt;p&gt;My table structure is like ImageId | image_name | image_thumbnail&lt;/p&gt;
&lt;p&gt;I wrote code as below, but it stores only img2 (second selected image) image in image_name and image_thumbnail field. But img (first selected image) is not storing any where.&lt;/p&gt;
&lt;pre&gt;&lt;code&gt;if(isset($_REQUEST['submit']))
     {
        if($_FILES['img']['name']!='')
    {
        $tmp_name = $_FILES["img"]["tmp_name"];
        $namefile = $_FILES["img"]["name"];
        $ext = end(explode(".", $namefile));
        $image_name=time().".".$ext;
        $fileUpload = move_uploaded_file($_FILES['img']['tmp_name'],"uploadnewsslider/".$image_name);
    }
    if($_FILES['img2']['name']!='')
    {
        $tmp_name = $_FILES["img2"]["tmp_name"];
        $namefile2 = $_FILES["img2"]["name"];
        $ext = end(explode(".", $namefile2));
        $image_thumbnail=time().".".$ext;
        $fileUpload2 = move_uploaded_file($_FILES['img2']['tmp_name'],"uploadnewsslider/".$image_thumbnail);
    }
         $sql="insert INTO newsslider(image, thumbnail) VALUES ('$image_name', '$image_thumbnail')";
         mysql_query($sql,$connection);
         }
&lt;/code&gt;&lt;/pre&gt;
&lt;p&gt;In detail, I want to upload two images from two separate browse button from my form and then store those into two separate fields (i.e. image_name and image_thumbnail) in table. &lt;/p&gt;
&lt;p&gt;Here you can see that I have two input file type (img and img2) and I want to store those in two different fields (image_name and image_thumbnail) in a table.&lt;/p&gt;
&lt;p&gt;Please suggest. Thanks in advance.&lt;/p&gt;</t>
  </si>
  <si>
    <t>2015-11-29 14:47:33.660000+00:00</t>
  </si>
  <si>
    <t>2015-11-29 18:01:54.680000+00:00</t>
  </si>
  <si>
    <t>php|mysql|file-upload|image-upload|multifile-uploader</t>
  </si>
  <si>
    <t>How to write sql multi tables join query in Cakephp 3?</t>
  </si>
  <si>
    <t>&lt;p&gt;I have this Query in Sql giving me required course_path but I am not able to implement this in Cakephp 3 although I have created relations between these tables in Cakephp Model.&lt;/p&gt;
&lt;pre&gt;&lt;code&gt;  SELECT c.course_path
  FROM courses c
  JOIN modules m ON c.id = m.course_id
  JOIN topics t ON m.id = t.module_id
  WHERE t.topic_name = 'test_topic'.
&lt;/code&gt;&lt;/pre&gt;</t>
  </si>
  <si>
    <t>2017-07-20 05:09:58.520000+00:00</t>
  </si>
  <si>
    <t>sql|cakephp-3.0|jointable</t>
  </si>
  <si>
    <t>Facebook iOS invite doesn't reach the invitee</t>
  </si>
  <si>
    <t>&lt;p&gt;I'm using &lt;code&gt;FBSDKAppInviteContent&lt;/code&gt; to invite people to my app. I'm able to go through the wizard (after finally resolving an error about my app link which was incorrect, now it's not) and the invite was sent. No hiccups, and the delegate responds with &lt;code&gt;{didComplete:1}&lt;/code&gt;.&lt;/p&gt;
&lt;p&gt;However.. the notification doesn't reach the persons that I want to invite! I have verified:&lt;/p&gt;
&lt;ul&gt;
&lt;li&gt;My app is Live&lt;/li&gt;
&lt;li&gt;My app has a valid iPhone Store ID&lt;/li&gt;
&lt;li&gt;The app link opens the app&lt;/li&gt;
&lt;/ul&gt;
&lt;p&gt;What have I missed? &lt;/p&gt;</t>
  </si>
  <si>
    <t>2016-03-11 15:32:26.543000+00:00</t>
  </si>
  <si>
    <t>2016-03-11 19:26:15.500000+00:00</t>
  </si>
  <si>
    <t>2016-03-11 18:13:00.890000+00:00</t>
  </si>
  <si>
    <t>ios|facebook|fbsdkappinvitecontent</t>
  </si>
  <si>
    <t>How to design listview with contact avatar similarly to ICS GTalk or Messaging apps?</t>
  </si>
  <si>
    <t>&lt;p&gt;I have a listview whose items contain an avatar of a contact on the left side. In the remaining space, there are two rows of text, first contains the name of the person, the second contains email address (or whatever other text).&lt;/p&gt;
&lt;p&gt;I would like to style the layout of the list item so that:&lt;/p&gt;
&lt;ul&gt;
&lt;li&gt;&lt;p&gt;The avatar image is on the leftmost side of the view. There is &lt;strong&gt;no padding on the left&lt;/strong&gt; side.&lt;/p&gt;&lt;/li&gt;
&lt;li&gt;&lt;p&gt;The height of the list item is determined only by the &lt;strong&gt;height of the two lines of text&lt;/strong&gt;. The imageview has to &lt;strong&gt;match this height&lt;/strong&gt;, no matter if the image is &lt;strong&gt;larger or smaller&lt;/strong&gt;.&lt;/p&gt;&lt;/li&gt;
&lt;li&gt;&lt;p&gt;There can be &lt;strong&gt;no padding on the top or bottom&lt;/strong&gt; of the imageview.&lt;/p&gt;&lt;/li&gt;
&lt;li&gt;&lt;p&gt;The imageview has to be &lt;strong&gt;always square&lt;/strong&gt;, even if the image itself is rectangular. In such case, the image should be "zoomed" to fill the entire square, co it can be &lt;strong&gt;cropped vertically or horizontally&lt;/strong&gt;, but the aspect ratio has to remain intact.&lt;/p&gt;&lt;/li&gt;
&lt;/ul&gt;
&lt;p&gt;This is a screenshot from the ICS Messaging app, which meets all of these criteria:&lt;/p&gt;
&lt;p&gt;&lt;img src="https://i.stack.imgur.com/ReTeN.png" alt="enter image description here"&gt;&lt;/p&gt;
&lt;p&gt;I've read several SO threads involving &lt;code&gt;android:scaleType&lt;/code&gt;, tried many combinations of &lt;code&gt;scaleType&lt;/code&gt;, &lt;code&gt;adjustViewBounds&lt;/code&gt; and &lt;code&gt;wrapContent&lt;/code&gt;/&lt;code&gt;match_parent&lt;/code&gt; settings, but I never got it right. Can anyone please help?&lt;/p&gt;
&lt;p&gt;Here is some simplified XML layout that can serve as a starting point:&lt;/p&gt;
&lt;p&gt;
&lt;/p&gt;
&lt;pre&gt;&lt;code&gt;&amp;lt;!-- The avatar --&amp;gt;
&amp;lt;ImageView
    android:id="@+id/contactImageView"
    android:layout_width="???"
    android:layout_height="???"
    android:layout_alignParentLeft="true" /&amp;gt;
&amp;lt;!-- The 2-row textual layout --&amp;gt;
&amp;lt;LinearLayout
    android:layout_width="fill_parent"
    android:layout_height="wrap_content"
    android:layout_toRightOf="@+id/contactImageView"
    android:orientation="vertical" &amp;gt;
    &amp;lt;!-- First row --&amp;gt;
    &amp;lt;TextView
        android:id="@+id/nameTextView"
        android:layout_width="fill_parent"
        android:layout_height="wrap_content" /&amp;gt;
    &amp;lt;!-- Second row --&amp;gt;
    &amp;lt;TextView
        android:id="@+id/emailTextView"
        android:layout_width="fill_parent"
        android:layout_height="wrap_content" /&amp;gt;
&amp;lt;/LinearLayout&amp;gt;
&lt;/code&gt;&lt;/pre&gt;
&lt;p&gt;&lt;/p&gt;</t>
  </si>
  <si>
    <t>2012-12-03 20:21:30.003000+00:00</t>
  </si>
  <si>
    <t>2012-12-03 20:34:35.513000+00:00</t>
  </si>
  <si>
    <t>2012-12-03 20:32:10.573000+00:00</t>
  </si>
  <si>
    <t>android|android-listview|android-imageview</t>
  </si>
  <si>
    <t>Why am I getting an "Invalid regular expression flags" error?</t>
  </si>
  <si>
    <t>&lt;p&gt;I've looked on this site for what "Invalid regular expression flags" is and why it occurs in JavaScript, but this particular case doesn't seem to match the existing questions.&lt;/p&gt;
&lt;p&gt;I'm working on a JavaScript-based keyword for Robot Framework (&lt;a href="https://codereview.stackexchange.com/questions/175683/user-friendly-robot-framework-keywords-written-in-javascript"&gt;https://codereview.stackexchange.com/questions/175683/user-friendly-robot-framework-keywords-written-in-javascript&lt;/a&gt;, it's not exactly like that but it uses the same method of calling the JavaScript code). Here's the code I'm using. The Robot Framework Keyword:&lt;/p&gt;
&lt;pre&gt;&lt;code&gt;Click By Text
    [Arguments]     ${text}     ${iteration}=1
    ${tag} =    Execute Javascript  ${ABS_PATH}/${PROJECT}/External/ClickByText.js.ClickByText(${text}, ${iteration});
    Click Element   ${tag}
&lt;/code&gt;&lt;/pre&gt;
&lt;p&gt;And the JavaScript file in its entirety. I admit to being a noob with JavaScript, which is why I'm fairly certain this error's something simple.&lt;/p&gt;
&lt;pre&gt;&lt;code&gt;function ClickByText(str, desired) {
    var all = document.getElementsByTagName("*");
    var instance = 0;
    var result;
    for (var i=0, max=all.length; i &amp;lt; max; i++) {
        var thisElement = all[i];
        if (thisElement.innerHTML === str) {
            instance++;
            if (instance === desired) {
                result = "document.getElementsByTagName(\"*\")[" + i + "]";
                break;
            }
        }
    }
    return result;
}
&lt;/code&gt;&lt;/pre&gt;
&lt;p&gt;If you happen to know exactly how to make this keyword work, that would be great, but I'm specifically looking for why I'm getting that error. Because I'm using PyCharm and running it like this, I don't even know what line I'm getting it on.&lt;/p&gt;
&lt;p&gt;EDIT: Fixed the string creation on line 4.&lt;/p&gt;
&lt;p&gt;EDIT: Full text of the error:&lt;/p&gt;
&lt;pre&gt;&lt;code&gt;WebDriverException: Message: unknown error: Runtime.evaluate threw exception: SyntaxError: Invalid regular expression flags
&lt;/code&gt;&lt;/pre&gt;
&lt;p&gt;EDIT: Major revision of the code.&lt;/p&gt;</t>
  </si>
  <si>
    <t>2017-09-26 17:36:40.960000+00:00</t>
  </si>
  <si>
    <t>2017-09-26 21:30:26.853000+00:00</t>
  </si>
  <si>
    <t>2017-09-26 20:59:08.507000+00:00</t>
  </si>
  <si>
    <t>javascript|robotframework</t>
  </si>
  <si>
    <t>GIT: I want to merge branch B into branch A but I don't want to merge all of the changes. I want some of the differences on A to be copied onto B</t>
  </si>
  <si>
    <t>&lt;p&gt;I am merging branch B onto branch A. There is a lot of cruft. If there is some debug code on B/file1 I want to "unstage" that hunk so now that piece of code is equal on B and A. However, I don't think you can unstage with merges. I am doing it by hand but this is very time consuming and prone to error. Basically, I want to merge two branches, and pick what changes go into the merge. I can't use cherry pick because there are too many commits.&lt;/p&gt;</t>
  </si>
  <si>
    <t>2016-03-26 02:48:22.110000+00:00</t>
  </si>
  <si>
    <t>2016-03-26 05:34:52.937000+00:00</t>
  </si>
  <si>
    <t>git|merge</t>
  </si>
  <si>
    <t>dynamically alter attributes of shape defined in xml?</t>
  </si>
  <si>
    <t>&lt;p&gt;Currently using the following xml code as a background for a button in a program I am making. However, I would like to dynamically alter the background gradient within my code.   &lt;/p&gt;
&lt;p&gt;&lt;/p&gt;
&lt;pre&gt;&lt;code&gt;&amp;lt;shape xmlns:android="http://schemas.android.com/apk/res/android" android:id="@+id/buttonshape"
 android:shape="rectangle"&amp;gt;
 &amp;lt;gradient android:startColor="#F0F0F0" android:endColor="#A0A0A0"
  android:angle="270" android:id="@+id/buttonGradient"/&amp;gt;
 &amp;lt;corners  android:topLeftRadius="7dp"
  android:topRightRadius="7dp" /&amp;gt;
&amp;lt;/shape&amp;gt;
&lt;/code&gt;&lt;/pre&gt;
&lt;p&gt;At first, I decided the xml should go, and I would just create my own class to handle this. However, I realized there was no good class to extend from. GradientDrawable doesn't have any apparent methods do round the corners. RoundRectShape doesn't have any method to give me a gradient. However, I also don't know of any accessors to gradients/corners within shapedrawable. I think what it comes down to is the fact that I don't understand exactly how this shape is being defined (I pulled it off an example used elsewhere). Every xml view that I define has all of its properties enclosed within the &amp;lt; /&gt; tags. This is different. What are &amp;lt; gradient &gt; and &amp;lt; corners &gt;? I can't find them anywhere in the API/developer tools. And how can I dynamically alter them in my code?&lt;/p&gt;</t>
  </si>
  <si>
    <t>2011-01-25 05:43:38.117000+00:00</t>
  </si>
  <si>
    <t>2011-03-09 20:01:34.907000+00:00</t>
  </si>
  <si>
    <t>android|xml</t>
  </si>
  <si>
    <t>jQuery and Ajax Form Validation</t>
  </si>
  <si>
    <t>&lt;p&gt;I have a problem with Jquery form validation.&lt;/p&gt;
&lt;p&gt;I have this script:&lt;/p&gt;
&lt;pre&gt;&lt;code&gt;$(document).ready(function () {
  var validateUsername = $('.info');
  $('#username').blur(function () {
var t = this; 
if (this.value != this.lastValue) {
  if (this.timer) clearTimeout(this.timer);
  validateUsername.removeClass();
  validateUsername.addClass('info');
  validateUsername.html('&amp;lt;img src="images/load.gif" height="16" width="16" /&amp;gt; checking availability...');
  this.timer = setTimeout(function () {
    $.ajax({
      async: false,
      cache: false,
      url: 'process.php',
      data: 'action=validateusername&amp;amp;username=' + t.value,
      dataType: 'json',
      type: 'post',
      success: function (j) {
        validateUsername.removeClass();
        validateUsername.addClass(j.class);
        validateUsername.html(j.msg); 
      }
    });
  }, 500);
  this.lastValue = this.value;
}
  })
});
&lt;/code&gt;&lt;/pre&gt;
&lt;p&gt;and in php something like this :&lt;/p&gt;
&lt;pre&gt;&lt;code&gt;public static function validateUserName($username) {
    $username = trim($username); // remove white spacing
    $response = array(); // define response array
    if(!$username) { // check if not empty
        $response = array(
            "ok"  =&amp;gt; false,
            "class"  =&amp;gt; "error",
            "msg" =&amp;gt; "Please specify your username");
    } elseif (strlen($username)&amp;lt;5) { // check the lenght
        $response = array(
            "ok"  =&amp;gt; false,
            "class"  =&amp;gt; "error",
            "msg" =&amp;gt; "UserName must be at least 5 characters long");
    } elseif (!preg_match('/^[a-zA-Z0-9.\-_]+$/',$username)) { // check the pattern
        $response = array(
            "ok"  =&amp;gt; false,
            "class"  =&amp;gt; "error",
            "msg" =&amp;gt; "Your username can contain only Aplhanumerics, dash, underscore and period");
    } elseif (!self::userNameAvailable($username)) { // check availability
        $response = array(
            "ok"  =&amp;gt; false,
            "class"  =&amp;gt; "error",
            "msg" =&amp;gt; "UserName already taken !");
    } else { // everything good
        $response = array(
            "ok"  =&amp;gt; true,
            "class"  =&amp;gt; "success",
            "msg" =&amp;gt; "This username is free");
    }
    return $response;
}
&lt;/code&gt;&lt;/pre&gt;
&lt;p&gt;As you can see php returns 3 fields of data....
problem is the user can still send the form even when php returns "false" and i have no idea how to fix it.&lt;/p&gt;
&lt;p&gt;I could just let the form to be sent a do one more validating purely with php, 
but what is the point of using ajax then.&lt;/p&gt;
&lt;p&gt;I��d be very thankful if somebody could help me.&lt;/p&gt;</t>
  </si>
  <si>
    <t>2013-10-10 23:11:35.553000+00:00</t>
  </si>
  <si>
    <t>2014-02-25 00:05:08.663000+00:00</t>
  </si>
  <si>
    <t>javascript|php|jquery|ajax|forms</t>
  </si>
  <si>
    <t>Error HTTP 403.14 ��� Forbidden in w Asp.net (.net framework)</t>
  </si>
  <si>
    <t>&lt;p&gt;At the beginning I know that there are many similar posts, but none of them helped me .I create my first api for iOS .When I run api test in vs 2017 (IIS Express) it works.But when I try to run on the server I have an error HTTP 403.14 ��� Forbidden&lt;/p&gt;
&lt;pre&gt;&lt;code&gt;HTTP 403.14 error - Forbidden
On the Web server, settings are configured so that the contents of this directory are not displayed.
Detailed information about the error
DirectoryListingModule module
ExecuteRequestHandler notification
StaticFile support
Error code 0x00000000
Requested URL http: // localhost: 50398 /
The physical path C: \ Users \ Service \ Desktop \ WEB API \ API
Anonymous login method
Anonymous login user
&lt;/code&gt;&lt;/pre&gt;
&lt;p&gt;I suspect that I have not set the default page ? Only when I run in vs 2017 I see some default page .I'm not hiding that I'm new and I do not have a clue about what's going on .I used the guide when creating the api &lt;a href="https://www.youtube.com/watch?v=7zzIKStODT0" rel="nofollow noreferrer"&gt;LINK&lt;/a&gt;and this for server restoration &lt;a href="https://www.slideshare.net/abhibhukan/configuring-iis-on-windows-server-2008-for-aspnet-application" rel="nofollow noreferrer"&gt;link 2&lt;/a&gt;&lt;/p&gt;</t>
  </si>
  <si>
    <t>2018-03-12 10:27:12.457000+00:00</t>
  </si>
  <si>
    <t>2018-03-12 10:31:54.517000+00:00</t>
  </si>
  <si>
    <t>c#|asp.net|asp.net-web-api</t>
  </si>
  <si>
    <t>How to keep previous screen state when switch between drawer item</t>
  </si>
  <si>
    <t>&lt;p&gt;When i switch between screens, the previous state of the screen will be lost and the screen will be re render as a new component. How i keep the state of screen? I want to keep things as text field value, scroll list offset..&lt;/p&gt;
&lt;p&gt;Please guide, thanks&lt;/p&gt;</t>
  </si>
  <si>
    <t>2017-10-12 15:41:58.107000+00:00</t>
  </si>
  <si>
    <t>react-native|react-navigation</t>
  </si>
  <si>
    <t>Bug with sharing via SLComposerSheet</t>
  </si>
  <si>
    <t>&lt;p&gt;So i use SLComposerSheet in my project for share text and image into Facebook. Today 27 April after update facebook application i have interesting problem, method setInitialText doesn't work!. I determined that if i deleted fecebook app from iPhone, method setInitialText works perfectly! Maybe someone know how to fix this bug? Or we must to wait update for Xcode?&lt;img src="https://i.stack.imgur.com/HNo6L.png" alt="enter image description here"&gt;&lt;/p&gt;</t>
  </si>
  <si>
    <t>2015-04-27 12:03:20.987000+00:00</t>
  </si>
  <si>
    <t>xcode|facebook|slcomposeviewcontroller</t>
  </si>
  <si>
    <t>Apache james beta5 in maven repository</t>
  </si>
  <si>
    <t>&lt;p&gt;I started to work in the apache james upgrade from beta3 to beta5. In &lt;a href="http://mvnrepository.com/artifact/org.apache.james/james-server-mailets" rel="nofollow"&gt;maven repository&lt;/a&gt; the version is not still online, do you know when will it be available? And what about the M1 and M2? &lt;/p&gt;</t>
  </si>
  <si>
    <t>2014-01-02 09:57:29.247000+00:00</t>
  </si>
  <si>
    <t>2014-01-05 08:40:23.820000+00:00</t>
  </si>
  <si>
    <t>maven|james</t>
  </si>
  <si>
    <t>Working with MySql database in C#/ Visual Studio</t>
  </si>
  <si>
    <t>&lt;p&gt;
Hello, I'm currently working on a project which contains a part in which you have to simply import data from database in different ways. My database is hosted on a local MySql server under localhost.&lt;/p&gt;
&lt;p&gt;
I want to know the most flexible and easy way to execute queries on my MySql database (of course in C# code). I've tried using string interpolation ($"" syntax) for modifying text of the query but I think it is not the best way to do this.
(its getting very complicated when you want to apply some more complex query)
&lt;/p&gt;</t>
  </si>
  <si>
    <t>2017-12-10 13:07:27.933000+00:00</t>
  </si>
  <si>
    <t>2017-12-10 13:29:37.640000+00:00</t>
  </si>
  <si>
    <t>c#|mysql|database</t>
  </si>
  <si>
    <t>Composite indexes in SQL</t>
  </si>
  <si>
    <t>&lt;p&gt;Let's say I have a table Person:&lt;/p&gt;
&lt;pre&gt;&lt;code&gt;ID 
Name
Surname
DateOfBirth
&lt;/code&gt;&lt;/pre&gt;
&lt;p&gt;And I have this composite index: &lt;code&gt;(Name, Surname)&lt;/code&gt;&lt;/p&gt;
&lt;p&gt;Do I have to create an implicit index for Name? e.g For a where clause like that:&lt;/p&gt;
&lt;pre&gt;&lt;code&gt;SELECT * 
FROM Person 
WHERE Name=?
&lt;/code&gt;&lt;/pre&gt;
&lt;p&gt;Or it's not needed as the previous index will cover it?&lt;/p&gt;</t>
  </si>
  <si>
    <t>2016-03-13 18:33:07.933000+00:00</t>
  </si>
  <si>
    <t>2016-03-13 19:55:30.867000+00:00</t>
  </si>
  <si>
    <t>2016-03-13 18:37:08.327000+00:00</t>
  </si>
  <si>
    <t>sql|indexing</t>
  </si>
  <si>
    <t>Is there a way to customize your getter from a jaxb unmarshalling?</t>
  </si>
  <si>
    <t>&lt;p&gt;I have a schema where I would like to customize the resulting getters from its unmarshalling.&lt;/p&gt;
&lt;p&gt;What kind of custom binding would allow me to do that? 
An example would be a getter where I initialize the object with some default values before returning it, in the case that the object is NULL. &lt;/p&gt;
&lt;p&gt;eg&lt;/p&gt;
&lt;p&gt;&lt;code&gt;public smapleType getSampleObject() {
    (if sampleObject == NULL)
         sampleObject.setField(0);
    return sampleObject;
}&lt;/code&gt;&lt;/p&gt;
&lt;p&gt;Is there a way to get JAXB to generate a customized getter like that?&lt;/p&gt;</t>
  </si>
  <si>
    <t>2014-12-08 16:55:53.203000+00:00</t>
  </si>
  <si>
    <t>2014-12-08 20:28:00.203000+00:00</t>
  </si>
  <si>
    <t>java|xml|jaxb|unmarshalling</t>
  </si>
  <si>
    <t>passport-twitter link/connect twitter user to app user without sessions</t>
  </si>
  <si>
    <t>&lt;p&gt;I'm following the following code to handle passport-twitter authentication: &lt;a href="https://github.com/scotch-io/easy-node-authentication/blob/twitter/config/passport.js" rel="nofollow noreferrer"&gt;https://github.com/scotch-io/easy-node-authentication/blob/twitter/config/passport.js&lt;/a&gt;&lt;/p&gt;
&lt;p&gt;My code looks like this when the callback is triggered:&lt;/p&gt;
&lt;pre&gt;&lt;code&gt;  passport.use(
    new TwitterStrategy(
      {
        consumerKey: TWITTER_CONSUMER_KEY,
        consumerSecret: TWITTER_CONSUMER_SECRET,
        callbackURL: `${APP_URL}/auth/twitter/callback`,
      },
      async (accessToken, accessTokenSecret, profile, done) =&amp;gt; {
        debugger;
        return done(null, profile);
      },
    ),
  );
&lt;/code&gt;&lt;/pre&gt;
&lt;p&gt;My app links a number of social media accounts to the user's app account and saves their authentication information to be used later. This is a bit different from the common use-case of &lt;code&gt;passport&lt;/code&gt; where you use a social media account to log in to your app.&lt;/p&gt;
&lt;p&gt;My code splits the UI and backend service and I'm able to go through the full authentication flow. When the authenticated information comes back, there's no way for me to get the currently logged-in user as I have no access to the request headers.&lt;/p&gt;
&lt;p&gt;The middle after this is the &lt;code&gt;serializeUser&lt;/code&gt; function, which seems like I need to serialize my app user again. Or not? I'm not sure if I actually need to serialize the app user or just serialize the Twitter user information.&lt;/p&gt;
&lt;p&gt;In any case, if it gets to the &lt;code&gt;serializeUser&lt;/code&gt; function, I can't pass anything to middleware that comes afterwards because the &lt;code&gt;done(null, data)&lt;/code&gt; uses whatever information is in &lt;code&gt;data&lt;/code&gt; to serialize.&lt;/p&gt;
&lt;p&gt;&lt;strong&gt;EDIT #1&lt;/strong&gt;: Upon further investigation on the passport docs, I can use a custom callback: passportjs.org/docs, however I'm still running into trouble with knowing which user authenticated. The callback only has the twitter user's information, there is nothing tying this information back to the app user.&lt;/p&gt;
&lt;p&gt;&lt;strong&gt;EDIT #2&lt;/strong&gt;: There is a connect example in the docs: &lt;a href="http://www.passportjs.org/docs/authorize/" rel="nofollow noreferrer"&gt;http://www.passportjs.org/docs/authorize/&lt;/a&gt; although it requires the user to be logged in and sessions to be enabled. If we're going with a stateless app so we can cluster the main app, having sessions is bad idea unless maybe you throw it into a centralized DB or something.&lt;/p&gt;</t>
  </si>
  <si>
    <t>2018-08-28 05:19:50.567000+00:00</t>
  </si>
  <si>
    <t>2018-08-28 07:02:45.747000+00:00</t>
  </si>
  <si>
    <t>node.js|authentication|twitter|oauth-2.0|passport.js</t>
  </si>
  <si>
    <t>How to get raw scan record (advertising packet) while scanning for classic bluetooth devices in Android?</t>
  </si>
  <si>
    <t>&lt;p&gt;What I'm doing now is trying to scan for both BLE and classic bluetooth devices at the same time. As far as I could see I can discover both by using:&lt;/p&gt;
&lt;p&gt;&lt;code&gt;BluetoothAdapter.getDefaultAdapter().startDiscovery()&lt;/code&gt; and receiving intents via previously registered &lt;code&gt;BroadcastReceiver&lt;/code&gt;. It works fine and I can distinguish between classic and LE devices but I have some valuable data in advertising packet and I have no idea how to get it from incoming &lt;code&gt;Intent&lt;/code&gt;. Appreciate any ideas.&lt;/p&gt;</t>
  </si>
  <si>
    <t>2015-08-12 16:21:29.953000+00:00</t>
  </si>
  <si>
    <t>2015-08-26 07:23:05.053000+00:00</t>
  </si>
  <si>
    <t>android|bluetooth</t>
  </si>
  <si>
    <t>How do I call an GUI function from Main class in Python?</t>
  </si>
  <si>
    <t>&lt;p&gt;I need &lt;code&gt;ProgressBar&lt;/code&gt; widget in my_app ,When I click on the &lt;code&gt;pushButton&lt;/code&gt;, I can not call &lt;code&gt;def call_progressBar2(self,value1)&lt;/code&gt; in &lt;code&gt;def download (self)&lt;/code&gt;.
Can anyone help me?&lt;/p&gt;
&lt;p&gt;main.py&lt;/p&gt;
&lt;pre&gt;&lt;code&gt;from g import Ui_MainWindow
from PyQt4 import QtCore, QtGui
import sys
import time
from b import classb
class MainWindow(QtGui.QMainWindow):
    def __init__(self, parent=None):
        QtGui.QWidget.__init__(self, parent)
        self.ui = Ui_MainWindow()
        self.ui.setupUi(self)
        instance_b=classb()
        tvt= self.call_progressBar2(self)
        QtCore.QObject.connect(self.ui.pushButton1, QtCore.SIGNAL("clicked()"), \
                       lambda: instance_b.download(tvt))## I need  help here.
    def call_progressBar2(self,value1): 
        while True:
            time.sleep(0.05)
            value = self.ui.progressBar.value() + 1
            self.ui.progressBar.setValue(value)
            QtGui.qApp.processEvents()
            if (not self.ui._active or
                value &amp;gt;= self.progressBar.maximum()):
                if value==value1:
                    break
        self.ui._active = False            
if __name__ == "__main__":
    app = QtGui.QApplication(sys.argv)
    myapp = MainWindow()
    myapp.show()
    sys.exit(app.exec_())
&lt;/code&gt;&lt;/pre&gt;
&lt;p&gt;b.py&lt;/p&gt;
&lt;pre&gt;&lt;code&gt;import time
from PyQt4 import QtCore, QtGui
class classb (object):
    def __init__(self, parent=None):
       self.parent=parent
#I need call def call_progressBar2() here.
    def download(self):
       from main import MainWindow 
       instance_m= MainWindow
       print 'a'
       instance_m.call_progressBar2(20)
       print 'b'
       instance_m.call_progressBar2(40)
       print 'c'
       instance_m.call_progressBar2(60)
       print 'd'
       instance_m.call_progressBar2(100)
&lt;/code&gt;&lt;/pre&gt;</t>
  </si>
  <si>
    <t>2016-01-12 18:06:21.260000+00:00</t>
  </si>
  <si>
    <t>2016-01-12 19:23:12.217000+00:00</t>
  </si>
  <si>
    <t>python|user-interface|progress-bar|call</t>
  </si>
  <si>
    <t>populating two drop down lists with static list at the page load in mvc</t>
  </si>
  <si>
    <t>&lt;p&gt;I need to be filled two drop downlists with some static list items at the page load in view for that purpose i have done like this ...&lt;/p&gt;
&lt;p&gt;&lt;strong&gt;Controller&lt;/strong&gt; &lt;/p&gt;
&lt;pre&gt;&lt;code&gt;  public ActionResult Index()
  {           
       GetStatus();
       GetChangeTypeTransactions();
       return View();
  }
  private static TransactionHistoryModel GetStatus()
  {
        var model = new TransactionHistoryModel
        {
            Status= "None",
            StatusList = new[]
            {
                 new SelectListItem { Value = "None", Text = "None" },
                 new SelectListItem { Value = "Success", Text = "Success" },
                 new SelectListItem { Value = "Failed", Text = "Failed" },
                 new SelectListItem { Value = "Queued", Text = "Queued" }
            }
        };
        return model;
    }
    private static TransactionHistoryModel GetChangeTypeTransactions()
    {
        var model = new TransactionHistoryModel
        {
            TypeOfChange = "None",
            TypeOfChangeList = new[]
            {
                new SelectListItem { Value = "None", Text = "None" },
                new SelectListItem { Text = "Delete Item", Value = "Delete Item" },
                new SelectListItem { Text = "Delete Vendor", Value = "Delete Vendor" },
                new SelectListItem { Text = "Delete Member", Value = "Delete Member" },
                new SelectListItem { Text = "Update CostPage Header", Value = "Update Cost Page Header" },
                new SelectListItem { Text = "Update Item", Value = "Update Item" }
            }
        };
        return model;                              
    }
&lt;/code&gt;&lt;/pre&gt;
&lt;p&gt;&lt;strong&gt;View&lt;/strong&gt;&lt;/p&gt;
&lt;pre&gt;&lt;code&gt; &amp;lt;div class="firstTxtBox"&amp;gt;
       @Html.DropDownListFor(m=&amp;gt;m.Status, Model.StatusList,new { style = "width:120px" })  
    &amp;lt;/div&amp;gt;
    &amp;lt;div class="SecondLbl"&amp;gt;
        @Html.Label("Type Of Change")
    &amp;lt;/div&amp;gt;
     &amp;lt;div class="SecondTxtBox"&amp;gt;
        @Html.DropDownListFor(m=&amp;gt;m.TypeOfChange, Model.TypeOfChangeList, new { style = "width:120px" })
     &amp;lt;/div&amp;gt;
&lt;/code&gt;&lt;/pre&gt;
&lt;p&gt;&lt;strong&gt;Model&lt;/strong&gt;&lt;/p&gt;
&lt;pre&gt;&lt;code&gt;public class TransactionHistoryModel
{
    public string Status { get; set; }
    public IEnumerable&amp;lt;SelectListItem&amp;gt; StatusList { get; set; }
    public string TypeOfChange { get; set; }
    public IEnumerable&amp;lt;SelectListItem&amp;gt; TypeOfChangeList { get; set; }
}
&lt;/code&gt;&lt;/pre&gt;
&lt;p&gt;but I am getting NullReference Exception at the starting itself at this line :&lt;/p&gt;
&lt;pre&gt;&lt;code&gt; @Html.DropDownListFor(m=&amp;gt;m.Status, Model.StatusList,new { style = "width:120px" })  
&lt;/code&gt;&lt;/pre&gt;
&lt;p&gt;I need to get items to be filled in two dropdown lists at  page load it self but I am gettinq error, Would any have any idea and any suggestions on this .... I am using MVC 4 version&lt;/p&gt;
&lt;p&gt;Many Thanks in Advance...&lt;/p&gt;</t>
  </si>
  <si>
    <t>2013-08-27 09:28:22.407000+00:00</t>
  </si>
  <si>
    <t>2013-08-27 10:06:12.493000+00:00</t>
  </si>
  <si>
    <t>c#|.net|asp.net-mvc|asp.net-mvc-3|asp.net-mvc-4</t>
  </si>
  <si>
    <t>Compare a dictionary to itself in Python</t>
  </si>
  <si>
    <t>&lt;p&gt;I'd like to compare a Python dictionary with itself. For example:&lt;/p&gt;
&lt;pre&gt;&lt;code&gt;for key1 in d:
    for key2 in d:
        if key1 == key2:
            continue
        compare(d[key1],d[key2])
&lt;/code&gt;&lt;/pre&gt;
&lt;p&gt;The above would work except I'm comparing key1 with key 2 and then later the reverse (key2 with key1).  The range of the second for-loop should really start after key1 to avoid repeated comparisons.  How can that be done?&lt;/p&gt;</t>
  </si>
  <si>
    <t>2013-01-15 19:29:50.903000+00:00</t>
  </si>
  <si>
    <t>2016-11-30 12:16:02.457000+00:00</t>
  </si>
  <si>
    <t>2013-01-15 19:32:59.767000+00:00</t>
  </si>
  <si>
    <t>How to add dynamic Spinner's as well as remove them?</t>
  </si>
  <si>
    <t>&lt;p&gt;My question revolves around reminder &lt;code&gt;Spinner&lt;/code&gt;'s. I am trying to allow the user to add at maximum, 5 reminders. But I also don't want to show all five. These reminders are each &lt;code&gt;Spinner&lt;/code&gt;'s which have multiple choices. When the user clicks to add a reminder, it will do so. When they want to take one away, they can do that as well, and when they want to add another one, the new one appears at the bottom. Any idea of how to go about this?&lt;/p&gt;
&lt;p&gt;My original implementation was to have 5 already defined (4 "gone"), but then if the user wants to add one, it becomes "visible". Problem with that is that if you take away a reminder from the view by making it "gone", and add it back, it does not apear at the bottom, but rather back where it originally was (unless it was already the last spinner). Now I am lost as to how to dynamically add spinners specifically under certain views. Any ideas would be much appreciated!&lt;/p&gt;
&lt;p&gt;Edit: what I have so far/ &lt;strong&gt;RemindersAdapter.java&lt;/strong&gt;&lt;/p&gt;
&lt;hr&gt;
&lt;pre&gt;&lt;code&gt;public class RemindersAdapter extends BaseAdapter{
ArrayList&amp;lt;Spinner&amp;gt; shownReminders;
public RemindersAdapter(Context c) {
    shownReminders.add(new Spinner(c));
    shownReminders.add(new Spinner(c));
    shownReminders.add(new Spinner(c));
    shownReminders.add(new Spinner(c));
}
@Override
public int getCount() {
    // TODO Auto-generated method stub
    return shownReminders.size();
}
@Override
public Object getItem(int position) {
    // TODO Auto-generated method stub
    return shownReminders.get(position);
}
@Override
public long getItemId(int position) {
    // TODO Auto-generated method stub
    return position;
}
@Override
public View getView(int position, View view, ViewGroup parent) {
    if(view == null) {
        LayoutInflater inflater = LayoutInflater.from(parent.getContext());
        view = inflater.inflate(R.layout.reminder_spinner, parent, false);
    }
    Log.d("TAG", "This is trying to run");
    Spinner reminderSpinner = (Spinner)view.findViewById(R.id.duplicate_reminder);
    reminderSpinner.setTag("1"); //this tag will be used to check which it is and correctly put the reminder into its respective String
    ArrayAdapter&amp;lt;CharSequence&amp;gt; reminderAdapter = ArrayAdapter.createFromResource(
            parent.getContext(), R.array.reminders_array, android.R.layout.simple_spinner_item);
    reminderAdapter.setDropDownViewResource(android.R.layout.simple_spinner_dropdown_item);
    reminderSpinner.setAdapter(reminderAdapter);
    reminderSpinner.setOnItemSelectedListener(new MyOnReminderSelectedListener());
    shownReminders.add(position, reminderSpinner);
    return view;
}
/*
 * Listener for when the reminder spinner gets a value the user entered
 * */
public class MyOnReminderSelectedListener implements OnItemSelectedListener{
    @Override
    public void onItemSelected(AdapterView&amp;lt;?&amp;gt; parent, View view, int pos,
            long id) {
        //does nothing for now
    }
    @Override
    public void onNothingSelected(AdapterView&amp;lt;?&amp;gt; arg0) {
        // Do nothing for now   
    }   
}//end of MyOnReminderSelectedListener innerclass
&lt;/code&gt;&lt;/pre&gt;</t>
  </si>
  <si>
    <t>2012-07-08 21:33:54.600000+00:00</t>
  </si>
  <si>
    <t>2012-07-08 22:58:35.323000+00:00</t>
  </si>
  <si>
    <t>android|dynamic|android-spinner|reminders</t>
  </si>
  <si>
    <t>Entity framework mapping when foreign key column name is different</t>
  </si>
  <si>
    <t>&lt;p&gt;I have a legacy table like this:&lt;/p&gt;
&lt;pre&gt;&lt;code&gt;Country
- countryCode (PK, varchar(10), not null)
&lt;/code&gt;&lt;/pre&gt;
&lt;p&gt;Now I have a new table:&lt;/p&gt;
&lt;pre&gt;&lt;code&gt;Store
- store_id
- country_code
&lt;/code&gt;&lt;/pre&gt;
&lt;p&gt;My models:&lt;/p&gt;
&lt;pre&gt;&lt;code&gt;public class Country
{
   [Key]
   [Column("countryCode")
   public int CountryCode {get;set;}
}
public class Store
{
   [Key]
   [Column("store_id")
   public int Id {get;set;}
   [Column("country_code")]
   public int CountryCode {get;set;}
}
&lt;/code&gt;&lt;/pre&gt;
&lt;p&gt;Now I want to be able to do this:&lt;/p&gt;
&lt;pre&gt;&lt;code&gt;var store = // get store
store.Country.CountryCode
&lt;/code&gt;&lt;/pre&gt;
&lt;p&gt;How can I create this mapping?  &lt;strong&gt;Notice that the column names are not the same (I can't change this).&lt;/strong&gt;&lt;/p&gt;
&lt;p&gt;I believe I have to add this to my Store model, but how do I specificy the foreign key's seeing as they have different names?&lt;/p&gt;
&lt;pre&gt;&lt;code&gt;public virtual CountryCode {get;set;}
&lt;/code&gt;&lt;/pre&gt;</t>
  </si>
  <si>
    <t>2013-04-25 16:37:36.513000+00:00</t>
  </si>
  <si>
    <t>2013-04-25 17:44:45.467000+00:00</t>
  </si>
  <si>
    <t>c#|entity-framework|entity-framework-4.1</t>
  </si>
  <si>
    <t>Scrapy - Simple div[@class] response.xpath attribute not returning data</t>
  </si>
  <si>
    <t>&lt;p&gt;I have written some scrapy (with Anaconda) code to obtain HTML links from Indeed search page results (I'm a contractor, so they're contractor specific). My start URL is an http address that provides a list of job ads. I am trying to scrape the URL for each job shown on the page and the job title. My problem appears to be the &lt;em&gt;titles = response.xpath&lt;/em&gt; attribute. If I use a job specific attribute, I get data, but when I use the attribute shown below in my code I get nothing (not even the column headers). This is despite the fact that the attribute encompasses everything that I need. Any help welcomed, as I am just a beginner.&lt;/p&gt;
&lt;p&gt;I'm outputting to a CSV file and I've used this code successfully elsewhere, so I'm wondering if it is something about the way they have coded the target URL page. It's driving me nuts!&lt;/p&gt;
&lt;p&gt;&lt;div class="snippet" data-lang="js" data-hide="false" data-console="true" data-babel="false"&gt;_x000D_
&lt;div class="snippet-code"&gt;_x000D_
&lt;pre class="snippet-code-css lang-css prettyprint-override"&gt;&lt;code&gt;from scrapy.spiders import Spider_x000D_
from scrapy.selector import Selector_x000D_
from ICcom4.items import Scrape4Item_x000D_
from scrapy.linkextractors import LinkExtractor_x000D_
from scrapy.utils.response import get_base_url_x000D_
from scrapy.spiders import CSVFeedSpider_x000D_
import requests_x000D_
_x000D_
class MySpider(Spider):_x000D_
 name = "Scrape4"_x000D_
 allowed_domains = ["indeed.co.uk"]_x000D_
_x000D_
 start_urls = ['http://www.indeed.co.uk/jobs?as_and=a&amp;amp;as_phr=&amp;amp;as_any=&amp;amp;as_not=IT+construction&amp;amp;as_ttl=Project+Manager&amp;amp;as_cmp=&amp;amp;jt=contract&amp;amp;st=&amp;amp;salary=%C2%A310K-%C2%A3999K&amp;amp;radius=25&amp;amp;l=&amp;amp;fromage=2&amp;amp;limit=50&amp;amp;sort=date&amp;amp;psf=advsrch',]_x000D_
_x000D_
 def parse(self, response):_x000D_
  titles = response.xpath('//div[@class="jobsearch-SerpJobCard row result clickcard"]')_x000D_
_x000D_
  items = []_x000D_
  for titles in titles:_x000D_
   item = Scrape4Item()_x000D_
   base_url = get_base_url(response)_x000D_
   home_url = ("http://www.indeed.co.uk")_x000D_
   item ['_pageURL'] = base_url_x000D_
   item ['role_titletext'] = titles.xpath('//h2/a/text()').extract()_x000D_
_x000D_
   items.append(item)_x000D_
  return items&lt;/code&gt;&lt;/pre&gt;_x000D_
&lt;/div&gt;_x000D_
&lt;/div&gt;_x000D_
&lt;/p&gt;
&lt;p&gt;Thanks for the guidance Elena, but I'm afraid that your suggestions made no difference. I still get no data return. I have resolved the duplicate variable (&lt;em&gt;for titles in titles1&lt;/em&gt;) which I tested as a standalone change satisfactorily. However, the other suggestions made no difference. I also tried running the scrape with just the request for a URL to be returned, and it still didn't work. Revised example is below.&lt;/p&gt;
&lt;p&gt;&lt;div class="snippet" data-lang="js" data-hide="false" data-console="true" data-babel="false"&gt;_x000D_
&lt;div class="snippet-code"&gt;_x000D_
&lt;pre class="snippet-code-css lang-css prettyprint-override"&gt;&lt;code&gt;from scrapy.spiders import Spider_x000D_
from scrapy.selector import Selector_x000D_
from ICcom4.items import Scrape4Item_x000D_
from scrapy.linkextractors import LinkExtractor_x000D_
from scrapy.utils.response import get_base_url_x000D_
from scrapy.spiders import CSVFeedSpider_x000D_
import requests_x000D_
_x000D_
class MySpider(Spider):_x000D_
 name = "Scrape4"_x000D_
 allowed_domains = ["indeed.co.uk"]_x000D_
_x000D_
 start_urls = ['http://www.indeed.co.uk/jobs?as_and=a&amp;amp;as_phr=&amp;amp;as_any=&amp;amp;as_not=IT+construction&amp;amp;as_ttl=Project+Manager&amp;amp;as_cmp=&amp;amp;jt=contract&amp;amp;st=&amp;amp;salary=%C2%A310K-%C2%A3999K&amp;amp;radius=25&amp;amp;l=&amp;amp;fromage=2&amp;amp;limit=50&amp;amp;sort=date&amp;amp;psf=advsrch',]_x000D_
_x000D_
 def parse(self, response):_x000D_
  titles1 = response.css('div.jobsearch-SerpJobCard.row.result.clickcard')_x000D_
  #also tried as titles = response.css('div.jobsearch-SerpJobCard row result clickcard')_x000D_
_x000D_
  items = []_x000D_
  for titles in titles1:_x000D_
   item = Scrape4Item()_x000D_
   base_url = get_base_url(response)_x000D_
   home_url = ("http://www.indeed.co.uk")_x000D_
   item ['_pageURL'] = base_url_x000D_
   item ['role_titletext'] = titles.xpath('.//h2/a/text()').extract()_x000D_
  #also tried as item ['role_titletext'] = titles.css('h2 a::text').extract()_x000D_
   items.append(item)_x000D_
  return items&lt;/code&gt;&lt;/pre&gt;_x000D_
&lt;/div&gt;_x000D_
&lt;/div&gt;_x000D_
&lt;/p&gt;
&lt;p&gt;Thanks you Thiago. That's cracked it! Your a superstar! 
Thanks to you and Elena for having patience with a newbie.
Just to complete the circle for anybody else, the final code that I used that worked was as below. This returns the search page url and the job title :-) ;&lt;/p&gt;
&lt;p&gt;&lt;div class="snippet" data-lang="js" data-hide="false" data-console="true" data-babel="false"&gt;_x000D_
&lt;div class="snippet-code"&gt;_x000D_
&lt;pre class="snippet-code-css lang-css prettyprint-override"&gt;&lt;code&gt;from scrapy.spiders import Spider_x000D_
from scrapy.selector import Selector_x000D_
from ICcom4.items import Scrape4Item_x000D_
from scrapy.linkextractors import LinkExtractor_x000D_
from scrapy.utils.response import get_base_url_x000D_
from scrapy.spiders import CSVFeedSpider_x000D_
import requests_x000D_
_x000D_
class MySpider(Spider):_x000D_
 name = "Scrape4"_x000D_
 allowed_domains = ["indeed.co.uk"]_x000D_
 start_urls = ['http://www.indeed.co.uk/jobs?as_and=a&amp;amp;as_phr=&amp;amp;as_any=&amp;amp;as_not=IT+construction&amp;amp;as_ttl=Project+Manager&amp;amp;as_cmp=&amp;amp;jt=contract&amp;amp;st=&amp;amp;salary=%C2%A310K-%C2%A3999K&amp;amp;radius=25&amp;amp;l=&amp;amp;fromage=2&amp;amp;limit=50&amp;amp;sort=date&amp;amp;psf=advsrch',]_x000D_
_x000D_
 def parse(self, response):_x000D_
  titles = response.css('.jobsearch-SerpJobCard')_x000D_
  items = []_x000D_
  for titles in titles:_x000D_
   item = Scrape4Item()_x000D_
   base_url = get_base_url(response)_x000D_
   home_url = ("http://www.indeed.co.uk")_x000D_
   item ['_pageURL'] = base_url_x000D_
   item ['role_titletext'] = title.xpath('.//h2/a/@title').extract()_x000D_
  items.append(item)_x000D_
  return items&lt;/code&gt;&lt;/pre&gt;_x000D_
&lt;/div&gt;_x000D_
&lt;/div&gt;_x000D_
&lt;/p&gt;</t>
  </si>
  <si>
    <t>2018-11-14 21:47:56.763000+00:00</t>
  </si>
  <si>
    <t>2018-11-20 21:03:38.730000+00:00</t>
  </si>
  <si>
    <t>2018-11-16 11:22:40.250000+00:00</t>
  </si>
  <si>
    <t>scrapy</t>
  </si>
  <si>
    <t>Measuring elapsed time</t>
  </si>
  <si>
    <t>&lt;p&gt;I added following code to measure to learn how many milliseconds program lasted.
The problem is I get 1065 Clocks and 1065 Milli seconds. Is it normal that they are equal?
Maybe my equation is wrong which converts clock into milliseconds? Thanks in advance&lt;/p&gt;
&lt;pre&gt;&lt;code&gt;finishClock = clock();
timeCount = finishClock - startClock ;
printf("Clocks passed: %f\n Milli Seconds passed: %f",timeCount, timeCount*1000/CLOCKS_PER_SEC);
&lt;/code&gt;&lt;/pre&gt;</t>
  </si>
  <si>
    <t>2013-04-15 17:43:23.017000+00:00</t>
  </si>
  <si>
    <t>2013-04-15 17:49:12.610000+00:00</t>
  </si>
  <si>
    <t>c|time.h</t>
  </si>
  <si>
    <t>Is this an appropriate use of generics?</t>
  </si>
  <si>
    <t>&lt;p&gt;Is it really necessary to use the 'extends BoardGame'?&lt;/p&gt;
&lt;p&gt;If I remove it my code still works, but I'm not sure if I should.&lt;/p&gt;
&lt;p&gt;I'm doing that because of the copy() method.&lt;/p&gt;
&lt;p&gt;Any suggestions.&lt;/p&gt;
&lt;p&gt;Thanks&lt;/p&gt;
&lt;pre&gt;&lt;code&gt;public interface BoardGame&amp;lt;GAME extends BoardGame&amp;gt;
{
    GAME getGame();
    BoardGame&amp;lt;GAME&amp;gt; copy();
    int currentPlayer();
    boolean isGameOver();
    int getTotalMoves();
    BoardResult getOutcome(int playerIndex);
    void makeMove(int moveIndex);
    void addMoveObserver(BoardGameMoveObserver observer);
}
&lt;/code&gt;&lt;/pre&gt;</t>
  </si>
  <si>
    <t>2011-03-05 10:53:41.613000+00:00</t>
  </si>
  <si>
    <t>2011-03-05 12:14:39.067000+00:00</t>
  </si>
  <si>
    <t>2011-03-05 10:59:29.197000+00:00</t>
  </si>
  <si>
    <t>Variable in Variable (?)- php loop</t>
  </si>
  <si>
    <t>&lt;p&gt;I'm relatively new to PHP loops, been learning them and they sure do make my life easier. However, I came across a bit of a struggle when trying to create a new variable for the PHP loop.&lt;/p&gt;
&lt;p&gt;Background:&lt;/p&gt;
&lt;p&gt;I declared 21 variables such as:&lt;/p&gt;
&lt;pre&gt;&lt;code&gt;$q1W = 5;
$q2W = 10;
$q3W = 2;
&lt;/code&gt;&lt;/pre&gt;
&lt;p&gt;Then I grabbed the &lt;code&gt;$_GET&lt;/code&gt; (&lt;code&gt;q1&lt;/code&gt;,&lt;code&gt;q2&lt;/code&gt;,&lt;code&gt;q3&lt;/code&gt;) variables and put them into variables with their values:&lt;/p&gt;
&lt;pre&gt;&lt;code&gt;foreach($_GET as $qinput =&amp;gt; $value) {
    $$qinput  = $value ;
}
&lt;/code&gt;&lt;/pre&gt;
&lt;p&gt;Now, essentially, I want to turn this code:&lt;/p&gt;
&lt;pre&gt;&lt;code&gt;$q1final = $q1 * $q1W;
$q2final = $q2 * $q2W;
$q3final = $q3 * $q3W;
&lt;/code&gt;&lt;/pre&gt;
&lt;p&gt;Into a loop so I don't need to type out that all the way to 21. This is what I have thus far:&lt;/p&gt;
&lt;pre&gt;&lt;code&gt;&amp;lt;?php for ($i=1; $i&amp;lt;=21; $i++) { 
$q.$i.final = $q.$i * $q.$i.W
}
&lt;/code&gt;&lt;/pre&gt;
&lt;p&gt;What am I missing?&lt;/p&gt;</t>
  </si>
  <si>
    <t>2012-06-26 22:18:57.970000+00:00</t>
  </si>
  <si>
    <t>2012-06-27 00:44:10.440000+00:00</t>
  </si>
  <si>
    <t>php|variables|loops</t>
  </si>
  <si>
    <t>C# Read Excel workbook</t>
  </si>
  <si>
    <t>&lt;blockquote&gt;
  &lt;p&gt;&lt;strong&gt;Possible Duplicate:&lt;/strong&gt;&lt;br&gt;
  &lt;a href="https://stackoverflow.com/questions/15828/reading-excel-files-from-c-sharp"&gt;Reading Excel files from C#&lt;/a&gt;  &lt;/p&gt;
&lt;/blockquote&gt;
&lt;p&gt;I have seen similar post, but mine is more trivial than the others I have seen.&lt;/p&gt;
&lt;p&gt;I need to do read the default worksheet from an excel file, and get the first  3 columns of data and import them into my app as in a List&lt;/p&gt;
&lt;pre&gt;&lt;code&gt;List&amp;lt;MyObj&amp;gt; obj = new List&amp;lt;MyObj&amp;gt;();.
 obj.col1 = ...
 obj.col2 = ...
 obj.col3 = ...
&lt;/code&gt;&lt;/pre&gt;
&lt;p&gt;There are no headings in the document just data.
Also would be good to have a solution that works for both formats (XLS,XLSX) but if not possible than thats ok.&lt;/p&gt;
&lt;p&gt;Also is it different code for XLSX and XLS ?&lt;/p&gt;
&lt;p&gt;Im using .NET 2 but if need I could use  c# 4&lt;/p&gt;
&lt;pre&gt;&lt;code&gt;col1data  |  col2data | col3data
col1data  |  col2data | col3data
col1data  |  col2data | col3data
col1data  |  col2data | col3data
...
&lt;/code&gt;&lt;/pre&gt;</t>
  </si>
  <si>
    <t>2012-10-12 19:26:13.327000+00:00</t>
  </si>
  <si>
    <t>2017-05-23 11:48:09.350000+00:00</t>
  </si>
  <si>
    <t>c#|arrays|excel</t>
  </si>
  <si>
    <t>Simple java program of pyramid</t>
  </si>
  <si>
    <t>&lt;p&gt;I am a beginner in Java programing and I want to print a pyramid ,but due to mistake in coding I am not getting favorable output.&lt;/p&gt;
&lt;pre&gt;&lt;code&gt;class p1 {
    public static void main(String agrs[]) {
        System.out.println("The Pattern is");
        for (int i = 0; i &amp;lt; 5; i++) {
            for (int j = 0; j &amp;lt; 5; j++) {
                if (j &amp;lt;= i) {
                    System.out.print("  $");
                } else {
                    System.out.print("   ");
                }
            }
            System.out.println();
        }
    }
}
&lt;/code&gt;&lt;/pre&gt;
&lt;p&gt;which is showing &lt;/p&gt;
&lt;pre&gt;&lt;code&gt;The Pattern is
  $            
  $  $         
  $  $  $      
  $  $  $  $   
  $  $  $  $  $
&lt;/code&gt;&lt;/pre&gt;
&lt;p&gt;but I want to print &lt;/p&gt;
&lt;pre&gt;&lt;code&gt;The Pattern is
        $            
       $  $         
      $  $  $      
     $  $  $  $   
    $  $  $  $  $ 
&lt;/code&gt;&lt;/pre&gt;</t>
  </si>
  <si>
    <t>2014-01-27 05:40:15.770000+00:00</t>
  </si>
  <si>
    <t>2018-10-23 13:50:32.390000+00:00</t>
  </si>
  <si>
    <t>2014-01-27 05:46:23.680000+00:00</t>
  </si>
  <si>
    <t>Weird behavior when changing ringer mode normal to silent in android 8</t>
  </si>
  <si>
    <t>&lt;p&gt;In my app, I have 3 radio button for letting user changing ringer mode of the device. But from android 8 I'm facing one weird issue. &lt;/p&gt;
&lt;p&gt;When ringer mode is set from &lt;strong&gt;Normal&lt;/strong&gt; to &lt;strong&gt;Silent&lt;/strong&gt; touch &lt;strong&gt;sound&lt;/strong&gt; is still heard. This is not intended behavior. &lt;/p&gt;
&lt;p&gt;But when ringer mode is changed from &lt;strong&gt;Normal&lt;/strong&gt; to &lt;strong&gt;Vibrate&lt;/strong&gt; and then &lt;strong&gt;Vibrate&lt;/strong&gt; to &lt;strong&gt;Silent&lt;/strong&gt;. Touch sound is &lt;strong&gt;not&lt;/strong&gt; heard. This is intended behavior for my app&lt;/p&gt;
&lt;p&gt;Now my question why this is happening in Normal to Silent mode.&lt;/p&gt;
&lt;p&gt;&lt;em&gt;This are my code for changing ringer mode&lt;/em&gt;&lt;/p&gt;
&lt;p&gt;Permission for OS 7 and above&lt;/p&gt;
&lt;pre&gt;&lt;code&gt;&amp;lt;uses-permission android:name="android.permission.ACCESS_NOTIFICATION_POLICY" /&amp;gt;
&lt;/code&gt;&lt;/pre&gt;
&lt;p&gt;In my code, I have checked if the user gave me the &lt;strong&gt;ACCESS_NOTIFICATION_POLICY&lt;/strong&gt; permission and if not move him to &lt;strong&gt;ACTION_NOTIFICATION_POLICY_ACCESS_SETTINGS&lt;/strong&gt; for giving me the permission and after that I let the user change the setting.&lt;/p&gt;
&lt;pre&gt;&lt;code&gt;public static void setMannerMode(Context context, int ringerMode) {
        try {
            AudioManager auManager = (AudioManager) context.getSystemService(Context.AUDIO_SERVICE);
            auManager.setRingerMode(ringerMode);
        } catch (Exception e) {
            e.printStackTrace();
        }
    }
}
&lt;/code&gt;&lt;/pre&gt;
&lt;p&gt;I have changed the mode like this according to checked radio button &lt;/p&gt;
&lt;pre&gt;&lt;code&gt;Util.setMannerMode(getApplicationContext(), AudioManager.RINGER_MODE_NORMAL);
&lt;/code&gt;&lt;/pre&gt;
&lt;p&gt;or &lt;/p&gt;
&lt;pre&gt;&lt;code&gt;Util.setMannerMode(getApplicationContext(), AudioManager.RINGER_MODE_VIBRATE);
&lt;/code&gt;&lt;/pre&gt;
&lt;p&gt;or &lt;/p&gt;
&lt;pre&gt;&lt;code&gt;Util.setMannerMode(getApplicationContext(), AudioManager.RINGER_MODE_SILENT);
&lt;/code&gt;&lt;/pre&gt;</t>
  </si>
  <si>
    <t>2017-12-08 09:34:06.813000+00:00</t>
  </si>
  <si>
    <t>2017-12-26 04:36:16.697000+00:00</t>
  </si>
  <si>
    <t>2017-12-08 09:49:58.840000+00:00</t>
  </si>
  <si>
    <t>android|android-audiomanager|android-8.0-oreo</t>
  </si>
  <si>
    <t>Find all rows based on a cell value and copy to different sheet.</t>
  </si>
  <si>
    <t>&lt;p&gt;I am a excel/vba noob.  I have very little experience with vba.  I am not asking for someone to do my work for me just help me with some samples so I can start figuring out what I need.  &lt;/p&gt;
&lt;p&gt;I have been looking for a way to help me search a spread sheet based on a value I place in a cell.   Here is what I have.   I have a spread sheet that has 4 tabs, the first 3 tabs have different data and different number of columns.  The one thing that is the same on each table is the first three columns.  &lt;/p&gt;
&lt;pre&gt;&lt;code&gt;date         case#       ticket#
7/14/2018   50807966    5330826969
7/3/2018    50811017    5330860547
7/1/2018    50811022    5330860631
7/13/2018   50811026    5330860683
&lt;/code&gt;&lt;/pre&gt;
&lt;p&gt;What I want to do is on sheet 4  enter a number in a cell labeled ticket# and find all rows on each sheet and copy it to the 4th sheet.   I want it to copy each row found to the next empty row on sheet 4.  I will start with sheet one and work through sheet 3.    &lt;/p&gt;
&lt;p&gt;What I would like help on is how to do the first sheet.  Once I have an Idea of how to do one sheet I can figure out how to do the rest. &lt;/p&gt;</t>
  </si>
  <si>
    <t>2018-07-13 22:10:10.030000+00:00</t>
  </si>
  <si>
    <t>2018-07-23 19:11:58.643000+00:00</t>
  </si>
  <si>
    <t>excel|vba|search</t>
  </si>
  <si>
    <t>Can you recommend a podcast on OOP &amp; Design?</t>
  </si>
  <si>
    <t>&lt;p&gt;Can you recommend me a web site providing pod-casts focused on OOP &amp;amp; Design?&lt;/p&gt;</t>
  </si>
  <si>
    <t>2010-06-14 08:32:17.223000+00:00</t>
  </si>
  <si>
    <t>2017-07-30 15:30:14.043000+00:00</t>
  </si>
  <si>
    <t>oop|podcast</t>
  </si>
  <si>
    <t>CSS Calc returning 0 but works in my fiddle</t>
  </si>
  <si>
    <t>&lt;p&gt;I am trying to use css3 calc but it returns 0%.&lt;/p&gt;
&lt;pre&gt;&lt;code&gt;width: calc(100% - 100px);
&lt;/code&gt;&lt;/pre&gt;
&lt;p&gt;On my local machine using this and then inspecting the element it displays:&lt;/p&gt;
&lt;pre&gt;&lt;code&gt;width: calc(0%);
&lt;/code&gt;&lt;/pre&gt;
&lt;p&gt;When I put it in a fiddle it seems to be working.&lt;/p&gt;
&lt;p&gt;The part that is working is the blue content div being the proper width to be next to the sidebar where as on my local the content div have 0% width. It shows the content in the div but not the background colour blue.&lt;/p&gt;
&lt;p&gt;&lt;a href="https://jsfiddle.net/floor_/sL53dnvq/" rel="nofollow noreferrer"&gt;Fiddle&lt;/a&gt;&lt;/p&gt;
&lt;p&gt;Is there any reason calc would be returning 0? I am using the latest version of firefox.&lt;/p&gt;
&lt;p&gt;I have looked up alternatives to calc and none suit my needs other than javascript the approach. But I would like to avoid that method. Any help is greatly appreciated.&lt;/p&gt;
&lt;p&gt;Worth noting I was using Less&lt;/p&gt;</t>
  </si>
  <si>
    <t>2015-03-18 15:28:27.547000+00:00</t>
  </si>
  <si>
    <t>2017-12-13 19:11:04.917000+00:00</t>
  </si>
  <si>
    <t>html|css|css3|less</t>
  </si>
  <si>
    <t>Combining "aggregate" with a user-made function</t>
  </si>
  <si>
    <t>&lt;p&gt;I am trying to extract information from a dataset of climatic variables (daily values), spanning multiple years. Presence and absence of snow is coded as 1 and 0 in the data set. Each line corresponds to a day and I have a columns cody for date and half year. 
For each half year period I am attempting to find the value of the date after the last occurence of snow presence (1). I tried this by grouping the variables via aggregate, but the use of a custom function did not succeed, since "aggregate" seems to pass the columns of the dataframe without a name.&lt;/p&gt;
&lt;pre&gt;&lt;code&gt;dates&amp;lt;-c("1993-01-01","1993-01-02","1993-01-03","1993-01-04","1993-01-05","1994-02-20","1994-02-21","1994-02-22","1994-02-23","1994-02-24")
df&amp;lt;-data.frame(Date=as.Date(dates,format = "%Y-%m-%d"),
               halves=as.factor(c(1993-01-01,1993-01-01,1993-01-01,1993-01-01,1993-01-01,1994-01-01,1994-01-01,1994-01-01,1994-01-01,1994-01-01)),
               plot1=c(1,1,1,0,0,1,1,0,0,0),
               plot2=c(1,1,0,0,0,1,1,0,1,0),
               plot3=c(0,1,1,1,0,1,1,1,0,0))
&lt;/code&gt;&lt;/pre&gt;
&lt;p&gt;I know that using loops is not that efficient, but since I want to avoid applying the function to the "not-plot-columns" I am using:&lt;/p&gt;
&lt;pre&gt;&lt;code&gt;for(plots in names(df)[- which(names(df) %in% c("Date","halves"))]){        
     meltday[[plots&amp;lt;-aggregate(df[[plots]]~halves,df,df$Date[last(which(snow.days.half$Date==0)) + 1])  
}
&lt;/code&gt;&lt;/pre&gt;
&lt;p&gt;This produces a error, since the last part is not evaluated as a function.
So I tried with a home-made function to find the Date+1 of the last occurence of 1 in all plot colums.&lt;/p&gt;
&lt;pre&gt;&lt;code&gt;snowmelt&amp;lt;-function(x)
{snowmelt&amp;lt;-max(x[[Date]][x[[plots]]==1])
 snowmelt}
&lt;/code&gt;&lt;/pre&gt;
&lt;p&gt;But then trying &lt;/p&gt;
&lt;pre&gt;&lt;code&gt;for(plots in names(df)[- which(names(df) %in% c("Date","halves"))]){        
  meltday[[plots]]&amp;lt;-aggregate(df[[plots]] ~ halves,df,snowmelt)  
}
&lt;/code&gt;&lt;/pre&gt;
&lt;p&gt;left me with an error statement, since the function coerces its input to a list.&lt;/p&gt;
&lt;p&gt;So, I am quite stuck and will be very thankful and apprechiative for any comments or answers that point me into the right direction. 
My desired output would be a dataframe with dates in it: along the lines of&lt;/p&gt;
&lt;pre&gt;&lt;code&gt;   &amp;gt;meltday
   halves         plot1       plot2         plot3
   1993-01-04     1993-01-04  1993-01-03    1993-01-05
   1994-01-01     1994-02-22  1994-02-24    1994-02-23
&lt;/code&gt;&lt;/pre&gt;
&lt;p&gt;EDIT: added desired output for clarification.&lt;/p&gt;
&lt;p&gt;Thanks!&lt;/p&gt;</t>
  </si>
  <si>
    <t>2016-10-25 10:59:26.227000+00:00</t>
  </si>
  <si>
    <t>2016-10-25 13:23:21.547000+00:00</t>
  </si>
  <si>
    <t>2016-10-25 11:55:20.717000+00:00</t>
  </si>
  <si>
    <t>r|function|aggregate</t>
  </si>
  <si>
    <t>Method overloading : Single parameter vs alternating parameters</t>
  </si>
  <si>
    <t>&lt;p&gt;This question might be similar to &lt;a href="https://stackoverflow.com/questions/27832532/java-overload-confusion"&gt;Java overload confusion&lt;/a&gt;&lt;/p&gt;
&lt;p&gt;I'm reading a book and there's a topic regarding method overloading from which a compiler may not be able to resolve the method being called. The example on the book uses overloaded method with two parameters &lt;code&gt;(int, double)&lt;/code&gt; and &lt;code&gt;(double, int)&lt;/code&gt;. Calling this method like overloadedTwoParam(4, 5) will cause a compiler error because int can be passed to double. My question here is why compiler able to resolve which method will be called if my parameter is only one ?&lt;/p&gt;
&lt;pre&gt;&lt;code&gt;public class Test {
    public static void main(String[] args) {
        Test t = new Test();
        t.overloadedSingleParam(1); //this is working
        t.overloadedTwoParam(4, 5); //this is NOT working
    }
    void overloadedSingleParam(double a) {
        // do something here..
    }
    void overloadedSingleParam(int a) {
        // do something here..
    }
    void overloadedTwoParam(double a, int b) {
        // do something here..
    }
    void overloadedTwoParam(int a, double b) {
        // do something here..
    }
}
&lt;/code&gt;&lt;/pre&gt;</t>
  </si>
  <si>
    <t>2017-02-05 08:50:48.983000+00:00</t>
  </si>
  <si>
    <t>2017-02-05 11:22:35.800000+00:00</t>
  </si>
  <si>
    <t>2017-05-23 10:29:30.073000+00:00</t>
  </si>
  <si>
    <t>java|method-overloading</t>
  </si>
  <si>
    <t>Why ng-click is not working in my angular datatable?</t>
  </si>
  <si>
    <t>&lt;p&gt;I do now know, but I think jquery is conflicting with my angular datatable, but even when I take off jquery (hide and show elements), ng-click keeps not working.&lt;/p&gt;
&lt;p&gt;Here goes as well a printscreen from my table:&lt;/p&gt;
&lt;p&gt;&lt;a href="https://i.stack.imgur.com/JxOGz.png" rel="nofollow noreferrer"&gt;&lt;img src="https://i.stack.imgur.com/JxOGz.png" alt="enter image description here"&gt;&lt;/a&gt;&lt;/p&gt;
&lt;p&gt;My AngularJS js:&lt;/p&gt;
&lt;pre&gt;&lt;code&gt;angular.module('BoxApp').controller("ConfiguraBkpEmail", function($scope, $http) {
var urlRestServer = "http://localhost:8080/boxmlV2";
$scope.clientes = {};
$scope.clientesSelecionados = {};
$scope.iniciar = function() {
    $http.get(urlRestServer + '/configurabkpemail').success(function(response) {
        $scope.clientes = response;
    });
};
$scope.iniciar();
$scope.selecionaClientes = function(selecao){
    $scope.clientesSelecionados = selecao;
    $('#myModal').modal('show');
    if($scope.clientesSelecionados.backupEmail == 0){
//          $('#enderecoEmailBackup').hide();
//          $('#idLabel').hide();
    } else {
//          $('#enderecoEmailBackup').show();
//          $('#idLabel').show();
    }
};
/**
 * Trecho para validar o form ao submeter.
 */
$scope.submitted = false;
$scope.submitForm = function(form) {
    $scope.submitted = true;
    if (form.$valid) {
        $scope.editaEmailBkp();
    }
};  
$scope.editaEmailBkp = function() {
    var dados = {
        idCliente : idCliente.value,
        razaoSocial : razaoSocial.value,            
        backupEmail : $scope.clientesSelecionados.backupEmail,      
        enderecoEmailBackup : enderecoEmailBackup.value     
    };
    $http.post(urlRestServer + '/configurabkpemail/salvar', dados).then(function(response) {
        $scope.sucesso();
    }, function(response) {
    });
};
$scope.sucesso = function() {
    $scope.closeModal();
    $scope.iniciar();       
};
$scope.closeModal = function() {
//      $('#myModal').modal('hide');
};
$scope.opcoesBkps = [
                   {OpcaoBkpID: 0, Tipo: '0 - Sem backup de e-mail'},
                   {OpcaoBkpID: 1, Tipo: '1 - Backups inconsistentes'},
                   {OpcaoBkpID: 2, Tipo: '2 - Backup de Todos E-mails'}
];
});
&lt;/code&gt;&lt;/pre&gt;
&lt;p&gt;My html:&lt;/p&gt;
&lt;pre&gt;&lt;code&gt;            &amp;lt;div class="row"&amp;gt;                       
                &amp;lt;table datatable="ng" id="configuraBkpEmail" class="row-border hover table table-striped table-bordered table-hover"&amp;gt;
                   &amp;lt;thead&amp;gt;
                        &amp;lt;tr&amp;gt;
                            &amp;lt;th&amp;gt;Nome Empresa&amp;lt;/th&amp;gt;
                            &amp;lt;th&amp;gt;CNPJ&amp;lt;/th&amp;gt;
                            &amp;lt;th&amp;gt;Backup E-mail&amp;lt;/th&amp;gt;
                        &amp;lt;/tr&amp;gt;
                   &amp;lt;/thead&amp;gt;
                   &amp;lt;tbody&amp;gt;
                      &amp;lt;tr ng-repeat="x in clientes" ng-click="selecionaClientes(x)"&amp;gt;
                          &amp;lt;td&amp;gt;&amp;lt;span ng-bind="x.razaoSocial" /&amp;gt;&amp;lt;/td&amp;gt;
                          &amp;lt;td&amp;gt;&amp;lt;span ng-bind="x.cnpj" /&amp;gt;&amp;lt;/td&amp;gt;
                          &amp;lt;td&amp;gt;&amp;lt;span ng-bind="x.strOpcaoBackupEmail" /&amp;gt;&amp;lt;/td&amp;gt;
                      &amp;lt;/tr&amp;gt;
                   &amp;lt;/tbody&amp;gt;
               &amp;lt;/table&amp;gt;
            &amp;lt;/div&amp;gt;
&lt;/code&gt;&lt;/pre&gt;
&lt;p&gt;My modal that should be opened: &lt;/p&gt;
&lt;pre&gt;&lt;code&gt;      &amp;lt;!-- Modal INICIO--&amp;gt;
            &amp;lt;div class="modal fade" id="myModal" tabindex="-1" role="dialog" aria-labelledby="myModalLabel" aria-hidden="true"&amp;gt;
             &amp;lt;div class="modal-dialog"&amp;gt;
              &amp;lt;div class="modal-content"&amp;gt;
               &amp;lt;div class="modal-header"&amp;gt;
                &amp;lt;button type="button" class="close" data-dismiss="modal" aria-hidden="true"&amp;gt;
                 &amp;amp;times;
                &amp;lt;/button&amp;gt;
                &amp;lt;h4 class="modal-title" id="myModalLabel"&amp;gt;Configura����o Backup de E-mail&amp;lt;/h4&amp;gt;
               &amp;lt;/div&amp;gt;
               &amp;lt;div class="modal-body"&amp;gt;
                &amp;lt;div class="row"&amp;gt; 
                    &amp;lt;div class="col-md-12"&amp;gt;   
                       &amp;lt;f&amp;lt;div ultimate-datatable="datatable" width="100%"&amp;gt;&amp;lt;/div&amp;gt;orm name="form" id="form_sample_2" role="form"
                           class="form-horizontal ng-pristine ng-valid" novalidate&amp;gt;                     
                           &amp;lt;div class="form-group"&amp;gt;
                            &amp;lt;label class="control-label col-md-3"&amp;gt;Nome:&amp;lt;span
                             class="required" aria-required="true"&amp;gt; * &amp;lt;/span&amp;gt;&amp;lt;/label&amp;gt;
                            &amp;lt;div class="col-md-9"&amp;gt;
                             &amp;lt;input type="text"
                              ng-model="clientesSelecionados.razaoSocial"
                              class="form-control" id="razaoSocial" maxlength="100"
                              name="razaoSocial" required disabled&amp;gt; &amp;lt;span
                              style="color: red"
                              ng-show="submitted &amp;amp;&amp;amp; form.razaoSocial.$error.required"&amp;gt;Campo
                              Nome Obrigat��rio.&amp;lt;/span&amp;gt;
                            &amp;lt;/div&amp;gt;
                           &amp;lt;/div&amp;gt;
                           &amp;lt;div class="form-group"&amp;gt;
                            &amp;lt;label class="control-label col-md-3"&amp;gt;Backup de
                             E-mail:&amp;lt;span class="required" aria-required="true"&amp;gt; *
                            &amp;lt;/span&amp;gt;
                            &amp;lt;/label&amp;gt;
                            &amp;lt;div class="col-md-9"&amp;gt;
                             &amp;lt;select size="1" name="backupEmail"
                              ng-model="clientesSelecionados.backupEmail"
                              ng-change="selecionaClientes(clientesSelecionados)"
                              class="form-control"
                              ng-options="opcoesBkp.OpcaoBkpID  as opcoesBkp.Tipo for opcoesBkp in opcoesBkps"
                              required&amp;gt;
                              &amp;lt;option value=""&amp;gt;Selecione um Recurso.&amp;lt;/option&amp;gt;
                             &amp;lt;/select&amp;gt; &amp;lt;span style="color: red"
                              ng-show="form.backupEmail.$error.required"&amp;gt;Selecione
                              uma op����o de backup.&amp;lt;/span&amp;gt;
                            &amp;lt;/div&amp;gt;
                           &amp;lt;/div&amp;gt;
                           &amp;lt;div class="form-group"&amp;gt;
                            &amp;lt;label id="idLabel" class="control-label col-md-3"&amp;gt;Endere��o:&amp;lt;span
                             class="required" aria-required="true"&amp;gt; * &amp;lt;/span&amp;gt;
                            &amp;lt;/label&amp;gt;
                            &amp;lt;div class="col-md-9"&amp;gt;
                             &amp;lt;input type="email"
                              placeholder="Endere��o do Backup para encaminhamento."
                              ng-model="clientesSelecionados.enderecoEmailBackup"
                              class="form-control" id="enderecoEmailBackup"
                              maxlength="100" name="enderecoEmailBackup"&amp;gt;
                            &amp;lt;/div&amp;gt;
                           &amp;lt;/div&amp;gt;
                           &amp;lt;div class="form-group"&amp;gt;
                            &amp;lt;label id="idLabel" class="control-label col-md-3"&amp;gt;ID:&amp;lt;span
                             class="required" aria-required="true"&amp;gt; * &amp;lt;/span&amp;gt;&amp;lt;/label&amp;gt;
                            &amp;lt;div class="col-md-9"&amp;gt;
                             &amp;lt;input type="text" ng-model="clientesSelecionados.idCliente"
                              class="form-control" id="idCliente" maxlength="100"
                              name="idCliente" disabled&amp;gt; &amp;lt;span
                              style="color: red"
                              ng-show="submitted &amp;amp;&amp;amp; form.idCliente.$error.required"&amp;gt;Campo
                              ID Obrigat��rio.&amp;lt;/span&amp;gt;
                            &amp;lt;/div&amp;gt;
                           &amp;lt;/div&amp;gt;
                       &amp;lt;/form&amp;gt;
                    &amp;lt;/div&amp;gt;
                &amp;lt;/div&amp;gt;                
               &amp;lt;/div&amp;gt;
               &amp;lt;div class="modal-footer"&amp;gt;
                    &amp;lt;button type="button" class="btn btn-default" data-dismiss="modal"&amp;gt;
                     Cancelar
                    &amp;lt;/button&amp;gt;
                    &amp;lt;button type="submit" class="btn btn-primary" ng-click="submitForm(form)"&amp;gt;
                     Salvar
                    &amp;lt;/button&amp;gt;
               &amp;lt;/div&amp;gt;
              &amp;lt;/div&amp;gt;&amp;lt;!-- /.modal-content --&amp;gt;
             &amp;lt;/div&amp;gt;&amp;lt;!-- /.modal-dialog --&amp;gt;
            &amp;lt;/div&amp;gt;&amp;lt;!-- /.modal --&amp;gt;
            &amp;lt;!-- Modal FIM--&amp;gt;
&lt;/code&gt;&lt;/pre&gt;</t>
  </si>
  <si>
    <t>2016-02-03 13:37:06.337000+00:00</t>
  </si>
  <si>
    <t>2016-02-03 13:44:19.360000+00:00</t>
  </si>
  <si>
    <t>angularjs|angularjs-ng-click</t>
  </si>
  <si>
    <t>Query local time</t>
  </si>
  <si>
    <t>&lt;p&gt;For a shop, I would like store opening and closing times in local time for that given shop. Example: &lt;/p&gt;
&lt;p&gt;Shop1 opens at 8.00 (t1), and closes at 16.00 (t2) local time. Shop1 is located in Europe/London (tz). &lt;/p&gt;
&lt;p&gt;Shop2 opens at 8.00 and closes at 16.00 local time. Shop2 is located in Europe/Copenhagen.&lt;/p&gt;
&lt;p&gt;&lt;strong&gt;The question&lt;/strong&gt;: How do I at a given time select shops that are open? I need to take into account DST: In this example in the summer, Shop1 open time will be 08:00+01:00, Shop2 open time will be 08:00+02:00 while in the winter, this will be 08:00+00:00 for Shop1 and 08:00+01:00 for Shop2.&lt;/p&gt;
&lt;p&gt;Will be selecting from a table with many rows, hence I need this to be indexed. &lt;/p&gt;
&lt;p&gt;Using Django + PostgreSQL.&lt;/p&gt;</t>
  </si>
  <si>
    <t>2017-02-14 16:09:52.370000+00:00</t>
  </si>
  <si>
    <t>2017-02-15 13:33:48.210000+00:00</t>
  </si>
  <si>
    <t>django|postgresql|timezone</t>
  </si>
  <si>
    <t>Python remove tabs in strings and tokenize list</t>
  </si>
  <si>
    <t>&lt;p&gt;I have been trying a lot but this wont happen at all.&lt;/p&gt;
&lt;p&gt;Input:-&lt;/p&gt;
&lt;pre&gt;&lt;code&gt;condor  t   airline airline
eight   n   0   flightnumber
nine    n   0   flightnumber
five    n   0   flightnumber
hallo   t   0   sentence
turn    t   com turn_heading
left    t   0   direction
heading t   com turn_heading
three   n   0   degree_absolute
two     n   0   degree_absolute
zero    n   0   degree_absolute
&lt;/code&gt;&lt;/pre&gt;
&lt;p&gt;Expected Output:&lt;/p&gt;
&lt;pre&gt;&lt;code&gt;&amp;lt;s&amp;gt; &amp;lt;callsign&amp;gt; &amp;lt;airline&amp;gt; condor &amp;lt;/airline&amp;gt; &amp;lt;flightnumber&amp;gt; eight nine five &amp;lt;/flightnumber&amp;gt; &amp;lt;/callsign&amp;gt; hallo &amp;lt;command="turn_heading"&amp;gt; turn &amp;lt;direction&amp;gt; left &amp;lt;/direction&amp;gt; heading &amp;lt;degree_absolute&amp;gt; three two zero &amp;lt;/degree_absolute&amp;gt; &amp;lt;/command&amp;gt; &amp;lt;/s&amp;gt;
&lt;/code&gt;&lt;/pre&gt;
&lt;p&gt;Every time I try to input the contents the tabs get in the way of tokenizing the strings even though I input them as a list or strings. This is what happens when I try to strip the tabs&lt;/p&gt;
&lt;pre&gt;&lt;code&gt;['condor\tt\tairline\tairline\n', 'eight\tn\t \tflightnumber\n', 'nine\tn\t \tflightnumber\n', 'five\tn\t \tflightnumber\n', 'hallo\tt\t \tsentence\n', 'turn\tt\tcom\tturn_heading\n', 'left\tt\t \tdirection\n', 'heading\tt\tcom\tturn_heading\n', 'three\tn\t \tdegree_absolute\n', 'two\tn\t \tdegree_absolute\n', 'zero\tn\t \tdegree_absolute\n', '\n', 'aeh\tt\t \tsentence\n', 'two\tn\t \tflightnumber\n', 'eight\tn\t \tflightnumber\n', 'november\tt\tflightnumber\tflightnumber\n', 'hallo\tt\t \tsentence\n', 'reduce\tt\tcom\treduce\n', 'two\tn\t \tspeed\n', 'two\tn\t \tspeed\n', 'zero\tn\t \tspeed\n', 'knots\tt\t \treduce\n', '\n', 'condor\tt\tairline\tairline\n', 'eight\tn\t \tflightnumber\n', 'nine\tn\t \tflightnumber\n', 'five\tn\t \tflightnumber\n', 'descend\tt\tcom\tdescend\n', 'three\tn\t \taltitude\n', 'thousand\tn\t \taltitude\n', 'feet\tt\t \tdescend\n', 'turn\tt\tcom\tturn_heading\n', 'left\tt\t \tdirection\n', 'heading\tt\tcom\tturn_heading\n', 'two\tn\t \tdegree_absolute\n', 'six\tn\t \tdegree_absolute\n', 'zero\tn\t \tdegree_absolute\n', 'cleared\tt\tcom\tcleared_ils\n', 'ils\tt\t \tcleared_ils\n', 'runway\tt\t \tcleared_ils\n', 'two\tn\t \trunway\n', 'three\tn\t \trunway\n', 'left\tt\t \trunway\n', 'turn\tt\tcom\tturn_heading\n', 'left\tt\t \tdirection\n', 'heading\tt\tcom\tturn_heading\n', 'two\tn\t \tdegree_absolute\n', 'five\tn\t \tdegree_absolute\n', 'zero\tn\t \tdegree_absolute\n']
&lt;/code&gt;&lt;/pre&gt;
&lt;p&gt;Any help so that I can strip off the tabs and tokenize them and convert them to markup format??&lt;/p&gt;
&lt;p&gt;The code I have been using to remove control characters:&lt;/p&gt;
&lt;pre&gt;&lt;code&gt;import string
with open('input.txt', 'r') as file1:
    lines = str(list(file1))
    print lines.translate(string.maketrans("\n\t\r", "   "))
&lt;/code&gt;&lt;/pre&gt;</t>
  </si>
  <si>
    <t>2014-06-22 11:36:15.407000+00:00</t>
  </si>
  <si>
    <t>2014-06-22 12:03:10.723000+00:00</t>
  </si>
  <si>
    <t>2014-06-22 11:56:32.560000+00:00</t>
  </si>
  <si>
    <t>python|string|tokenize|markup</t>
  </si>
  <si>
    <t>ecr token error for amazon aws docker registry</t>
  </si>
  <si>
    <t>&lt;p&gt;Here is my registry policy for my user : &lt;/p&gt;
&lt;pre&gt;&lt;code&gt;{
    "Version": "2012-10-17",
    "Statement": [
        {
            "Sid": "Stmt1494526914000",
            "Effect": "Allow",
            "Action": [
                "ecr:GetAuthorizationToken"
            ],
            "Resource": [
                "*"
            ]
        }
    ]
}
&lt;/code&gt;&lt;/pre&gt;
&lt;p&gt;I have no MFA auth &lt;/p&gt;
&lt;p&gt;but when i try :&lt;/p&gt;
&lt;pre&gt;&lt;code&gt;bussiere@kusanagi:~/Workspace/*****$ aws ecr get-login
An error occurred (AccessDeniedException) when calling the GetAuthorizationToken operation: User: arn:aws:iam::*******:user/bussiere is not authorized to perform: ecr:GetAuthorizationToken on resource: *
bussiere@kusanagi:~/Workspace/*****$ 
&lt;/code&gt;&lt;/pre&gt;
&lt;p&gt;&lt;a href="https://i.stack.imgur.com/sXkIn.png" rel="nofollow noreferrer"&gt;&lt;img src="https://i.stack.imgur.com/sXkIn.png" alt="enter image description here"&gt;&lt;/a&gt;&lt;/p&gt;
&lt;p&gt;&lt;a href="https://i.stack.imgur.com/dPpZ5.png" rel="nofollow noreferrer"&gt;&lt;img src="https://i.stack.imgur.com/dPpZ5.png" alt="enter image description here"&gt;&lt;/a&gt;&lt;/p&gt;
&lt;p&gt;thanks a lot and regards&lt;/p&gt;</t>
  </si>
  <si>
    <t>2017-05-11 20:51:39.727000+00:00</t>
  </si>
  <si>
    <t>2017-05-11 21:58:29.497000+00:00</t>
  </si>
  <si>
    <t>amazon-web-services|docker</t>
  </si>
  <si>
    <t>Swiftmailer - Uncaught Error: Call to undefined method Swift_SmtpTransport::newInstance()</t>
  </si>
  <si>
    <t>&lt;p&gt;I'm trying to send email using the &lt;code&gt;Swiftmailer&lt;/code&gt;.&lt;/p&gt;
&lt;p&gt;I'm getting an Uncaught Error: &lt;/p&gt;
&lt;blockquote&gt;
  &lt;p&gt;Call to undefined method Swift_SmtpTransport::newInstance().&lt;/p&gt;
&lt;/blockquote&gt;
&lt;p&gt;Here is the code:&lt;/p&gt;
&lt;pre&gt;&lt;code&gt;require_once 'swift/lib/swift_required.php';
$transport = Swift_SmtpTransport::newInstance('smtp.gmail.com', 465, 'ssl')
      -&amp;gt;setUsername ('email@gmail.com')
      -&amp;gt;setPassword ('password');
$mailer = Swift_Mailer::newInstance($transport);
$message = Swift_Message::newInstance('Weekly Hours')
       -&amp;gt;setFrom (array('email@gmail.com' =&amp;gt; 'My Name'))
       -&amp;gt;setTo (array('email@hotmail.com' =&amp;gt; 'Recipient'))
       -&amp;gt;setSubject ('Weekly Hours')
       -&amp;gt;setBody ('Test Message', 'text/html');
$result = $mailer-&amp;gt;send($message);
&lt;/code&gt;&lt;/pre&gt;
&lt;p&gt;Based on the above code, what would be causing that mistake?  &lt;/p&gt;</t>
  </si>
  <si>
    <t>2017-07-20 23:52:00.717000+00:00</t>
  </si>
  <si>
    <t>2017-11-05 09:41:48.850000+00:00</t>
  </si>
  <si>
    <t>php|php-7|swiftmailer</t>
  </si>
  <si>
    <t>jQuery resizable plugin</t>
  </si>
  <si>
    <t>&lt;p&gt;Can I specify width and height via options or something rather than dragging the handlers? (The matter is I want to use alsoResize option.)&lt;/p&gt;</t>
  </si>
  <si>
    <t>2010-12-17 04:50:45.377000+00:00</t>
  </si>
  <si>
    <t>2010-12-17 04:56:26.560000+00:00</t>
  </si>
  <si>
    <t>Form_closing Form_resize EventHandlers</t>
  </si>
  <si>
    <t>&lt;p&gt;How to write just one code block for this two events ?
I would like to execute same code when user  minimize, resize or close form.&lt;/p&gt;</t>
  </si>
  <si>
    <t>2013-11-08 10:28:51.447000+00:00</t>
  </si>
  <si>
    <t>2015-12-26 20:37:12.603000+00:00</t>
  </si>
  <si>
    <t>How to set a transparent background with GD in PHP?</t>
  </si>
  <si>
    <t>&lt;p&gt;We have a script that generates MP3 waveform images, and it currently uses a specified foreground and background color. What I'd like is to have the background completely transparent.&lt;/p&gt;
&lt;p&gt;I've messed with the below script a bit but I have no idea what I'm doing. Any ideas on how to get it to where it only generates the foreground color and &lt;em&gt;not&lt;/em&gt; the background?&lt;/p&gt;
&lt;pre&gt;&lt;code&gt; /**
       * Image generation
       */
      // how much detail we want. Larger number means less detail
      // (basically, how many bytes/frames to skip processing)
      // the lower the number means longer processing time
      define("DETAIL", 5);
      // get user vars from form
      $width = isset($_POST["width"]) ? (int) $_POST["width"] : 775;
      $height = isset($_POST["height"]) ? (int) $_POST["height"] : 122;
      $background = isset($_POST["background"]) ? $_POST["background"] : $background_color;
      $foreground = isset($_POST["foreground"]) ? $_POST["foreground"] : $foreground_color;
      // create original image width based on amount of detail
      $img = imagecreatetruecolor(sizeof($data) / DETAIL, $height);
      // fill background of image
      list($r, $g, $b) = html2rgb($background);
      imagefilledrectangle($img, 0, 0, sizeof($data) / DETAIL, $height, imagecolorallocate($img, $r, $g, $b));
      // generate background color
      list($r, $g, $b) = html2rgb($foreground);
      // loop through frames/bytes of wav data as genearted above
      for($d = 0; $d &amp;lt; sizeof($data); $d += DETAIL) {
        // relative value based on height of image being generated
        // data values can range between 0 and 255
        $v = (int) ($data[$d] / 255 * $height);
        // draw the line on the image using the $v value and centering it vertically on the canvas
        imageline($img, $d / DETAIL, 0 + ($height - $v), $d / DETAIL, $height - ($height - $v), imagecolorallocate($img, $r, $g, $b));
      }
      $outPngName= $outputName.".png";
&lt;/code&gt;&lt;/pre&gt;</t>
  </si>
  <si>
    <t>2014-06-27 18:19:05.463000+00:00</t>
  </si>
  <si>
    <t>2014-06-27 18:44:36.053000+00:00</t>
  </si>
  <si>
    <t>2014-06-27 18:43:53.167000+00:00</t>
  </si>
  <si>
    <t>php|background|transparency|gd|transparent</t>
  </si>
  <si>
    <t>How to sort data on php laravel before exporting them on .csv?</t>
  </si>
  <si>
    <t>&lt;p&gt;I am trying to sort the datas before exporting them on excel. This is the code that I have been using:&lt;/p&gt;
&lt;pre&gt;&lt;code&gt;public function getDashboardReport2(){
    (...)
        echo "&amp;lt;tr&amp;gt;&amp;lt;td&amp;gt;Group Name&amp;lt;/td&amp;gt;&amp;lt;td&amp;gt;Unit&amp;lt;/td&amp;gt;&amp;lt;td&amp;gt;Unit Number&amp;lt;/td&amp;gt;&amp;lt;td&amp;gt;First Name&amp;lt;/td&amp;gt;&amp;lt;td&amp;gt;Last Name&amp;lt;/td&amp;gt;&amp;lt;td&amp;gt;Phone Number&amp;lt;/td&amp;gt;&amp;lt;/tr&amp;gt;";
        ($group = \App\Group::find($auth_event-&amp;gt;group_id);
                $bookings = \App\EventBookings::where("group_id", "=", $auth_event-&amp;gt;group_id)-&amp;gt;get();
                if($bookings-&amp;gt;count() &amp;gt; 0){
                    foreach ($bookings as $booking){
                        $egroup = \App\EventGroup::find($booking-&amp;gt;eg_id); // Here I tried orderBy('name');
                        $chalet = \App\Chalet::find($booking-&amp;gt;chalet_id);
                            if($egroup) {
                            $egroup_members = \App\EventGroupMembers::where("eg_id", "=", $egroup-&amp;gt;eg_id)-&amp;gt;get();
                            $row = 0;
                                if ($egroup_members-&amp;gt;count() &amp;gt; 0) {
                                    foreach ($egroup_members as $egroup_member) {
                                    $row++;
                                    $user = \App\User::find($egroup_member-&amp;gt;user_id);
                                        if ($user) {
                                        $charges = \App\EventBookingCharges::where("user_id", "=", $user-&amp;gt;user_id)
                                        -&amp;gt;where("booking_id", "=", $booking-&amp;gt;booking_id)-&amp;gt;get();
                                        $paid_amount = 0;
                                        $balance_amount = 0;
                                            if ($charges-&amp;gt;count() &amp;gt; 0) {
                                                foreach ($charges as $charge) {
                                                    if ($charge-&amp;gt;status == 1) {
                                                        $paid_amount = $paid_amount + $charge-&amp;gt;amount;
                                                    } else {
                                                        $balance_amount = $balance_amount + $charge-&amp;gt;amount;
                                                    }
                                                }
                                            })
                                echo "&amp;lt;tr&amp;gt;";
                                    if ($row == 1) {
                                    echo "&amp;lt;td&amp;gt;" . $egroup-&amp;gt;name . "&amp;lt;/td&amp;gt;"; // Sort using this data
                                    } else {
                                    echo "&amp;lt;td&amp;gt;&amp;lt;/td&amp;gt;";
                                    }
                                    if ($row == 1) {
                                    echo "&amp;lt;td&amp;gt;" . ($chalet ? $chalet-&amp;gt;name : '') . "&amp;lt;/td&amp;gt;";
                                    } else {
                                    echo "&amp;lt;td&amp;gt;&amp;lt;/td&amp;gt;";
                                    }
                                echo "&amp;lt;/tr&amp;gt;";
                                }
                            }
                        echo "&amp;lt;tr&amp;gt;&amp;lt;td colspan='9'&amp;gt;&amp;lt;br&amp;gt;&amp;lt;/td&amp;gt;&amp;lt;/tr&amp;gt;";
                        }
                    }
                }
            }
        echo "&amp;lt;/table&amp;gt;";
    }
}
&lt;/code&gt;&lt;/pre&gt;
&lt;p&gt;How do I sort this one out? I have tried &lt;code&gt;orderBy('name');&lt;/code&gt; but it didn't work. I also tried searching it on google but all the tutorials are about sorting arrays.&lt;/p&gt;</t>
  </si>
  <si>
    <t>2017-01-13 15:15:12.040000+00:00</t>
  </si>
  <si>
    <t>2017-01-13 16:02:15.053000+00:00</t>
  </si>
  <si>
    <t>2017-01-13 15:50:00.753000+00:00</t>
  </si>
  <si>
    <t>php|laravel|csv</t>
  </si>
  <si>
    <t>Why is my Datatables search function requiring at least two characters even i don't want it?</t>
  </si>
  <si>
    <t>&lt;p&gt;I am having a strange problem. My datatables search requires at least two characters. How can i remove this threshold? This is the only thing i changed.&lt;/p&gt;
&lt;pre&gt;&lt;code&gt;$('.table1').DataTable({
        "aLengthMenu": [[2, 5, 7, -1], [2, 5, 7, "All"]],
        "iDisplayLength": 2
    });
&lt;/code&gt;&lt;/pre&gt;</t>
  </si>
  <si>
    <t>2017-03-06 03:54:29.643000+00:00</t>
  </si>
  <si>
    <t>2017-03-06 04:00:01.627000+00:00</t>
  </si>
  <si>
    <t>jquery|jquery-plugins|datatables</t>
  </si>
  <si>
    <t>error in creating a Form without the FormBuilder symfony2</t>
  </si>
  <si>
    <t>&lt;p&gt;I'm trying to create a form using the following code:   &lt;/p&gt;
&lt;pre&gt;&lt;code&gt;protected function getSearchForm(){
    return $this-&amp;gt;getFormFactory()-&amp;gt;create('number', null, array('label' =&amp;gt; 'code',
        'required' =&amp;gt; true,
    'constraints' =&amp;gt; new NotBlank(),
        'compound' =&amp;gt; true,
    ))
        -&amp;gt;add('submit', 'submit');
}
&lt;/code&gt;&lt;/pre&gt;
&lt;p&gt;But I get this error, which originates from &lt;code&gt;-&amp;gt;add('submit', 'submit');&lt;/code&gt;:&lt;/p&gt;
&lt;pre&gt;&lt;code&gt;Expected argument of type "object, array or empty", "string" given
&lt;/code&gt;&lt;/pre&gt;
&lt;p&gt;However I can create the same form using the following syntax (technically it's not the same, it has a root form of type &lt;code&gt;form&lt;/code&gt; added.&lt;/p&gt;
&lt;pre&gt;&lt;code&gt;protected function getSearchForm(){
    return $this-&amp;gt;getFormFactory()-&amp;gt;createBuilder()-&amp;gt;add('code','number', array('label' =&amp;gt; 'code',
        'required' =&amp;gt; true,
    'constraints' =&amp;gt; new NotBlank(),
    ))
        -&amp;gt;add('submit', 'submit')
        -&amp;gt;getForm();
}
&lt;/code&gt;&lt;/pre&gt;
&lt;p&gt;What is the Problem with the first approach?&lt;/p&gt;</t>
  </si>
  <si>
    <t>2015-01-22 06:44:19.097000+00:00</t>
  </si>
  <si>
    <t>2015-01-22 08:04:33.900000+00:00</t>
  </si>
  <si>
    <t>php|forms|symfony</t>
  </si>
  <si>
    <t>writing a simple cleanup landing pad on llvm</t>
  </si>
  <si>
    <t>&lt;p&gt;I have created a basic function &lt;code&gt;Foo1&lt;/code&gt; that calls another one &lt;code&gt;Bar2&lt;/code&gt; through invoke. The first instruction in the unwind cleanup basic block must be the landing pad:&lt;/p&gt;
&lt;pre&gt;&lt;code&gt;void bar2()
{ 
  throw;
}
llvm::Function* Bar2Fn = llvm::Function::Create( voidSig , &amp;amp;bar2);
engine-&amp;gt;addGlobalMapping( Bar2Fn, (void*)&amp;amp;bar2 );
llvm::InvokeInst* inv = builder.CreateInvoke( Bar2Fn , continueBlock, unwindBlock, llvmArgValues , "invoke");
builder.CreateBr(continueBlock);
builder.SetInsertPoint(unwindBlock);
llvm::LandingPadInst* landPadInst = builder.CreateLandingPad(...);
//add some cleanup code? where??
&lt;/code&gt;&lt;/pre&gt;
&lt;p&gt;I have honestly no idea what i need to put between the parameters of &lt;code&gt;CreateLandingPad&lt;/code&gt; in order to get a basic landing pad that invokes a custom clean up code for the current &lt;code&gt;Foo1&lt;/code&gt; stack objects. &lt;code&gt;Bar2&lt;/code&gt; might throw by calling c++ functions that themselves throw (or rethrow an existing exception)&lt;/p&gt;</t>
  </si>
  <si>
    <t>2012-10-31 19:58:55.093000+00:00</t>
  </si>
  <si>
    <t>2012-11-07 11:58:42.663000+00:00</t>
  </si>
  <si>
    <t>2012-11-03 21:37:51.970000+00:00</t>
  </si>
  <si>
    <t>c++|exception-handling|llvm</t>
  </si>
  <si>
    <t>jenkins loses post-build action settings after restart with plugins based on ruby runtime</t>
  </si>
  <si>
    <t>&lt;p&gt;Tested with &lt;a href="https://wiki.jenkins-ci.org/display/JENKINS/Yammer+Plugin" rel="nofollow"&gt;Yammer Plugin&lt;/a&gt; and &lt;a href="https://wiki.jenkins-ci.org/display/JENKINS/Buddycloud+Plugin" rel="nofollow"&gt;buddycloud Plugin&lt;/a&gt; in Jenkins 2.x. 
Since Yammer and buddycloud plugins depend on jruby based &lt;a href="https://wiki.jenkins-ci.org/display/JENKINS/Ruby+Runtime+Plugin" rel="nofollow"&gt;Ruby Runtime Plugin&lt;/a&gt;, installing those installs Ruby Runtime first.&lt;/p&gt;
&lt;p&gt;As long as I don't restart Jenkins, the plugins work, and their settings persist. But after Jenkins is restarted the Post-Build Action settings on all job's configuration pages are lost and have to be re-entered. The jobs' respective config.xml files retain correct settings, but they seem to have no effect. Is there a fix or a workaround? thanks &lt;/p&gt;</t>
  </si>
  <si>
    <t>2016-05-13 03:07:01.970000+00:00</t>
  </si>
  <si>
    <t>2016-07-05 15:12:48.973000+00:00</t>
  </si>
  <si>
    <t>ruby|plugins|jenkins|jruby</t>
  </si>
  <si>
    <t>How parse github webhook from lua?</t>
  </si>
  <si>
    <t>&lt;p&gt;As I think, this tastk is trivial: I want to parse GitHub hook with CGI lua script. But getted data isn't valid JSON, JSON libraries can't parse it. But what is it format? What modules I need to process this data?&lt;/p&gt;
&lt;p&gt;Example input:&lt;/p&gt;
&lt;pre&gt;&lt;code&gt;payload={"zen":"Keep it logically awesome.","hook_id":8556074,"hook":{"type":"Repository","id":8556074,"name":"web","active":true,"events":["push"],"config":{"content_type":"form","insecure_ssl":"0","url":"http://git.vallua.ru/git/update.cgi"},"updated_at":"2016-05-28T12:49:11Z","created_at":"2016-05-28T12:49:11Z","url":"https://api.github.com/repos/v1993/ProjectZ/hooks/8556074","test_url":"https://api.github.com/repos/v1993/ProjectZ/hooks/8556074/test","ping_url":"https://api.github.com/repos/v1993/ProjectZ/hooks/8556074/pings","last_response":{"code":null,"status":"unused","message":null}},"repository":{"id":50855609,"name":"ProjectZ","full_name":"v1993/ProjectZ","owner":{"login":"v1993","id":16255906,"avatar_url":"https://avatars.githubusercontent.com/u/16255906?v=3","gravatar_id":"","url":"https://api.github.com/users/v1993","html_url":"https://github.com/v1993","followers_url":"https://api.github.com/users/v1993/followers","following_url":"https://api.github.com/users/v1993/following{/other_user}","gists_url":"https://api.github.com/users/v1993/gists{/gist_id}","starred_url":"https://api.github.com/users/v1993/starred{/owner}{/repo}","subscriptions_url":"https://api.github.com/users/v1993/subscriptions","organizations_url":"https://api.github.com/users/v1993/orgs","repos_url":"https://api.github.com/users/v1993/repos","events_url":"https://api.github.com/users/v1993/events{/privacy}","received_events_url":"https://api.github.com/users/v1993/received_events","type":"User","site_admin":false},"private":false,"html_url":"https://github.com/v1993/ProjectZ","description":"IIWG (aka ProjectZ) - Instead Infinite Worlds Generator (my project about infinite text worlds)","fork":false,"url":"https://api.github.com/repos/v1993/ProjectZ","forks_url":"https://api.github.com/repos/v1993/ProjectZ/forks","keys_url":"https://api.github.com/repos/v1993/ProjectZ/keys{/key_id}","collaborators_url":"https://api.github.com/repos/v1993/ProjectZ/collaborators{/collaborator}","teams_url":"https://api.github.com/repos/v1993/ProjectZ/teams","hooks_url":"https://api.github.com/repos/v1993/ProjectZ/hooks","issue_events_url":"https://api.github.com/repos/v1993/ProjectZ/issues/events{/number}","events_url":"https://api.github.com/repos/v1993/ProjectZ/events","assignees_url":"https://api.github.com/repos/v1993/ProjectZ/assignees{/user}","branches_url":"https://api.github.com/repos/v1993/ProjectZ/branches{/branch}","tags_url":"https://api.github.com/repos/v1993/ProjectZ/tags","blobs_url":"https://api.github.com/repos/v1993/ProjectZ/git/blobs{/sha}","git_tags_url":"https://api.github.com/repos/v1993/ProjectZ/git/tags{/sha}","git_refs_url":"https://api.github.com/repos/v1993/ProjectZ/git/refs{/sha}","trees_url":"https://api.github.com/repos/v1993/ProjectZ/git/trees{/sha}","statuses_url":"https://api.github.com/repos/v1993/ProjectZ/statuses/{sha}","languages_url":"https://api.github.com/repos/v1993/ProjectZ/languages","stargazers_url":"https://api.github.com/repos/v1993/ProjectZ/stargazers","contributors_url":"https://api.github.com/repos/v1993/ProjectZ/contributors","subscribers_url":"https://api.github.com/repos/v1993/ProjectZ/subscribers","subscription_url":"https://api.github.com/repos/v1993/ProjectZ/subscription","commits_url":"https://api.github.com/repos/v1993/ProjectZ/commits{/sha}","git_commits_url":"https://api.github.com/repos/v1993/ProjectZ/git/commits{/sha}","comments_url":"https://api.github.com/repos/v1993/ProjectZ/comments{/number}","issue_comment_url":"https://api.github.com/repos/v1993/ProjectZ/issues/comments{/number}","contents_url":"https://api.github.com/repos/v1993/ProjectZ/contents/{+path}","compare_url":"https://api.github.com/repos/v1993/ProjectZ/compare/{base}...{head}","merges_url":"https://api.github.com/repos/v1993/ProjectZ/merges","archive_url":"https://api.github.com/repos/v1993/ProjectZ/{archive_format}{/ref}","downloads_url":"https://api.github.com/repos/v1993/ProjectZ/downloads","issues_url":"https://api.github.com/repos/v1993/ProjectZ/issues{/number}","pulls_url":"https://api.github.com/repos/v1993/ProjectZ/pulls{/number}","milestones_url":"https://api.github.com/repos/v1993/ProjectZ/milestones{/number}","notifications_url":"https://api.github.com/repos/v1993/ProjectZ/notifications{?since,all,participating}","labels_url":"https://api.github.com/repos/v1993/ProjectZ/labels{/name}","releases_url":"https://api.github.com/repos/v1993/ProjectZ/releases{/id}","deployments_url":"https://api.github.com/repos/v1993/ProjectZ/deployments","created_at":"2016-02-01T17:06:10Z","updated_at":"2016-03-07T10:30:19Z","pushed_at":"2016-05-27T18:46:43Z","git_url":"git://github.com/v1993/ProjectZ.git","ssh_url":"git@github.com:v1993/ProjectZ.git","clone_url":"https://github.com/v1993/ProjectZ.git","svn_url":"https://github.com/v1993/ProjectZ","homepage":"","size":28,"stargazers_count":1,"watchers_count":1,"language":"Lua","has_issues":true,"has_downloads":true,"has_wiki":true,"has_pages":false,"forks_count":0,"mirror_url":null,"open_issues_count":1,"forks":0,"open_issues":1,"watchers":1,"default_branch":"master"},"sender":{"login":"v1993","id":16255906,"avatar_url":"https://avatars.githubusercontent.com/u/16255906?v=3","gravatar_id":"","url":"https://api.github.com/users/v1993","html_url":"https://github.com/v1993","followers_url":"https://api.github.com/users/v1993/followers","following_url":"https://api.github.com/users/v1993/following{/other_user}","gists_url":"https://api.github.com/users/v1993/gists{/gist_id}","starred_url":"https://api.github.com/users/v1993/starred{/owner}{/repo}","subscriptions_url":"https://api.github.com/users/v1993/subscriptions","organizations_url":"https://api.github.com/users/v1993/orgs","repos_url":"https://api.github.com/users/v1993/repos","events_url":"https://api.github.com/users/v1993/events{/privacy}","received_events_url":"https://api.github.com/users/v1993/received_events","type":"User","site_admin":false}}
&lt;/code&gt;&lt;/pre&gt;</t>
  </si>
  <si>
    <t>2016-05-29 10:12:55.850000+00:00</t>
  </si>
  <si>
    <t>json|parsing|github|lua|cgi</t>
  </si>
  <si>
    <t>angular - is it okay to have same property name across different components?</t>
  </si>
  <si>
    <t>&lt;p&gt;Hello Ive tried to do my own research on this topic but I cant seem to find a good answer so I decided to ask it here.&lt;/p&gt;
&lt;p&gt;Say I have two component .ts files. Is it allowed to have properties that have the same name between them? For example:&lt;/p&gt;
&lt;p&gt;&lt;strong&gt;search.component.ts&lt;/strong&gt;&lt;/p&gt;
&lt;pre&gt;&lt;code&gt;export class SearchComponent implements OnInit {
  search: string;
}
&lt;/code&gt;&lt;/pre&gt;
&lt;p&gt;&lt;strong&gt;recent-search.component.ts&lt;/strong&gt;&lt;/p&gt;
&lt;pre&gt;&lt;code&gt;export class RecentSearchComponent implements OnInit {
  search: string;
}
&lt;/code&gt;&lt;/pre&gt;
&lt;p&gt;They both have the same &lt;code&gt;search: string;&lt;/code&gt; property. Will this ever clash and cause errors in the future? &lt;/p&gt;
&lt;p&gt;Furthermore, what about services? Will components that use services that have the same named properties between them cause issues?&lt;/p&gt;
&lt;p&gt;Thanks&lt;/p&gt;</t>
  </si>
  <si>
    <t>2018-05-31 16:33:00.673000+00:00</t>
  </si>
  <si>
    <t>2018-05-31 18:17:19.790000+00:00</t>
  </si>
  <si>
    <t>Template specialization vs. Compiler optimization</t>
  </si>
  <si>
    <t>&lt;p&gt;I have a class with a boolean template argument.&lt;/p&gt;
&lt;pre&gt;&lt;code&gt;template&amp;lt;bool b&amp;gt;
class Foo {
  void doFoo();
};
&lt;/code&gt;&lt;/pre&gt;
&lt;p&gt;I want &lt;code&gt;doFoo&lt;/code&gt; to do different things based on the value of &lt;code&gt;b&lt;/code&gt;.&lt;/p&gt;
&lt;p&gt;Naively I could write&lt;/p&gt;
&lt;p&gt;&lt;strong&gt;Option 1&lt;/strong&gt;&lt;/p&gt;
&lt;pre&gt;&lt;code&gt;template&amp;lt;bool b&amp;gt; void Foo&amp;lt;b&amp;gt;::doFoo() {
  if (b) cout &amp;lt;&amp;lt; "hello";
  else cout &amp;lt;&amp;lt; "goodbye";
}
&lt;/code&gt;&lt;/pre&gt;
&lt;p&gt;This seems inefficient to me because I have to execute an &lt;code&gt;if&lt;/code&gt; every time the function is called event though the correct branch should be known at compile time. I could fix this with template specialization:&lt;/p&gt;
&lt;p&gt;&lt;strong&gt;Option 2&lt;/strong&gt;&lt;/p&gt;
&lt;pre&gt;&lt;code&gt;template&amp;lt;&amp;gt; void Foo&amp;lt;true&amp;gt;::doFoo() { cout &amp;lt;&amp;lt; "hello"; }
template&amp;lt;&amp;gt; void Foo&amp;lt;false&amp;gt;::doFoo() { cout &amp;lt;&amp;lt; "goodbye"; }
&lt;/code&gt;&lt;/pre&gt;
&lt;p&gt;This way I don't have any conditionals executed in runtime. This solution is a bit more complicated (especially since in my real code the class has several template arguments and you can't partially specialize functions so I will need to wrap the function in a class).&lt;/p&gt;
&lt;p&gt;My question is, is the compiler smart enough to know not to execute the conditional in option 1 since it always executes the same way or do I need to write the specializations? If the compiler is smart enough I would be happy to know if this is compiler dependent or a language feature that I can rely on?&lt;/p&gt;</t>
  </si>
  <si>
    <t>2018-05-21 13:19:51.037000+00:00</t>
  </si>
  <si>
    <t>2018-05-21 13:45:59.037000+00:00</t>
  </si>
  <si>
    <t>Assembly - text to number</t>
  </si>
  <si>
    <t>&lt;p&gt;I am trying to convert texto to number. Exemple I digit "321" and I need to conver it to number: 321.&lt;/p&gt;
&lt;p&gt;First i copy to text&lt;/p&gt;
&lt;pre&gt;&lt;code&gt;f:  mov al,es:[bx]
    mov texto[di],al        
    inc bx
    inc bx
    inc di
loop f
&lt;/code&gt;&lt;/pre&gt;
&lt;p&gt;Then I want to convert to number.&lt;/p&gt;
&lt;pre&gt;&lt;code&gt;xor di, di
mov cl, 10
li:
mov al,texto[di]
mov numero[di],al
sub al, 48
mul cl
xor al, al
inc di
loop li
&lt;/code&gt;&lt;/pre&gt;
&lt;p&gt;The first code I think is ok, but the second is wrong. I don't get it.&lt;/p&gt;</t>
  </si>
  <si>
    <t>2014-06-05 20:44:54.863000+00:00</t>
  </si>
  <si>
    <t>2014-06-08 20:57:59.847000+00:00</t>
  </si>
  <si>
    <t>2014-06-05 20:47:08.527000+00:00</t>
  </si>
  <si>
    <t>assembly|masm|x86-16</t>
  </si>
  <si>
    <t>How can I make an &lt;a&gt; tag show within a hover overlay</t>
  </si>
  <si>
    <t>&lt;p&gt;first of all I'm almost entirely new to coding and this website, also english is not my mother tongue so please be kind :)&lt;/p&gt;
&lt;p&gt;My problem is that I have an image overlay on hover that contains an anchor element. I did not succeed in making the anchor element show up together with the overlay div. My approach was to use a sibling selector that tells the anchor to show when I hover the overlay div. &lt;/p&gt;
&lt;p&gt;Hope you guys can help :)&lt;/p&gt;
&lt;p&gt;&lt;div class="snippet" data-lang="js" data-hide="false" data-console="true" data-babel="false"&gt;_x000D_
&lt;div class="snippet-code"&gt;_x000D_
&lt;pre class="snippet-code-css lang-css prettyprint-override"&gt;&lt;code&gt;   .overlay {_x000D_
    display: flex;_x000D_
    position: absolute;_x000D_
    justify-content: center;_x000D_
    align-items: center;_x000D_
    width: 100%;_x000D_
    height: 98.5%;_x000D_
    top: 0;_x000D_
    bottom: 0;_x000D_
    left: 0;_x000D_
    right: 0;_x000D_
    -webkit-transition: all 0.2s ease-in-out;_x000D_
    background-color: rgba(112, 153, 159, 0.0);_x000D_
    }_x000D_
_x000D_
    .overlay a {_x000D_
    font-size: 1em;_x000D_
    color: rgba(255, 255, 255, 0.0);_x000D_
    }_x000D_
_x000D_
    .overlay:hover {_x000D_
    background-color: rgba(112, 153, 159, 0.8);_x000D_
    }_x000D_
_x000D_
    .overlay:hover ~ .overlay a{_x000D_
    color: rgba(255, 255, 255, 1);_x000D_
    }&lt;/code&gt;&lt;/pre&gt;_x000D_
&lt;pre class="snippet-code-html lang-html prettyprint-override"&gt;&lt;code&gt;    &amp;lt;div class="portfolio1"&amp;gt;_x000D_
     &amp;lt;img class="portfolio-image" src="/img/platzhalter.png" /&amp;gt;_x000D_
     &amp;lt;div class="overlay"&amp;gt;_x000D_
      &amp;lt;a&amp;gt;Illustration&amp;lt;/a&amp;gt;_x000D_
     &amp;lt;/div&amp;gt;_x000D_
    &amp;lt;/div&amp;gt;_x000D_
_x000D_
    _x000D_
 &lt;/code&gt;&lt;/pre&gt;_x000D_
&lt;/div&gt;_x000D_
&lt;/div&gt;_x000D_
&lt;/p&gt;</t>
  </si>
  <si>
    <t>2017-02-04 18:22:04.687000+00:00</t>
  </si>
  <si>
    <t>2017-02-04 20:54:37.513000+00:00</t>
  </si>
  <si>
    <t>html|css|flexbox</t>
  </si>
  <si>
    <t>Creating lists in IE 8 with CSS</t>
  </si>
  <si>
    <t>&lt;p&gt;I am new to CSS and I am running into this problem with lists in IE8.  I am creating an unordered list with several li elements with two divs called left and right.&lt;/p&gt;
&lt;p&gt;HTML code -&lt;/p&gt;
&lt;pre&gt;&lt;code&gt;    &amp;lt;ul&amp;gt;
        &amp;lt;li&amp;gt;
             &amp;lt;div class="left"&amp;gt;
                 &amp;lt;p&amp;gt;ONE&amp;lt;/p&amp;gt;
             &amp;lt;/div&amp;gt;
             &amp;lt;div class="right"&amp;gt;
                 &amp;lt;p&amp;gt;TWO&amp;lt;/p&amp;gt;
             &amp;lt;/div&amp;gt;
        &amp;lt;/li&amp;gt;
        &amp;lt;li&amp;gt;
             &amp;lt;div class="left"&amp;gt;
                 &amp;lt;p&amp;gt;THREE&amp;lt;/p&amp;gt;
             &amp;lt;/div&amp;gt;
             &amp;lt;div class="right"&amp;gt;
                 &amp;lt;p&amp;gt;FOUR&amp;lt;/p&amp;gt;
             &amp;lt;/div&amp;gt;
        &amp;lt;/li&amp;gt; 
   &amp;lt;/ul&amp;gt;
&lt;/code&gt;&lt;/pre&gt;
&lt;p&gt;I essentially want to create a list with two columns.  My CSS -&lt;/p&gt;
&lt;pre&gt;&lt;code&gt;    ul {
       list-style-type: none;
       padding: 0px;
       margin: 0px;
   }
    ul li {
      height: 40px;
      width: 800px;
      border: 1px solid;
   }
ul li div.left, div.right {
      display: inline-block;
      *display: inline;
      zoom: 1;
   }
&lt;/code&gt;&lt;/pre&gt;
&lt;p&gt;Using the above CSS and html, I get a list with two columns with a height a 40px.  In firefox and chrome, it shows up just as I wanted, but in IE it is a different story. &lt;/p&gt;
&lt;p&gt;In IE, I see the same list but the only problem is spacing.  In IE, the divs left and right sit at the top of its parent li whereas in Chrome and Firefox they elements sit in the middle which I is what I want.  &lt;/p&gt;
&lt;p&gt;How do I get this to happen in IE?  In IE, my divs cling to the top of the li element, with no padding in between.  Do I need to add something else in my CSS?  If anyone can help, it would be great.&lt;/p&gt;
&lt;p&gt;Thanks.&lt;/p&gt;</t>
  </si>
  <si>
    <t>2012-09-20 02:36:14.870000+00:00</t>
  </si>
  <si>
    <t>2012-09-20 08:37:20.677000+00:00</t>
  </si>
  <si>
    <t>2012-09-20 02:46:31.150000+00:00</t>
  </si>
  <si>
    <t>html|css|list</t>
  </si>
  <si>
    <t>How to I properly set UIColor from int?</t>
  </si>
  <si>
    <t>&lt;p&gt;I am trying to set the &lt;code&gt;textColor&lt;/code&gt; of a &lt;code&gt;UITextView&lt;/code&gt; by assigning it a value. &lt;/p&gt;
&lt;p&gt;Earlier in the program I have&lt;/p&gt;
&lt;pre&gt;&lt;code&gt;textView.textColor = 0x000000;
&lt;/code&gt;&lt;/pre&gt;
&lt;p&gt;but later, when I have &lt;/p&gt;
&lt;pre&gt;&lt;code&gt;textView.textColor = 0x888888;
&lt;/code&gt;&lt;/pre&gt;
&lt;p&gt;a fatal error pops up saying: "Implicit conversion of 'int' to 'UIColor *' is disallowed with ARC".&lt;/p&gt;
&lt;p&gt;How do I convert my int to a UIColor to properly set the text color? Why did it work with 0x000000 and not 0x888888?&lt;/p&gt;</t>
  </si>
  <si>
    <t>2013-10-16 13:48:52.190000+00:00</t>
  </si>
  <si>
    <t>2015-09-11 08:16:06.310000+00:00</t>
  </si>
  <si>
    <t>2013-10-16 16:29:37.913000+00:00</t>
  </si>
  <si>
    <t>ios|implicit-conversion|uicolor</t>
  </si>
  <si>
    <t>Create Dial up Connection With a batch file or comand line?</t>
  </si>
  <si>
    <t>&lt;p&gt;I can dial up a dial up internet connection using rasdial command in batch file which is below&lt;/p&gt;
&lt;pre&gt;&lt;code&gt;rasdial [Connection name] [User] [Password]
&lt;/code&gt;&lt;/pre&gt;
&lt;p&gt;but I want a batch file which could actualy create a dial up connection. Shall be very grateful if someone can do it?&lt;/p&gt;</t>
  </si>
  <si>
    <t>2014-01-25 07:37:25.397000+00:00</t>
  </si>
  <si>
    <t>2014-02-01 10:35:46.970000+00:00</t>
  </si>
  <si>
    <t>networking|batch-file|dial-up</t>
  </si>
  <si>
    <t>SQLite in a multithreaded java application</t>
  </si>
  <si>
    <t>&lt;p&gt;I have written a java application that sporadically logs events to an SQLite database from multiple threads.  I've noticed that I can trigger SQLite's "Database Locked" errors relatively easily by spawning a small number of events at the same time.  This drove me to write a test program that mimics the worst case behavior and I was surprised by how poorly it seems that SQLite performs in this use case.  The code posted below simply adds five records to a database, first sequentially to get "control" values.  Then the same five records are added concurrently.  &lt;/p&gt;
&lt;pre&gt;&lt;code&gt;import java.sql.*;
public class Main {
   public static void main(String[] args) throws Exception {
      Class.forName("org.sqlite.JDBC");
      Connection conn = DriverManager.getConnection("jdbc:sqlite:test.db");
      Statement stat = conn.createStatement();
      stat.executeUpdate("drop table if exists people");
      stat.executeUpdate("create table people (name, occupation)");
      conn.close();
      SqlTask tasks[] = {
         new SqlTask("Gandhi", "politics"),
         new SqlTask("Turing", "computers"),
         new SqlTask("Picaso", "artist"),
         new SqlTask("shakespeare", "writer"),
         new SqlTask("tesla", "inventor"),
      };
      System.out.println("Sequential DB access:");
      Thread threads[] = new Thread[tasks.length];
      for(int i = 0; i &amp;lt; tasks.length; i++)
         threads[i] = new Thread(tasks[i]);
      for(int i = 0; i &amp;lt; tasks.length; i++) {
         threads[i].start();
         threads[i].join();
      }
      System.out.println("Concurrent DB access:");
      for(int i = 0; i &amp;lt; tasks.length; i++)
         threads[i] = new Thread(tasks[i]);
      for(int i = 0; i &amp;lt; tasks.length; i++)
         threads[i].start();
      for(int i = 0; i &amp;lt; tasks.length; i++)
         threads[i].join();
   }
   private static class SqlTask implements Runnable {
      String name, occupation;
      public SqlTask(String name, String occupation) {
         this.name = name;
         this.occupation = occupation;
      }
      public void run() {
         Connection conn = null;
         PreparedStatement prep = null;
         long startTime = System.currentTimeMillis();
         try {
            try {
               conn = DriverManager.getConnection("jdbc:sqlite:test.db");
               prep = conn.prepareStatement("insert into people values (?, ?)");
               prep.setString(1, name);
               prep.setString(2, occupation);
               prep.executeUpdate();
               long duration = System.currentTimeMillis() - startTime;
               System.out.println("   SQL Insert completed: " + duration);
            }
            finally {
               if (prep != null) prep.close();
               if (conn != null) conn.close();
            }
         }
         catch(SQLException e) {
            long duration = System.currentTimeMillis() - startTime;
            System.out.print("   SQL Insert failed: " + duration);
            System.out.println(" SQLException: " + e);
         }
      }
   }
}
&lt;/code&gt;&lt;/pre&gt;
&lt;p&gt;Here is the output when I run this java code:&lt;/p&gt;
&lt;pre&gt;&lt;code&gt; [java] Sequential DB access:
 [java]    SQL Insert completed: 132
 [java]    SQL Insert completed: 133
 [java]    SQL Insert completed: 151
 [java]    SQL Insert completed: 134
 [java]    SQL Insert completed: 125
 [java] Concurrent DB access:
 [java]    SQL Insert completed: 116
 [java]    SQL Insert completed: 1117
 [java]    SQL Insert completed: 2119
 [java]    SQL Insert failed: 3001 SQLException: java.sql.SQLException: database locked
 [java]    SQL Insert completed: 3136
&lt;/code&gt;&lt;/pre&gt;
&lt;p&gt;Inserting 5 records sequentially takes about 750 milliseconds, I would expect the concurrent inserts to take roughly the same amount of time.  But you can see that given a 3 second timeout they don't even finish.  I also wrote a similar test program in C, using SQLite's native library calls and the simultaneous inserts finished in roughly the same time as the concurrent inserts did.  So the problem is with my java library.&lt;/p&gt;
&lt;p&gt;Here is the output when I run the C version:&lt;/p&gt;
&lt;pre&gt;&lt;code&gt;Sequential DB access:
  SQL Insert completed: 126 milliseconds
  SQL Insert completed: 126 milliseconds
  SQL Insert completed: 126 milliseconds
  SQL Insert completed: 125 milliseconds
  SQL Insert completed: 126 milliseconds
Concurrent DB access:
  SQL Insert completed: 117 milliseconds
  SQL Insert completed: 294 milliseconds
  SQL Insert completed: 461 milliseconds
  SQL Insert completed: 662 milliseconds
  SQL Insert completed: 862 milliseconds
&lt;/code&gt;&lt;/pre&gt;
&lt;p&gt;I tried this code with two different JDBC drivers( &lt;a href="http://www.zentus.com/sqlitejdbc" rel="noreferrer"&gt;http://www.zentus.com/sqlitejdbc&lt;/a&gt; and &lt;a href="http://www.xerial.org/trac/Xerial/wiki/SQLiteJDBC" rel="noreferrer"&gt;http://www.xerial.org/trac/Xerial/wiki/SQLiteJDBC&lt;/a&gt;), and the sqlite4java wrapper.  Each time the results were similar.  Does anyone out there know of a SQLite library for java that doesn't have this behavior?&lt;/p&gt;</t>
  </si>
  <si>
    <t>2012-05-22 17:57:34.733000+00:00</t>
  </si>
  <si>
    <t>2014-11-24 10:20:18.593000+00:00</t>
  </si>
  <si>
    <t>java|sqlite|jdbc|sqlite3|locked</t>
  </si>
  <si>
    <t>Access 2013: copy data to Excel and print (VBA)</t>
  </si>
  <si>
    <t>&lt;p&gt;I'd like a button that, when clicked, copies data from "field1" and "field2" into an Excel spreadsheet to "field 3" and "field 4" and prints the outcome.&lt;/p&gt;
&lt;p&gt;Basically, once someone places an order and I click the "Paid" button, it pushes the info into a template and prints.&lt;/p&gt;</t>
  </si>
  <si>
    <t>2013-04-27 14:31:08.990000+00:00</t>
  </si>
  <si>
    <t>2013-04-27 16:32:08.123000+00:00</t>
  </si>
  <si>
    <t>2013-04-27 16:11:56.557000+00:00</t>
  </si>
  <si>
    <t>excel|ms-access|copy|access-vba|field</t>
  </si>
  <si>
    <t>Is there anything that i can replace AbsolutePath.Contains with?</t>
  </si>
  <si>
    <t>&lt;p&gt;I have a Uri that contains a part of the path that i am putting in the if block. Its something like   &lt;/p&gt;
&lt;pre&gt;&lt;code&gt;if (absUri.AbsolutePath.Contains("W3C//DTD%20XHTML%201.1//EN"))
&lt;/code&gt;&lt;/pre&gt;
&lt;p&gt;I want to replace .Contains part with something more reliable and robust as if there is some piece of string after //EN, even that will satisfy the if block. The whole path is something like this: C:/Users/a/desktop/fol/W3C//DTD%20XHTML%201.1//EN. 
Is there any method?&lt;/p&gt;</t>
  </si>
  <si>
    <t>2009-05-21 08:30:20.360000+00:00</t>
  </si>
  <si>
    <t>2009-05-21 08:42:49.180000+00:00</t>
  </si>
  <si>
    <t>chh</t>
  </si>
  <si>
    <t>c#|uri</t>
  </si>
  <si>
    <t>Simple Android Studio TextView Code Using Java</t>
  </si>
  <si>
    <t>&lt;p&gt;I am trying to create a TextView in Android Studio using the code on their reference (I already know I can use XML but I am trying to learn java).  My code doesn't work and I can't figure out why.  I look just like the code on the reference.  I am trying to figure out how to use the Android reference guide to code in Android Studio.  Any tips and tricks for using the reference guide are appreciated too.&lt;/p&gt;
&lt;p&gt;Note:  Please no comments saying I need to buy a java book, take a java class, etc because I am already doing that.&lt;/p&gt;
&lt;p&gt;The reference I am referring to (&lt;a href="http://developer.android.com/reference/android/widget/TextView.html#" rel="nofollow"&gt;http://developer.android.com/reference/android/widget/TextView.html#&lt;/a&gt;)&lt;/p&gt;
&lt;pre&gt;&lt;code&gt;    //(class) Adds TextView
public class TextView extends MainActivity{
    CharSequence myText = "Marsha Jackson - (555) 555-5555 - marsha.jackson@email.com - www.jkl.com";
    //(method) Sets width for the textview
    public void setWidth (int pixels){
        int = 100;
    }
    //(method) Sets the height of the TextView
    public void setHeight (int pixels){
        int = 500;
    }
    //(method) Sets the size of the text
    public void setTextSize (float size){
        float = 40;
    }
    //Sets the typeface fo the font
    public void setTypeface (Typeface tf) {
        Typeface Arial;
    }
    //(method) Sets the text color
    public void setTextColor (ColorStateList colors){
        ColorStateList Red;
    }
    //(method) Sets the colors for links
    public final void setLinkTextColor (int color) {
        int Yellow;
    }
    //(method)Sets highlighted text color
    public void setHighlightColor (int color){
        int Green;
    }
    //(method) Sets text to be ellipsized
    public void setEllipsize (TextUtils.TruncateAt where){
        Enum END;
    }
    //(method) Sets text
    public final void setText(CharSequence text){
        myText = text;
    }
    //(method)Makes text selectable
    public void setTextIsSelectable (boolean selectable){
    }
    //(method) Return the state of the textIsSelectable flag
    public boolean isTextSelectable(){
        return (setTextIsSelectable);
    }
    //(Method) Lets user select websites, phone numbers, and emails
    public final void setAutoLinkMask (int mask){
        public static final int all{
        }
        //(Field)Filters out numbers that are too short to be phone numbers
        public static final Linkify.MatchFilter sPhoneNumberMatchFilter{
        }
        //(Field)Filters out symbols that can be in phone numbers
        public static final Linkify.TransformFilter sPhoneNumberTransformFilter{
        }
        //(Field) Prevent text after @ sign from becoming a website link
        public static final Linkify.MatchFilter sUrlMatchFilter{
        }
    }
}
&lt;/code&gt;&lt;/pre&gt;</t>
  </si>
  <si>
    <t>2015-06-17 15:21:28.043000+00:00</t>
  </si>
  <si>
    <t>2015-08-02 08:45:00.557000+00:00</t>
  </si>
  <si>
    <t>java|android|android-studio</t>
  </si>
  <si>
    <t>Error in SQL server connection</t>
  </si>
  <si>
    <t>&lt;p&gt;I have an ASP.net website and I have uploaded it on a free hosting site. I have uploaded all files and directories. Changed the connection string with the connection string given by the hosting site. But still I am receiving this error. Error message is: &lt;/p&gt;
&lt;blockquote&gt;
  &lt;p&gt;A network-related or instance-specific error occurred while
  establishing a connection to SQL Server. The server was not found or
  was not accessible. Verify that the instance name is correct and that
  SQL Server is configured to allow remote connections. (provider: SQL
  Network Interfaces, error: 26 - Error Locating Server/Instance
  Specified)&lt;/p&gt;
&lt;/blockquote&gt;
&lt;p&gt;&lt;a href="http://opacpsu-001-site1.smarterasp.net/psu-home1.aspx" rel="nofollow"&gt;http://opacpsu-001-site1.smarterasp.net/psu-home1.aspx&lt;/a&gt;&lt;/p&gt;
&lt;p&gt;Here is the connection string give by the hosting site.&lt;/p&gt;
&lt;pre&gt;&lt;code&gt;"Data Source=SQL5013.Smarterasp.net;Initial Catalog=DB_9B4835_OPAC;User Id=DB_9B4835_OPAC_admin;Password=12345678;"
&lt;/code&gt;&lt;/pre&gt;
&lt;p&gt;What should I do?&lt;/p&gt;
&lt;p&gt;Okay so I forgot to show the configuration in the Web.config file.&lt;/p&gt;
&lt;p&gt;Here it is.&lt;/p&gt;
&lt;pre&gt;&lt;code&gt;&amp;lt;connectionStrings&amp;gt;
&amp;lt;add name="OPACConnectionString" connectionString="Data Source=SQL5013.Smarterasp.net;Initial Catalog=DB_9B4835_OPAC;User Id=DB_9B4835_OPAC_admin;Password=12345678;" providerName="System.Data.SqlClient" /&amp;gt;
&amp;lt;/connectionStrings&amp;gt; 
&lt;/code&gt;&lt;/pre&gt;</t>
  </si>
  <si>
    <t>2014-10-18 06:29:38.430000+00:00</t>
  </si>
  <si>
    <t>2014-10-18 06:44:04.680000+00:00</t>
  </si>
  <si>
    <t>asp.net|sql-server-2008</t>
  </si>
  <si>
    <t>count using awk commands</t>
  </si>
  <si>
    <t>&lt;p&gt;I have fileA.txt and a few lines of it are shown below:&lt;/p&gt;
&lt;pre&gt;&lt;code&gt;AA
BB
CC
DD  
EE
&lt;/code&gt;&lt;/pre&gt;
&lt;p&gt;And i have fileB.txt, and it has text like shown below:&lt;/p&gt;
&lt;pre&gt;&lt;code&gt;Group  col2   col3    col4
1    pp    4567    AA,BC,AB
1    qp    3428    AA
2    pp    3892    AA
3    ee    28399   AA
4    dd    3829    BB,CC
1    dd    27819   BB
5    ak    29938   CC
&lt;/code&gt;&lt;/pre&gt;
&lt;p&gt;For every line in fileA.txt, it should count the number of times it is present in fileB.txt based on column1 in fileB.txt.&lt;/p&gt;
&lt;p&gt;Sample output should look like:&lt;/p&gt;
&lt;pre&gt;&lt;code&gt;AA    3
BB    2
CC    2
&lt;/code&gt;&lt;/pre&gt;
&lt;p&gt;AA is present 4 times but it is present in the group "1" twice. If it is present more than once in the same group in column1,it should be counted only once and therefore in the above output AA count is 3.&lt;/p&gt;
&lt;p&gt;Any help using awk or any other oneliners?&lt;/p&gt;</t>
  </si>
  <si>
    <t>2014-03-03 20:41:56.010000+00:00</t>
  </si>
  <si>
    <t>2014-03-03 21:32:11.230000+00:00</t>
  </si>
  <si>
    <t>2014-03-03 21:22:07.553000+00:00</t>
  </si>
  <si>
    <t>linux|awk|count</t>
  </si>
  <si>
    <t>things that prevent cross-platformness your java web application</t>
  </si>
  <si>
    <t>&lt;p&gt;are there any things that once can do ignorantly that can prevent a java web application from being cross platform? (windows/linux/mac)&lt;/p&gt;
&lt;p&gt;Tools I am planning to use are java/spring framework/hibernate&lt;/p&gt;</t>
  </si>
  <si>
    <t>2010-01-04 20:20:19.217000+00:00</t>
  </si>
  <si>
    <t>2010-01-04 21:21:55.240000+00:00</t>
  </si>
  <si>
    <t>java|cross-platform</t>
  </si>
  <si>
    <t>\t not working in text body of a mail</t>
  </si>
  <si>
    <t>&lt;p&gt;I have a rails application where I create contents of an email. In the text body I am using &lt;code&gt;\t&lt;/code&gt; but the effect cannot be seen in the mail. Whereas &lt;code&gt;\n&lt;/code&gt; is appearing in the mail content. How can I put &lt;code&gt;\t&lt;/code&gt;?&lt;/p&gt;</t>
  </si>
  <si>
    <t>2016-01-19 08:02:30.683000+00:00</t>
  </si>
  <si>
    <t>2016-01-19 09:17:34.340000+00:00</t>
  </si>
  <si>
    <t>node.js mongodb express - cannot POST/</t>
  </si>
  <si>
    <t>&lt;pre&gt;&lt;code&gt;var express = require('express');
var mongoUtils = require('./mongooseData.js')
var app = express();
app.get('/businesses' , mongoUtils.findAllBusinesses);
app.post('/newBusiness' , mongoUtils.enterNewBusiness);
app.listen(3000);
&lt;/code&gt;&lt;/pre&gt;
&lt;p&gt;this is the server, i dont know why but the GET is working but the POST isn't,&lt;/p&gt;
&lt;p&gt;i tried with the commandprompt (curl -X POST localhost... -d ... )
and with the chrome extention REST&lt;/p&gt;
&lt;p&gt;and i still getting the Cannot POST/&lt;/p&gt;
&lt;p&gt;the reply from the node server is "OK" and printing to the console &lt;/p&gt;</t>
  </si>
  <si>
    <t>2014-08-19 11:54:03.940000+00:00</t>
  </si>
  <si>
    <t>2014-08-19 12:46:36.847000+00:00</t>
  </si>
  <si>
    <t>node.js|mongodb|express</t>
  </si>
  <si>
    <t>Access MVC Model property that is already JSON in javascript</t>
  </si>
  <si>
    <t>&lt;p&gt;Disclaimer: I do not want to encode/Serialize the property/object in the view! I want to to this in my business layer and send it to the controller.&lt;/p&gt;
&lt;p&gt;I have a list of CustomerDetailViewModels that i want to show in CustomerDetailView. it looks like this: &lt;/p&gt;
&lt;pre&gt;&lt;code&gt;   public class CustomerDetailViewModel
{
    public CustomerDetailViewModel()
    {
        EmployeeAndHours = new Dictionary&amp;lt;string, int&amp;gt;();
    }
    public string customerName { get; set; }
    public string projectName { get; set; }
    public int totalNumberOfProjectHours { get; set; }
    public Dictionary&amp;lt;string, int&amp;gt; EmployeeAndHours { get; set; }
    public string jsonChartDataSets { get; set; }
}
&lt;/code&gt;&lt;/pre&gt;
&lt;p&gt;So i will iterate through them and show them in a table. Now, the 'jsonChartDatasets' is a property that is filled from list of objects and that i serialize like this: 'JsonConvert.SerializeObject(listOfDatasets);'
It looks like this : 
&lt;a href="https://i.stack.imgur.com/YAiZr.jpg" rel="nofollow noreferrer"&gt;&lt;img src="https://i.stack.imgur.com/YAiZr.jpg" alt="enter image description here"&gt;&lt;/a&gt;&lt;/p&gt;
&lt;p&gt;every 'jsonChartDataSets looks the same. It dosent matter. What matters is that i have a script in the view where I want to use this json string. Its for ChartJS. &lt;/p&gt;
&lt;p&gt;It looks like this, and this is how Ive tried to use the property:&lt;/p&gt;
&lt;p&gt;&lt;div class="snippet" data-lang="js" data-hide="false" data-console="true" data-babel="false"&gt;_x000D_
&lt;div class="snippet-code"&gt;_x000D_
&lt;pre class="snippet-code-js lang-js prettyprint-override"&gt;&lt;code&gt;var months = ['Januari', 'Februari', 'Mars', 'April', 'Maj', 'Juni', 'Juli', 'Augusti', 'September', 'Oktober', 'November', 'December'];_x000D_
_x000D_
// For drawing the lines_x000D_
var ctx = document.getElementById("projectChart");_x000D_
_x000D_
var myChart = new Chart(ctx, {_x000D_
    type: 'line',_x000D_
    data: {_x000D_
        labels: months,_x000D_
        datasets: '@Model[0].jsonChartDataSets'_x000D_
    },_x000D_
    options:_x000D_
    {_x000D_
        responsive: true,_x000D_
        maintainAspectRatio: true_x000D_
    }_x000D_
});&lt;/code&gt;&lt;/pre&gt;_x000D_
&lt;/div&gt;_x000D_
&lt;/div&gt;_x000D_
&lt;/p&gt;
&lt;p&gt;These are the errors (the topmost one is a console.log of ('@Model[0].jsonChartDataSets').&lt;/p&gt;
&lt;p&gt;I Appreciate the help! &lt;/p&gt;</t>
  </si>
  <si>
    <t>2018-03-15 16:01:01.133000+00:00</t>
  </si>
  <si>
    <t>2018-03-16 03:32:06.103000+00:00</t>
  </si>
  <si>
    <t>2018-03-15 16:05:01.933000+00:00</t>
  </si>
  <si>
    <t>javascript|asp.net-core-mvc|chart.js</t>
  </si>
  <si>
    <t>Partial Searches in Sql Server?</t>
  </si>
  <si>
    <t>&lt;p&gt;what is the best way to do search in a sql database, my website I am building will  be doing lots of user driven searches.&lt;/p&gt;
&lt;p&gt;I first thought about using sql server full text search but now I am finding it seems to not support partial matches&lt;/p&gt;
&lt;p&gt;Say I got this data.&lt;/p&gt;
&lt;pre&gt;&lt;code&gt;Procter &amp;amp; Gamble
Google
Stackoverflow 
A&amp;amp;M Records
&lt;/code&gt;&lt;/pre&gt;
&lt;p&gt;and I want to try to find anything with an &amp;amp; in it&lt;/p&gt;
&lt;pre&gt;&lt;code&gt;SELECT * 
FROM dbo.[Companies]
WHERE CONTAINS(Name,'&amp;amp;')
select * FROM [Companies]
WHERE FREETEXT(Name,'&amp;amp;') 
&lt;/code&gt;&lt;/pre&gt;
&lt;p&gt;both of these do not return any results. I would have to use&lt;/p&gt;
&lt;pre&gt;&lt;code&gt;select * FROM [Companies]
WHERE Name like '%&amp;amp;%'
&lt;/code&gt;&lt;/pre&gt;
&lt;p&gt;but from my understanding is like does a full table scan that can be slow. So I am not sure how this is going to effect my site speed when I am search through around 5 million records.&lt;/p&gt;
&lt;p&gt;I know there is elastic search but I am afraid that is going to take me too long to learn and I am on a tight deadline so I need something that can work for the interim and then I can strive towards something better.&lt;/p&gt;
&lt;p&gt;Edit&lt;/p&gt;
&lt;p&gt;I should add another use case that I need to handle is something like a product (think of a TV what has almost the same model number but some letters at the end) number like&lt;/p&gt;
&lt;pre&gt;&lt;code&gt;Product A - 123456
Product B - 123456A
Product C - 123456B
&lt;/code&gt;&lt;/pre&gt;
&lt;p&gt;So basically if someone types in "123456A" then all 3 results should come back and this is something I am not sure if "like" can do. &lt;/p&gt;</t>
  </si>
  <si>
    <t>2018-06-27 20:22:38.230000+00:00</t>
  </si>
  <si>
    <t>2018-06-27 21:16:09.113000+00:00</t>
  </si>
  <si>
    <t>c#|.net|sql-server|full-text-search|sql-like</t>
  </si>
  <si>
    <t>Reverse children in contenttree umbraco</t>
  </si>
  <si>
    <t>&lt;p&gt;I asked this question to on the umbraco forum but it seems unresponsive since the facelift...&lt;/p&gt;
&lt;p&gt;I'm looking for a way to reverse the content tree of certain children in the umbraco back-office. It can be pure visual without changing the sort order.&lt;/p&gt;
&lt;p&gt;I was looking in to adding a property to the documenttypes of a contentpage called "reverseChildren" and catch that somehow to display the children in reverse.&lt;/p&gt;
&lt;p&gt;I did a test in the umbraco.directives.js to reverse everything but gave me some pretty erratic behavior.&lt;/p&gt;
&lt;p&gt;Any thought on how to get this option in Umbraco as a "hack" or maybe even as a plugin?&lt;/p&gt;
&lt;p&gt;Thanks&lt;/p&gt;</t>
  </si>
  <si>
    <t>2015-11-06 08:13:49.770000+00:00</t>
  </si>
  <si>
    <t>2015-11-07 03:48:54.920000+00:00</t>
  </si>
  <si>
    <t>umbraco|reverse</t>
  </si>
  <si>
    <t>Extending SimpleMembership to support Multi-Tenancy</t>
  </si>
  <si>
    <t>&lt;p&gt;I have a multi-tenant app that's using SimpleMembership.  Each User in my system is linked to one or more Tenants.  I've extended Users simply by adding the required fields to the User model (and Tenants): &lt;/p&gt;
&lt;pre&gt;&lt;code&gt;public class User{
    [Key]
    [DatabaseGenerated(DatabaseGeneratedOption.Identity)]
    public int UserId { get; set; }
    public virtual ICollection&amp;lt;Tenant&amp;gt; Tenants { get; set; }
}
&lt;/code&gt;&lt;/pre&gt;
&lt;p&gt;This is working great.  But now I'd like to have Roles be tenant-specific, where some role types MUST have a TenantId defined.  This isn't as simple as the user problem, as each of the following will be affected: &lt;/p&gt;
&lt;p&gt;&lt;strong&gt;Adding Roles, Checking Roles:&lt;/strong&gt;&lt;/p&gt;
&lt;pre&gt;&lt;code&gt; if (!Roles.Privider.RoleExists("Moderator"))  // I now want to include TenantId here
        {
            roles.CreateRole("Moderator"); // and here
        }
&lt;/code&gt;&lt;/pre&gt;
&lt;p&gt;&lt;strong&gt;Assigning/Checking Roles Using Provider:&lt;/strong&gt;&lt;/p&gt;
&lt;pre&gt;&lt;code&gt;    if (!Roles.IsUserInRole("Admin", "SystemAdministrator")) // and here
        {
            roles.AddUsersToRoles(new[] { "Admin" }, new[] { "SystemAdministrator" }); // and here
        }
&lt;/code&gt;&lt;/pre&gt;
&lt;p&gt;&lt;strong&gt;Role Attributes:&lt;/strong&gt;&lt;/p&gt;
&lt;pre&gt;&lt;code&gt; [System.Web.Http.Authorize(Roles = "SystemAdministrator")]
 public class AdminApiController : BaseApiController 
&lt;/code&gt;&lt;/pre&gt;
&lt;p&gt;&lt;strong&gt;User.IsInRole:&lt;/strong&gt;&lt;/p&gt;
&lt;pre&gt;&lt;code&gt; if (User.IsInRole("Administrator"))
            {
&lt;/code&gt;&lt;/pre&gt;
&lt;p&gt;I'm pretty new to ASP.NET, so I'm not sure where to begin here.  Should I be overriding the SimpleMembership Role Provider somehow, or should I look into writing my own Role columns, classes, etc?  It would feel wrong to hand-code anything around authentication... Any pointers around this would be much appreciated.&lt;/p&gt;</t>
  </si>
  <si>
    <t>2013-11-09 01:30:39.937000+00:00</t>
  </si>
  <si>
    <t>2013-11-11 16:10:45.930000+00:00</t>
  </si>
  <si>
    <t>asp.net|asp.net-mvc|asp.net-mvc-4|simplemembership</t>
  </si>
  <si>
    <t>Dotnet gmail api optional parameters</t>
  </si>
  <si>
    <t>&lt;p&gt;I am trying to download a raw mail message from gmail, which is not working. The documentation tells me to add the parameter &lt;code&gt;format = raw&lt;/code&gt; (&lt;a href="https://developers.google.com/gmail/api/v1/reference/users/messages/get" rel="nofollow"&gt;source&lt;/a&gt;) but when I implement one of these:&lt;/p&gt;
&lt;pre&gt;&lt;code&gt;services.Users.Messages.Get("me", "messageId", format: "raw");
services.Users.Messages.Get("me", "messageId", "raw");
&lt;/code&gt;&lt;/pre&gt;
&lt;p&gt;Visual Studio will give me the error that "No Overload is possible" (No overload for method 'Get' takes 3 arguments) which makes sense, cause the third argument is not in the metadata-files. But also, I cannot edit these files to add a third (optional) parameter..&lt;/p&gt;
&lt;p&gt;Thanks in advance!&lt;/p&gt;</t>
  </si>
  <si>
    <t>2015-03-16 11:47:26.767000+00:00</t>
  </si>
  <si>
    <t>2015-04-19 19:33:26.227000+00:00</t>
  </si>
  <si>
    <t>2015-03-16 11:56:32.867000+00:00</t>
  </si>
  <si>
    <t>.net|gmail|optional-parameters</t>
  </si>
  <si>
    <t>3D Computer Graphic Animation : Back-Face Culling not working properly</t>
  </si>
  <si>
    <t>&lt;p&gt;So I've tried to do a backface culling on the cube with Visual Basic. I'm sure that the code that i wrote is right, but somehow the it's not the back face that i want.&lt;/p&gt;
&lt;p&gt;This is the data structure&lt;/p&gt;
&lt;pre&gt;&lt;code&gt;Structure TLine
    Dim p1, p2 As Integer
End Structure
Structure TLine2
    Dim p1, p2 As TPoint
End Structure
Structure TPoint
    Dim x, y, z, w As Double
End Structure
Structure TPolygon
    Dim p1, p2, p3 As Integer
End Structure
&lt;/code&gt;&lt;/pre&gt;
&lt;p&gt;This is the function&lt;/p&gt;
&lt;pre&gt;&lt;code&gt;Sub SetPoint(ByRef V As TPoint, ByVal a As Double, ByVal b As Double, ByVal c As Double, ByVal d As Double)
    V.x = a
    V.y = b
    V.z = c
    V.w = 1
End Sub
Sub SetLine(ByVal idx As Integer, ByVal p1 As Integer, ByVal p2 As Integer)
    edge(idx).p1 = p1
    edge(idx).p2 = p2
End Sub
Sub SetPolygon(ByVal idx As Integer, ByVal p1 As Integer, ByVal p2 As Integer, ByVal p3 As Integer)
    polygon(idx).p1 = p1
    polygon(idx).p2 = p2
    polygon(idx).p3 = p3
End Sub
&lt;/code&gt;&lt;/pre&gt;
&lt;p&gt;This is the draw function&lt;/p&gt;
&lt;pre&gt;&lt;code&gt;Sub draw()
    bmp = New Bitmap(400, 400)
    Dim grp As Graphics = Graphics.FromImage(bmp)
    Dim i As Integer
    Dim p As New Pen(Color.Black)
    DOP.x = 0
    DOP.y = 0
    DOP.z = -2
    For i = 0 To 11
        temp_v1.x = v(polygon(i).p2).x - v(polygon(i).p1).x
        temp_v1.y = v(polygon(i).p2).y - v(polygon(i).p1).y
        temp_v1.z = v(polygon(i).p2).z - v(polygon(i).p1).z
        temp_v2.x = v(polygon(i).p3).x - v(polygon(i).p1).x
        temp_v2.y = v(polygon(i).p3).y - v(polygon(i).p1).y
        temp_v2.z = v(polygon(i).p3).z - v(polygon(i).p1).z
        normal.x = (temp_v1.y * temp_v2.z) - (temp_v2.y * temp_v1.z)
        normal.y = (temp_v1.z * temp_v2.x) - (temp_v2.z * temp_v1.x)
        normal.z = (temp_v1.x * temp_v2.y) - (temp_v2.x * temp_v1.y)
        result = (DOP.x * normal.x) + (DOP.y * normal.y) + (DOP.z * normal.z)
        If result &amp;lt; 0 Then
            grp.DrawLine(p, CInt(vs(polygon(i).p1).x), CInt(vs(polygon(i).p1).y), CInt(vs(polygon(i).p2).x), CInt(vs(polygon(i).p2).y))
            grp.DrawLine(p, CInt(vs(polygon(i).p1).x), CInt(vs(polygon(i).p1).y), CInt(vs(polygon(i).p3).x), CInt(vs(polygon(i).p3).y))
            grp.DrawLine(p, CInt(vs(polygon(i).p2).x), CInt(vs(polygon(i).p2).y), CInt(vs(polygon(i).p3).x), CInt(vs(polygon(i).p3).y))
            PictureBox1.Image = bmp
        End If
    Next
    'PictureBox1.Image = bmp
End Sub
&lt;/code&gt;&lt;/pre&gt;
&lt;p&gt;And this is the set of point and polygon in one cube &lt;/p&gt;
&lt;pre&gt;&lt;code&gt;SetPoint(v(0), -1, -1, 1, 1)
    SetPoint(v(1), 1, -1, 1, 1)
    SetPoint(v(2), 1, 1, 1, 1)
    SetPoint(v(3), -1, 1, 1, 1)
    SetPoint(v(4), -1, -1, -1, 1)
    SetPoint(v(5), 1, -1, -1, 1)
    SetPoint(v(6), 1, 1, -1, 1)
    SetPoint(v(7), -1, 1, -1, 1)
    SetPolygon(0, 0, 1, 2)
    SetPolygon(1, 0, 3, 2)
    SetPolygon(2, 5, 4, 7)
    SetPolygon(3, 5, 6, 7)
    SetPolygon(4, 3, 2, 6)
    SetPolygon(5, 3, 7, 6)
    SetPolygon(6, 4, 5, 1)
    SetPolygon(7, 4, 0, 1)
    SetPolygon(8, 1, 5, 6)
    SetPolygon(9, 1, 2, 6)
    SetPolygon(10, 4, 0, 3)
    SetPolygon(11, 4, 7, 3)
&lt;/code&gt;&lt;/pre&gt;
&lt;p&gt;This is the &lt;a href="https://i.stack.imgur.com/o6x4g.gif" rel="nofollow noreferrer"&gt;preview&lt;/a&gt; of the cube that i tried to back face culling with a rotation.&lt;/p&gt;</t>
  </si>
  <si>
    <t>2018-11-26 03:34:07.643000+00:00</t>
  </si>
  <si>
    <t>2018-11-27 10:35:41.577000+00:00</t>
  </si>
  <si>
    <t>3d|culling</t>
  </si>
  <si>
    <t>What's the best way to learn android for someone with no previous programming experience?</t>
  </si>
  <si>
    <t>&lt;p&gt;I really want to get into android programming and I've already read two books and a lot of the stuff that is going on here. Thanks a lot. This site has already become my very favorite resource. Anyhow, does somebody have any additional tips on how to accelerate the time to take off? Thanks a lot!&lt;/p&gt;</t>
  </si>
  <si>
    <t>2011-02-08 20:08:29.463000+00:00</t>
  </si>
  <si>
    <t>2012-04-29 19:38:15.560000+00:00</t>
  </si>
  <si>
    <t>When is reference to self in block a retain cycle?</t>
  </si>
  <si>
    <t>&lt;p&gt;I've got a problem that is probably fairly common.  In an ARC environment, a block that needs to reference self will outlive self.  I'm aware of the convention to use &lt;code&gt;__weak typeof(self) weakSelf = self;&lt;/code&gt; in blocks to avoid retain cycles.  The problem is that we do need to retain self.  So my question is: When does a reference to self in a block create a retain cycle?  &lt;a href="https://stackoverflow.com/questions/15487549/how-to-avoid-retain-cycle-with-delaying-block-invocation-on-ios"&gt;This post&lt;/a&gt; post suggests that in animation blocks, reference to self is ok.&lt;/p&gt;
&lt;p&gt;I had also considered a solution like the following, but am not sure it changes anything:&lt;/p&gt;
&lt;pre&gt;&lt;code&gt;__block typeof(self) blockSelf = self;
[someObj someMethodTakingCallback:^{
    //do some stuff
    blockSelf = nil;
 }];  
&lt;/code&gt;&lt;/pre&gt;</t>
  </si>
  <si>
    <t>2014-02-26 17:10:42.903000+00:00</t>
  </si>
  <si>
    <t>2014-02-26 19:37:27.720000+00:00</t>
  </si>
  <si>
    <t>2017-05-23 10:27:00.070000+00:00</t>
  </si>
  <si>
    <t>ios|objective-c|automatic-ref-counting|objective-c-blocks</t>
  </si>
  <si>
    <t>App always run in the background</t>
  </si>
  <si>
    <t>&lt;p&gt;I would like to create an app which show a notification every hour. I try to use &lt;code&gt;BackgroundTask&lt;/code&gt; with &lt;code&gt;TimeTrigger&lt;/code&gt;, but it stop working after a system shut down or restart. Is it possible to run a task always, so restart it at startup? Thanks for the help.&lt;/p&gt;</t>
  </si>
  <si>
    <t>2016-11-21 09:57:05.587000+00:00</t>
  </si>
  <si>
    <t>2017-04-12 03:31:45.440000+00:00</t>
  </si>
  <si>
    <t>2016-11-21 11:30:11.013000+00:00</t>
  </si>
  <si>
    <t>uwp|win-universal-app|windows-10-universal|background-task</t>
  </si>
  <si>
    <t>JBehave doesn't seem to execute the tests</t>
  </si>
  <si>
    <t>&lt;p&gt;So it's my first time with JBehave and I'm trying to create the first JBehave in the project but it currently appears that the test doesn't execute the steps.
In the end the test says that all test cases went through without any problems but in fact they are not executed at all. I set break points in every step method and my debugger doesn't stop me at all not to mention the exceptions that these steps currently throw.&lt;/p&gt;
&lt;p&gt;This is my scenario:&lt;/p&gt;
&lt;pre&gt;&lt;code&gt;Narrative:
In order for the user to start using the application, he first needs to register and log in
Scenario: Successful registration
    Given a user with email 'test@test.com'
    When the user specifies password 'aaaaaa'
    Then the user should be successfully registered with email 'test@test.com' and hashed password 'aaaaaa'
&lt;/code&gt;&lt;/pre&gt;
&lt;p&gt;the steps:&lt;/p&gt;
&lt;pre&gt;&lt;code&gt;public class UserRegistrationSteps extends Steps {
    @Given("a user with email '$email'")
    public void addNewUser(@Named("email") String email) {
        User u = new User();
        u.setEmail(email);
        throw new RuntimeException("test");
    }
    @When("the user specifies password '$password'")
    public void setPassword(@Named("password") String password) {
        System.out.println("test");
        throw new RuntimeException("test");
    }
    @Then("the user should be successfully registered with email '$email' and hashed password '$password'")
    public void verifySuccessfulRegistration(@Named("email") String email, @Named("password") String password) {
        System.out.println("test");
        throw new RuntimeException("test");
    }
}
&lt;/code&gt;&lt;/pre&gt;
&lt;p&gt;and the test executor:&lt;/p&gt;
&lt;pre&gt;&lt;code&gt;public class UserRegistrationTest extends JUnitStories {
    public UserRegistrationTest() {
        super();
        this.configuredEmbedder().candidateSteps().add(new UserRegistrationSteps());
    }
    @Override
    protected List&amp;lt;String&amp;gt; storyPaths() {
        return Arrays.asList("bdd/users/user_registration.story");
    }
}
&lt;/code&gt;&lt;/pre&gt;
&lt;p&gt;Any idea what is wrong with it?&lt;/p&gt;</t>
  </si>
  <si>
    <t>2015-07-14 16:33:02.787000+00:00</t>
  </si>
  <si>
    <t>2015-07-20 15:55:42.440000+00:00</t>
  </si>
  <si>
    <t>java|jbehave</t>
  </si>
  <si>
    <t>Why am I not able to use OpenGL functions when I include my loader header?</t>
  </si>
  <si>
    <t>&lt;p&gt;I'm currently trying to create a custom OpenGL function loader so I can start designing my own custom game engine. The header containing all of the loader code is formatted as follows:&lt;/p&gt;
&lt;pre&gt;&lt;code&gt;#ifndef SWOGLL_H_
#define SWOGLL_H_
#pragma once
#include &amp;lt;Windows.h&amp;gt;
#include &amp;lt;gl/GL.h&amp;gt;
#include &amp;lt;gl/GLU.h&amp;gt;
#include &amp;lt;gl/glext.h&amp;gt;
#include &amp;lt;gl/wglext.h&amp;gt;
static PFNGLACTIVESHADERPROGRAMPROC glActiveShaderProgram;
static PFNGLACTIVETEXTUREPROC glActiveTexture;
// ...
static void* GetGLFunctionPointer(const char* functionName)
{
    void* functionPointer = (void*)wglGetProcAddress(functionName);
    if(
        functionPointer == (void*)0x0 ||
        functionPointer == (void*)0x1 ||
        functionPointer == (void*)0x2 ||
        functionPointer == (void*)0x3 ||
        functionPointer == (void*)-0x1
    )
    {
        HMODULE module = LoadLibraryA("opengl32.dll");
        functionPointer = (void*)GetProcAddress(module, functionName);
    }
    return functionPointer;
}
static void GenerateGLFunctionPointers()
{
    glActiveShaderProgram = (PFNGLACTIVESHADERPROGRAMPROC)GetGLFunctionPointer("glActiveShaderProgram");
    glActiveTexture = (PFNGLACTIVETEXTUREPROC)GetGLFunctionPointer("glActiveTexture");
    // ...
}
&lt;/code&gt;&lt;/pre&gt;
&lt;p&gt;If I &lt;code&gt;#include "SWOGLL.h"&lt;/code&gt; in my &lt;code&gt;main.cpp&lt;/code&gt; file, the OpenGL functions work fine, assuming I've called &lt;code&gt;GenerateGLFunctionPointers()&lt;/code&gt; after creating an OpenGL context.&lt;/p&gt;
&lt;p&gt;However, if I create a separate file and &lt;code&gt;#include "SWOGLL.h"&lt;/code&gt;, the OpenGL functions don't work at all, even if the OpenGL context has already been created.&lt;/p&gt;
&lt;p&gt;What's the problem here?&lt;/p&gt;</t>
  </si>
  <si>
    <t>2016-09-19 16:49:14.040000+00:00</t>
  </si>
  <si>
    <t>2016-09-19 16:54:47.273000+00:00</t>
  </si>
  <si>
    <t>c++|opengl|function-pointers|c++14</t>
  </si>
  <si>
    <t>what's the point of using subsonic's active record?</t>
  </si>
  <si>
    <t>&lt;p&gt;When using linq to sql are there any benefits of using subsonic's active record as they are similar (table=class). Is this supported for Oracle or DB2?&lt;/p&gt;</t>
  </si>
  <si>
    <t>2010-03-23 09:54:07.900000+00:00</t>
  </si>
  <si>
    <t>2012-08-20 11:48:54.680000+00:00</t>
  </si>
  <si>
    <t>subsonic</t>
  </si>
  <si>
    <t>Is it possible to change the size of the alt attribute of an image in CSS</t>
  </si>
  <si>
    <t>&lt;p&gt;I have an image that I would like to show alt values when displaying images:&lt;/p&gt;
&lt;p&gt;HTML:&lt;/p&gt;
&lt;pre&gt;&lt;code&gt;&amp;lt;div id="demo"&amp;gt;
&amp;lt;li&amp;gt;&amp;lt;img src="images/cpu.jpg" alt="Over All CPU" /&amp;gt;&amp;lt;/li&amp;gt;
&amp;lt;/div&amp;gt;
&lt;/code&gt;&lt;/pre&gt;
&lt;p&gt;CSS:&lt;/p&gt;
&lt;pre&gt;&lt;code&gt;#demo img { font:italic 100px Georgia, Times, Serif; color: #000; text-shadow: 0px 2px 4px #222; margin:10px 20px; }
&lt;/code&gt;&lt;/pre&gt;
&lt;p&gt;Is it possible to make the alt size big? If not, is there a way to put a title to the image when displaying?&lt;/p&gt;</t>
  </si>
  <si>
    <t>2012-11-16 17:49:41.670000+00:00</t>
  </si>
  <si>
    <t>2012-11-16 18:28:31.657000+00:00</t>
  </si>
  <si>
    <t>2012-11-16 17:58:09.357000+00:00</t>
  </si>
  <si>
    <t>'cmake' is not recognised as an internal or external command - Polaris</t>
  </si>
  <si>
    <t>&lt;blockquote&gt;
  &lt;p&gt;My clone project path from github &lt;code&gt;"C:\Users\Addy\Documents\polaris\"&lt;/code&gt;&lt;/p&gt;
  &lt;p&gt;I have created build directory &lt;code&gt;"C:\Users\Addy\Documents\polaris\build"&lt;/code&gt;&lt;/p&gt;
  &lt;p&gt;From cmd.exe I access build directory path &lt;code&gt;"C:\Users\Addy\Documents\polaris\build"&lt;/code&gt;&lt;/p&gt;
  &lt;p&gt;And run this command  &lt;/p&gt;
&lt;/blockquote&gt;
&lt;pre&gt;&lt;code&gt;"cmake -G "Visual Studio 10 Win64" -DCMAKE_CONFIGURATION_TYPES=Release;Debug .."
&lt;/code&gt;&lt;/pre&gt;
&lt;blockquote&gt;
  &lt;p&gt;I am running this command on windows7 cmd. But it gives me the error.&lt;/p&gt;
&lt;/blockquote&gt;
&lt;pre&gt;&lt;code&gt;**'cmake' is not recognised as an internal or external command**
&lt;/code&gt;&lt;/pre&gt;
&lt;blockquote&gt;
  &lt;p&gt;As per the steps given in the
  website(&lt;a href="https://github.com/anl-polaris/polaris/wiki/Getting-Started" rel="nofollow noreferrer"&gt;https://github.com/anl-polaris/polaris/wiki/Getting-Started&lt;/a&gt;)&lt;/p&gt;
&lt;/blockquote&gt;</t>
  </si>
  <si>
    <t>2017-07-31 14:58:08.140000+00:00</t>
  </si>
  <si>
    <t>2017-07-31 15:40:30.940000+00:00</t>
  </si>
  <si>
    <t>c++|visual-studio-2010|cmake|polaris</t>
  </si>
  <si>
    <t>Twitter + Scribe + Cannot get String from a null object</t>
  </si>
  <si>
    <t>&lt;p&gt;I am trying to use scribe for authorization with twitter. When I try&lt;/p&gt;
&lt;pre&gt;&lt;code&gt;requestToken = service.getRequestToken()
&lt;/code&gt;&lt;/pre&gt;
&lt;p&gt;I get following error&lt;/p&gt;
&lt;pre&gt;&lt;code&gt;14:10:11,305 ERROR [ajp-bio-8009-exec-4][IncludeTag:154]   java.lang.IllegalArgumentException: Cannot get String from a null object
    at org.scribe.utils.Preconditions.check(Preconditions.java:80)
    at org.scribe.utils.Preconditions.checkNotNull(Preconditions.java:27)
    at org.scribe.utils.StreamUtils.getStreamContents(StreamUtils.java:20)
    at org.scribe.model.Response.parseBodyContents(Response.java:40)
    at org.scribe.model.Response.getBody(Response.java:66)
    at org.scribe.oauth.OAuth10aServiceImpl.getRequestToken(OAuth10aServiceImpl.java:59)
    at org.apache.jsp.html.portlet.login.login_jsp._jspService(login_jsp.java:2432)
    at org.apache.jasper.runtime.HttpJspBase.service(HttpJspBase.java:70)
    at javax.servlet.http.HttpServlet.service(HttpServlet.java:722)
    at org.apache.jasper.servlet.JspServletWrapper.service(JspServletWrapper.java:432)
    at org.apache.jasper.servlet.JspServlet.serviceJspFile(JspServlet.java:390)
    at org.apache.jasper.servlet.JspServlet.service(JspServlet.java:334)
    at javax.servlet.http.HttpServlet.service(HttpServlet.java:722)
    at org.apache.catalina.core.ApplicationFilterChain.internalDoFilter(ApplicationFilterChain.java:305)
    at org.apache.catalina.core.ApplicationFilterChain.doFilter(ApplicationFilterChain.java:210)
    at com.liferay.portal.kernel.servlet.filters.invoker.InvokerFilterChain.doFilter(InvokerFilterChain.java:72)
    at com.liferay.portal.kernel.servlet.filters.invoker.InvokerFilterChain.doFilter(InvokerFilterChain.java:116)
    at com.liferay.portal.kernel.servlet.filters.invoker.InvokerFilter.doFilter(InvokerFilter.java:73)
    at org.apache.catalina.core.ApplicationFilterChain.internalDoFilter(ApplicationFilterChain.java:243)
    at org.apache.catalina.core.ApplicationFilterChain.doFilter(ApplicationFilterChain.java:210)
&lt;/code&gt;&lt;/pre&gt;
&lt;p&gt;I tried the answer mentioned in following posts but nothing worked&lt;/p&gt;
&lt;p&gt;&lt;strong&gt;&lt;a href="https://stackoverflow.com/questions/21417920/scribe-twitter-cannot-get-string-from-a-null-object"&gt;scribe + twitter &amp;gt; Cannot get String from a null object&lt;/a&gt;&lt;/strong&gt;&lt;/p&gt;
&lt;p&gt;Whenever I am trying to include TwitterApi.SSL.class or TwitterApi.Authenticate.class, it is giving me "cannot be resolved to a type" error.&lt;/p&gt;
&lt;p&gt;Did anybody experience this issue ?&lt;/p&gt;</t>
  </si>
  <si>
    <t>2014-02-03 14:15:26.480000+00:00</t>
  </si>
  <si>
    <t>2014-03-02 14:06:11.050000+00:00</t>
  </si>
  <si>
    <t>2017-05-23 12:28:39.377000+00:00</t>
  </si>
  <si>
    <t>java|twitter|scribe</t>
  </si>
  <si>
    <t>Twitter button event when already following</t>
  </si>
  <si>
    <t>&lt;p&gt;I have a Twitter follow button embedded on a page. My question is how can I trigger a javascript function on load when the button indicates that they are already following? I see the follow event in the docs here: &lt;a href="https://dev.twitter.com/docs/tfw/events" rel="nofollow"&gt;https://dev.twitter.com/docs/tfw/events&lt;/a&gt; , but I do not see any events for when a user is already following. I've tried accessing the iframe content with no success due to cross domain access control. Any suggestions?&lt;/p&gt;</t>
  </si>
  <si>
    <t>2014-06-05 17:02:45.100000+00:00</t>
  </si>
  <si>
    <t>javascript|twitter</t>
  </si>
  <si>
    <t>timezone with DST handling by PHP</t>
  </si>
  <si>
    <t>&lt;p&gt;I am working on a calendar application. In this users from different time-zones create/view events.
I am thinking to follow below method to save event time in UTC and display them in user's local time. Note: user has their preferred timezone setting.&lt;/p&gt;
&lt;p&gt;&lt;strong&gt;To save event start time as UTC timestamp:&lt;/strong&gt;&lt;/p&gt;
&lt;pre&gt;&lt;code&gt;$timezone = new DateTimeZone( $user_timezone_name );
$utcOffset = $timezone-&amp;gt;getOffset( new DateTime( $event_start_time_string_local ) );
$event_start_timestamp_local = maketime( $event_start_time_string_local );
//Now add/subtract $utcOffset to/from $event_start_timestamp_local to get event's start  //time  timestamp in UTC and save this result in DB.
&lt;/code&gt;&lt;/pre&gt;
&lt;p&gt;&lt;strong&gt;To get event start time in user's timezone:&lt;/strong&gt;&lt;/p&gt;
&lt;pre&gt;&lt;code&gt;date_default_timezone_set( $user_timezone_name );
$eventTimeLocalTime = date("Y-m-d H:i:s", $event_start_timestamp_in_UTC );
&lt;/code&gt;&lt;/pre&gt;
&lt;p&gt;Where:&lt;/p&gt;
&lt;pre&gt;&lt;code&gt;user_timezone_name is user's timezone setting.
event_start_time_string_local is event's start time string in local/civil time.
event_start_timestamp_in_UTC is event's start time timestamp in UTC.
&lt;/code&gt;&lt;/pre&gt;
&lt;p&gt;&lt;strong&gt;My questions:&lt;/strong&gt; &lt;/p&gt;
&lt;ul&gt;
&lt;li&gt;Whether the PHP APIs used above take care of DST for all regions?&lt;/li&gt;
&lt;li&gt;The DST time itself changes in different years, how does PHP gets information about this? do we need to upgrade PHP? If so do we need to upgrade all or particular PHP library?&lt;/li&gt;
&lt;/ul&gt;
&lt;p&gt;References:
 - &lt;a href="https://stackoverflow.com/questions/7660240/does-phps-date-default-timezone-set-adjust-to-daylight-saving?rq=1"&gt;does-phps-date-default-timezone-set-adjust-to-daylight-saving&lt;/a&gt;
 - &lt;a href="https://stackoverflow.com/questions/3910500/get-timezone-offset-for-a-given-location?rq=1"&gt;get-timezone-offset-for-a-given-location&lt;/a&gt;&lt;/p&gt;</t>
  </si>
  <si>
    <t>2012-12-04 08:30:34.847000+00:00</t>
  </si>
  <si>
    <t>2013-09-25 11:44:30.710000+00:00</t>
  </si>
  <si>
    <t>2017-05-23 11:47:18.267000+00:00</t>
  </si>
  <si>
    <t>php|datetime|utc|dst|timezoneoffset</t>
  </si>
  <si>
    <t>Unable to create a snapshot in Xcode 4</t>
  </si>
  <si>
    <t>&lt;p&gt;When I'm trying to create a new snapshot, it ends with this message:&lt;/p&gt;
&lt;pre&gt;&lt;code&gt;The following paths are ignored by one of your .gitignore files: /Users/path/to/project/.svn
Use -f if you really want to add them.
fatal: no files added
&lt;/code&gt;&lt;/pre&gt;
&lt;p&gt;Every other topic I've finded is about similar problem with .DS_Store files. I've found 3 .gitignore files in project directories, but none of then contains .svn&lt;/p&gt;
&lt;p&gt;What can I do to make it work?&lt;/p&gt;</t>
  </si>
  <si>
    <t>2012-05-02 22:15:58.493000+00:00</t>
  </si>
  <si>
    <t>ios|xcode|snapshot</t>
  </si>
  <si>
    <t>extract columns according to a list</t>
  </si>
  <si>
    <t>&lt;p&gt;I have a table df, which lists the frequency of 2000 words in 1000 document&lt;/p&gt;
&lt;pre&gt;&lt;code&gt;id   happy so  today    cut  song dad  may
 1    2      4     3     2    1    0    2 
 2    1      2     1     4    0    2    2
 3    0      2     1     1    2    0    3
&lt;/code&gt;&lt;/pre&gt;
&lt;p&gt;I want to extract some columns (words) from the table according to a list like this:&lt;/p&gt;
&lt;pre&gt;&lt;code&gt;     Topic 1   Topic 2   
[1,] "cut"     "one"     
[2,] "may"     "day"     
[3,] "song"    "job"     
[4,] "act"     "start"   
[5,] "control" "check"
&lt;/code&gt;&lt;/pre&gt;
&lt;p&gt;extracting one column from a table is df$col, here the column names in df are the names in the list. The outcome would be like this:&lt;/p&gt;
&lt;pre&gt;&lt;code&gt;id    cut  may song 
 1     2     2   1    
 2     4     2   0
 3     1     3   2
&lt;/code&gt;&lt;/pre&gt;</t>
  </si>
  <si>
    <t>2016-01-23 04:24:20.427000+00:00</t>
  </si>
  <si>
    <t>2016-01-23 05:26:57.180000+00:00</t>
  </si>
  <si>
    <t>r|nlp</t>
  </si>
  <si>
    <t>Fullcalendar submit data after complete manipulation of data</t>
  </si>
  <si>
    <t>&lt;p&gt;Well lemme make my case.I anticipate to have a user base of around 200k.Each user will have a personal &lt;strong&gt;Fullcalendar library&lt;/strong&gt; whereby they will manage events and their personal schedules for the entire year &lt;strong&gt;365 days&lt;/strong&gt;.My issue arises whereby i wanna make only &lt;strong&gt;one request&lt;/strong&gt; to the server per user to insert and update the date and event values.But using &lt;strong&gt;my knowledge on fullcalendar library currently&lt;/strong&gt; iam forced to make requests to the server each time a user changes/updates an event,that is approximately to &lt;strong&gt;265 requests per user to the server(assuming the other 100 days)&lt;/strong&gt; this a total drag to the server.I was wondering if it is possible to allow the user to make all the event changes they intend to and only when they are satisfied,then my code will run allowing a &lt;strong&gt;submit&lt;/strong&gt; ,updating and inserting hence i would have &lt;strong&gt;retained the one request i intend to achive&lt;/strong&gt; ie  using a &lt;strong&gt;submit button&lt;/strong&gt; or any other solution.Thanks in advance.&lt;/p&gt;</t>
  </si>
  <si>
    <t>2015-07-03 10:38:21.130000+00:00</t>
  </si>
  <si>
    <t>javascript|jquery|fullcalendar</t>
  </si>
  <si>
    <t>Java: Why is printout of ArrayList with elements zero?</t>
  </si>
  <si>
    <t>&lt;p&gt;this is a snippet of a bigger project. The project is designed to be a customer manager of customers + a job manager of money transfers. Before I can continue, I have a "small" problem I do not understand. I wonder, why &lt;/p&gt;
&lt;pre&gt;&lt;code&gt;System.out.println(myJobOrganizer.jobNumber); // in the Main.java
&lt;/code&gt;&lt;/pre&gt;
&lt;p&gt;outputs 0, allthough I have added two jobs to the jobList. When printing the jobList itself, it prints out&lt;/p&gt;
&lt;pre&gt;&lt;code&gt;[[[customer1;adress1;accountBalance1];[customer2;adress2;accountBalance2];moneyToTransfer];[[customer3;adress3;accountBalance3];[customer4;address4;accountBalance4];moneyToTransfer2]]
&lt;/code&gt;&lt;/pre&gt;
&lt;p&gt;jobOrganizer.java&lt;/p&gt;
&lt;pre&gt;&lt;code&gt;import java.util.ArrayList;
import java.util.List;
public class jobOrganizer {
    private static final jobOrganizer myJobOrganizer = new jobOrganizer();
    public static jobOrganizer getMyJobOrganizer() {
        return myJobOrganizer;
    }
    private List&amp;lt;job&amp;gt; jobList = new ArrayList&amp;lt;job&amp;gt;();
    public int jobNumber = jobList.size();
    public void add_job(job newJob) {
        this.jobList.add(newJob);
    }
    public Iterable&amp;lt;job&amp;gt; all_jobs() {
        return this.jobList;
    }
    public static jobOrganizer getInstance() {
        return myJobOrganizer;
    }
}
&lt;/code&gt;&lt;/pre&gt;
&lt;p&gt;job.java&lt;/p&gt;
&lt;pre&gt;&lt;code&gt;    public class job implements Runnable {
    private customer kunde1;
    private customer kunde2;
    private Double transfer;
    public job(customer kunde1, customer kunde2, Double transfer) {
        this.kunde1 = kunde1;
        this.kunde2 = kunde2;
        this.transfer = transfer;
    }
    @Override
    public String toString() {
        return "[" + kunde1 + "; " + kunde2 + "; " + transfer + "]";
    }
    public void run() {
        System.out.println("Starting transfer");
        Double geber = this.kunde1.getAccountBalance();
        Double nehmer = this.kunde2.getAccountBalance();
        Double geberNeu = geber - this.transfer;
        this.kunde1.setAccountBalance(geberNeu);
        Double nehmerNeu = nehmer + this.transfer;
        this.kunde2.setAccountBalance(nehmerNeu);
        System.out.println("Transfer done");
    }
}
&lt;/code&gt;&lt;/pre&gt;
&lt;p&gt;Main.java&lt;/p&gt;
&lt;pre&gt;&lt;code&gt;public class Main {
    public static void main(String[] args) {
        customerOrganizer myCustomerOrganizer = new customerOrganizer();
        jobOrganizer myJobOrganizer = new jobOrganizer();
        customer mueller = new customer("Tim Mueller", "Strasse 1", 1077.00);
        customer john = new customer("John Doe", "Strasse 2", 503.00);
        customer meier = new customer("John Meier", "Strasse 3", 8500.50);
        customer wurst = new customer("Hans Wurst", "Strasse 4", 1000.00);
        myCustomerOrganizer.add_customer(mueller);
        myCustomerOrganizer.add_customer(john);
        myCustomerOrganizer.add_customer(meier);
        myCustomerOrganizer.add_customer(wurst);
        job transfer1 = new job(meier, wurst, 500.50);
        job transfer2 = new job(mueller, john, 77.00);
        myJobOrganizer.add_job(transfer1);
        myJobOrganizer.add_job(transfer2);
        System.out.println(myJobOrganizer.jobNumber);
        System.out.println(myJobOrganizer.all_jobs().toString());
    }
}
&lt;/code&gt;&lt;/pre&gt;</t>
  </si>
  <si>
    <t>2018-10-27 09:09:30.247000+00:00</t>
  </si>
  <si>
    <t>2018-10-27 10:00:32.453000+00:00</t>
  </si>
  <si>
    <t>java|arraylist|size</t>
  </si>
  <si>
    <t>Data types in HTTP JSON payload</t>
  </si>
  <si>
    <t>&lt;p&gt;When using JSON as the payload for HTTP requests (with &lt;code&gt;Content-Type: application/json&lt;/code&gt;, is it common to actually use proper data types when the API endpoint expects it, or is it more common to just convert all all the values to string? &lt;/p&gt;
&lt;p&gt;Say I have an API endpoint that accepts a JSON containing 3 keys, &lt;code&gt;someString&lt;/code&gt;, &lt;code&gt;someInt&lt;/code&gt;, and &lt;code&gt;someBoolean&lt;/code&gt;. Would I send this over HTTP?&lt;/p&gt;
&lt;pre&gt;&lt;code&gt;{
  "someString": "abc",
  "someInt": 123,
  "someFloat": 1.3524
}
&lt;/code&gt;&lt;/pre&gt;
&lt;p&gt;Or:&lt;/p&gt;
&lt;pre&gt;&lt;code&gt;{
  "someString": "abc",
  "someInt": "123",
  "someFloat": "1.3524"
}
&lt;/code&gt;&lt;/pre&gt;
&lt;p&gt;Additionally, should my API endpoint accept both formats?&lt;/p&gt;</t>
  </si>
  <si>
    <t>2018-02-01 02:25:28.190000+00:00</t>
  </si>
  <si>
    <t>json|http|convention</t>
  </si>
  <si>
    <t>regex NFA for undefined order of tokens</t>
  </si>
  <si>
    <t>&lt;p&gt;I am coding up a simple regex parser that creates an NFA. This is NOT a string parser but it is used to validate strings. From this article, &lt;a href="http://www.codeproject.com/Articles/5412/Writing-own-regular-expression-parser" rel="nofollow"&gt;http://www.codeproject.com/Articles/5412/Writing-own-regular-expression-parser&lt;/a&gt;, I have got the basics down, based on my own requirements. ie. the OR operator ( token1 | token2 ) and the AND operator ( token1, token2 ).&lt;/p&gt;
&lt;p&gt;The next operator has thrown me a blind ball, mainly because, and I have searched many articles, there is no simple regex expression. The EITHER operator.&lt;/p&gt;
&lt;p&gt;I want to parse something like this ( token3, token1, token2 ). One of each must be present but the order is not important.&lt;/p&gt;
&lt;p&gt;I don't require a regex expression for this, I need to know how I can implement this into an NFA. How should the nodes link together.&lt;/p&gt;
&lt;p&gt;Please, no overly technical answers. I'm still getting my head around the whole penny/pebble and epsilon nodes.&lt;/p&gt;
&lt;p&gt;Let me restate the question. How does an NFA implement a non specific order of token matching? When I mentioned nodes above, I wasn't asking for code, I was talking about the whole circle and penny construct as many tutorials use.&lt;/p&gt;
&lt;p&gt;Possible solution:&lt;/p&gt;
&lt;p&gt;Pen and paper at hand and remembering back to when I first wrote a red black tree. I could color code the nodes. While stepping through the NFA, a bucket is filled with each node that can be accessed from the current. With an optional node, (a|b), pointer to both nodes are added, if input conforms to either one, a step is performed and the bucket is filled again. I will call this an 'optional node', maybe 'green'. If I change the color, changing it to 'strict node', maybe 'amber', I can cause the parser to not exit on any condition but rather exit when the bucket is empty.&lt;/p&gt;</t>
  </si>
  <si>
    <t>2013-06-22 02:16:37.857000+00:00</t>
  </si>
  <si>
    <t>2013-06-22 08:52:09.640000+00:00</t>
  </si>
  <si>
    <t>2013-06-22 05:56:26.110000+00:00</t>
  </si>
  <si>
    <t>c++|c|regex|nfa</t>
  </si>
  <si>
    <t>jQuery add class, wait, then change that class?</t>
  </si>
  <si>
    <t>&lt;p&gt;I need to add a class when an element is clicked (eg transitioning), then wait for 1 second and change that class (eg finished-transitioning). &lt;/p&gt;
&lt;p&gt;I've tried this:&lt;/p&gt;
&lt;pre&gt;&lt;code&gt;$(this).addClass('transition').delay(1000).addClass('active');
&lt;/code&gt;&lt;/pre&gt;
&lt;p&gt;UPDATE - Why does the following not work? When I uncomment the alert I can see it fires at the correct time however &lt;code&gt;addClass&lt;/code&gt; and &lt;code&gt;removeClass&lt;/code&gt; are ignored. &lt;/p&gt;
&lt;pre&gt;&lt;code&gt;$('.target').click(function() {
    $(this).addClass('transition'); 
    $('.target').not(this).removeClass('active transition');
    setTimeout(function(){  
        $(this).removeClass('transition');
        $(this).addClass('active');
        //  alert('test');
    },300);
});
&lt;/code&gt;&lt;/pre&gt;</t>
  </si>
  <si>
    <t>2013-11-07 15:06:49.270000+00:00</t>
  </si>
  <si>
    <t>2014-07-30 08:29:34.070000+00:00</t>
  </si>
  <si>
    <t>Java RESTful WebService Maven dependency error</t>
  </si>
  <si>
    <t>&lt;p&gt;Recently I am learning RESTful web service with Java and I created a really simple example and trying things out and I am having some problems understanding some behavior of this kind of implementation.I have a class called WebServiceServer which is the following:&lt;/p&gt;
&lt;pre&gt;&lt;code&gt;package example.restful.server;
import javax.ws.rs.GET;
import javax.ws.rs.Path;
import javax.ws.rs.PathParam;
import javax.ws.rs.Produces;
import javax.ws.rs.core.MediaType;
import example.restful.entity.Employee;
@Path("employee")
public class WebServiceServer {
    @GET
    @Path("id/{id}")
    @Produces({ MediaType.APPLICATION_JSON, MediaType.APPLICATION_XML })
    public Employee getEmployee(@PathParam("id") String id) {
        Employee employee = new Employee();
        employee.setId(id);
        employee.setState("NY");
        employee.setName("Tom");
        return employee;
    }
}
&lt;/code&gt;&lt;/pre&gt;
&lt;p&gt;and an entity class called Employee:&lt;/p&gt;
&lt;pre&gt;&lt;code&gt;package example.restful.entity;
import javax.xml.bind.annotation.XmlRootElement;
@XmlRootElement()
public class Employee {
private String id;
private String name;
private String state;
public String getId() {
    return id;
}
public void setId(String id) {
    this.id = id;
}
public String getName() {
    return name;
}
public void setName(String name) {
    this.name = name;
}
public String getState() {
    return state;
}
&lt;/code&gt;&lt;/pre&gt;
&lt;p&gt;below is my web.xml&lt;/p&gt;
&lt;pre&gt;&lt;code&gt;&amp;lt;?xml version="1.0" encoding="UTF-8"?&amp;gt;
&amp;lt;web-app xmlns:xsi="http://www.w3.org/2001/XMLSchema-instance" 
xmlns="http://xmlns.jcp.org/xml/ns/javaee"             
xsi:schemaLocation="http://xmlns.jcp.org/xml/ns/javaee 
http://xmlns.jcp.org/xml/ns/javaee/web-app_3_1.xsd" id="WebApp_ID"         
version="3.1"&amp;gt;
  &amp;lt;display-name&amp;gt;WebServiceRestful01&amp;lt;/display-name&amp;gt;
    &amp;lt;servlet&amp;gt;
        &amp;lt;servlet-name&amp;gt;Jersey Webapp&amp;lt;/servlet-name&amp;gt;
        &amp;lt;servlet-
class&amp;gt;com.sun.jersey.spi.container.servlet.ServletContainer&amp;lt;/servlet-class&amp;gt;
        &amp;lt;init-param&amp;gt;
            &amp;lt;param-name&amp;gt;com.sun.jersey.config.property.packages&amp;lt;/param-name&amp;gt;
            &amp;lt;param-value&amp;gt;example&amp;lt;/param-value&amp;gt;
        &amp;lt;/init-param&amp;gt;
        &amp;lt;load-on-startup&amp;gt;1&amp;lt;/load-on-startup&amp;gt;
    &amp;lt;/servlet&amp;gt;
    &amp;lt;servlet-mapping&amp;gt;
        &amp;lt;servlet-name&amp;gt;Jersey Webapp&amp;lt;/servlet-name&amp;gt;
        &amp;lt;url-pattern&amp;gt;/rest/*&amp;lt;/url-pattern&amp;gt;
    &amp;lt;/servlet-mapping&amp;gt;
&amp;lt;/web-app&amp;gt;
&lt;/code&gt;&lt;/pre&gt;
&lt;p&gt;and below are my maven dependencies:&lt;/p&gt;
&lt;pre&gt;&lt;code&gt;&amp;lt;dependency&amp;gt;
    &amp;lt;groupId&amp;gt;asm&amp;lt;/groupId&amp;gt;
    &amp;lt;artifactId&amp;gt;asm-all&amp;lt;/artifactId&amp;gt;
    &amp;lt;version&amp;gt;3.3.1&amp;lt;/version&amp;gt;
&amp;lt;/dependency&amp;gt;
&amp;lt;dependency&amp;gt;
    &amp;lt;groupId&amp;gt;com.sun.jersey&amp;lt;/groupId&amp;gt;
    &amp;lt;artifactId&amp;gt;jersey-bundle&amp;lt;/artifactId&amp;gt;
    &amp;lt;version&amp;gt;1.14&amp;lt;/version&amp;gt;
&amp;lt;/dependency&amp;gt;
&amp;lt;dependency&amp;gt;
    &amp;lt;groupId&amp;gt;org.json&amp;lt;/groupId&amp;gt;
    &amp;lt;artifactId&amp;gt;json&amp;lt;/artifactId&amp;gt;
    &amp;lt;version&amp;gt;20090211&amp;lt;/version&amp;gt;
&amp;lt;/dependency&amp;gt;
&amp;lt;dependency&amp;gt;
    &amp;lt;groupId&amp;gt;com.sun.jersey&amp;lt;/groupId&amp;gt;
    &amp;lt;artifactId&amp;gt;jersey-server&amp;lt;/artifactId&amp;gt;
    &amp;lt;version&amp;gt;1.17&amp;lt;/version&amp;gt;
&amp;lt;/dependency&amp;gt;
&amp;lt;dependency&amp;gt;
    &amp;lt;groupId&amp;gt;com.sun.jersey&amp;lt;/groupId&amp;gt;
    &amp;lt;artifactId&amp;gt;jersey-json&amp;lt;/artifactId&amp;gt;
    &amp;lt;version&amp;gt;1.17&amp;lt;/version&amp;gt;
&amp;lt;/dependency&amp;gt;
&amp;lt;dependency&amp;gt;
    &amp;lt;groupId&amp;gt;com.sun.jersey&amp;lt;/groupId&amp;gt;
    &amp;lt;artifactId&amp;gt;jersey-client&amp;lt;/artifactId&amp;gt;
    &amp;lt;version&amp;gt;1.17&amp;lt;/version&amp;gt;
&amp;lt;/dependency&amp;gt;
&amp;lt;dependency&amp;gt;
    &amp;lt;groupId&amp;gt;com.sun.jersey&amp;lt;/groupId&amp;gt;
    &amp;lt;artifactId&amp;gt;jersey-servlet&amp;lt;/artifactId&amp;gt;
    &amp;lt;version&amp;gt;1.17&amp;lt;/version&amp;gt;
&amp;lt;/dependency&amp;gt;
&amp;lt;dependency&amp;gt;
    &amp;lt;groupId&amp;gt;com.fasterxml.jackson.core&amp;lt;/groupId&amp;gt;
    &amp;lt;artifactId&amp;gt;jackson-databind&amp;lt;/artifactId&amp;gt;
    &amp;lt;version&amp;gt;2.7.5&amp;lt;/version&amp;gt;
&amp;lt;/dependency&amp;gt;
&lt;/code&gt;&lt;/pre&gt;
&lt;p&gt;when I run this example on tomcat server and type the following url I get this result:
&lt;a href="https://i.stack.imgur.com/3aavU.png" rel="nofollow noreferrer"&gt;&lt;img src="https://i.stack.imgur.com/3aavU.png" alt="enter image description here"&gt;&lt;/a&gt; &lt;/p&gt;
&lt;p&gt;but, now I add the org.glassfish.jersey.core jersey-client to my maven dependency &lt;/p&gt;
&lt;pre&gt;&lt;code&gt;&amp;lt;dependency&amp;gt;
    &amp;lt;groupId&amp;gt;org.glassfish.jersey.core&amp;lt;/groupId&amp;gt;
    &amp;lt;artifactId&amp;gt;jersey-client&amp;lt;/artifactId&amp;gt;
    &amp;lt;version&amp;gt;2.25.1&amp;lt;/version&amp;gt;
&amp;lt;/dependency&amp;gt;
&lt;/code&gt;&lt;/pre&gt;
&lt;p&gt;and retry again I get an error:
&lt;a href="https://i.stack.imgur.com/QNFHW.png" rel="nofollow noreferrer"&gt;&lt;img src="https://i.stack.imgur.com/QNFHW.png" alt="enter image description here"&gt;&lt;/a&gt;&lt;/p&gt;
&lt;p&gt;I did not change a single line of code but upon adding this dependency I get an this error and it turns out I have to add another dependency which is org.apache.cxf to fix the problem&lt;/p&gt;
&lt;pre&gt;&lt;code&gt;&amp;lt;dependency&amp;gt;
    &amp;lt;groupId&amp;gt;org.apache.cxf&amp;lt;/groupId&amp;gt;
    &amp;lt;artifactId&amp;gt;cxf-bundle-jaxrs&amp;lt;/artifactId&amp;gt;
    &amp;lt;version&amp;gt;2.7.7&amp;lt;/version&amp;gt;
&amp;lt;/dependency&amp;gt;
&lt;/code&gt;&lt;/pre&gt;
&lt;p&gt;My question is: what effect did adding org.glassfish.jersey.core jersey-client to my example project do that caused the original function to not work anymore and why did adding org.apache.cxf fix the problem? &lt;/p&gt;</t>
  </si>
  <si>
    <t>2018-01-11 04:44:09.340000+00:00</t>
  </si>
  <si>
    <t>2018-01-11 05:37:41.960000+00:00</t>
  </si>
  <si>
    <t>java|rest|web-services</t>
  </si>
  <si>
    <t>Hover Scroll Div Parallax</t>
  </si>
  <si>
    <t>&lt;p&gt;I am trying to recreate the home page of this site... &lt;a href="http://spooz-creation.com/" rel="nofollow"&gt;http://spooz-creation.com/&lt;/a&gt;&lt;/p&gt;
&lt;p&gt;I want to slide a large div (green) that contains other divs (yellow) left and right in the users window (blue). Upon loading, the content div (green) will be centered in the users window like the example site. There will also be a static header (pink) with nav elements.  &lt;/p&gt;
&lt;p&gt;I really want the scroll to be hover activated like the example site. Also I would like the content giv (green) height to be flexible based off users window height. &lt;/p&gt;
&lt;p&gt;Adding the parallax effect on top of all that would be epic but not totally needed if to complicated. &lt;/p&gt;
&lt;p&gt;!!!!! (WIREFRAME EXAMPLE) !!!!!!
&lt;a href="http://lpaoriginal.files.wordpress.com/2012/07/desktop.jpg" rel="nofollow"&gt;http://lpaoriginal.files.wordpress.com/2012/07/desktop.jpg&lt;/a&gt;&lt;/p&gt;
&lt;p&gt;Please help! I've been trying for days to figure this out! &lt;/p&gt;</t>
  </si>
  <si>
    <t>2012-07-06 02:03:43.710000+00:00</t>
  </si>
  <si>
    <t>2012-07-17 20:29:44.933000+00:00</t>
  </si>
  <si>
    <t>html|scroll|hover|slide|parallax</t>
  </si>
  <si>
    <t>Trace from user space code to kernel space</t>
  </si>
  <si>
    <t>&lt;p&gt;I recently set up my system for kernel debug using qemu+gdb. At present, I can set breakpoints at, for example, &lt;code&gt;__do_page_fault()&lt;/code&gt; and trace the call via &lt;code&gt;gdb&lt;/code&gt; (with &lt;code&gt;win&lt;/code&gt; command). Now I want the following task: A simple &lt;code&gt;C&lt;/code&gt; program having a "&lt;code&gt;hello world&lt;/code&gt;" &lt;code&gt;printf&lt;/code&gt;statement. Trace the call sequence starting from the userspace down to the &lt;code&gt;write()&lt;/code&gt; system call ( or anything in the kernel space that is invoked during the execution of that particular userspace program). I want to learn how userspace program traps into system call w.r.t Linux kernel specifically.&lt;/p&gt;
&lt;p&gt;Now my doubt is where to set the breakpoint? We have kernel code as well as the &lt;code&gt;C&lt;/code&gt; code of the program. How to go about this situation ? Please give us an explanation with example.&lt;/p&gt;
&lt;p&gt;Thank You !&lt;/p&gt;</t>
  </si>
  <si>
    <t>2018-03-22 15:07:56.870000+00:00</t>
  </si>
  <si>
    <t>2018-03-26 06:59:45.420000+00:00</t>
  </si>
  <si>
    <t>linux-kernel|gdb</t>
  </si>
  <si>
    <t>Unknown characters when printing text file in c</t>
  </si>
  <si>
    <t>&lt;p&gt;I am trying to print the characters from a text file using C in CodeBlock terminal. I use getc and printf. But the terminal shows unwanted characters as well. For example,
when I read,&lt;/p&gt;
&lt;pre class="lang-none prettyprint-override"&gt;&lt;code&gt;CAAAAATATAAAAACAGGTTTATGATATAAGGTAAAGTATGGGAGATGGGGACAAAAGT
&lt;/code&gt;&lt;/pre&gt;
&lt;p&gt;It shows,&lt;/p&gt;
&lt;pre&gt;&lt;code&gt;C��A A A A A T A T A A A A A C A G G T T T A T G A T A T A A G GT A A A G T A T$GhG��G���A G&amp;lt;A��T G@G��G&amp;lt;G AxC��A A A A G T
&lt;/code&gt;&lt;/pre&gt;
&lt;p&gt;Can any one please state what can be done to avoid this situation. &lt;/p&gt;</t>
  </si>
  <si>
    <t>2017-11-06 09:49:57.453000+00:00</t>
  </si>
  <si>
    <t>2017-11-06 10:09:42.170000+00:00</t>
  </si>
  <si>
    <t>c|file|character|codeblocks</t>
  </si>
  <si>
    <t>Identify kernel module which created a sysfs entry</t>
  </si>
  <si>
    <t>&lt;p&gt;On a running Linux system, I want to know which device driver module created a particular sysfs entry. Is it possible to know? I know I can grep for relevant strings in the kernel source and try to identify. But, is there a way without doing that?&lt;/p&gt;</t>
  </si>
  <si>
    <t>2012-10-25 05:20:30.260000+00:00</t>
  </si>
  <si>
    <t>2012-10-25 09:35:31.327000+00:00</t>
  </si>
  <si>
    <t>2012-10-25 05:55:05.523000+00:00</t>
  </si>
  <si>
    <t>linux-kernel|linux-device-driver</t>
  </si>
  <si>
    <t>Flip a pixel array horizontally</t>
  </si>
  <si>
    <t>&lt;p&gt;I have the code to flip a 32 x 32 pixel array, but I have no idea how to flip it horizontally.&lt;/p&gt;
&lt;p&gt;Here is the code for vertical flip.&lt;/p&gt;
&lt;pre&gt;&lt;code&gt;for (int i = 0; i &amp;lt; pixels.length; i++) {
        newPixels[(i / 32) * 32
                + (i % 32)] = pixels[(32 - (i / 32) - 1) * Grid.SIZE + (i % 32)];
}
&lt;/code&gt;&lt;/pre&gt;
&lt;p&gt;Since 32 is the width &lt;em&gt;and&lt;/em&gt; height, it goes in all those places&lt;/p&gt;</t>
  </si>
  <si>
    <t>2016-03-23 22:07:04.963000+00:00</t>
  </si>
  <si>
    <t>2016-03-23 22:53:38.647000+00:00</t>
  </si>
  <si>
    <t>java|image|pixels|flip</t>
  </si>
  <si>
    <t>php - DateInterval over midnight issue</t>
  </si>
  <si>
    <t>&lt;p&gt;I want to generate time slots with &lt;code&gt;DateInterval&lt;/code&gt; and i have an issue when i select end period over midnight(00:00).&lt;/p&gt;
&lt;p&gt;Everything generates if my end period is till "23:59".&lt;/p&gt;
&lt;p&gt;Here is my code with input variables:&lt;br&gt;&lt;/p&gt;
&lt;pre&gt;&lt;code&gt;$duration = 30; // duration interval&amp;lt;br&amp;gt;
$start    = '22:00'; // start period&amp;lt;br&amp;gt;
$end      = '02:00'; // end period&amp;lt;br&amp;gt;
function generateTimeSlots($duration, $start, $end) {
    $start         = new DateTime($start);
    $end           = new DateTime($end);
    $interval      = new DateInterval("PT" . $duration . "M");
    $periods = array(); 
    for ($intStart = $start; $intStart &amp;lt; $end; $intStart-&amp;gt;add($interval)) {
        $endPeriod = clone $intStart;
        $endPeriod-&amp;gt;add($interval); 
        if ($endPeriod &amp;gt; $end) {
            $endPeriod = $end;
        }
        $periods[] = $intStart-&amp;gt;format('H:i A');
    }
    return $periods;
}
$duration = 30;
$start    = '22:00'; // 10:00 PM
$end      = '02:00'; // 02:00 AM
print_r( generateTimeSlots($duration, $start, $end) );
&lt;/code&gt;&lt;/pre&gt;
&lt;p&gt;Expected output:&lt;br&gt;
22:00 PM&lt;br&gt;
22:30 PM&lt;br&gt;
23:00 PM&lt;br&gt;
23:30 PM&lt;br&gt;
00:00 PM&lt;br&gt;
00:30 PM&lt;br&gt;
01:00 PM&lt;br&gt;
01:30 PM&lt;br&gt;
02:00 PM&lt;br&gt;&lt;/p&gt;
&lt;p&gt;Is not generating any time slots if my end period is over &lt;code&gt;23:59&lt;/code&gt;.&lt;/p&gt;
&lt;p&gt;Anyone knows what should be the issue?&lt;/p&gt;</t>
  </si>
  <si>
    <t>2018-01-19 15:34:52.660000+00:00</t>
  </si>
  <si>
    <t>2018-01-19 16:37:46.610000+00:00</t>
  </si>
  <si>
    <t>2018-01-19 15:40:46.683000+00:00</t>
  </si>
  <si>
    <t>php|datetime|dateinterval|timeslots</t>
  </si>
  <si>
    <t>Login to Github via PHP cURL</t>
  </si>
  <si>
    <t>&lt;p&gt;I'm making a website where people can connect their Github account.&lt;/p&gt;
&lt;p&gt;I had registered my application into developers applications on Github to have Client ID and Client Secret Key.&lt;/p&gt;
&lt;p&gt;Now, I want to redirect people to Github's login page with a cURL in PHP. 
The only thing I found in the documentation is this command line with curl but I don't know how to use it in PHP.&lt;/p&gt;
&lt;pre&gt;&lt;code&gt;curl -u username https://api.github.com/user
&lt;/code&gt;&lt;/pre&gt;
&lt;p&gt;Thanks to help !&lt;/p&gt;
&lt;p&gt;-----------Edit-------------&lt;/p&gt;
&lt;p&gt;Well, I used this tutorial about Oauth on Github : &lt;a href="http://www.phpgang.com/how-to-add-github-oauth-login-on-your-website-using-php_740.html" rel="nofollow"&gt;http://www.phpgang.com/how-to-add-github-oauth-login-on-your-website-using-php_740.html&lt;/a&gt;&lt;/p&gt;
&lt;p&gt;Everything works fine until the authorization. 
Then I get this error &lt;/p&gt;
&lt;pre&gt;&lt;code&gt;Notice: Trying to get property of non-object in C:\xampp\htdocs\codesourcing\github\index.php on line 19
Some error occured try again
&lt;/code&gt;&lt;/pre&gt;
&lt;p&gt;Line 19  is the if($gitResponce-&gt;access_token) below: &lt;/p&gt;
&lt;pre&gt;&lt;code&gt;    $data = array('url' =&amp;gt; 'https://github.com/login/oauth/access_token',
                  'data' =&amp;gt; $postvars,
                  'header' =&amp;gt; array("Content-Type: application/x-www-form-urlencoded","Accept: application/json"),
                  'method' =&amp;gt; 'POST');
    $gitResponce = json_decode(curlRequest($data));
    if($gitResponce-&amp;gt;access_token)
    {
        $data = array('url' =&amp;gt; 'https://api.github.com/user?access_token='.$gitResponce-&amp;gt;access_token,
                      'header' =&amp;gt; array("Content-Type: application/x-www-form-urlencoded","User-Agent: ".appName,"Accept: application/json"),
                      'method' =&amp;gt; 'GET');
        $gitUser = json_decode(curlRequest($data));
echo '
        &amp;lt;table&amp;gt;
            &amp;lt;tr&amp;gt;
                &amp;lt;td colspan="2"&amp;gt;&amp;lt;a href="'.$gitUser-&amp;gt;html_url.'" target="_blank"&amp;gt;&amp;lt;img src="'.$gitUser-&amp;gt;avatar_url.'" width="200px" height="200px"/&amp;gt;&amp;lt;/a&amp;gt;&amp;lt;/td&amp;gt;
            &amp;lt;/tr&amp;gt;
            &amp;lt;tr&amp;gt;
                &amp;lt;td&amp;gt;Name:&amp;lt;/td&amp;gt;
                &amp;lt;td&amp;gt;'.$gitUser-&amp;gt;name.'&amp;lt;/td&amp;gt;
            &amp;lt;/tr&amp;gt;
            &amp;lt;tr&amp;gt;
                &amp;lt;td&amp;gt;Email:&amp;lt;/td&amp;gt;
                &amp;lt;td&amp;gt;'.$gitUser-&amp;gt;email.'&amp;lt;/td&amp;gt;
            &amp;lt;/tr&amp;gt;
            &amp;lt;tr&amp;gt;
                &amp;lt;td&amp;gt;Location:&amp;lt;/td&amp;gt;
                &amp;lt;td&amp;gt;'.$gitUser-&amp;gt;location.'&amp;lt;/td&amp;gt;
            &amp;lt;/tr&amp;gt;
            &amp;lt;tr&amp;gt;
                &amp;lt;td&amp;gt;Website:&amp;lt;/td&amp;gt;
                &amp;lt;td&amp;gt;'.$gitUser-&amp;gt;blog.'&amp;lt;/td&amp;gt;
            &amp;lt;/tr&amp;gt;
        &amp;lt;/table&amp;gt;';
&lt;/code&gt;&lt;/pre&gt;</t>
  </si>
  <si>
    <t>2016-02-16 09:44:12.030000+00:00</t>
  </si>
  <si>
    <t>2016-02-18 09:50:43.500000+00:00</t>
  </si>
  <si>
    <t>php|curl|github|oauth-2.0|github-api</t>
  </si>
  <si>
    <t>problem handling upload file django</t>
  </si>
  <si>
    <t>&lt;p&gt;I'm trying to do a feature that would allow the user to upload a file. That file would have information to insert into the database, that's why in the function I'm saving data. Not sure if it's the best option.&lt;/p&gt;
&lt;p&gt;What I've done so far:&lt;/p&gt;
&lt;p&gt;forms.py:&lt;/p&gt;
&lt;pre&gt;&lt;code&gt;class UploadFileForm(forms.Form):
    file = forms.FileField()
&lt;/code&gt;&lt;/pre&gt;
&lt;p&gt;views:&lt;/p&gt;
&lt;pre&gt;&lt;code&gt;def last_step(request, word):
    if request.method == 'POST':
        form = UploadFileForm(request.POST, request.FILES)
        if form.is_valid():
            msg = handle_uploaded_file(word, request.FILES['file'])
            return render_to_response('final_insert.html', {'msg': msg})
    else:
        form = UploadFileForm()
    return render_to_response('upload.html', 
                               {
                                'word': word,
                                'form': form })
&lt;/code&gt;&lt;/pre&gt;
&lt;p&gt;template:&lt;/p&gt;
&lt;pre&gt;&lt;code&gt;&amp;lt;form enctype="multipart/form-data" action="{% url upload_done 'clinical' %}" method="post"&amp;gt;
&amp;lt;div&amp;gt;
    {% for field in form %}
        {{ field }}
    {% endfor %} 
    &amp;lt;input type="submit" value="Save" /&amp;gt;
&amp;lt;/div&amp;gt;
&amp;lt;/form&amp;gt;
&lt;/code&gt;&lt;/pre&gt;
&lt;p&gt;function:&lt;/p&gt;
&lt;pre&gt;&lt;code&gt;def handle_uploaded_file(word, f):
    msg = "first stop" 
    data = []
    for chunk in f.chunks():
        data.append(chunk)
    msg = "after chunk"    
    if word == 'clinical':
        pat = Patient.objects.values_list('patient', flat=True)
        for i in data:
            if i[0] not in pat:
                b2 = Patient(patient=i[0])
                b2.save()
                msg = "number was inserted"
            else:
                msg = "something"
    return msg       
&lt;/code&gt;&lt;/pre&gt;
&lt;p&gt;The problem is when I hit "save" in the template, it redirects well to another template, but I don't see any message, like I suppose to see (final_insert.html shows {{ msg }}) &lt;/p&gt;
&lt;p&gt;Can someone help me understand what I'm doing wrong?&lt;br&gt;
Any help is welcome!
Thanks for your help!    &lt;/p&gt;</t>
  </si>
  <si>
    <t>2011-05-03 11:22:52.783000+00:00</t>
  </si>
  <si>
    <t>2011-05-03 13:18:20.717000+00:00</t>
  </si>
  <si>
    <t>2011-05-03 12:36:31.833000+00:00</t>
  </si>
  <si>
    <t>django|file-upload|django-forms|django-views</t>
  </si>
  <si>
    <t>How to move to XML configurations</t>
  </si>
  <si>
    <t>&lt;p&gt;I am required to move some of our application configuration classes to XMLs. The classes mainly have enums, which are used by other classes. These enums are extensively used in our application. 
For instance, we have classes like&lt;/p&gt;
&lt;pre&gt;&lt;code&gt;    enum ColumnType{
        type1("Type1"),type2("type2"),type3("type3")
    }
&lt;/code&gt;&lt;/pre&gt;
&lt;p&gt;Also we need these types to instantiate classes.
for instance,&lt;/p&gt;
&lt;pre&gt;&lt;code&gt;    Processor p = new StringValueProcessor(ColumnType.type1);
&lt;/code&gt;&lt;/pre&gt;
&lt;p&gt;How can I move this to an XML file without changing the dependecies in my application?&lt;/p&gt;
&lt;p&gt;Edit:
It is not mandatory to keep these enums and I don't want to compile the code against the classes created from xml. The config needs to be dynamic, that's the whole point of moving to XML, so that we can configure things in XML and there is no need of compiling and re-deploying.
My main concern is to be able to restrict instances for all column types to one and make them accessible throughout my application.&lt;/p&gt;
&lt;p&gt;Edit: After thinking over the design for some more time, I have narrowed down to two essential requirements.
1) I would define some xml tags with some properties and I would need to convert it to object
2) I would also define some tags (the way servlets are defined in web.xml) and I would need to initialise the corresponding class
3) I would further define some mapping tags which will map the objects created in step 1) to instances initialised in step 2). This should be converted to java HashMap, where there can be only one instance of objects defined in step 1) but there will be a new instance of objects defined in step 2) for each mapping.
Is there a framework which can provide this functionality out-of-the-box?&lt;/p&gt;</t>
  </si>
  <si>
    <t>2011-11-29 17:54:37.840000+00:00</t>
  </si>
  <si>
    <t>2011-11-30 06:41:31.590000+00:00</t>
  </si>
  <si>
    <t>java|xml</t>
  </si>
  <si>
    <t>Sql code to get multiple columns out of single column</t>
  </si>
  <si>
    <t>&lt;p&gt;I have a column like "AP.1.12345.ABCD.20150523_0523.20150524_0223". &lt;/p&gt;
&lt;p&gt;Can i divide the column into multiple columns on basis of " . " ?&lt;/p&gt;
&lt;p&gt;Say for above example column, the output will be like &lt;/p&gt;
&lt;pre&gt;&lt;code&gt;AP 1 12345 ABCD 20150523_0523 20150524_0223.
&lt;/code&gt;&lt;/pre&gt;
&lt;p&gt;Thus single column will be converted into 6 columns. &lt;/p&gt;</t>
  </si>
  <si>
    <t>2015-06-06 18:46:40.880000+00:00</t>
  </si>
  <si>
    <t>2015-06-06 20:50:37.277000+00:00</t>
  </si>
  <si>
    <t>2015-06-06 20:27:20.327000+00:00</t>
  </si>
  <si>
    <t>sql|sql-server|ssis|multiple-columns</t>
  </si>
  <si>
    <t>Not able to find players with GKMatchmakerViewController</t>
  </si>
  <si>
    <t>&lt;p&gt;I am trying to integrate Game Center for matching players. I am using that very simple function:&lt;/p&gt;
&lt;pre&gt;&lt;code&gt; 
- (void)findOpponent {
    GKMatchRequest* request = [[GKMatchRequest alloc] init];
    request.minPlayers = 2;
    request.maxPlayers = 2;
    GKMatchmakerViewController *mmvc = [[GKMatchmakerViewController alloc]
                                         initWithMatchRequest:request];
    mmvc.matchmakerDelegate = self;
    [[self viewController] presentViewController:mmvc animated:YES completion:nil];
}
&lt;/code&gt;&lt;/pre&gt;
&lt;p&gt;I do have some callback, never called tho':&lt;/p&gt;
&lt;pre&gt;&lt;code&gt;
- (void)matchmakerViewController:(GKMatchmakerViewController *)viewController didFindMatch:(GKMatch *)theMatch {
    NSLog(@"he");
    [[self viewController] dismissViewControllerAnimated:NO completion:nil];
    GKMatch* match = theMatch;
    [match setDelegate:self];
    NSLog(@"Ready to start match!");
}
- (void)matchmakerViewController:(GKMatchmakerViewController *)viewController didFindPlayers:(NSArray *)playerIDs {
    NSLog(@"Super he");
}
- (void)matchmakerViewController:(GKMatchmakerViewController *)viewController didReceiveAcceptFromHostedPlayer:(NSString *)playerID {
    NSLog(@"Wow");
}
&lt;/code&gt;&lt;/pre&gt;
&lt;p&gt;When I test onmy device (wether iPhone or iPad), both using iOS 7.1, I can open Game Center from my Application, but as soon as I click on "Play Now" I instantaneously get the error: "Failed to find players". Yet none of my callback seems to get triggered in my code. Any idea of what I am doing wrong? I did try to reset my iPad settings, logging off from iCloud, rebooting my device, etc.&lt;/p&gt;</t>
  </si>
  <si>
    <t>2014-03-22 17:11:20.710000+00:00</t>
  </si>
  <si>
    <t>2014-03-23 01:47:05.777000+00:00</t>
  </si>
  <si>
    <t>2014-03-22 17:16:32.857000+00:00</t>
  </si>
  <si>
    <t>ios|objective-c|game-center|gkmatchmaker</t>
  </si>
  <si>
    <t>Is there an in-memory key/value store that can notify an external entity of a change?</t>
  </si>
  <si>
    <t>&lt;p&gt;I have read about in-memory key/value stores but have never actually utilized one.  The first that come to my uneducated mind are CouchDB and memcached (I know CouchDB isn't necessarily in-memory, but is often used as such).&lt;/p&gt;
&lt;p&gt;I am looking for one of these in-memory stores that support basic scripting, such that I could notify an external entity (through a RESTful API) of a change.  Some preliminary research reveals that CouchDB supports something called &lt;a href="http://guide.couchdb.org/draft/notifications.html" rel="nofollow"&gt;Change Notifications&lt;/a&gt;&lt;/p&gt;
&lt;p&gt;Memcached does not seem to support this type of feature, and is a more general storage-only service (again, my ignorance may shine through here).&lt;/p&gt;
&lt;p&gt;Does anyone have any experience doing this?  Any words of wisdom for potential pitfalls or headaches? Is there some other software I didn't list that would support these features?&lt;/p&gt;</t>
  </si>
  <si>
    <t>2010-11-15 20:14:20.043000+00:00</t>
  </si>
  <si>
    <t>2010-11-16 05:41:33.157000+00:00</t>
  </si>
  <si>
    <t>memcached|couchdb|key-value-store</t>
  </si>
  <si>
    <t>Specman e: How to constrain 'all_different' to list of structs?</t>
  </si>
  <si>
    <t>&lt;p&gt;I have &lt;code&gt;my_list&lt;/code&gt; that defined this way:&lt;/p&gt;
&lt;pre&gt;&lt;code&gt;struct my_struct {
    comparator[2] : list of int(bits:16);
    something_else[2] : list of uint(bits:16);
};
...
my_list[10] : list of my_struct;
&lt;/code&gt;&lt;/pre&gt;
&lt;p&gt;It is forbidden to &lt;code&gt;comparators&lt;/code&gt; at the same index (0 or 1) to be the same in all the list. When I constrain it this way (e.g. for index 0):&lt;/p&gt;
&lt;pre&gt;&lt;code&gt; keep my_list.all_different(it.comparator[0]);
&lt;/code&gt;&lt;/pre&gt;
&lt;p&gt;I get compilation error:&lt;/p&gt;
&lt;pre&gt;&lt;code&gt;*** Error: GEN_NO_GENERATABLE_NOTIF: 
    Constraint without any generatable element.
    ... 
    keep my_list.all_different(it.comparator[0]);
&lt;/code&gt;&lt;/pre&gt;
&lt;p&gt;How can I generate them all different? Appreciate any help&lt;/p&gt;</t>
  </si>
  <si>
    <t>2014-11-18 11:24:01.540000+00:00</t>
  </si>
  <si>
    <t>2014-11-19 10:03:17.723000+00:00</t>
  </si>
  <si>
    <t>constraints|specman|e</t>
  </si>
  <si>
    <t>Obout controls in C# .Net</t>
  </si>
  <si>
    <t>&lt;p&gt;Is anyone using the Obout controls in C# .Net?  How would you rate these controls, especially the Grid Control?&lt;/p&gt;</t>
  </si>
  <si>
    <t>2008-09-11 19:17:49.920000+00:00</t>
  </si>
  <si>
    <t>2012-07-12 13:40:49.867000+00:00</t>
  </si>
  <si>
    <t>2008-10-01 09:38:34.667000+00:00</t>
  </si>
  <si>
    <t>Prakash</t>
  </si>
  <si>
    <t>Lost in Alabama</t>
  </si>
  <si>
    <t>c#|.net|obout</t>
  </si>
  <si>
    <t>mod (%) of two large numbers without using java.math.BigInteger</t>
  </si>
  <si>
    <t>&lt;p&gt;I have to multiply two large numbers like x and y and then find the mod of result by p without using &lt;code&gt;BigInteger&lt;/code&gt;like :&lt;/p&gt;
&lt;pre&gt;&lt;code&gt;public static char[] x = {'1','1','5','7','9','2','0','8','9','2','3','7','3','1','6','1','9','5','4','2','3','5','7','0','9','8','5','0','0','8','6','8','7','9','0','7','8','5','3','2','6','9','9','8','4','6','6','5','6','4','0','5','6','4','0','3','9','4','5','7','5','8','4','0','0','7','9','0','8','8','3','3','7','6','6','4','4','7'};
public static char[] y = {'1','1','5','7','9','2','0','8','9','2','3','7','3','1','6','1','9','5','4','2','3','5','7','0','9','8','5','0','0','8','6','8','7','9','0','7','8','5','3','2','6','9','9','8','4','6','6','5','6','4','0','5','6','4','0','3','9','4','4','3','7','4','8','7','3','8','7','4','7','3','1','9','0','6','9','7','4','3'};
public static char[] p = {'1','1','5','7','9','2','0','8','9','2','3','7','3','1','6','1','9','5','4','2','3','5','7','0','9','8','5','0','0','8','6','8','7','9','0','7','8','5','3','2','6','9','9','8','4','6','6','5','6','4','0','5','6','4','0','3','9','4','5','7','5','8','4','0','0','7','9','0','8','8','3','4','6','7','1','6','6','3'};
&lt;/code&gt;&lt;/pre&gt;
&lt;p&gt;I find out how to multiply x and y but I don't know how to compute mod of two large numbers
Can anyone help me?&lt;/p&gt;</t>
  </si>
  <si>
    <t>2016-01-04 15:42:43.363000+00:00</t>
  </si>
  <si>
    <t>2016-01-05 08:24:26.193000+00:00</t>
  </si>
  <si>
    <t>2016-01-04 15:43:04.487000+00:00</t>
  </si>
  <si>
    <t>java|algorithm|modulo</t>
  </si>
  <si>
    <t>Setting updated token in the req.user session in Node</t>
  </si>
  <si>
    <t>&lt;p&gt;So here I have a route to call an API, sending to it the users token. The API then generates a new token and sends it back in the response.&lt;/p&gt;
&lt;p&gt;I then want to update the &lt;code&gt;req.user.token&lt;/code&gt; with the new token so I can continue making valid API calls in the session. However I can only do this for the session outside the scope of the response. &lt;/p&gt;
&lt;p&gt;Here is my attempt. How can I make &lt;code&gt;req.user.token&lt;/code&gt; take the updated token?&lt;/p&gt;
&lt;pre&gt;&lt;code&gt;router.post('/:id', function (req, res, next) {
    var returnedToken = "";
    var options = {
        url: configUrl + '/' + req.params.id,
        method: 'POST',
        headers: {
            'token': req.session.passport.user.token,
            'caller': 'client[route:POST user]',
            'x-request-id': req.requestId,
        },
        json: req.body
    };
    request(options, function (error, response, body) {
        if (error) {
            req.logger.error({err: error}, 'connection to user service has failed');
            res.status(500).send(error.message);
        } else {
            res.status(response.statusCode).send(body);
            returnedToken = response.body.token;
        }
        return next();
    })
    req.user.token = returnedToken;
});
&lt;/code&gt;&lt;/pre&gt;
&lt;p&gt;If I set the &lt;code&gt;req.user.token&lt;/code&gt; within the request then it isn't available elsewhere in the client. However if I set the &lt;code&gt;req.user.token&lt;/code&gt; where I have above the &lt;code&gt;returnedToken&lt;/code&gt; is undefined because obviously it's outside the scope.&lt;/p&gt;
&lt;p&gt;Any ideas how I can work around this? &lt;/p&gt;
&lt;p&gt;Thanks&lt;/p&gt;</t>
  </si>
  <si>
    <t>2016-11-21 11:24:58.877000+00:00</t>
  </si>
  <si>
    <t>2016-11-21 12:22:26.537000+00:00</t>
  </si>
  <si>
    <t>node.js|express|passport.js</t>
  </si>
  <si>
    <t>HTML and CSS twitter/Facebook feed</t>
  </si>
  <si>
    <t>&lt;p&gt;I've been asked by a client to make a feed like exactly like this on a website.&lt;/p&gt;
&lt;p&gt;I have the logos etc as it was profided in a photoshop document.&lt;/p&gt;
&lt;p&gt;Would someone care to help?&lt;/p&gt;
&lt;p&gt;IT will be going inside a &lt;code&gt;&amp;lt;div class="col-lg-3"&amp;gt;&lt;/code&gt; &lt;/p&gt;
&lt;p&gt;The things I need answering then is, How do I go about making the feed (I'm guessing it would just be an API but I don't know how to add the logos, I also don't know if it is an API, it could be an RSS feed? again I'm unaware how to add the logos.) &lt;/p&gt;
&lt;p&gt;and how do I add the custom slider bar?&lt;/p&gt;
&lt;p&gt;This is what i need it to look like&lt;/p&gt;
&lt;p&gt;&lt;img src="https://i.stack.imgur.com/OLiqp.png" alt="enter image description here"&gt;&lt;/p&gt;
&lt;p&gt;Sam &lt;/p&gt;</t>
  </si>
  <si>
    <t>2015-05-15 12:18:39.863000+00:00</t>
  </si>
  <si>
    <t>2015-05-15 12:38:07.887000+00:00</t>
  </si>
  <si>
    <t>html|css|facebook|api|rss</t>
  </si>
  <si>
    <t>some good .jar to .exe converters?</t>
  </si>
  <si>
    <t>&lt;blockquote&gt;
  &lt;p&gt;&lt;strong&gt;Possible Duplicate:&lt;/strong&gt;&lt;br&gt;
  &lt;a href="https://stackoverflow.com/questions/147181/how-can-i-convert-my-java-program-to-an-exe-file"&gt;How can I convert my Java program to an .exe file?&lt;/a&gt;  &lt;/p&gt;
&lt;/blockquote&gt;
&lt;p&gt;i am learning java, i am a total beginner though i have learnt some python before. for some people who know what python is, it is totally a pain in the ass situation to compile it. i used a 3rd party software cx_freeze to do so but all the code wouldn't get compiled.&lt;/p&gt;
&lt;p&gt;though python compiling isn't the aim of this question. what i want to do is to convert .jar to .exe. now i know that there are some solutions available. but which one is the best in terms of compatibility? what i mean to say is that can i import a huge amount of modules and still get it to work? can i have advance projects compiled?&lt;/p&gt;
&lt;p&gt;also, is there a software that has a gui to do this? because i had to completely manually do the compiling in python.&lt;/p&gt;
&lt;p&gt;also, is there a way of converting .class to .exe without converting it to .jar&lt;/p&gt;
&lt;p&gt;thanks a ton!&lt;/p&gt;</t>
  </si>
  <si>
    <t>2012-07-28 14:41:13.113000+00:00</t>
  </si>
  <si>
    <t>2012-07-28 15:12:25.973000+00:00</t>
  </si>
  <si>
    <t>2017-05-23 12:03:16.507000+00:00</t>
  </si>
  <si>
    <t>java|compilation</t>
  </si>
  <si>
    <t>Run Python Gtk3 Dialog or message dialog without no transient parent warning</t>
  </si>
  <si>
    <t>&lt;p&gt;I use Python 2.7 and Gtk3 and every time I launch a Gtk.Dialog I get the warning:&lt;/p&gt;
&lt;pre&gt;&lt;code&gt;Gtk-Message: GtkDialog mapped without a transient parent. This is discouraged.
&lt;/code&gt;&lt;/pre&gt;
&lt;p&gt;I read this is because the dialog needs a parent window - until I call it with &lt;strong&gt;Gtk.DialogFlags.MODAL&lt;/strong&gt;.&lt;/p&gt;
&lt;p&gt;But how?&lt;/p&gt;
&lt;pre&gt;&lt;code&gt;#!/usr/bin/env python
#-*- coding: utf-8 -*-
import gi
gi.require_version('Gtk', '3.0')
from gi.repository import Gtk
class Question():
    def __init__(self):
        self.message_dialog = Gtk.Dialog(
            "Dialog Title",
            None,
            Gtk.DialogFlags.MODAL,
            (Gtk.STOCK_CANCEL, Gtk.ResponseType.CANCEL,
             Gtk.STOCK_OK, Gtk.ResponseType.OK)
            )
        self.message_dialog.set_modal(1)
        response = self.message_dialog.run()
        self.message_dialog.destroy()
if __name__ == "__main__":
    q = Question()
&lt;/code&gt;&lt;/pre&gt;
&lt;h2&gt;#&lt;/h2&gt;
&lt;p&gt;Why not set parent to Gtk.Window() so it runs without warning?&lt;/p&gt;
&lt;pre&gt;&lt;code&gt;#!/usr/bin/env python
#-*- coding: utf-8 -*-
import gi
gi.require_version('Gtk', '3.0')
from gi.repository import Gtk
class Question():
    def __init__(self):
        self.message_dialog = Gtk.Dialog(
            "Dialog Title",
            Gtk.Window(),
            None,
            (Gtk.STOCK_CANCEL, Gtk.ResponseType.CANCEL,
             Gtk.STOCK_OK, Gtk.ResponseType.OK)
            )
        response = self.message_dialog.run()
        self.message_dialog.destroy()
if __name__ == "__main__":
    q = Question()
&lt;/code&gt;&lt;/pre&gt;</t>
  </si>
  <si>
    <t>2017-06-06 14:16:48.180000+00:00</t>
  </si>
  <si>
    <t>2017-06-07 10:01:40.370000+00:00</t>
  </si>
  <si>
    <t>2017-06-06 19:05:14.073000+00:00</t>
  </si>
  <si>
    <t>python|modal-dialog|gtk3</t>
  </si>
  <si>
    <t>Visual Studio 2010: The report definition is not valid. Details: The report definition has an invalid target</t>
  </si>
  <si>
    <t>&lt;p&gt;Re: The report definition is not valid.  Details: The report definition has an invalid target namespace '&lt;a href="http://schemas.microsoft.com/sqlserver/reporting/2008/01/reportdefinition" rel="noreferrer"&gt;http://schemas.microsoft.com/sqlserver/reporting/2008/01/reportdefinition&lt;/a&gt;' which cannot be upgraded.&lt;/p&gt;
&lt;p&gt;Report expert needed, beam on over...&lt;/p&gt;
&lt;p&gt;Here are the step I went through today to accomplish this bit of foolishness.&lt;/p&gt;
&lt;p&gt;1) Visual Studio 2010, with SQL Server 2012&lt;/p&gt;
&lt;p&gt;2) App is a winforms vb.net, has been working great, was originally developed in VS 2008&lt;/p&gt;
&lt;p&gt;Reports ran fine this AM before I got to them. -sigh-&lt;/p&gt;
&lt;p&gt;3) Tried to edit a few reports - first time since upgrading to SQL 2012.&lt;/p&gt;
&lt;p&gt;4) Could not edit the datasets and decided something was corrupt.&lt;/p&gt;
&lt;p&gt;5) Ran a repair installation on VS 2010 and ensured it was fully up-to-date.  no joy - could not update dataset.&lt;/p&gt;
&lt;p&gt;6) Re-ran install for SQL SSMS with addition of SDK for connectivity clients&lt;/p&gt;
&lt;p&gt;7) Now I could edit the report datasets, but the reports are broken. (see title) -double sigh-&lt;/p&gt;
&lt;p&gt;Report viewer is 10.0.0&lt;/p&gt;
&lt;p&gt;.Net is 4.0&lt;/p&gt;
&lt;p&gt;Thanks for any tips&lt;/p&gt;
&lt;p&gt;Mac McCaskie&lt;/p&gt;</t>
  </si>
  <si>
    <t>2013-06-21 20:24:36.647000+00:00</t>
  </si>
  <si>
    <t>2015-10-01 01:11:04.243000+00:00</t>
  </si>
  <si>
    <t>2013-06-21 20:47:46.923000+00:00</t>
  </si>
  <si>
    <t>.net|visual-studio-2010|reporting-services|report-designer</t>
  </si>
  <si>
    <t>Combine two records to be one record in SQL Server</t>
  </si>
  <si>
    <t>&lt;p&gt;How to group by when getting data 'Pej. Pesaka Kecil' and 'Pej. Tanah Daerah' for example: &lt;/p&gt;
&lt;pre&gt;&lt;code&gt;DECLARE @fMonth AS VARCHAR(20) = '1'
DECLARE @fYear AS VARCHAR(5) = '2017'
DECLARE @tMonth AS VARCHAR(20) = '5'
DECLARE @tYear AS VARCHAR(5) = '2017'
select * from (
    select @fMonth AS fMonth, @fYear AS fYear, @tMonth AS tMonth, @tYear AS tYear,
    (case when Description in ('Pej. Pesaka Kecil', 'Pej. Tanah Daerah') then 'JKPTG'
                 else Description
            end) as description, [state_desc]
    from B_Requestor as main
    left join B_Party as b on  main.requestorid = b.requestorid
    left join B_BlueCard as blue on b.partyid = blue.partyid and YEAR(blue.AppliedDate) = @fYear and blue.CardType = 'Form C'
    group by  state, category, (case when description in ('Pej. Pesaka Kecil', 'Pej. Tanah Daerah') then 'JKPTG' else Description 
      end) ,[state_desc]
) t
    order by  (case when description =  'Amanah Raya Berhad' then 1
                                       when description = 'Mahkamah Tinggi' then 2
                                       when description = 'JKPTG' then 3
                                       END) ASC, [state_desc]
&lt;/code&gt;&lt;/pre&gt;
&lt;p&gt;Current output has the correct result, but needs to be grouped based on &lt;code&gt;Description&lt;/code&gt; and &lt;code&gt;State_desc&lt;/code&gt;. But want to keep all current columns in the output.&lt;/p&gt;
&lt;p&gt;Thank you guys.&lt;/p&gt;</t>
  </si>
  <si>
    <t>2017-04-11 04:31:30.443000+00:00</t>
  </si>
  <si>
    <t>2017-04-13 06:01:42.990000+00:00</t>
  </si>
  <si>
    <t>Ruby Could not initialize MySQL client library</t>
  </si>
  <si>
    <t>&lt;p&gt;I updated my ruby on Bluehost following the guide below.&lt;br&gt;
&lt;a href="http://www.haydonryan.com/installing-ruby-2-1-1p76-and-rails-4-0-4-on-bluehost/" rel="nofollow"&gt;http://www.haydonryan.com/installing-ruby-2-1-1p76-and-rails-4-0-4-on-bluehost/&lt;/a&gt;&lt;br&gt;
&lt;a href="http://www.haydonryan.com/rails-4-passenger-and-bluehost-with-a-cameo-from-wordpress/" rel="nofollow"&gt;http://www.haydonryan.com/rails-4-passenger-and-bluehost-with-a-cameo-from-wordpress/&lt;/a&gt;  &lt;/p&gt;
&lt;p&gt;Then I installed redmine using the guide from bluehost.&lt;br&gt;
If I run rails s through ssh, I get  &lt;/p&gt;
&lt;blockquote&gt;
  &lt;p&gt;=&gt; Booting WEBrick&lt;br&gt;
      =&gt; Rails 4.2.4 application starting in development on localhost 3000&lt;br&gt;
      =&gt; Run &lt;code&gt;rails server -h&lt;/code&gt; for more startup options&lt;br&gt;
      =&gt; Ctrl-C to shutdown server&lt;br&gt;
      [2015-10-13 06:45:51] INFO  WEBrick 1.3.1&lt;br&gt;
      [2015-10-13 06:45:51] INFO  ruby 2.2.3 (2015-08-18) [x86_64-linux]&lt;br&gt;
      [2015-10-13 06:45:51] INFO  WEBrick::HTTPServer#start: pid=19685 port=3000&lt;/p&gt;
&lt;/blockquote&gt;
&lt;p&gt;However, if I open the url from my browser, I get the error message below. What could be causing this?  &lt;/p&gt;
&lt;blockquote&gt;
  &lt;p&gt;Error message: Could not initialize MySQL client library   Exception
  class: RuntimeError   Application root: /home/user/rails_apps/redmine 
  Backtrace:&lt;br&gt;
      # File Line Location&lt;br&gt;
      0 /home/user/ruby/gems/gems/activesupport-4.2.4/lib/active_support/dependencies.rb
  274 in require&lt;br&gt;
      1 /home/user/ruby/gems/gems/activesupport-4.2.4/lib/active_support/dependencies.rb
  274 in block in require&lt;br&gt;
      2 /home/user/ruby/gems/gems/activesupport-4.2.4/lib/active_support/dependencies.rb
  240 in load_dependency&lt;br&gt;
      3 /home/user/ruby/gems/gems/activesupport-4.2.4/lib/active_support/dependencies.rb
  274 in require&lt;br&gt;
      4 /home/user/ruby/gems/gems/mysql2-0.3.20/lib/mysql2.rb 31 in&lt;br&gt;
      5 /home/user/ruby/gems/gems/bundler-1.10.6/lib/bundler/runtime.rb 76 in require&lt;br&gt;
      6 /home/user/ruby/gems/gems/bundler-1.10.6/lib/bundler/runtime.rb 76 in block (2 levels) in require&lt;br&gt;
      7 /home/user/ruby/gems/gems/bundler-1.10.6/lib/bundler/runtime.rb 72 in each&lt;br&gt;
      8 /home/user/ruby/gems/gems/bundler-1.10.6/lib/bundler/runtime.rb 72 in block in require&lt;br&gt;
      9 /home/user/ruby/gems/gems/bundler-1.10.6/lib/bundler/runtime.rb 61 in each&lt;br&gt;
      10 /home/user/ruby/gems/gems/bundler-1.10.6/lib/bundler/runtime.rb 61 in require&lt;br&gt;
      11 /home/user/ruby/gems/gems/bundler-1.10.6/lib/bundler.rb 134 in require&lt;br&gt;
      12 /home5/user/rails_apps/redmine/config/application.rb 5 in&lt;br&gt;
      13 /home5/user/rails_apps/redmine/config/environment.rb 2 in require&lt;br&gt;
      14 /home5/user/rails_apps/redmine/config/environment.rb 2 in&lt;br&gt;
      15 config.ru 3 in require&lt;br&gt;
      16 config.ru 3 in block in&lt;br&gt;
      17 /home/user/ruby/gems/gems/rack-1.6.4/lib/rack/builder.rb 55 in instance_eval&lt;br&gt;
      18 /home/user/ruby/gems/gems/rack-1.6.4/lib/rack/builder.rb 55 in initialize&lt;br&gt;
      19 config.ru 1 in new&lt;br&gt;
      20 config.ru 1 in&lt;br&gt;
      21 /etc/httpd/modules/passenger/lib/phusion_passenger/rack/application_spawner.rb
  225 in eval&lt;br&gt;
      22 /etc/httpd/modules/passenger/lib/phusion_passenger/rack/application_spawner.rb
  225 in load_rack_app&lt;br&gt;
      23 /etc/httpd/modules/passenger/lib/phusion_passenger/rack/application_spawner.rb
  157 in block in initialize_server&lt;br&gt;
      24 /etc/httpd/modules/passenger/lib/phusion_passenger/utils.rb 563 in report_app_init_status&lt;br&gt;
      25 /etc/httpd/modules/passenger/lib/phusion_passenger/rack/application_spawner.rb
  154 in initialize_server&lt;br&gt;
      26 /etc/httpd/modules/passenger/lib/phusion_passenger/abstract_server.rb
  204 in start_synchronously&lt;br&gt;
      27 /etc/httpd/modules/passenger/lib/phusion_passenger/abstract_server.rb
  180 in start&lt;br&gt;
      28 /etc/httpd/modules/passenger/lib/phusion_passenger/rack/application_spawner.rb
  129 in start&lt;br&gt;
      29 /etc/httpd/modules/passenger/lib/phusion_passenger/spawn_manager.rb
  253 in block (2 levels) in spawn_rack_application&lt;br&gt;
      30 /etc/httpd/modules/passenger/lib/phusion_passenger/abstract_server_collection.rb
  132 in lookup_or_add&lt;br&gt;
      31 /etc/httpd/modules/passenger/lib/phusion_passenger/spawn_manager.rb
  246 in block in spawn_rack_application&lt;br&gt;
      32 /etc/httpd/modules/passenger/lib/phusion_passenger/abstract_server_collection.rb
  82 in block in synchronize&lt;br&gt;
      33 prelude&gt; 10:in synchronize&lt;br&gt;
      34 /etc/httpd/modules/passenger/lib/phusion_passenger/abstract_server_collection.rb
  79 in synchronize&lt;br&gt;
      35 /etc/httpd/modules/passenger/lib/phusion_passenger/spawn_manager.rb
  244 in spawn_rack_application&lt;br&gt;
      36 /etc/httpd/modules/passenger/lib/phusion_passenger/spawn_manager.rb
  137 in spawn_application&lt;br&gt;
      37 /etc/httpd/modules/passenger/lib/phusion_passenger/spawn_manager.rb
  275 in handle_spawn_application&lt;br&gt;
      38 /etc/httpd/modules/passenger/lib/phusion_passenger/abstract_server.rb
  357 in server_main_loop&lt;br&gt;
      39 /etc/httpd/modules/passenger/lib/phusion_passenger/abstract_server.rb
  206 in start_synchronously&lt;br&gt;
      40 /etc/httpd/modules/passenger/helper-scripts/passenger-spawn-server 99
  in &lt;/p&gt;
&lt;/blockquote&gt;</t>
  </si>
  <si>
    <t>2015-10-13 13:01:13.747000+00:00</t>
  </si>
  <si>
    <t>2015-10-13 13:30:23.737000+00:00</t>
  </si>
  <si>
    <t>Push Notification are not receiving from server</t>
  </si>
  <si>
    <t>&lt;p&gt;First of all I know this would be a duplicate question and it will be closed. Before closed this, please understand what I am facing the issue.&lt;/p&gt;
&lt;p&gt;I am working on an application in which push notifications are implemented. I have implemented all the necessary functions of receiving push notifications.&lt;/p&gt;
&lt;p&gt;I have created pem files via push notification certificates which created without any issue.&lt;/p&gt;
&lt;p&gt;Now I have checked and test the notification from this link: &lt;a href="http://apns-gcm.bryantan.info/" rel="nofollow noreferrer"&gt;http://apns-gcm.bryantan.info/&lt;/a&gt; . I received the notifications from that site. &lt;/p&gt;
&lt;p&gt;&lt;strong&gt;The main issue is when I sent these pem file to server and trying to send notifications from server side, I didn't received any push notifications.&lt;/strong&gt;&lt;/p&gt;
&lt;p&gt;Apart from this I have followed these references:&lt;/p&gt;
&lt;p&gt;&lt;a href="https://stackoverflow.com/questions/8132664/push-notification-not-receiving-on-iphone"&gt;Push notification not receiving on iphone&lt;/a&gt;&lt;/p&gt;
&lt;p&gt;&lt;a href="https://stackoverflow.com/questions/20114215/push-notification-not-receiving-some-times-in-iphone-from-parse-com-server"&gt;Push Notification not receiving some times in iphone from Parse.com server&lt;/a&gt;&lt;/p&gt;
&lt;p&gt;&lt;a href="https://stackoverflow.com/questions/46643927/ios-notifications-are-not-receiving-that-are-sent-from-the-server"&gt;iOS Notifications are not receiving that are sent from the server&lt;/a&gt;&lt;/p&gt;
&lt;p&gt;I used these but none of them solve my issue.&lt;/p&gt;
&lt;p&gt;Thank you&lt;/p&gt;</t>
  </si>
  <si>
    <t>2018-09-13 06:23:08.827000+00:00</t>
  </si>
  <si>
    <t>ios|apple-push-notifications</t>
  </si>
  <si>
    <t>Loading derived polymorphic class using dlopen</t>
  </si>
  <si>
    <t>&lt;p&gt;In a C++ code I'm trying to have a main module that defines a polymorphic base class, which dynamically loads derived classes for it at runtime. The main module has something like:&lt;/p&gt;
&lt;pre&gt;&lt;code&gt;class Base {
public:
    virtual ~Base();
    virtual int f() = 0;
};
int main() {
    auto make_a_ptr = /* load function pointer make_a from module using dsym */;
    Base* a = make_a_ptr();
    std::cout &amp;lt;&amp;lt; a-&amp;gt;f() &amp;lt;&amp;lt; std::endl;
    delete a;
}
&lt;/code&gt;&lt;/pre&gt;
&lt;p&gt;The dynamically loaded external module has:&lt;/p&gt;
&lt;pre&gt;&lt;code&gt;class A : public Base {
public:
    int f() {
        return 123;
    }
};
extern "C" Base* make_a() {
    return new A;
}
&lt;/code&gt;&lt;/pre&gt;
&lt;p&gt;Will a system like this work on Linux, without additional steps regarding the dynamic linking? Because here only &lt;code&gt;make_a&lt;/code&gt; is explicitly loaded using &lt;code&gt;dlsym()&lt;/code&gt;, but the main module will also call &lt;code&gt;A::f()&lt;/code&gt; and &lt;code&gt;A::~A()&lt;/code&gt;, and access the v-table of &lt;code&gt;A&lt;/code&gt;. Will this still work even though those symbols were not explicitly loaded?&lt;/p&gt;
&lt;p&gt;And is a similar system possible on Windows platform?&lt;/p&gt;</t>
  </si>
  <si>
    <t>2018-09-27 14:10:17.067000+00:00</t>
  </si>
  <si>
    <t>2018-09-27 15:25:14.230000+00:00</t>
  </si>
  <si>
    <t>c++|linux|linker|dynamic-linking|dlopen</t>
  </si>
  <si>
    <t>How to replicate pouchdb with angular js</t>
  </si>
  <si>
    <t>&lt;p&gt;I'm using Couch DB to store locations for my cordova ionic app.
I'm also using PouchDB for replicating the data.
Everything works great but it seems like the first replication doesn't get to finish before my application continues.
That cause my data not show until the the second time i enter the page.
The "complete" option doesn't seems to work(Or i don't know how to use it because the alert doesn't get fired).
I tried to resolve everything but no change.&lt;/p&gt;
&lt;p&gt;Here is my code in an angular service:&lt;/p&gt;
&lt;pre&gt;&lt;code&gt;var db = new PouchDB('gardens');
var remoteDB = "https://test.couchappy.com/test";
var opts = {continuous: true, xhrFields:{withCredentials:true}, complete: function() {
  alert('test');
}};
db.replicate.from(remoteDB, opts);
var gardens2 = [];
db.allDocs({include_docs: true}, function(err, doc) {
  console.log(doc);
  _.each(doc.rows, function(i){
    console.log(i.doc.name);
    gardens2.push({
      name: i.doc.name,
      lat: i.doc.lat,
      lng: i.doc.lng,
      message: i.doc.message
    });
  });
  console.log(gardens2);
&lt;/code&gt;&lt;/pre&gt;</t>
  </si>
  <si>
    <t>2014-04-04 18:35:33.463000+00:00</t>
  </si>
  <si>
    <t>2014-06-12 09:54:03.503000+00:00</t>
  </si>
  <si>
    <t>angularjs|ionic-framework|pouchdb</t>
  </si>
  <si>
    <t>How to connect JAVA to SQL Server 2012?</t>
  </si>
  <si>
    <t>&lt;p&gt;Hey friends I am totally new in JAVA and i want to now how to connect JDBC with SQL Server 2012. I go through so much material but i didn't get it. So can you give me a sample demo code...&lt;/p&gt;
&lt;p&gt;I have one more problem that i installed SQL Server 2012 but i don't know what is username, password and server name. SO what can i do for it??    &lt;/p&gt;
&lt;p&gt;When i code it gives error...&lt;/p&gt;
&lt;p&gt;&lt;strong&gt;Code:&lt;/strong&gt;&lt;/p&gt;
&lt;pre&gt;&lt;code&gt;import java.sql.*;
public class Conection
{
    public static void main(String a[]) throws ClassNotFoundException, SQLException
    {
        try
        {
            String url = "jdbc:sqlserver://localhost:1433//SQLEXPRESS;databaseName=mydb";   
            Class.forName("com.microsoft.sqlserver.jdbc.SQLServerDriver");
            Connection conn = DriverManager.getConnection(url);
            System.out.println("connection created");
            Statement st=conn.createStatement();
            String sql="select * from mydb";
            ResultSet rs=st.executeQuery(sql);
            while(rs.next())
            {
                System.out.println("Name: "+rs.getString(1));
                //System.out.println("Address : "+rs.getString(2));
            }
            if(st!=null)
            st.close();
            if(conn!=null)
                conn.close();
        }
        catch(SQLException sqle)
        {
            System.out.println("Sql exception "+sqle);
        }
    }
}
&lt;/code&gt;&lt;/pre&gt;
&lt;p&gt;&lt;strong&gt;Error&lt;/strong&gt;&lt;/p&gt;
&lt;pre&gt;&lt;code&gt;Exception in thread "main" java.lang.ClassNotFoundException: com.microsoft.sqlserver.jdbc.SQLServerDriver
    at java.net.URLClassLoader$1.run(Unknown Source)
    at java.net.URLClassLoader$1.run(Unknown Source)
    at java.security.AccessController.doPrivileged(Native Method)
    at java.net.URLClassLoader.findClass(Unknown Source)
    at java.lang.ClassLoader.loadClass(Unknown Source)
    at sun.misc.Launcher$AppClassLoader.loadClass(Unknown Source)
    at java.lang.ClassLoader.loadClass(Unknown Source)
    at java.lang.Class.forName0(Native Method)
    at java.lang.Class.forName(Unknown Source)
    at Conection.main(Conection.java:11)
&lt;/code&gt;&lt;/pre&gt;</t>
  </si>
  <si>
    <t>2014-03-07 06:06:44.983000+00:00</t>
  </si>
  <si>
    <t>2016-03-21 05:18:12.520000+00:00</t>
  </si>
  <si>
    <t>java|sql-server|jdbc|sql-server-2012</t>
  </si>
  <si>
    <t>Hibernate search (4.5) @Spatial as @IndexedEmbedded</t>
  </si>
  <si>
    <t>&lt;p&gt;I have an entity "Message" which has a @OneToMany relationship to a list (Set) of "Locations" - a Spatial entity (A message might have many locations --see below the classes). The index is created correctly, as seen with Luke.
When i try to create a composite query, having two "must" rules, the query returns the requested message only when one of the correct locations is given. It's like the onDefaultCoordinates() takes only one of the locations in the list. It makes sense, but I cannot use onCoordinates(String arg) because the list cannot be created having names for each set of coordinates. 
Here is the query:&lt;/p&gt;
&lt;pre&gt;&lt;code&gt;org.apache.lucene.search.Query luceneQuery = builder.bool()
  .must( builder.keyword().onField("title").matching(text).createQuery() )
  .must( builder.spatial().onDefaultCoordinates().within(5, Unit.KM)
    .ofLatitude(location.getLatitude()).andLongitude(location.getLongitude())
    .createQuery() )
  .createQuery();
&lt;/code&gt;&lt;/pre&gt;
&lt;p&gt;Here are the classes:&lt;/p&gt;
&lt;pre&gt;&lt;code&gt;//Message class
@Entity
@Indexed
public class Message {
private int id;
private String title;
private String content;
private Set&amp;lt;Location&amp;gt; locations;
@OneToMany(mappedBy="message", fetch=FetchType.EAGER, cascade=CascadeType.ALL)
@IndexedEmbedded
public Set&amp;lt;Location&amp;gt; getLocations(){
  return locations;
}
// Rest of the getters/setters
&lt;/code&gt;&lt;/pre&gt;
&lt;p&gt;and the location class:&lt;/p&gt;
&lt;pre&gt;&lt;code&gt;// Location class, @latitude, @longitude, omitted here, set at the getters 
@Spatial (spatialMode = SpatialMode.GRID)
@Indexed
@Entity
public class Location {
private int id;
private String name;
private double latitude;
private double longitude;
private Message message;
@JsonBackReference  // used in REST response -- irrelevant here
@ContainedIn
@ManyToOne
public Message getMessage() {
  return message;
}
// Rest of the getters/setters
&lt;/code&gt;&lt;/pre&gt;
&lt;p&gt;When I query the message class with .must(a given title) and .must the second set of coordinates, i get the class as a response (even though i would like only the specific location, but this is a different question). If i make the same thing with a different location (also present in the index) i get an empty response.
Any ideas??&lt;/p&gt;</t>
  </si>
  <si>
    <t>2014-03-07 09:51:38.097000+00:00</t>
  </si>
  <si>
    <t>2014-03-10 11:46:46.207000+00:00</t>
  </si>
  <si>
    <t>java|hibernate|hibernate-search|hibernate-spatial</t>
  </si>
  <si>
    <t>open my app from other apps if only logged in to the app</t>
  </si>
  <si>
    <t>&lt;p&gt;&lt;strong&gt;I want to show my app in share list like below if only user is logged in my app.&lt;/strong&gt;&lt;/p&gt;
&lt;p&gt;&lt;a href="https://i.stack.imgur.com/CAgrD.png" rel="nofollow noreferrer"&gt;&lt;img src="https://i.stack.imgur.com/CAgrD.png" alt="enter image description here"&gt;&lt;/a&gt;&lt;/p&gt;
&lt;p&gt;I know by following code i can add my app to share list.&lt;/p&gt;
&lt;pre&gt;&lt;code&gt;&amp;lt;intent-filter&amp;gt;
    &amp;lt;action android:name="android.intent.action.SEND" /&amp;gt;
    &amp;lt;category android:name="android.intent.category.DEFAULT" /&amp;gt;
    &amp;lt;data android:mimeType="text/plain" /&amp;gt;
&amp;lt;/intent-filter&amp;gt;
&lt;/code&gt;&lt;/pre&gt;
&lt;p&gt;But is there a way to &lt;strong&gt;show it if only user logged&lt;/strong&gt; in and to hide it &lt;strong&gt;if user not logged in&lt;/strong&gt;. &lt;/p&gt;</t>
  </si>
  <si>
    <t>2018-03-06 06:44:45.023000+00:00</t>
  </si>
  <si>
    <t>2018-03-06 08:03:37.697000+00:00</t>
  </si>
  <si>
    <t>TableCellRenderer get value</t>
  </si>
  <si>
    <t>&lt;p&gt;How can I see if the value is an integer == 150 for example.
And if it is, I want to set the foregroundcolor for that cell.
This is my code:&lt;/p&gt;
&lt;pre&gt;&lt;code&gt;class JComponentTableCellRenderer implements TableCellRenderer {
public Component getTableCellRendererComponent(JTable table, Object value,
        boolean isSelected, boolean hasFocus, int row, int column) {    
        return (JComponent) value;
    }
}
&lt;/code&gt;&lt;/pre&gt;</t>
  </si>
  <si>
    <t>2017-03-07 18:41:08.630000+00:00</t>
  </si>
  <si>
    <t>2017-03-07 20:04:51.370000+00:00</t>
  </si>
  <si>
    <t>how to add properties to sql membership provider for registering users</t>
  </si>
  <si>
    <t>&lt;p&gt;I'm using sql membership provider and I'm wanting to add Shipping information when users register... The user is required to enter shipping info. What is the best way to approach this / how do I do it if possible?&lt;/p&gt;
&lt;pre&gt;&lt;code&gt;public class RegisterModel
{
    [Required]
    [Display(Name = "User name")]
    public string UserName { get; set; }
    [Required]
    [DataType(DataType.EmailAddress)]
    [Display(Name = "Email address")]
    public string Email { get; set; }
    [Required]
    [StringLength(100, ErrorMessage = "The {0} must be at least {2} characters long.", MinimumLength = 6)]
    [DataType(DataType.Password)]
    [Display(Name = "Password")]
    public string Password { get; set; }
    [DataType(DataType.Password)]
    [Display(Name = "Confirm password")]
    [Compare("Password", ErrorMessage = "The password and confirmation password do not match.")]
    public string ConfirmPassword { get; set; }
}
&lt;/code&gt;&lt;/pre&gt;
&lt;p&gt;Thanks,&lt;/p&gt;</t>
  </si>
  <si>
    <t>2012-08-29 17:57:16.433000+00:00</t>
  </si>
  <si>
    <t>2012-08-29 19:00:32.210000+00:00</t>
  </si>
  <si>
    <t>2012-08-29 18:04:25.960000+00:00</t>
  </si>
  <si>
    <t>asp.net|sql|asp.net-mvc|sqlmembershipprovider</t>
  </si>
  <si>
    <t>Cannot prevent refreshing page in window.onunload()</t>
  </si>
  <si>
    <t>&lt;p&gt;I'm trying to show a prompt message in case user trying to refresh the page.
I used window.onbeforeunload and it's working fine on other browsers BUT not Mobile Safari.&lt;/p&gt;
&lt;p&gt;I'm trying to use window.onunload for Mobile Safari, I can show the prompt message, but cannot prevent refreshing page.&lt;/p&gt;
&lt;p&gt;Below is the code&lt;/p&gt;
&lt;pre&gt;&lt;code&gt;&amp;lt;script&amp;gt;
    var iOS = ( navigator.userAgent.match(/(iPad|iPhone|iPod)/g) ? true : false );
    if(iOS){
        window.onunload = function() {
            var test = confirm("Are you sure you want to leave this page");
            if(!test){
                return false;
            } 
        }
    }
&lt;/code&gt;&lt;/pre&gt;
&lt;p&gt;&lt;/p&gt;
&lt;p&gt;I also tried the pagehide event, can show the prompt but still cannot prevent refreshing page
Below is the code&lt;/p&gt;
&lt;pre&gt;&lt;code&gt;&amp;lt;script&amp;gt;
  window.addEventListener("pagehide", function(){
    var test = confirm("Are u sure you want to leave this page aaaaaaaaaaaaa");         
    if(!test){          
        return false;
    } 
  },false);
&amp;lt;/script&amp;gt;
&lt;/code&gt;&lt;/pre&gt;</t>
  </si>
  <si>
    <t>2014-12-30 07:23:24.107000+00:00</t>
  </si>
  <si>
    <t>2014-12-30 09:46:49.383000+00:00</t>
  </si>
  <si>
    <t>javascript|jquery|mobile-safari</t>
  </si>
  <si>
    <t>mas_updateConstraints didn't remove constraint in Masonry</t>
  </si>
  <si>
    <t>&lt;p&gt;I'm using &lt;a href="https://github.com/SnapKit/Masonry" rel="nofollow"&gt;Masonry&lt;/a&gt; in my &lt;code&gt;UITableViewCell&lt;/code&gt;, the cell has two subviews, one is &lt;code&gt;contentLabel&lt;/code&gt;, the other one is &lt;code&gt;imageView&lt;/code&gt;.
While the &lt;code&gt;imageView&lt;/code&gt; is not always present, if the cell has one image url, present it, or hide. If the &lt;code&gt;imageView&lt;/code&gt; is hidden, I want to set the &lt;code&gt;contentLabel&lt;/code&gt; to &lt;code&gt;cell.contentView.bottom&lt;/code&gt; to another value, something is like below:&lt;/p&gt;
&lt;pre&gt;&lt;code&gt;  [_contentLabel mas_makeConstraints:^(MASConstraintMaker *make) {
    make.left.equalTo(self.contentView.mas_left);
    make.top.equalTo(self.contentView.mas_bottom).offset(20);
    make.right.equalTo(self.contentView.mas_right).offset(-6);
    _bottomConstraint = make.bottom.equalTo(_imageView.mas_top).offset(-14);
  }];
  [_imageView mas_makeConstraints:^(MASConstraintMaker *make) {
    make.left.equalTo(_contentLabel.mas_left);
    make.bottom.equalTo(self.contentView.mas_bottom).offset(-14);
  }];
  if (tweet.imageUrl) {
    _imageView.hidden = NO;
    [_imageView sd_setImageWithURL:tweet.imageUrl placeholderImage:[UIImage imageNamed:@"loading"] options:0];
  } else {
    _imageView.hidden = YES;
    [_imageView sd_setImageWithURL:NULL];
  }
  if (_imageView.hidden) {
    [_contentLabel mas_updateConstraints:^(MASConstraintMaker *make) {
      make.bottom.equalTo(_imageView.mas_top).offset(0);
    }];
  }
&lt;/code&gt;&lt;/pre&gt;
&lt;p&gt;But I always got Error msg below: &lt;/p&gt;
&lt;pre&gt;&lt;code&gt;Unable to simultaneously satisfy constraints.
    Probably at least one of the constraints in the following list is one you don't want. Try this: (1) look at each constraint and try to figure out which you don't expect; (2) find the code that added the unwanted constraint or constraints and fix it. (Note: If you're seeing NSAutoresizingMaskLayoutConstraints that you don't understand, refer to the documentation for the UIView property translatesAutoresizingMaskIntoConstraints) 
(
    "&amp;lt;MASLayoutConstraint:0x7fef9cd178d0 UILabel:0x7fef9cd437e0.bottom == UIImageView:0x7fef9cd26260.top - 14&amp;gt;",
    "&amp;lt;MASLayoutConstraint:0x7fef9caf5430 UILabel:0x7fef9cd437e0.bottom == UIImageView:0x7fef9cd26260.top&amp;gt;"
)
Will attempt to recover by breaking constraint 
&amp;lt;MASLayoutConstraint:0x7fef9caf5430 UILabel:0x7fef9cd437e0.bottom == UIImageView:0x7fef9cd26260.top&amp;gt;
Make a symbolic breakpoint at UIViewAlertForUnsatisfiableConstraints to catch this in the debugger.
The methods in the UIConstraintBasedLayoutDebugging category on UIView listed in &amp;lt;UIKit/UIView.h&amp;gt; may also be helpful.
&lt;/code&gt;&lt;/pre&gt;
&lt;p&gt;That seems &lt;code&gt;mas_updateConstraints&lt;/code&gt; didn't remove the old constraint, but add a new constraint, the two conflicted each other. So how could I update the constraint value dynamically based in runtime?&lt;/p&gt;</t>
  </si>
  <si>
    <t>2015-07-05 03:35:26.963000+00:00</t>
  </si>
  <si>
    <t>2016-03-10 19:48:19.470000+00:00</t>
  </si>
  <si>
    <t>ios|uitableview|autolayout|nslayoutconstraint|masonry-ios-osx</t>
  </si>
  <si>
    <t>HTML Button works in Windows browser but not Android</t>
  </si>
  <si>
    <t>&lt;p&gt;&lt;a href="https://blendbee.com/shop/black-tea-blends/minty-black/" rel="nofollow noreferrer"&gt;https://blendbee.com/shop/black-tea-blends/minty-black/&lt;/a&gt;&lt;/p&gt;
&lt;p&gt;If you click any of the "Add to Cart" buttons for either Sample, 1/4 Lb, 1/2 Lb, a message appears at the top saying that the product was successfully added to the cart.  &lt;/p&gt;
&lt;p&gt;&lt;img src="https://i.stack.imgur.com/cpMso.png" alt="Android screenshot"&gt;&lt;/p&gt;
&lt;p&gt;But the blue "View Cart" button in the message does nothing in Android Chrome on my Samsung Galaxy S5. It works fine in Windows 8 Chrome though.&lt;/p&gt;
&lt;p&gt;I viewed the HTML source on each device and in Windows I can see:&lt;/p&gt;
&lt;pre&gt;&lt;code&gt;&amp;lt;div class="woocommerce-message"&amp;gt;&amp;lt;a href="https://blendbee.com/cart/" class="button wc-forward"&amp;gt;View Cart&amp;lt;/a&amp;gt; "Minty Black" was successfully added to your cart.&amp;lt;/div&amp;gt;
&lt;/code&gt;&lt;/pre&gt;
&lt;p&gt;But in Android I can't see that HTML in the source, although the button is visible in the browser.&lt;/p&gt;
&lt;p&gt;This is a strange one...any ideas?&lt;/p&gt;</t>
  </si>
  <si>
    <t>2014-08-19 18:44:56.783000+00:00</t>
  </si>
  <si>
    <t>2014-10-15 17:42:37.237000+00:00</t>
  </si>
  <si>
    <t>android|html|css|wordpress|google-chrome</t>
  </si>
  <si>
    <t>Rails Dynamic Add nested Form Error not Show in parameters</t>
  </si>
  <si>
    <t>&lt;p&gt;Only First Appear in Parameters But Other That we Add Dynamically Not Show In Parameters&lt;/p&gt;
&lt;p&gt;Application js&lt;/p&gt;
&lt;pre&gt;&lt;code&gt;(function () {
    var ready;
    ready = function () {
        $(document).on('click', '.remove_fields', function (event) {
            $(this).prev('input[type=hidden]').val('1');
            $(this).closest('fieldset').hide();
            return event.preventDefault();
        });
        $(document).on('click', '.add_fields', function (event) {
            var regexp, time;
            time = new Date().getTime();
            regexp = new RegExp($(this).data('id'), 'g');
            $(this).before($(this).data('fields').replace(regexp, time));
            $(document).find('.date-of-service').datepicker({
                dateFormat: 'yy-mm-dd'
            });
            return event.preventDefault();
        });
    };
    $(document).ready(ready);
    $(document).on('page:load', ready);
}).call(this);
&lt;/code&gt;&lt;/pre&gt;
&lt;p&gt;ApplicationHelper.rb&lt;/p&gt;
&lt;pre&gt;&lt;code&gt;def link_to_add_fields(name, f, association, **args)
    new_object = f.object.send(association).klass.new
    id = new_object.object_id
    fields = f.fields_for(association, new_object, child_index: id) do |ff|
      render(association.to_s.singularize + "_fields", f: ff)
    end
    link_to(name, '#', class: "add_fields" , data: {id: id, fields: fields.gsub("\n", "")})
end
&lt;/code&gt;&lt;/pre&gt;
&lt;p&gt;Our Form&lt;/p&gt;
&lt;pre&gt;&lt;code&gt;&amp;lt;%= f.fields_for :lineitems do |ff| %&amp;gt;
  &amp;lt;%= render 'lineitem_fields', f: ff %&amp;gt;
&lt;/code&gt;&lt;/pre&gt;
Add another invoice line item'.html_safe, f, :lineitems%&gt;
&lt;p&gt;Partials We Add Dynamic&lt;/p&gt;
&lt;pre&gt;&lt;code&gt;&amp;lt;%= f.fields_for :items do |ff| %&amp;gt;
  &amp;lt;%= render 'items_fields', f: ff %&amp;gt;
&lt;/code&gt;&lt;/pre&gt;
Add another item  item'.html_safe, f, :items%&gt;</t>
  </si>
  <si>
    <t>2018-09-06 08:50:04.473000+00:00</t>
  </si>
  <si>
    <t>2018-09-06 09:38:34.187000+00:00</t>
  </si>
  <si>
    <t>ruby-on-rails|ruby|nested-attributes</t>
  </si>
  <si>
    <t>Django custom tags not rendered (GAE)</t>
  </si>
  <si>
    <t>&lt;p&gt;I'm trying to create Django custom tags with Google App Engine but for some reason it does not work all the time. I believe my tags are correctly registered as Django is parsing them but the render method is never called. The strangest thing is that my tags work when placed inside  a for loop {% for ... %} but never outside.&lt;/p&gt;
&lt;p&gt;Here's the code:&lt;/p&gt;
&lt;p&gt;in django/mytags.py&lt;/p&gt;
&lt;pre&gt;&lt;code&gt;from django import template
from google.appengine.ext import webapp
register = webapp.template.create_template_register()
# This works all the time
@register.simple_tag
def hello_world():
    return u'Hello world'
@register.tag('foo')
def foo(parser, token):
    return FooNode()
class FooNode(template.Node):
    def __init__(self):
        self.foo = 'foo'
    def render(self, context):
        return self.foo
&lt;/code&gt;&lt;/pre&gt;
&lt;p&gt;in main.py&lt;/p&gt;
&lt;pre&gt;&lt;code&gt;from google.appengine.ext.webapp import template
template.register_template_library('django.mytags')
...
self.response.out.write(template.render('main.html', template_values))
&lt;/code&gt;&lt;/pre&gt;
&lt;p&gt;in main.html&lt;/p&gt;
&lt;pre&gt;&lt;code&gt;{% foo %}
{% for item in items %}
    {% foo %}
&lt;/code&gt;&lt;/pre&gt;
&lt;p&gt;and the result:&lt;/p&gt;
&lt;pre&gt;&lt;code&gt;&amp;lt;django.mytags.FooNode object at 0x000000001794BAC8&amp;gt;
foo
foo
foo
...
&lt;/code&gt;&lt;/pre&gt;
&lt;p&gt;This is driving me insane. I suspect putting my tag in a for loop forces the node to be rendered (where it should have been done already).&lt;/p&gt;</t>
  </si>
  <si>
    <t>2013-01-12 19:40:32.660000+00:00</t>
  </si>
  <si>
    <t>2013-01-24 11:55:38.183000+00:00</t>
  </si>
  <si>
    <t>2013-01-12 20:08:36.100000+00:00</t>
  </si>
  <si>
    <t>python|django|google-app-engine</t>
  </si>
  <si>
    <t>What are the security implications of paramiko RejectPolicy, AutoAddPolicy, WarningPolicy</t>
  </si>
  <si>
    <t>&lt;p&gt;Can someone explain the difference between them? In specific are there any security concern for example with the AutoAddPolicy? Thanks in advance&lt;/p&gt;</t>
  </si>
  <si>
    <t>2017-08-26 06:46:14.560000+00:00</t>
  </si>
  <si>
    <t>2018-05-22 01:02:59.927000+00:00</t>
  </si>
  <si>
    <t>python|security|networking|ssh</t>
  </si>
  <si>
    <t>Cassia Library giving exception when calling any methods</t>
  </si>
  <si>
    <t>&lt;p&gt;I am trying to run the Cassia library on a remote Windows Server 2008 Terminal Server. Any methods I call I get the response below.&lt;/p&gt;
&lt;pre&gt;&lt;code&gt;No more data is available
Description: An unhandled exception occurred during the execution of the current web request. Please review the stack trace for more information about the error and where it originated in the code. 
Exception Details: System.ComponentModel.Win32Exception: No more data is available
Stack Trace: 
[Win32Exception (0x80004005): No more data is available]
   Cassia.Impl.NativeMethodsHelper.GetSessionInfos(ITerminalServerHandle server) +159
   Cassia.Impl.TerminalServer.GetSessions() +103
&lt;/code&gt;&lt;/pre&gt;</t>
  </si>
  <si>
    <t>2012-01-05 07:15:58.323000+00:00</t>
  </si>
  <si>
    <t>2012-12-28 20:56:18.857000+00:00</t>
  </si>
  <si>
    <t>rdp|terminal-services</t>
  </si>
  <si>
    <t>How to debug .NET Core/Standard unit tests in Visual Studio 2017 Mac?</t>
  </si>
  <si>
    <t>&lt;p&gt;I have a &lt;a href="https://github.com/matthargett/react-native-windows/tree/netstandard" rel="nofollow noreferrer"&gt;project&lt;/a&gt; that has implementation in a netstandard 1.6 project, and my unit tests are in a .NET Core 2.0 project. I'm running Visual Studio 2017 Mac version 7.3 (build 764).&lt;/p&gt;
&lt;p&gt;The tests run from the Unit Test pad just fine (green circle and console output happens if I add output), but the debugger doesn't break when I set a breakpoint or expicitly throw an exception in the test. I've tried right-clicking on the test and selecting 'Debug Test' and right-clicking the test and selecting 'Run With'-&gt;'.NET Core Debugger'.&lt;/p&gt;
&lt;p&gt;Here's a screenshot of the project with the project nodes expanded, the unit test displayed, the Unit Test pad expanded, and the About window up so the exact VS2017 Mac version is shown.&lt;/p&gt;
&lt;p&gt;&lt;a href="https://i.stack.imgur.com/mUqEM.jpg" rel="nofollow noreferrer"&gt;&lt;img src="https://i.stack.imgur.com/mUqEM.jpg" alt="enter image description here"&gt;&lt;/a&gt;&lt;/p&gt;
&lt;p&gt;Is this a bug in VS2017 Mac, or am I missing something?&lt;/p&gt;</t>
  </si>
  <si>
    <t>2017-11-17 22:25:20.097000+00:00</t>
  </si>
  <si>
    <t>2017-11-27 23:50:17.223000+00:00</t>
  </si>
  <si>
    <t>.net-core|visual-studio-2017|nunit|.net-standard|visual-studio-mac</t>
  </si>
  <si>
    <t>Run an .exe using mono with MONO_THREADS_PER_CPU set</t>
  </si>
  <si>
    <t>&lt;p&gt;I have a c# application which I run inside a linux box using mono. I use the command , &lt;code&gt;sudo mono test.exe&lt;/code&gt;.I figured after a huge load, mono starts running at 100% CPU. As a fix, I'm trying to use MONO_THREADS_PER_CPU environmental variable to a large value. Appreciate the help on how to run the application with an environmental variable set using mono.&lt;/p&gt;</t>
  </si>
  <si>
    <t>2015-01-17 15:52:28.850000+00:00</t>
  </si>
  <si>
    <t>2016-01-06 11:56:05.603000+00:00</t>
  </si>
  <si>
    <t>c#|mono|monodevelop</t>
  </si>
  <si>
    <t>calling constructor from other file</t>
  </si>
  <si>
    <t>&lt;p&gt;In a.php&lt;/p&gt;
&lt;pre&gt;&lt;code&gt;if(condition){ 
  include("b.inc");
   b_obj = new b();//this call is not made
   b_obj-&amp;gt;a();
}
&lt;/code&gt;&lt;/pre&gt;
&lt;p&gt;In b.inc&lt;/p&gt;
&lt;pre&gt;&lt;code&gt;class b {
  function b(){ //constructor
    //stmts
  }
  function a(){
    //stmts
  }
}
&lt;/code&gt;&lt;/pre&gt;
&lt;p&gt;I have this code in php now the constructor of class b is not getting invoked from other file despite of including the file? please help to achieve the calling of constructor in other file.&lt;/p&gt;</t>
  </si>
  <si>
    <t>2012-04-05 10:17:42.153000+00:00</t>
  </si>
  <si>
    <t>2012-04-05 11:14:32.337000+00:00</t>
  </si>
  <si>
    <t>2012-04-05 10:19:19.453000+00:00</t>
  </si>
  <si>
    <t>php|constructor</t>
  </si>
  <si>
    <t>What is wrong with this php code to send mail</t>
  </si>
  <si>
    <t>&lt;p&gt;I have form in my site and I tried to send messege to email address. I get values from the form and send to a php file by ajax.Then in sendmail.php file I send email with &lt;code&gt;mail()&lt;/code&gt; function. And &lt;code&gt;mail()&lt;/code&gt; doesn't send to email, and returns something like this :&lt;/p&gt;
&lt;pre&gt;&lt;code&gt;    &amp;lt;br /&amp;gt;
        &amp;lt;font size='1'&amp;gt;&amp;lt;table class='xdebug-error xe-warning' dir='ltr' border='1' cellspacing='0' cellpadding='1'&amp;gt;
        &amp;lt;tr&amp;gt;&amp;lt;th align='left' bgcolor='#f57900' colspan="5"&amp;gt;&amp;lt;span style='background-color: #cc0000; col.........
&lt;/code&gt;&lt;/pre&gt;
&lt;p&gt;this is my js code &lt;/p&gt;
&lt;pre&gt;&lt;code&gt;$.ajax({
                            url: "sendmail.php",
                            data: {name:name.val(),email:email.val(),subject:subject.val(),messege:messege.value},
                            type: "POST",
                            success:function(data){
                                console.log(data);  
                            }
                        })
&lt;/code&gt;&lt;/pre&gt;
&lt;p&gt;and this is in sendmail.php file &lt;/p&gt;
&lt;pre&gt;&lt;code&gt;&amp;lt;?php
$to = "email@mail.com";
$name =$_POST['name'];
$email =$_POST['email'];
$subject =$_POST['subject'];
$messege =$_POST['messege'];
if(mail($to,$subject,$messege)) {
        echo 'Email on the way';
    }
?&amp;gt;
&lt;/code&gt;&lt;/pre&gt;
&lt;p&gt;Who knows why?&lt;/p&gt;</t>
  </si>
  <si>
    <t>2018-02-11 16:18:37.060000+00:00</t>
  </si>
  <si>
    <t>2018-02-11 16:34:01.227000+00:00</t>
  </si>
  <si>
    <t>user8808331</t>
  </si>
  <si>
    <t>if else - php display based on css value ? is posibol?</t>
  </si>
  <si>
    <t>&lt;p&gt;I want to display a &lt;code&gt;div&lt;/code&gt; based on &lt;code&gt;li&lt;/code&gt; with &lt;code&gt;class=active&lt;/code&gt;, so that if the &lt;code&gt;li&lt;/code&gt; does not have &lt;code&gt;class&lt;/code&gt; as &lt;code&gt;active&lt;/code&gt;, the &lt;code&gt;div&lt;/code&gt; should be hidden.&lt;/p&gt;
&lt;p&gt;Here is my code (I have commented the code where I need to display/hide the div)&lt;/p&gt;
&lt;pre&gt;&lt;code&gt;    @if ( ! $links-&amp;gt;isEmpty())
        &amp;lt;div id="videos"&amp;gt;
                &amp;lt;table class="table table-striped links-table"&amp;gt;
                &amp;lt;thead&amp;gt;
                    &amp;lt;tr&amp;gt;
                        &amp;lt;th class="name"&amp;gt;{{ trans('stream::main.name') }}&amp;lt;/th&amp;gt;
                        &amp;lt;th&amp;gt;{{ trans('stream::main.quality') }}&amp;lt;/th&amp;gt;
                        &amp;lt;th&amp;gt;{{ trans('stream::main.report') }}&amp;lt;/th&amp;gt;
                        &amp;lt;th&amp;gt;{{ trans('stream::main.added') }}&amp;lt;/th&amp;gt;
                    &amp;lt;/tr&amp;gt;
                &amp;lt;/thead&amp;gt;
                &amp;lt;tbody&amp;gt;
            &amp;lt;ul class="nav nav-tabs"&amp;gt;
                @foreach ($links as $k =&amp;gt; $video)             
                        @if((int)$video-&amp;gt;approved)
                            &amp;lt;li {{ $k === 0 ? 'class="active"' : null }} id="{{$video-&amp;gt;id}}" style="list-style-type: decimal-leading-zero;"&amp;gt;
                            &amp;lt;table class="table table-striped links-table"&amp;gt;&amp;lt;tr&amp;gt;
                                &amp;lt;td class="name hover"&amp;gt;
                                &amp;lt;a href="#" data-bind="click: renderTab.bind($data, {{(int)$video-&amp;gt;id}}, '{{$video-&amp;gt;url}}', '{{$video-&amp;gt;type}}', 500)"&amp;gt;
                                    &amp;lt;img data-bind="attr: {src: app.utils.getFavicon('{{$video-&amp;gt;url}}')}"&amp;gt; {{ $video-&amp;gt;label }}&amp;lt;/a&amp;gt;&amp;lt;/td&amp;gt;
                                &amp;lt;td style="width:110px;"&amp;gt;{{$video-&amp;gt;quality}}&amp;lt;/td&amp;gt;
                                &amp;lt;td style="width:110px;"&amp;gt;&amp;lt;i class="fa fa-warning text-primary"&amp;gt;&amp;lt;/i&amp;gt; &amp;lt;a href="#" data-bind="click: report.bind($data, '{{$video-&amp;gt;id}}')"&amp;gt;{{ trans('stream::main.report') }}&amp;lt;/a&amp;gt;&amp;lt;/td&amp;gt;
                                &amp;lt;td style="width:110px;"&amp;gt;{{$video-&amp;gt;created_at-&amp;gt;diffForHumans()}}&amp;lt;/td&amp;gt;
                            &amp;lt;/tr&amp;gt;&amp;lt;/table&amp;gt;
                            &amp;lt;/li&amp;gt;
//------DOWN IS THE DIV, AND NEED TO DISPLAY JUST IF THE CLASS IS ACTIVE-------------
                            &amp;lt;div class="tab-content"&amp;gt;&amp;lt;/div&amp;gt;
//-------------------
                        @endif             
                @endforeach
            &amp;lt;/ul&amp;gt;
                &amp;lt;/tbody&amp;gt;
            &amp;lt;/table&amp;gt;
        &amp;lt;/div&amp;gt;
        &amp;lt;video id="trailer" class="video-js vjs-default-skin vjs-big-play-centered" controls preload="auto" width="100%" height="500px"&amp;gt; &amp;lt;/video&amp;gt;
    @endif
&lt;/code&gt;&lt;/pre&gt;</t>
  </si>
  <si>
    <t>2015-08-07 01:08:16.557000+00:00</t>
  </si>
  <si>
    <t>2015-08-08 01:02:23.707000+00:00</t>
  </si>
  <si>
    <t>2015-08-07 02:25:59.653000+00:00</t>
  </si>
  <si>
    <t>user4999841</t>
  </si>
  <si>
    <t>php|laravel</t>
  </si>
  <si>
    <t>javascript - How to dynamically change information displayed by radio button?</t>
  </si>
  <si>
    <t>&lt;p&gt;(Duplicate?) I've tried several Stackoverflow postings related to this, but I cannot get a javaScript example to work. I'd like to &lt;strong&gt;avoid having to use jQuery&lt;/strong&gt;, for the time being.&lt;/p&gt;
&lt;p&gt;I want to create the &lt;strong&gt;information shown by radio buttons dynamically&lt;/strong&gt;, using &lt;strong&gt;javascript&lt;/strong&gt;. In this example, I would want to write a function that displays some other values for these &lt;strong&gt;radio buttons&lt;/strong&gt; 'Answer 1' and 'Answer 2'. &lt;em&gt;For example,&lt;/em&gt; I don't actually want 'Answer 1'.  Goal is for the user to click on one of the multiple choice answers, then hit submit/save to self-check their own knowledge. &lt;/p&gt;
&lt;p&gt;&lt;a href="https://i.stack.imgur.com/OevR6.png" rel="nofollow noreferrer"&gt;&lt;img src="https://i.stack.imgur.com/OevR6.png" alt="screen shot multiple choice answer window"&gt;&lt;/a&gt; &lt;/p&gt;
&lt;p&gt;I have already learned, through my more complex project code, that a submit/save button that is hard-coded into the html &lt;code&gt;&amp;lt;form&amp;gt;&lt;/code&gt; section does not seem to associate with values displayed by the radio buttons, that I managed to add in using javaScript * It seems to me that &lt;strong&gt;changing hardcoded information&lt;/strong&gt; &lt;strong&gt;already displayed&lt;/strong&gt; by the radio buttons &lt;em&gt;might&lt;/em&gt; work.  &lt;/p&gt;
&lt;p&gt;When user clicks on the submit/'save' button, I &lt;strong&gt;don't&lt;/strong&gt; need to refer to the actual answer information that the radio button is displaying. I only need to know whether , in this case, it's the first or second answer chosen.&lt;/p&gt;
&lt;pre&gt;&lt;code&gt;&amp;lt;html&amp;gt;
&amp;lt;script type="text/javascript"&amp;gt;
function OnSubmitForm()
{
  if(document.myform.operation[0].checked == true)
    {
    alert ( "You have selected the first answer" );  
    }
  else
    if(document.myform.operation[1].checked == true)
        {
        alert ( "You have selected the SECOND answer" );  
        }
}
&amp;lt;/script&amp;gt;
&amp;lt;form name="myform" onsubmit="return OnSubmitForm();"&amp;gt;
   &amp;lt;input type="radio" name="operation" value="1" checked&amp;gt;Answer 1
   &amp;lt;input type="radio" name="operation" value="2"&amp;gt;Answer 2
   &amp;lt;p&amp;gt;
   &amp;lt;input type="submit" name="submit" value="save"&amp;gt;
   &amp;lt;/p&amp;gt;
&amp;lt;/form&amp;gt;
&amp;lt;/html&amp;gt;
&lt;/code&gt;&lt;/pre&gt;
&lt;p&gt;(I don't know if I should include this following example I tried as well)&lt;/p&gt;
&lt;p&gt;BTW Here is another of the example I tried - a posting  but I cannot get this idea to work . I was trying to get the first radio button to display 'junk' instead of 'Answer1' as originally hard coded. But I have an error from code borrowed from posting, that I cannot resolve.&lt;/p&gt;
&lt;p&gt;It's from
&lt;a href="https://stackoverflow.com/questions/32292962/javascript-how-to-change-radio-button-label-text"&gt;Javascript how to change radio button label text?&lt;/a&gt;
   &lt;a href="https://i.stack.imgur.com/ygorC.png" rel="nofollow noreferrer"&gt;&lt;img src="https://i.stack.imgur.com/ygorC.png" alt="enter image description here"&gt;&lt;/a&gt;&lt;/p&gt;
&lt;pre&gt;&lt;code&gt;    &amp;lt;html&amp;gt;
    &amp;lt;form name="myform" onsubmit="return OnSubmitForm();"&amp;gt;
       &amp;lt;input type="radio" id = 'first'  name="operation" value="1" checked &amp;lt;label for="alsoFirst"&amp;gt; Answer 1
       &amp;lt;input type="radio" id = 'second'  name="operation" value="2"&amp;lt;label for="alsoSecond"&amp;gt;Answer 2
       &amp;lt;p&amp;gt;
       &amp;lt;input type="submit" name="submit" value="save"&amp;gt;
       &amp;lt;/p&amp;gt;
    &amp;lt;/form&amp;gt;
    &amp;lt;script type="text/javascript"&amp;gt;
     document.addEventListener('readystatechange', function() {
      // Seems like a GOOD PRACTICE - keeps me from getting type error I was getting
        // https://stackoverflow.com/questions/14207922/javascript-error-null-is-not-an-object
        if (document.readyState === "complete") {
          init();
        }
      });
     function init() {
        console.log ("expect to change -Answer 1- displayed by first button to word junk");
         // this works
        var label = document.getElementById('first').getElementsByTagName('alsoFirst') [0];
        // this does not work
        label.innerHTML = 'junk';
        }
    //http://www.javascript-coder.com/html-form/html-form-action.phtml
    function OnSubmitForm()
    {
      if(document.myform.operation[0].checked == true)
        {
        alert ( "You have selected the first answer" );  
        }
      else
        if(document.myform.operation[1].checked == true)
            {
            alert ( "You have selected the SECOND answer" );  
            }
        if (document.uniqueName.checked == true){
            alert ( "You have selected the THIRD answer" );  
            }
    }
    /*
    &amp;lt;input type="radio" name="sex" id="male" value="male"&amp;gt;
            &amp;lt;label for="male"&amp;gt;Male&amp;lt;/label&amp;gt;
      &amp;lt;/input&amp;gt;
    var input = document.getElementById('male');
    var label = input.getElementsByTagName('label')[0];
    label.innerHTML = 'New Text';
    */
    //https://stackoverflow.com/questions/32292962/javascript-how-to-change-radio-button-label-text
    &amp;lt;/script&amp;gt;
    &amp;lt;/html&amp;gt;
&lt;/code&gt;&lt;/pre&gt;
&lt;ul&gt;
&lt;li&gt;I previously got values from my arrays to display by  inserting table rows and concatenating strings. This worked, and went into the table, but did not tie into the submit/save button hardcoded into original &lt;code&gt;&amp;lt;form&amp;gt;&lt;/code&gt;. I still plan to have radio answer buttons in a table, but I'm trying to make a more basic example here.&lt;/li&gt;
&lt;/ul&gt;</t>
  </si>
  <si>
    <t>2016-09-13 19:59:42.790000+00:00</t>
  </si>
  <si>
    <t>2016-09-18 19:34:14.577000+00:00</t>
  </si>
  <si>
    <t>2017-05-23 11:45:52.913000+00:00</t>
  </si>
  <si>
    <t>javascript|html5|forms|dynamic|radio-button</t>
  </si>
  <si>
    <t>Add Timeline when cell value is changed (google script)</t>
  </si>
  <si>
    <t>&lt;p&gt;I would like to have a function that outputs a timeline when a specific cell value on my spreadsheet is changed:&lt;/p&gt;
&lt;p&gt;In cell A1 is a value that is changed from time to time. When A1 is changed i want the current value to be added in B1. C1 shows the timestamp on which the value has been changed.&lt;/p&gt;
&lt;p&gt;The next time A1 is changed the new value is shown on B2, the timestamp on C2. The third change goes to B3/B4, the fourth on B4/C4 and so on.&lt;/p&gt;
&lt;p&gt;It seemes to me this is a function every usual google form does, but I am not sure how to convert this into a custom script. &lt;/p&gt;
&lt;p&gt;Could anyone help?&lt;/p&gt;</t>
  </si>
  <si>
    <t>2013-03-03 19:15:49.700000+00:00</t>
  </si>
  <si>
    <t>2013-06-06 08:21:57.187000+00:00</t>
  </si>
  <si>
    <t>google-apps-script|google-sheets</t>
  </si>
  <si>
    <t>Redirect auth controller?</t>
  </si>
  <si>
    <t>&lt;p&gt;Im using the Auth controller in Laravel along with the auth middleware.&lt;/p&gt;
&lt;p&gt;If the user is not logged in it redirects to:&lt;/p&gt;
&lt;pre&gt;&lt;code&gt;auth/login
&lt;/code&gt;&lt;/pre&gt;
&lt;p&gt;But I wish to redirect to a different url.&lt;/p&gt;
&lt;p&gt;I have this in my auth controller:&lt;/p&gt;
&lt;pre&gt;&lt;code&gt;protected $loginPath = '/cms/login';
protected $redirectTo = '/cms';
&lt;/code&gt;&lt;/pre&gt;
&lt;p&gt;But it still redirects to:&lt;/p&gt;
&lt;pre&gt;&lt;code&gt;auth/login
&lt;/code&gt;&lt;/pre&gt;
&lt;p&gt;How can I redirect the auth controller?&lt;/p&gt;</t>
  </si>
  <si>
    <t>2015-08-03 10:40:59.527000+00:00</t>
  </si>
  <si>
    <t>2015-08-03 11:02:31.957000+00:00</t>
  </si>
  <si>
    <t>laravel|laravel-5|laravel-5.1</t>
  </si>
  <si>
    <t>Android stuidio environment error</t>
  </si>
  <si>
    <t>&lt;p&gt;I build my project in my IDE Android studio 3.0.1 I meet a error says&lt;/p&gt;
&lt;p&gt;FAILURE: Build failed with an exception&lt;/p&gt;
&lt;ul&gt;
&lt;li&gt;&lt;p&gt;What went wrong:&lt;/p&gt;
&lt;p&gt;Execution failed for task &lt;/p&gt;
&lt;p&gt;':PdfViewerTestApp:transformDexWithInstantRunSlicesApkForDebug'.&lt;/p&gt;
&lt;blockquote&gt;
  &lt;p&gt;java.util.concurrent.RejectedExecutionException: Task java.util.concurrent.ExecutorCompletionService$QueueingFuture@4ceeee6f rejected from java.util.concurrent.ThreadPoolExecutor@578a6ff1[Terminated, pool size = 0, active threads = 0, queued tasks = 0, completed tasks = 0]&lt;/p&gt;
&lt;/blockquote&gt;&lt;/li&gt;
&lt;/ul&gt;
&lt;p&gt;But I use other's IDE and build the same project it can build successfully, so I think it matters about the environemnt setting of my IDE, maybe some plugins, does anyone meet the same or similar case?&lt;/p&gt;</t>
  </si>
  <si>
    <t>2017-12-13 13:55:00.593000+00:00</t>
  </si>
  <si>
    <t>How HtmlCleaner handles Iframes in webpage</t>
  </si>
  <si>
    <t>&lt;p&gt;I want to understand how HtmlCleaner handles Iframes when cleaning raw html to produce valid xml output. One example of a page with iframes is &lt;a href="http://www.ebay.co.uk/itm/MENS-FIRETRAP-GREY-MARL-VISION-SHIRT-BNWT-/200624549025?_trksid=p4340.m263&amp;amp;_trkparms=algo=DLSL%252BSIC&amp;amp;its=I&amp;amp;itu=UCI%252BIA%252BUA%252BFICS%252BUFI%252BDDSIC&amp;amp;otn=8&amp;amp;pmod=290475488497%252B290475488497&amp;amp;po=&amp;amp;ps=63&amp;amp;clkid=1820041698587663447&amp;amp;_qi=RTM637057#ht_1201wt_1125" rel="nofollow"&gt;this ebay product page&lt;/a&gt;.&lt;/p&gt;
&lt;p&gt;When I print the output of HtmlCleaner for this page, I find that some iframe tags are intact while others are missing. One of the missing iframes is the iframe with id="d". It contains the product description and its body has been merged into the main page.&lt;/p&gt;
&lt;p&gt;The XML Output of html cleaner: &lt;a href="http://pastebin.com/03f9gtdC" rel="nofollow"&gt;http://pastebin.com/03f9gtdC&lt;/a&gt;&lt;/p&gt;
&lt;p&gt;Could anyone kindly look at it, or suggest some better HTML parsing library which is able to handle iframes gracefully. That library should be able to support XPath evaluation.&lt;/p&gt;</t>
  </si>
  <si>
    <t>2011-08-04 10:30:29.603000+00:00</t>
  </si>
  <si>
    <t>2011-08-04 11:30:57.007000+00:00</t>
  </si>
  <si>
    <t>java|htmlcleaner</t>
  </si>
  <si>
    <t>Jquery ajax inside .each How to trigger function when the whole .each is complete</t>
  </si>
  <si>
    <t>&lt;p&gt;I have the following function: &lt;/p&gt;
&lt;pre&gt;&lt;code&gt;$.each(friends, function(friend, data) {
        var group = "Chat";
$.ajax({'type':'GET', 'url':'/site/getgroup?username=' + friend,
'success':function(callback){
group = callback;
self.addFriend(friend, data.status, group);
}, //ajax success
});  //ajax
            });
&lt;/code&gt;&lt;/pre&gt;
&lt;p&gt;After these codes, I have some codes to initialize the chatBar using the Data from these .each and .ajax. However, right now since Ajax is async, it becomes very buggy. How can I know that these .each are all finished with the returned ajax value without setting ajax async to false? (Means this part is completely finished).&lt;/p&gt;
&lt;p&gt;Like is there a way I can use .promise, .complete, or XHRs to know the whole .each thing is complete? I tried out lots of stuff but they seem not to work for me.&lt;/p&gt;
&lt;p&gt;Thank you,&lt;/p&gt;</t>
  </si>
  <si>
    <t>2013-09-20 15:17:42.517000+00:00</t>
  </si>
  <si>
    <t>2017-05-01 08:06:29.477000+00:00</t>
  </si>
  <si>
    <t>javascript|jquery|ajax|asynchronous</t>
  </si>
  <si>
    <t>JSONObject return null although it has values</t>
  </si>
  <si>
    <t>&lt;p&gt;those 4 simple lines of code:&lt;/p&gt;
&lt;pre&gt;&lt;code&gt;JSONObject curr = jsonArray.getJSONObject(i);
System.out.println("the line" + curr.getString("post"));
System.out.println("id: " + curr.optString("id"));
System.out.println("name: " + curr.optString("name"));
&lt;/code&gt;&lt;/pre&gt;
&lt;p&gt;print the following output:&lt;/p&gt;
&lt;pre&gt;&lt;code&gt;11-09 17:15:05.890 1580-1626/yuvallevy.powertoolsrental I/System.out: the line{"id":"0","name":"���������� ����������"}
11-09 17:15:05.890 1580-1626/yuvallevy.powertoolsrental I/System.out: id: 
11-09 17:15:05.890 1580-1626/yuvallevy.powertoolsrental I/System.out: name: 
11-09 17:15:05.890 1580-1626/yuvallevy.powertoolsrental I/System.out: the line{"id":"1","name":"������������ ����������"}
11-09 17:15:05.890 1580-1626/yuvallevy.powertoolsrental I/System.out: id: 
11-09 17:15:05.890 1580-1626/yuvallevy.powertoolsrental I/System.out: name: 
11-09 17:15:05.890 1580-1626/yuvallevy.powertoolsrental I/System.out: the line{"id":"2","name":"���������� ��������"}
11-09 17:15:05.890 1580-1626/yuvallevy.powertoolsrental I/System.out: id: 
11-09 17:15:05.890 1580-1626/yuvallevy.powertoolsrental I/System.out: name: 
11-09 17:15:05.890 1580-1626/yuvallevy.powertoolsrental I/System.out: the line{"id":"3","name":"������������ ����������"}
11-09 17:15:05.890 1580-1626/yuvallevy.powertoolsrental I/System.out: id: 
11-09 17:15:05.890 1580-1626/yuvallevy.powertoolsrental I/System.out: name: 
&lt;/code&gt;&lt;/pre&gt;
&lt;p&gt;Can someone help me understand how it is possible that if I print the whole line its clear that there is "id" for each line and also "name" and when I try to get only their values I get empty result?&lt;/p&gt;
&lt;p&gt;that is the JSONArray:&lt;/p&gt;
&lt;pre&gt;&lt;code&gt;[{"post":{"id":"0","name":"���������� ����������"}},{"post":{"id":"1","name":"������������ ����������"}},{"post":{"id":"2","name":"���������� ��������"}},{"post":{"id":"3","name":"������������ ����������"}}]
&lt;/code&gt;&lt;/pre&gt;
&lt;p&gt;and that is one post:&lt;/p&gt;
&lt;pre&gt;&lt;code&gt;{"id":"0","name":"���������� ����������"}
&lt;/code&gt;&lt;/pre&gt;</t>
  </si>
  <si>
    <t>2015-11-09 17:29:58.930000+00:00</t>
  </si>
  <si>
    <t>2015-11-09 17:39:19.193000+00:00</t>
  </si>
  <si>
    <t>2015-11-09 17:37:44.580000+00:00</t>
  </si>
  <si>
    <t>java|android|json|jsonobject</t>
  </si>
  <si>
    <t>Java, change JLabel text on click</t>
  </si>
  <si>
    <t>&lt;p&gt;I'm new to this site and to Java programming and I'd greatly appreciate a bit of help. I'm trying to make a really simple program using SWING where the user clicks a button and a label's text changes from "Hello" to "Bonjour". These are the two errors I'm getting:&lt;/p&gt;
&lt;pre&gt;&lt;code&gt;java:6: error: Lab4Part1 is not abstract and does not override abstract 
method actionPerformed(ActionEvent) in ActionListener
public class Lab4Part1 extends JFrame implements ActionListener {
java:25: error: cannot find symbol
label.setText("Bonjour");
&lt;/code&gt;&lt;/pre&gt;
&lt;h2&gt;Any ideas? My code is here:&lt;/h2&gt;
&lt;pre&gt;&lt;code&gt; import javax.swing.*;
    import java.awt.*;
    import java.awt.event.ActionListener;
    import java.awt.event.ActionEvent;
    public class Lab4Part1 extends JFrame implements ActionListener {
    public Lab4Part1() {
        super("Lab 4 Part 1");
        Container contentPane = getContentPane();
        JPanel panel = new JPanel();
        contentPane.add(panel);
        setSize(400, 100);
        setVisible(true);
            JLabel label = new JLabel("Hello");
            panel.add(label);
            JButton button = new JButton("Translate to French");
            panel.add(button);
            button.addActionListener(this);
    }
    public void handle(ActionEvent event) {
    label.setText("Bonjour");
    }
    public static void main(String[] args) {
        Lab4Part1 myFrame = new Lab4Part1();
        myFrame.setDefaultCloseOperation(JFrame.EXIT_ON_CLOSE);
    }
    }
&lt;/code&gt;&lt;/pre&gt;</t>
  </si>
  <si>
    <t>2017-12-23 17:47:33.287000+00:00</t>
  </si>
  <si>
    <t>2017-12-23 17:57:17.250000+00:00</t>
  </si>
  <si>
    <t>java|swing|jlabel|actionevent</t>
  </si>
  <si>
    <t>Extract Value between XML tags with SED</t>
  </si>
  <si>
    <t>&lt;p&gt;I am receiving data from a server in the following format: &lt;/p&gt;
&lt;pre&gt;&lt;code&gt;gin&amp;lt;/type&amp;gt;&amp;lt;sessionId&amp;gt;1601&amp;lt;/sessionId&amp;gt;&amp;lt;directory&amp;gt;&amp;lt;default&amp;gt;DepthOfBook&amp;lt;/default&amp;gt;&amp;lt;study type="DepthOfBook"/
&lt;/code&gt;&lt;/pre&gt;
&lt;p&gt;How can I extract the value 1601 from this string? I have been trying the following, but am lost with the proper SED syntax: &lt;/p&gt;
&lt;pre&gt;&lt;code&gt;    sed -n "/sessionId/,/\/sessionId/p" 
    sed -e "s/&amp;lt;sessionId/\n/g"| sed -n "/sessionId/,/\/sessionId/p" 
    sed -e "s/&amp;lt;/\n/g"| sed -n "/sessionId/,/sessionId/p" 
&lt;/code&gt;&lt;/pre&gt;
&lt;p&gt;How can I extract this value (and generally a value between two XML tags when the string is one, long multiline string)? &lt;/p&gt;
&lt;p&gt;Thanks.&lt;/p&gt;</t>
  </si>
  <si>
    <t>2012-09-17 23:26:24.613000+00:00</t>
  </si>
  <si>
    <t>2012-09-18 06:03:45.773000+00:00</t>
  </si>
  <si>
    <t>user971580</t>
  </si>
  <si>
    <t>c#|windows|sed|grep</t>
  </si>
  <si>
    <t>Define value in btn-group using twitter-bootstrap</t>
  </si>
  <si>
    <t>&lt;p&gt;I have a problem when using bootstrap in my code.  I want the value from my btn-radio, but I cannot find out how to do it.&lt;/p&gt;
&lt;pre&gt;&lt;code&gt;&amp;lt;label&amp;gt;Status&amp;lt;/label&amp;gt;
&amp;lt;div class="btn-group" id="filterProductStatus" data-toggle="buttons-radio"&amp;gt;
&amp;lt;button class="btn active"&amp;gt;All&amp;lt;/button&amp;gt;
&amp;lt;button class="btn"&amp;gt;Online&amp;lt;/button&amp;gt;
&amp;lt;button class="btn"&amp;gt;Offline&amp;lt;/button&amp;gt;
&amp;lt;/div&amp;gt;
&lt;/code&gt;&lt;/pre&gt;
&lt;p&gt;I want to get the value of the preset button and later the selected button; can someonne help me?&lt;/p&gt;</t>
  </si>
  <si>
    <t>2012-03-05 16:39:54.553000+00:00</t>
  </si>
  <si>
    <t>2012-05-31 18:23:49.057000+00:00</t>
  </si>
  <si>
    <t>2012-03-16 02:22:13.717000+00:00</t>
  </si>
  <si>
    <t>jquery|html5|twitter-bootstrap</t>
  </si>
  <si>
    <t>DatabaseHandler() in DatabaseHandler can not be applied to</t>
  </si>
  <si>
    <t>&lt;p&gt;I wanted to create sqlitedatabase and wanted to save my data in.&lt;/p&gt;
&lt;p&gt;SavetoDataAdapter.class&lt;/p&gt;
&lt;pre&gt;&lt;code&gt;import android.content.Context;
import android.view.LayoutInflater;
import android.view.View;
import android.view.ViewGroup;
import android.widget.BaseAdapter;
import com.andisofttechnology.myapplication.DatabaseHandler;
import com.andisofttechnology.myapplication.R;
import java.util.List;
/**
 * Created by Alfraganus on 9/20/2018.
 */
public class SavedDataAdapter extends BaseAdapter {
LayoutInflater layoutInflater;
List&amp;lt;Student&amp;gt;studentList;
Context context;
DatabaseHandler databaseHandler;
public SavedDataAdapter(Context context,List&amp;lt;Student&amp;gt;list){
    this.studentList = list;
    this.context = context;
    layoutInflater = (LayoutInflater)this.context.getSystemService(Context.LAYOUT_INFLATER_SERVICE);
    databaseHandler = new DatabaseHandler(this.context);
}
    @Override
    public int getCount() {
        return studentList.size();
    }
    @Override
    public Object getItem(int position) {
        return studentList.get(position);
    }
    @Override
    public long getItemId(int position) {
        return position;
    }
    @Override
    public View getView(int position, View convertView, ViewGroup parent) {
       if(convertView == null){
           convertView = layoutInflater.inflate(R.layout.activity_attendance, null);
       }
    return convertView;
    }
&lt;/code&gt;&lt;/pre&gt;
&lt;p&gt;DatabaseHandler.class&lt;/p&gt;
&lt;pre&gt;&lt;code&gt;import android.database.sqlite.SQLiteOpenHelper;
import com.andisofttechnology.myapplication.adapter.Student;
import java.util.ArrayList;
import java.util.List;
public class  DatabaseHandler extends SQLiteOpenHelper{
    public static final int DATABASE_VERSION = 1;
    public static final String DATABASE_NAME = "attendace";
    public static final String TABLE_STUDENT = "student";
    public static final  String STUDENT_ID = "_id";
    public static final  String STUDENT_NAME = "name";
    public static final  String STUDENT_SURNAME = "surname";
    public static final  String STUDENT_CONTACT = "contact";
    public static final String  STUDENT_ROLLNUM = "rollNum";
    private final Context mContext;
    SQLiteDatabase database;
    public DatabaseHandler(Context context, String name, SQLiteDatabase.CursorFactory factory, int version, Context mContext) {
        super(context, DATABASE_NAME, null, DATABASE_VERSION);
        this.mContext = mContext;
    }
    @Override
    public void onCreate(SQLiteDatabase database) {
database.execSQL("CREATE TABLE " + TABLE_STUDENT + "(" + STUDENT_ID + " INTEGER PRIMARY KEY AUTOINCREMENT, " + STUDENT_NAME + " TEXT, " + STUDENT_SURNAME + " TEXT, " + STUDENT_CONTACT + " TEXT, " + STUDENT_ROLLNUM + " TEXT" + ")");
    }
    @Override
    public void onUpgrade(SQLiteDatabase database, int oldVersion, int newVersion) {
        database.execSQL("DROP TABLE IF EXISTS " + TABLE_STUDENT);
        onCreate(database);
    }
    public long StudentKiritish(Student studentList)
    {
        SQLiteDatabase database = this.getWritableDatabase();
        ContentValues cv = new ContentValues();
        cv.put(STUDENT_NAME,studentList.getName());
        cv.put(STUDENT_SURNAME,studentList.getSurname());
        cv.put(STUDENT_CONTACT,studentList.getContact());
        cv.put(STUDENT_ROLLNUM,studentList.getRollNum());
        Long insert = database.insert(TABLE_STUDENT, null, cv);
        database.close();
        return insert;
    }
public List&amp;lt;Student&amp;gt;studentLists() {
        List&amp;lt;Student&amp;gt; list = new ArrayList&amp;lt;&amp;gt;();
        SQLiteDatabase database = this.getReadableDatabase();
        String s = "select * from " + TABLE_STUDENT;
    Cursor cursor = database.rawQuery(s,null);
    if(cursor.moveToFirst()){
        do {
            list.add(new Student(cursor.getInt(cursor.getColumnIndex(STUDENT_ID)),
                    cursor.getString(cursor.getColumnIndex(STUDENT_NAME)),
                    cursor.getString(cursor.getColumnIndex(STUDENT_SURNAME)),
                    cursor.getString(cursor.getColumnIndex(STUDENT_ROLLNUM)),
                    cursor.getString(cursor.getColumnIndex(STUDENT_CONTACT))));
                           }while (cursor.moveToNext());
    }database.close();
    return list;
}
}
&lt;/code&gt;&lt;/pre&gt;
&lt;p&gt;In SaveDataAdapter.class there is red line under: databaseHandler = new databaseHandler(this.context)
 Says context can not be applied to&lt;/p&gt;
&lt;p&gt;Please anybody tell me what the issue is
...................................................................................&lt;/p&gt;</t>
  </si>
  <si>
    <t>2018-09-20 11:44:46.553000+00:00</t>
  </si>
  <si>
    <t>2018-09-20 12:08:57.923000+00:00</t>
  </si>
  <si>
    <t>java|android|sqlite</t>
  </si>
  <si>
    <t>Override methods generated by Xamarin Java Binding</t>
  </si>
  <si>
    <t>&lt;p&gt;When using Xamarin to create a Java Bindings project so that Android Java jars may be referenced through C#, how would one go about overriding the generated C# only?&lt;/p&gt;
&lt;p&gt;I am encountering an error post binding generation that seems as though it is easily fixed by using an explicit cast instead of the generated use of the JavaCast utility.  I am not sure how I can go about telling the Xamarin binding generator to skip this method generation without excluding it entirely. &lt;/p&gt;
&lt;p&gt;I have tried including the overridden methods in the Library Binding Project in both the Additions folder, and in the general project, but the error I am receiving when I do that indicates that that type already defines a member with the same parameter types, so it is recognizing it, but not before the bindings are generated.  &lt;/p&gt;
&lt;p&gt;I realize that I could generate the bindings once, make the modifications to the generated files and try and ensure that the Library Binding Project is never built again, but I would like to avoid that upkeep cost, or the check in of generated files. This is a complete last resort work around.&lt;/p&gt;
&lt;p&gt;Java code:&lt;/p&gt;
&lt;pre&gt;&lt;code&gt;public interface IUpdateListener&amp;lt;T&amp;gt; {
    public void onUpdate(T data);
}
&lt;/code&gt;&lt;/pre&gt;
&lt;p&gt;...&lt;/p&gt;
&lt;pre&gt;&lt;code&gt;// This method is explicitly implemented as a member of an instantiated x.y.z.IUpdateListener
private class UpdateListener implements IUpdateListener&amp;lt;byte[]&amp;gt; {
    @Override
    public void onUpdate(byte[] data) {
       //Does some stuff
    }
}
&lt;/code&gt;&lt;/pre&gt;
&lt;p&gt;Resulting Xamarin generated C# code:&lt;/p&gt;
&lt;pre&gt;&lt;code&gt;void global::x.y.z.IUpdateListener.OnUpdate (global::Java.Lang.Object p0)
{
    // This line has an error with the call to JavaCast
    OnUpdate (global::Java.Interop.JavaObjectExtensions.JavaCast&amp;lt;byte[]&amp;gt;(p0));
}
&lt;/code&gt;&lt;/pre&gt;
&lt;p&gt;Error on Generated line:&lt;/p&gt;
&lt;p&gt;&lt;code&gt;Error  362 The type 'byte[]' cannot be used as type parameter 'TResult' in the generic type or method 'Java.Interop.JavaObjectExtensions.JavaCast&amp;lt;TResult&amp;gt;(Android.Runtime.IJavaObject)'. There is no implicit reference conversion from 'byte[]' to 'Android.Runtime.IJavaObject'.&lt;/code&gt;&lt;/p&gt;
&lt;p&gt;Caveat - We are consuming the jars, not producing them, so I cannot change the Java code at all.&lt;/p&gt;
&lt;p&gt;Thank you for your help!&lt;/p&gt;
&lt;p&gt;Update 11/10:
The issue I was encountering was confirmed a bug buy Xamarin and can be found here: &lt;a href="https://bugzilla.xamarin.com/show_bug.cgi?id=24312" rel="nofollow"&gt;https://bugzilla.xamarin.com/show_bug.cgi?id=24312&lt;/a&gt;&lt;/p&gt;
&lt;p&gt;The work around I was given &lt;a href="https://gist.github.com/rob-derosa/61429e8967faf263e635#file-gistfile1-xml" rel="nofollow"&gt;https://gist.github.com/rob-derosa/61429e8967faf263e635#file-gistfile1-xml&lt;/a&gt;&lt;/p&gt;
&lt;p&gt;When I add the work around to my metadata file, I get a more manageable error stating that those classes which update with a byte[] implementations &lt;code&gt;does not implement interface member 'foo.bar.IUpdateListener.OnUpdate(Java.Lang.Object)'&lt;/code&gt;, which is fairly expected as they do not.&lt;/p&gt;
&lt;p&gt;I was then able to create partial classes in the additions folder which implement the &lt;code&gt;OnUpdate(Java.Lang.Object)&lt;/code&gt; method, and perform the explicit cast, and call into the generated OnUpdate from the actual code.  This method has no errors or warnings.&lt;/p&gt;
&lt;p&gt;I suppose there really isn't a good way to perform an actual override of generated code, but I was able to work around the issue prompting the original question.&lt;/p&gt;</t>
  </si>
  <si>
    <t>2014-10-31 13:57:21.137000+00:00</t>
  </si>
  <si>
    <t>2014-11-10 19:09:03.080000+00:00</t>
  </si>
  <si>
    <t>java|c#|android|xamarin</t>
  </si>
  <si>
    <t>Cannot deserialize some tweets using NewtonSoft.Json</t>
  </si>
  <si>
    <t>&lt;p&gt;Hi All,&lt;/p&gt;
&lt;p&gt;I am running a C# console app that is using the Twitter Stream API. My code is below&lt;/p&gt;
&lt;pre&gt;&lt;code&gt; JToken json = JObject.Parse(ResponseStream.ReadLine());
&lt;/code&gt;&lt;/pre&gt;
&lt;p&gt;For every +- 20 tweets, I get the following error "Error reading JObject from JsonReader".&lt;/p&gt;
&lt;p&gt;I copied the json into &lt;a href="http://www.jsonlint.com" rel="nofollow"&gt;JSONLint&lt;/a&gt; and it is valid, so I am perplexed to why this keeps happening. Has anyone else had this error?&lt;/p&gt;</t>
  </si>
  <si>
    <t>2012-02-03 08:19:32.317000+00:00</t>
  </si>
  <si>
    <t>2012-11-13 21:46:16.650000+00:00</t>
  </si>
  <si>
    <t>c#-4.0|twitter|console-application|json.net|jsonlint</t>
  </si>
  <si>
    <t>R, knitr, chunck and source function</t>
  </si>
  <si>
    <t>&lt;p&gt;I try to split my work into three separated files. One &lt;strong&gt;report.Rmd&lt;/strong&gt; where the report is written, a &lt;strong&gt;analysis.R&lt;/strong&gt; where the analysis is done, and a &lt;strong&gt;function.R&lt;/strong&gt; where I can write my functions used in the &lt;strong&gt;analysis.R&lt;/strong&gt; &lt;/p&gt;
&lt;p&gt;I can call then &lt;strong&gt;function.R&lt;/strong&gt; into the &lt;strong&gt;analysis.R&lt;/strong&gt; with &lt;em&gt;source()&lt;/em&gt; and run it in R without problem. I can call the &lt;strong&gt;analysis.R&lt;/strong&gt; into &lt;strong&gt;report.Rmd&lt;/strong&gt; and generate the plot with a &lt;em&gt;read_chunk()&lt;/em&gt; at the beginning. &lt;/p&gt;
&lt;p&gt;However, every chunck I call that uses a function defined inside &lt;strong&gt;function.R&lt;/strong&gt; does not appear in the &lt;strong&gt;report.Rmd&lt;/strong&gt;.&lt;/p&gt;
&lt;p&gt;Any suggestions (or comments on how to improve my question)?&lt;/p&gt;</t>
  </si>
  <si>
    <t>2016-07-28 13:25:58.600000+00:00</t>
  </si>
  <si>
    <t>2016-07-28 13:53:25.157000+00:00</t>
  </si>
  <si>
    <t>r|knitr</t>
  </si>
  <si>
    <t>Understanding closure in scala?</t>
  </si>
  <si>
    <t>&lt;p&gt;I am not even sure if this is about closures, but I cannot reason about &lt;code&gt;e&lt;/code&gt; in the following code.&lt;/p&gt;
&lt;pre&gt;&lt;code&gt;type Set = Int =&amp;gt; Boolean
/* characteristic function of Set */
def contains(s: Set, elem: Int): Boolean = s(elem)
/* definition of a singleton set, returning a set of only one given element  */
def singletonSet(elem: Int): Set = e =&amp;gt; e == elem
&lt;/code&gt;&lt;/pre&gt;
&lt;p&gt;In the above code, where does the &lt;code&gt;e&lt;/code&gt; come from? How can I reason about that?&lt;/p&gt;</t>
  </si>
  <si>
    <t>2016-06-18 22:02:37.873000+00:00</t>
  </si>
  <si>
    <t>2016-06-23 20:48:04.917000+00:00</t>
  </si>
  <si>
    <t>scala|closures</t>
  </si>
  <si>
    <t>How to create running total using Excel table structured references?</t>
  </si>
  <si>
    <t>&lt;p&gt;I'm looking for a way to create a running total (total of the current row and above) using Excel table structured references.&lt;/p&gt;
&lt;p&gt;I know how to do it using the old row/column based way:&lt;br&gt;
&lt;code&gt;=SUM($A$2:$A2)&lt;/code&gt;&lt;/p&gt;
&lt;p&gt;And I know how to total an entire column using structured references:&lt;br&gt;
&lt;code&gt;=SUM([WTaskUnits])&lt;/code&gt;&lt;/p&gt;
&lt;p&gt;And I know how to get the current cell using &lt;code&gt;[#ThisRow]&lt;/code&gt;, but I'm not sure how to get the first row of the table to use it in a &lt;code&gt;SUM&lt;/code&gt;.&lt;/p&gt;</t>
  </si>
  <si>
    <t>2011-08-17 19:16:40.520000+00:00</t>
  </si>
  <si>
    <t>2017-12-18 11:36:23.657000+00:00</t>
  </si>
  <si>
    <t>excel|excel-2007|excel-formula</t>
  </si>
  <si>
    <t>Setting JMX attribute on VM as command line parameter</t>
  </si>
  <si>
    <t>&lt;p&gt;I've done some searching, but can't seem to find a way to do this.&lt;/p&gt;
&lt;p&gt;We'd like to proactively monitor our permgen space via JMX.  It seems the best way to do this is through the UsageThreshold attribute on the "PS Perm Gen" MemoryPool. By default, this is set to 0. Is there a way to specify this, or any JMX attribute, as a -D parameter to VM so this can be set automatically at startup? Or is there another mechanism to load JMX attributes automatically?&lt;/p&gt;
&lt;p&gt;Thanks.&lt;/p&gt;</t>
  </si>
  <si>
    <t>2010-03-18 13:49:53.153000+00:00</t>
  </si>
  <si>
    <t>2012-03-01 08:47:04.870000+00:00</t>
  </si>
  <si>
    <t>java|memory|jmx|permgen</t>
  </si>
  <si>
    <t>Box2DJS on Node.js server</t>
  </si>
  <si>
    <t>&lt;p&gt;I have already implemented Box2dWeb engine into a server, but now I realised that the Box2DJS is probably a better choice. But since I'm new at JavaScript I don't know how to "import" the Box2DJS engine (it has lots of .js files). Is it that obvious and I just don't realise it? Since I've been searching for a while now and couldn't find how to do that with Node.js. Sorry for the noob question. How do I use the &lt;a href="http://box2d-js.sourceforge.net/" rel="nofollow"&gt;Box2DJS &lt;/a&gt; engine with Node.js? I guess it's not "require()"? Any help is really appreciated!&lt;/p&gt;</t>
  </si>
  <si>
    <t>2015-06-06 13:44:18.707000+00:00</t>
  </si>
  <si>
    <t>2015-06-06 19:40:51.703000+00:00</t>
  </si>
  <si>
    <t>javascript|node.js|box2d</t>
  </si>
  <si>
    <t>Org-Mode Custom Agenda View: Show Status Of All Current Habits</t>
  </si>
  <si>
    <t>&lt;p&gt;I use &lt;code&gt;org-habit&lt;/code&gt; to keep track of some of my recurring tasks in org-mode. &lt;/p&gt;
&lt;p&gt;By default the habits show up in my agenda view (along with their progress graph) if they are scheduled for the current day. Once I mark a habit task as done, it disappears from the agenda view.&lt;/p&gt;
&lt;p&gt;Sometimes I want to see how I'm doing with my all my habits. What I want to see is an agenda view that shows &lt;em&gt;all&lt;/em&gt; tasks that are habits (along with their progress graph) and &lt;em&gt;only&lt;/em&gt; those tasks (i.e. tasks that aren't habits should be excluded).&lt;/p&gt;
&lt;p&gt;How do I construct such an agenda view?&lt;/p&gt;
&lt;p&gt;I know I can use &lt;code&gt;org-habit-show-habits-only-for-today&lt;/code&gt; to show all habits in the agenda, even if they aren't scheduled today. However, I can't figure out how to &lt;em&gt;exclude&lt;/em&gt; those tasks that &lt;em&gt;aren't&lt;/em&gt; habits.&lt;/p&gt;</t>
  </si>
  <si>
    <t>2016-07-11 11:05:29.070000+00:00</t>
  </si>
  <si>
    <t>2016-07-17 15:57:44.653000+00:00</t>
  </si>
  <si>
    <t>emacs|org-mode</t>
  </si>
  <si>
    <t>What is the formula for calculating a timestamp?</t>
  </si>
  <si>
    <t>&lt;p&gt;Just a random question but does anyone know the formula for how a timestamp is calculated? I am guessing it has to consider each month and how many days, leap years, etc.&lt;/p&gt;
&lt;p&gt;Thanks&lt;/p&gt;</t>
  </si>
  <si>
    <t>2010-07-22 12:55:04.220000+00:00</t>
  </si>
  <si>
    <t>2010-07-22 13:36:47.330000+00:00</t>
  </si>
  <si>
    <t>timestamp</t>
  </si>
  <si>
    <t>Webpack Alias Module not found</t>
  </si>
  <si>
    <t>&lt;p&gt;webpack.config.js&lt;/p&gt;
&lt;pre&gt;&lt;code&gt;root: __dirname,
alias:{
    Core: 'app/components/Core.jsx'
},
&lt;/code&gt;&lt;/pre&gt;
&lt;p&gt;On the file being used. &lt;/p&gt;
&lt;pre&gt;&lt;code&gt;var Core = require('Core');
&lt;/code&gt;&lt;/pre&gt;
&lt;p&gt;My file structure is.&lt;/p&gt;
&lt;p&gt;-root&lt;/p&gt;
&lt;p&gt;--app&lt;/p&gt;
&lt;p&gt;--- components&lt;/p&gt;
&lt;p&gt;Tried different solutions like changing to root to path.resolve(__dirname) and stuff like removing root and adding abslolute paths to the aliases, Still getting module not found.&lt;/p&gt;</t>
  </si>
  <si>
    <t>2017-03-05 12:14:20.477000+00:00</t>
  </si>
  <si>
    <t>2017-03-05 13:09:57.737000+00:00</t>
  </si>
  <si>
    <t>I cannot find "upgrade current target for ipad" in XCode</t>
  </si>
  <si>
    <t>&lt;p&gt;I followed "iPad Programming Guide" from Apple to try to upgrade one of my iPhone project for iPad. But I cannot find the menu item of "upgrade current target for ipad" even after I selected one of the Targets.&lt;/p&gt;
&lt;p&gt;What is the reason? My SDK version is 3.1.3.&lt;/p&gt;
&lt;p&gt;Thank you.&lt;/p&gt;
&lt;p&gt;The screenshot is &lt;a href="http://i46.tinypic.com/14watlc.jpg" rel="nofollow noreferrer"&gt;here&lt;/a&gt;&lt;/p&gt;</t>
  </si>
  <si>
    <t>2010-06-08 23:53:14.013000+00:00</t>
  </si>
  <si>
    <t>2010-06-09 07:28:32.890000+00:00</t>
  </si>
  <si>
    <t>iphone|xcode|ipad</t>
  </si>
  <si>
    <t>ZF3 - adding a view fragment to ViewModel</t>
  </si>
  <si>
    <t>&lt;p&gt;I am curious to know if it is possible to add a fragment to a view model:&lt;/p&gt;
&lt;pre&gt;&lt;code&gt;return new ViewModel([]);
&lt;/code&gt;&lt;/pre&gt;
&lt;p&gt;Returns my view to &lt;a href="https://example.com/view" rel="nofollow noreferrer"&gt;https://example.com/view&lt;/a&gt;&lt;/p&gt;
&lt;p&gt;However is it possible to set this dynamically to add a fragment?&lt;/p&gt;
&lt;pre&gt;&lt;code&gt;return new ViewModel("#fragment")
&lt;/code&gt;&lt;/pre&gt;
&lt;p&gt;To return to &lt;a href="https://example.com/view#fragment" rel="nofollow noreferrer"&gt;https://example.com/view#fragment&lt;/a&gt;&lt;/p&gt;
&lt;p&gt;The use case, have a js login/register view that is either &lt;a href="https://example.com/view#login" rel="nofollow noreferrer"&gt;https://example.com/view#login&lt;/a&gt; or &lt;a href="https://example.com/view#register" rel="nofollow noreferrer"&gt;https://example.com/view#register&lt;/a&gt; and want to return to the correct view...&lt;/p&gt;
&lt;p&gt;EDIT
Obviously, this can be done using a re-direct, however, in the case of returning form errors, ViewModel needs to be used...&lt;/p&gt;</t>
  </si>
  <si>
    <t>2018-01-27 19:11:06.297000+00:00</t>
  </si>
  <si>
    <t>2018-02-03 00:32:15.370000+00:00</t>
  </si>
  <si>
    <t>2018-01-27 19:17:32.260000+00:00</t>
  </si>
  <si>
    <t>zend-framework3</t>
  </si>
  <si>
    <t>Defect detection with pattern variation in comparison to template</t>
  </si>
  <si>
    <t>&lt;p&gt;I am trying to detect defects on wafer images comparing them to a reference template. as the images are proprietary, I made sample images that can illustrate the problem.
The sample images should be the result of noise reduction, Filter curvature fit, and binarization. with these steps I mostly have no problem except with the noise reduction but this is not our point here.
The problem lies in the defect detection step. I used image difference but due to the pattern variations and different line thickness it results in too many false positives. I tried statistical modeling where I divided the reference image to small sections, fit each section to distribution (in my case I used weibul) and made the same with the defect image and compared them. It was able to detect big defects (like the missing rectangle in the middle) but with smaller ones it didn't.
any Ideas or directions on how to proceed?&lt;/p&gt;
&lt;p&gt;&lt;a href="https://i.stack.imgur.com/iMIPq.jpg" rel="nofollow noreferrer"&gt;&lt;img src="https://i.stack.imgur.com/iMIPq.jpg" alt="Reference Template Image"&gt;&lt;/a&gt;
Reference Image&lt;/p&gt;
&lt;p&gt;&lt;a href="https://i.stack.imgur.com/y0MB8.jpg" rel="nofollow noreferrer"&gt;&lt;img src="https://i.stack.imgur.com/y0MB8.jpg" alt="Defect Image"&gt;&lt;/a&gt;
Defect Image&lt;/p&gt;</t>
  </si>
  <si>
    <t>2017-09-29 09:02:02.410000+00:00</t>
  </si>
  <si>
    <t>2017-09-29 13:36:15.237000+00:00</t>
  </si>
  <si>
    <t>image-processing|template-matching</t>
  </si>
  <si>
    <t>not a Stata version 5-12 .dta file</t>
  </si>
  <si>
    <t>&lt;p&gt;I am trying to use existed data in my pc which is &lt;code&gt;.dta&lt;/code&gt; file. &lt;/p&gt;
&lt;p&gt;I'm trying to open it in R using the following command:&lt;/p&gt;
&lt;pre&gt;&lt;code&gt;mydata&amp;lt;-read.dta(file="C:\\Users\\me\\Desktop\\data_raw.dta")
&lt;/code&gt;&lt;/pre&gt;
&lt;p&gt;But there is this error &lt;/p&gt;
&lt;pre&gt;&lt;code&gt;&amp;gt;&amp;gt; not a Stata version 5-12 .dta file 
&lt;/code&gt;&lt;/pre&gt;
&lt;p&gt;Any help will be appreciated. Thanks. &lt;/p&gt;</t>
  </si>
  <si>
    <t>2018-08-29 10:57:48.017000+00:00</t>
  </si>
  <si>
    <t>2018-08-29 12:29:47.310000+00:00</t>
  </si>
  <si>
    <t>Highcharts PDF export arabic file name</t>
  </si>
  <si>
    <t>&lt;p&gt;I am using arabic language in some files. when i want to download these files as PDF with arabic file name seems not working with highcharts export server. &lt;/p&gt;
&lt;pre&gt;&lt;code&gt;chart.Exportchart({})
&lt;/code&gt;&lt;/pre&gt;
&lt;p&gt;See the fiddle here &lt;a href="http://jsfiddle.net/w4bhbhnb/" rel="nofollow"&gt;http://jsfiddle.net/w4bhbhnb/&lt;/a&gt;&lt;/p&gt;
&lt;p&gt;Is there any workaround for this in Highcharts?&lt;/p&gt;</t>
  </si>
  <si>
    <t>2015-05-27 05:30:51.150000+00:00</t>
  </si>
  <si>
    <t>2015-05-27 09:51:46.103000+00:00</t>
  </si>
  <si>
    <t>javascript|highcharts</t>
  </si>
  <si>
    <t>Testing Django querysets: self.assertListEqual vs self.assertQuerysetEqual</t>
  </si>
  <si>
    <t>&lt;p&gt;Testing in Django I've found two different ways to test functions that involve querysets. The first one is:&lt;/p&gt;
&lt;pre&gt;&lt;code&gt;test_instance = FooFactory()
self.assertListEqual(list(Foo.objects.all()), [test_instance])
&lt;/code&gt;&lt;/pre&gt;
&lt;p&gt;And the second one is:&lt;/p&gt;
&lt;pre&gt;&lt;code&gt;test_instance = FooFactory()
self.assertQuerysetEqual(Foo.objects.all(), map(repr, [test_instance]))
&lt;/code&gt;&lt;/pre&gt;
&lt;p&gt;Which of these two are better? I read from the &lt;a href="https://docs.djangoproject.com/en/dev/topics/testing/tools/#django.test.TransactionTestCase.assertQuerysetEqual" rel="noreferrer"&gt;Django docs&lt;/a&gt; that this is what &lt;code&gt;assertQuerysetEqual&lt;/code&gt; does:&lt;/p&gt;
&lt;blockquote&gt;
  &lt;p&gt;Asserts that a queryset qs returns a particular list of values values.&lt;/p&gt;
  &lt;p&gt;The comparison of the contents of qs and values is performed using the function transform; by default, this means that the repr() of each value is compared. Any other callable can be used if repr() doesn���t provide a unique or helpful comparison.&lt;/p&gt;
  &lt;p&gt;By default, the comparison is also ordering dependent. If qs doesn���t provide an implicit ordering, you can set the ordered parameter to False, which turns the comparison into a collections.Counter comparison. If the order is undefined (if the given qs isn���t ordered and the comparison is against more than one ordered values), a ValueError is raised.&lt;/p&gt;
&lt;/blockquote&gt;
&lt;p&gt;I see two important things here: one is that the &lt;code&gt;repr()&lt;/code&gt; of each value is compared, and the other is that &lt;code&gt;assertQuerysetEqual&lt;/code&gt; allows you to make ordering optional.&lt;/p&gt;
&lt;p&gt;For the first point, I think it's better to compare the models themselves instead of their &lt;code&gt;repr&lt;/code&gt; values since then you know that they are exactly the same (although one could also make the argument that &lt;code&gt;repr&lt;/code&gt; values should be distinct).&lt;/p&gt;
&lt;p&gt;For the second, I can see how unordered comparisons could be useful. Then again, if you're specifically testing something where ordering isn't important/is easily simulated, I don't see the advantage there.&lt;/p&gt;
&lt;p&gt;The only argument I can think of for &lt;code&gt;assertQuerysetEqual&lt;/code&gt; (with those assumptions above) is that it's more readable/direct about its purpose.&lt;/p&gt;
&lt;p&gt;Is there any practical difference between &lt;code&gt;self.assertListEqual(list(&amp;lt;queryset&amp;gt;), [&amp;lt;expected_models_in_correct_order&amp;gt;])&lt;/code&gt; and &lt;code&gt;self.assertQuerysetEqual(&amp;lt;queryset&amp;gt;, map(repr, [&amp;lt;expected_models_in_correct_order&amp;gt;])&lt;/code&gt; that I failed to account for?&lt;/p&gt;</t>
  </si>
  <si>
    <t>2016-12-20 02:34:03.663000+00:00</t>
  </si>
  <si>
    <t>2017-10-03 06:47:26.213000+00:00</t>
  </si>
  <si>
    <t>python|django|python-unittest|django-testing</t>
  </si>
  <si>
    <t>Cannot Facebook "Like" with Graph API's /OBJECT_ID/likes</t>
  </si>
  <si>
    <t>&lt;p&gt;I'd like to implement a like button in my Android app. The Graph API doc sais publishing likes can be done with &lt;strong&gt;/OBJECT_ID/likes&lt;/strong&gt;. &lt;/p&gt;
&lt;blockquote&gt;
  &lt;p&gt;&lt;strong&gt;/OBJECT_ID/likes&lt;/strong&gt;&lt;/p&gt;
  &lt;p&gt;Like the given object (if it has a
  /likes connection)&lt;/p&gt;
&lt;/blockquote&gt;
&lt;p&gt;However if i implement this:&lt;/p&gt;
&lt;pre&gt;&lt;code&gt;Bundle par = new Bundle(); 
par.putString("access_token", ACCESS_TOKEN);
facebook.request(APP_ID + "/likes", par, "POST");
&lt;/code&gt;&lt;/pre&gt;
&lt;p&gt;it just does nothing but returns an empty (data content) JSON array. (publish_stream permission is given.)&lt;/p&gt;
&lt;p&gt;APP_ID is my app's FB id, and i guess it'd be the OBJECT_ID so i don't understand.
How can i implement then a Like button?&lt;/p&gt;</t>
  </si>
  <si>
    <t>2011-06-05 15:50:55.723000+00:00</t>
  </si>
  <si>
    <t>2011-06-05 18:15:23.990000+00:00</t>
  </si>
  <si>
    <t>android|facebook</t>
  </si>
  <si>
    <t>Compiling cpp files in one directory into another directory</t>
  </si>
  <si>
    <t>&lt;p&gt;Trying to compile all .cc files in folder called P18298_ca.sub into .exe files in P18298_ca.cmp. I compile using make command from the directory that contains both the source and the target directories. Make error reads:&lt;/p&gt;
&lt;p&gt;make: &lt;em&gt;*&lt;/em&gt; No rule to make target &lt;code&gt;P18298_ca.cmp/00a5bffb6a4792d7bcaed90ff6d3ca88-WA.exe', needed by&lt;/code&gt;main.exe'.  Stop.&lt;/p&gt;
&lt;p&gt;Here is the makefile code that I used&lt;/p&gt;
&lt;pre&gt;&lt;code&gt;    CPP_FILES := $(wildcard P18298_ca.sub/*.cc)
    OBJ_FILES := $(patsubst P18298_ca.sub/%.cc,P18298_ca.cmp/%.exe,$(CPP_FILES))
    LD_FLAGS := ...
    CC_FLAGS := ...
    main.exe: $(OBJ_FILES)
        g++ $(LD_FLAGS) -o $@ $^
    obj/%.exe: src/%.cc
        g++ $(CC_FLAGS) -c -o $@ $&amp;lt;
&lt;/code&gt;&lt;/pre&gt;</t>
  </si>
  <si>
    <t>2013-02-19 12:03:16.843000+00:00</t>
  </si>
  <si>
    <t>2013-02-19 12:49:46.160000+00:00</t>
  </si>
  <si>
    <t>linux|compilation|makefile|gnu-make</t>
  </si>
  <si>
    <t>Documenting `..`</t>
  </si>
  <si>
    <t>&lt;p&gt;I'm trying to use roxygen to document and export a function I have named &lt;code&gt;..&lt;/code&gt; -- I use it for some pattern matching and want a name that doesn't take up much space in an expression but I don't want to clash with &lt;code&gt;.&lt;/code&gt;&lt;/p&gt;
&lt;p&gt;It simply looks like this:&lt;/p&gt;
&lt;pre&gt;&lt;code&gt;#' Function for specifying a sequence of patterns/expressions
#'
#' This function is used when you want to test for more than one pattern
#' in parallel
#'
#' @param ... The patterns/expressions to combine
#'
#' @export
`..` &amp;lt;- function(...) structure(list(...), class = "..")
&lt;/code&gt;&lt;/pre&gt;
&lt;p&gt;However, I get the error&lt;/p&gt;
&lt;pre&gt;&lt;code&gt;Updating pmatch documentation
Loading pmatch
Skipping invalid path:  ...Rd 
Documentation completed
&lt;/code&gt;&lt;/pre&gt;
&lt;p&gt;I guess that &lt;code&gt;..&lt;/code&gt; is not a name the man-pages for R likes, but is there any way to create documentation for this function? Or do I have to rename it?&lt;/p&gt;</t>
  </si>
  <si>
    <t>2018-03-30 07:39:19.613000+00:00</t>
  </si>
  <si>
    <t>2018-03-30 07:43:42.067000+00:00</t>
  </si>
  <si>
    <t>r|roxygen2</t>
  </si>
  <si>
    <t>How to display a message/picture alert if there is no internet connection (PhoneGap)?</t>
  </si>
  <si>
    <t>&lt;p&gt;&lt;strong&gt;Problems (PhoneGap):&lt;/strong&gt;&lt;/p&gt;
&lt;ol&gt;
&lt;li&gt;How to display a message/picture alert if there is no internet
connection?&lt;/li&gt;
&lt;li&gt;How to prevent user to use/fully open the application after the alert (quit the
application and display alerts later until user connects to the
Internet)?&lt;/li&gt;
&lt;/ol&gt;
&lt;p&gt;Thank you in advance.&lt;/p&gt;</t>
  </si>
  <si>
    <t>2013-03-21 00:44:41.773000+00:00</t>
  </si>
  <si>
    <t>2013-03-21 23:04:04.743000+00:00</t>
  </si>
  <si>
    <t>cordova|wifi|alert</t>
  </si>
  <si>
    <t>Change a div color in hiccup</t>
  </si>
  <si>
    <t>&lt;p&gt;Is there a way I can set a div background color in hiccup? Here is what I tried so far, with no result:&lt;/p&gt;
&lt;p&gt;&lt;code&gt;[:div {:background-color "#003366"} (escape-html rest)]&lt;/code&gt;&lt;/p&gt;
&lt;p&gt;In the html, I see &lt;code&gt;&amp;lt;div background-color="#663366"&amp;gt;&lt;/code&gt; which I do not believe is the correct format for color.&lt;/p&gt;
&lt;p&gt;Is there a way to do this in hiccup?&lt;/p&gt;</t>
  </si>
  <si>
    <t>2010-09-24 15:47:32.430000+00:00</t>
  </si>
  <si>
    <t>2010-09-24 15:53:38.307000+00:00</t>
  </si>
  <si>
    <t>html|clojure|compojure|hiccup</t>
  </si>
  <si>
    <t>Angular - post a comment to database</t>
  </si>
  <si>
    <t>&lt;p&gt;I am trying post a comment from an input form to my database. The comment I am passing in currently logs as undefined. The service doesn't log and I get a 500 server error: user_id violates not null constraint. What am I doing incorrectly?&lt;/p&gt;
&lt;p&gt;HTML(updated)&lt;/p&gt;
&lt;pre&gt;&lt;code&gt;&amp;lt;div ng-controller="CommentsCtrl as commentsCtrl"&amp;gt;
 &amp;lt;div ng-show="makeComment" class="collapsible-header"&amp;gt;
     &amp;lt;input ng-model="comment" type="text" name="comment" id="comment_content" class="col s11 m11 l11" placeholder="Make a comment."&amp;gt;
         &amp;lt;a href="" type="submit" class="col s1 m1 l1 black-text comment" ng-click="commentsCtrl.createComment(comment, userId, postId)"&amp;gt;&amp;lt;i class="material-icons"&amp;gt;check_circle&amp;lt;/i&amp;gt;&amp;lt;/a&amp;gt;
  &amp;lt;/div&amp;gt;
&lt;/code&gt;&lt;/pre&gt;
&lt;p&gt;Controller - CommentsCtrl(Updated)&lt;/p&gt;
&lt;pre&gt;&lt;code&gt;this.comment = '';
createComment(comment, userId, postId) {
 return this.commentsService.createComment(comment, userId, postId);
 }
}
&lt;/code&gt;&lt;/pre&gt;
&lt;p&gt;Service - CommentsService(Updated)&lt;/p&gt;
&lt;pre&gt;&lt;code&gt;this.createcomment = $http;
this.commentContent = '';
this.postId;
this.userId;
createComment(comment, userId, postId) {
this.createcomment.post('/comments', { comment: this.commentContent, userId: this.userId, postId: this.postId })
.then((res) =&amp;gt; {
  this.comment = res.data;
})
.catch((err) =&amp;gt; {
  return err;
});
}
&lt;/code&gt;&lt;/pre&gt;</t>
  </si>
  <si>
    <t>2016-12-28 21:19:25.810000+00:00</t>
  </si>
  <si>
    <t>2018-01-11 13:09:26.797000+00:00</t>
  </si>
  <si>
    <t>2016-12-29 19:49:54.250000+00:00</t>
  </si>
  <si>
    <t>angularjs|forms</t>
  </si>
  <si>
    <t>Generic log for application crash C++/MFC</t>
  </si>
  <si>
    <t>&lt;p&gt;We have a problem for which I am looking for a direction. We have an old MFC based application, and due to various reasons, the application is crashing sometimes intermittently in some weird scenarios. And even the customers who are using our application and getting these crashes are finding difficulty in identifying the pattern of crash. So, I had a thought that, if we can have a mechanism by which we can generate a log whenever the application crashes. Like for example, the call stack or any other information in that log. I know,, we can use the crash dump in this case, but then I feel like having a log is a better option. So any help or information in this regard would be really helpful.&lt;/p&gt;
&lt;p&gt;Thank you.&lt;/p&gt;</t>
  </si>
  <si>
    <t>2012-10-12 10:04:31.700000+00:00</t>
  </si>
  <si>
    <t>2012-10-13 13:25:47.213000+00:00</t>
  </si>
  <si>
    <t>c++|mfc</t>
  </si>
  <si>
    <t>WCF Hosted in a Windows Service Getting Security Exceptions even though it should be running in Full Trust</t>
  </si>
  <si>
    <t>&lt;p&gt;We are hosting a WCF service (.NET 4.0) in a Windows Service. It works pretty well on most machines, but on some machines it throws the following exception: "Error: An error occurred creating the configuration section handler for system.serviceModel/bindings: That assembly does not allow partially trusted callers." (The full stack trace is at the bottom of this post) &lt;/p&gt;
&lt;p&gt;It seems that this exception is somewhat expected in partially trusted environments, but for all we know we are (or should be) running under full trust:&lt;/p&gt;
&lt;ul&gt;
&lt;li&gt;Everything is installed on the local C:\ drive&lt;/li&gt;
&lt;li&gt;The Windows Service is running under an admin account&lt;/li&gt;
&lt;li&gt;No software restriction policies are set&lt;/li&gt;
&lt;li&gt;We have not done anything to explicitely run under medium trust&lt;/li&gt;
&lt;/ul&gt;
&lt;p&gt;And it turns out that when we remove the binding section from the app.config (and do the configuration in code) then everything works fine. It is just reading that configuration section that is causing the issue. &lt;/p&gt;
&lt;p&gt;Questions:&lt;/p&gt;
&lt;ul&gt;
&lt;li&gt;So what could be causing this security exception? &lt;/li&gt;
&lt;li&gt;How can we tell if we are indeed runing under full trust? &lt;/li&gt;
&lt;li&gt;What computer settings or configuration options do we need to change to avoid this security exception?&lt;/li&gt;
&lt;/ul&gt;
&lt;p&gt;Any help is appreciated&lt;/p&gt;
&lt;h2&gt;Here is the stack trace:&lt;/h2&gt;
&lt;pre&gt;&lt;code&gt;Connect.Host.Connect.InitializeServiceHost(:0) Connect.Host.Connect.InitializeServiceHost(:0) [(null)] - Error: An error occurred creating the configuration section handler for system.serviceModel/bindings: That assembly does not allow partially trusted callers. (C:\Connect\MyApp\Host\Connect.Host.exe.Config line 54), stacktrace:    at System.Configuration.BaseConfigurationRecord.EvaluateOne(String[] keys, SectionInput input, Boolean isTrusted, FactoryRecord factoryRecord, SectionRecord sectionRecord, Object parentResult)
   at System.Configuration.BaseConfigurationRecord.Evaluate(FactoryRecord factoryRecord, SectionRecord sectionRecord, Object parentResult, Boolean getLkg, Boolean getRuntimeObject, Object&amp;amp; result, Object&amp;amp; resultRuntimeObject)
   at System.Configuration.BaseConfigurationRecord.GetSectionRecursive(String configKey, Boolean getLkg, Boolean checkPermission, Boolean getRuntimeObject, Boolean requestIsHere, Object&amp;amp; result, Object&amp;amp; resultRuntimeObject)
   at System.Configuration.BaseConfigurationRecord.GetSectionRecursive(String configKey, Boolean getLkg, Boolean checkPermission, Boolean getRuntimeObject, Boolean requestIsHere, Object&amp;amp; result, Object&amp;amp; resultRuntimeObject)
   at System.Configuration.BaseConfigurationRecord.GetSectionRecursive(String configKey, Boolean getLkg, Boolean checkPermission, Boolean getRuntimeObject, Boolean requestIsHere, Object&amp;amp; result, Object&amp;amp; resultRuntimeObject)
   at System.Configuration.BaseConfigurationRecord.GetSection(String configKey)
   at System.Configuration.ClientConfigurationSystem.System.Configuration.Internal.IInternalConfigSystem.GetSection(String sectionName)
   at System.Configuration.ConfigurationManager.GetSection(String sectionName)
   at System.ServiceModel.Activation.AspNetEnvironment.UnsafeGetSectionFromConfigurationManager(String sectionPath)
   at System.ServiceModel.Activation.AspNetEnvironment.UnsafeGetConfigurationSection(String sectionPath)
   at System.ServiceModel.Configuration.ConfigurationHelpers.UnsafeGetAssociatedSection(ContextInformation evalContext, String sectionPath)
   at System.ServiceModel.Description.ConfigLoader.LookupChannel(ContextInformation configurationContext, String configurationName, ContractDescription contract, EndpointAddress address, Boolean wildcard, Boolean useChannelElementKind, ServiceEndpoint&amp;amp; serviceEndpoint)
   at System.ServiceModel.ChannelFactory.InitializeEndpoint(String configurationName, EndpointAddress address)
   at System.ServiceModel.ChannelFactory`1..ctor(String endpointConfigurationName, EndpointAddress remoteAddress)
   at System.ServiceModel.EndpointTrait`1.CreateSimplexFactory()
   at System.ServiceModel.ClientBase`1.CreateChannelFactoryRef(EndpointTrait`1 endpointTrait)
   at System.ServiceModel.ClientBase`1.InitializeChannelFactoryRef()
   at System.ServiceModel.ClientBase`1..ctor()
   at Connect.BL.EndpointManager.RegisterEndpoint(Int32 endpointId)
   at Connect.Host.Connect.InitializeServiceHost() for endpoint 0
&lt;/code&gt;&lt;/pre&gt;</t>
  </si>
  <si>
    <t>2011-07-12 15:26:32.337000+00:00</t>
  </si>
  <si>
    <t>2011-07-23 11:40:21.267000+00:00</t>
  </si>
  <si>
    <t>.net|wcf</t>
  </si>
  <si>
    <t>Is it possible to modify the mongo_client parameters that meteor uses?</t>
  </si>
  <si>
    <t>&lt;p&gt;In short, with say Python, I can do: &lt;/p&gt;
&lt;pre&gt;&lt;code&gt;client.write_concern = { 'w': 1, 'j': True, 'fsync': True }  
&lt;/code&gt;&lt;/pre&gt;
&lt;p&gt;in order to:&lt;/p&gt;
&lt;ol&gt;
&lt;li&gt;Set mongo client to provides acknowledgement of writes on a standalone box&lt;/li&gt;
&lt;li&gt;Confirm that the &lt;code&gt;mongod&lt;/code&gt; instance has written the data to the on-disk journal &lt;/li&gt;
&lt;li&gt;Force the database to &lt;code&gt;fsync&lt;/code&gt; all files before returning&lt;/li&gt;
&lt;/ol&gt;
&lt;p&gt;But I don't see anyway to do this with Meteor. Is there a way?&lt;/p&gt;</t>
  </si>
  <si>
    <t>2013-04-09 23:08:10.113000+00:00</t>
  </si>
  <si>
    <t>2013-04-10 07:51:21.483000+00:00</t>
  </si>
  <si>
    <t>2013-04-10 00:53:57.243000+00:00</t>
  </si>
  <si>
    <t>node.js|mongodb|meteor</t>
  </si>
  <si>
    <t>R extract numbers while leaving blanks</t>
  </si>
  <si>
    <t>&lt;p&gt;Consider the input &lt;code&gt;c("foo 1", "bar 2", "baz")&lt;/code&gt;. I'd like to turn this into &lt;code&gt;c(1,2,NA)&lt;/code&gt; (basically extract the numbers from each string, or if none exist turn it into an &lt;code&gt;NA&lt;/code&gt;). My first pass looks like this:&lt;/p&gt;
&lt;pre&gt;&lt;code&gt;funNums = as.numeric(
                  regmatches(x$Fun,
                    regexpr('\\d+', x$Fun, perl = T)))
&lt;/code&gt;&lt;/pre&gt;
&lt;p&gt;where &lt;code&gt;x$Fun&lt;/code&gt; is my input vector. The output I get from this though is &lt;code&gt;c(1,2)&lt;/code&gt; since &lt;code&gt;regmatches&lt;/code&gt; throws away things which don't match. How can I get it to include &lt;code&gt;NA&lt;/code&gt;s?&lt;/p&gt;</t>
  </si>
  <si>
    <t>2012-12-14 18:25:31.407000+00:00</t>
  </si>
  <si>
    <t>2012-12-14 20:29:23.173000+00:00</t>
  </si>
  <si>
    <t>Multiple og:image tags not being displayed by share dialog or update status box</t>
  </si>
  <si>
    <t>&lt;p&gt;I am currently working a new feature to allow users to select the thumbnail they would like to use when sharing an page on Facebook. The user should be able to use the Facebook widgets like the send dialog or share buttons as well as simply cutting and pasting the URL into their udpate status dialog on Facebook. &lt;/p&gt;
&lt;p&gt;I have read much of the documentation, which seems to indicate that I simply need to add multiple og:image tags in the page being shared. I have done this and run the page through the linter so the cache gets updated. &lt;/p&gt;
&lt;p&gt;When passing the page to the share.php directly, effectively removing any of my client side code and letting the dialog present what it is scraping, I am seeing 3 images from the page available.&lt;/p&gt;
&lt;p&gt;I am not sure what I am doing wrong here. &lt;/p&gt;
&lt;p&gt;Here is the &lt;a href="https://developers.facebook.com/tools/debug/og/object?q=http%3A%2F%2Ffb-playground.herokuapp.com%2F" rel="noreferrer"&gt;linter result&lt;/a&gt;, the &lt;a href="https://graph.facebook.com/636359309712586" rel="noreferrer"&gt;graph object&lt;/a&gt;, the &lt;a href="https://www.facebook.com/sharer/sharer.php?u=http://fb-playground.herokuapp.com" rel="noreferrer"&gt;sharer.php link&lt;/a&gt; and &lt;a href="http://fb-playground.herokuapp.com/" rel="noreferrer"&gt;the page&lt;/a&gt;. Anyone have ideas of what I could be doing incorrectly?&lt;/p&gt;
&lt;p&gt;I have confirmed that at least the og:title tag is being respected by the share dialog. I have also tested the size of the images, and included file extensions as suggested below.&lt;/p&gt;
&lt;p&gt;I know this works because &lt;a href="http://www.buzzfeed.com/generalelectric/10-lifechanging-ways-to-make-your-day-more-efficient" rel="noreferrer"&gt;buzzfeed&lt;/a&gt; has the exact functionality I am going for. I have reduced my example down to only the core pieces I think should work. You can find the &lt;a href="https://github.com/NotMyself/facebook-playground" rel="noreferrer"&gt;full source here&lt;/a&gt;.&lt;/p&gt;</t>
  </si>
  <si>
    <t>2013-03-20 21:31:32.977000+00:00</t>
  </si>
  <si>
    <t>2014-01-22 20:19:14.863000+00:00</t>
  </si>
  <si>
    <t>2013-04-04 15:54:20.210000+00:00</t>
  </si>
  <si>
    <t>javascript|facebook-javascript-sdk|facebook-opengraph|facebook-sharer</t>
  </si>
  <si>
    <t>How to get the string size in bytes?</t>
  </si>
  <si>
    <t>&lt;p&gt;As the title implies, my question is how to get the size of a string in &lt;code&gt;C&lt;/code&gt;. Is it good to use &lt;code&gt;sizeof&lt;/code&gt; if I've declared it (the string) in a function without &lt;code&gt;malloc&lt;/code&gt; in it? Or, if I've declared it as a pointer? What if I initialized it with &lt;code&gt;malloc&lt;/code&gt;? I would like to have an exhaustive response.&lt;/p&gt;</t>
  </si>
  <si>
    <t>2013-02-21 11:00:56.387000+00:00</t>
  </si>
  <si>
    <t>2018-06-06 16:14:51.530000+00:00</t>
  </si>
  <si>
    <t>2017-01-03 11:03:33.673000+00:00</t>
  </si>
  <si>
    <t>c|sizeof|arrays</t>
  </si>
  <si>
    <t>How to get subtext in ListView in Android</t>
  </si>
  <si>
    <t>&lt;p&gt;Which property sets the subtext as highlighted &lt;a href="http://tinypic.com/view.php?pic=2vljfb9&amp;amp;s=6" rel="nofollow noreferrer"&gt;here&lt;/a&gt; in a ListView.&lt;/p&gt;</t>
  </si>
  <si>
    <t>2010-07-05 17:00:44.617000+00:00</t>
  </si>
  <si>
    <t>2010-07-05 17:50:34.893000+00:00</t>
  </si>
  <si>
    <t>java|android|listview</t>
  </si>
  <si>
    <t>Hide text by padding when using overflow hidden</t>
  </si>
  <si>
    <t>&lt;p&gt;I am trying to set &lt;code&gt;overflow: hidden&lt;/code&gt; so that it applies with padding set for the rectangle.  &lt;/p&gt;
&lt;p&gt;Here is an example: (HTML)&lt;/p&gt;
&lt;pre&gt;&lt;code&gt;&amp;lt;div class="box-test"&amp;gt;
   Stack Test Test Test sdf OverflowStack Test Test Test sdf OverflowStack Test 
   Test Test sdf OverflowStack Test Test Test sdf OverflowStack Test Test Test 
   sdf OverflowStack Test Test Test sdf OverflowStack Test Test Test sdf 
   OverflowStack Test Test Test sdf Overflow
&amp;lt;/div&amp;gt;
&lt;/code&gt;&lt;/pre&gt;
&lt;p&gt;(CSS)&lt;/p&gt;
&lt;pre&gt;&lt;code&gt;.box-test {
    background-color: red;
    width: 200px;
    height: 200px;
    padding: 10px;
    -webkit-box-sizing: border-box;
    box-sizing: border-box;
    overflow: hidden;
}
body {
    background-color: green;
}
&lt;/code&gt;&lt;/pre&gt;
&lt;p&gt;With the current implementation - padding applies to all sides except the bottom. What I am trying to achieve is have a padding in the bottom without trimming the text and using pesudo selectors such as &lt;code&gt;::before&lt;/code&gt; and &lt;code&gt;::after&lt;/code&gt;&lt;/p&gt;</t>
  </si>
  <si>
    <t>2018-01-16 13:15:53.290000+00:00</t>
  </si>
  <si>
    <t>2018-01-16 13:49:34.677000+00:00</t>
  </si>
  <si>
    <t>open all html files in a directory in multiple browser types</t>
  </si>
  <si>
    <t>&lt;p&gt;I'm trying to test a html file in all browsers. Is there a way using the command line to open all of the .html files in a directory in Internet Explorer, Firefox, Chrome, etc. to ensure that the html files are working properly across all internet browsers?&lt;/p&gt;
&lt;p&gt;This was my attempt at creating a .bat file to do so:&lt;/p&gt;
&lt;pre&gt;&lt;code&gt;@echo off
set /p var= %%f
start "Internet Explorer" "C:\Program Files\Internet Explorer\IEXPLORE.EXE" %var%
start "Firefox" "C:\Program Files\Mozilla Firefox\firefox.exe" %var%
start "Chrome" "C:\Program Files (x86)\Google\Chrome\Application" %var%
exit
&lt;/code&gt;&lt;/pre&gt;</t>
  </si>
  <si>
    <t>2014-01-15 16:16:03.920000+00:00</t>
  </si>
  <si>
    <t>2014-01-15 18:04:09.290000+00:00</t>
  </si>
  <si>
    <t>batch-file|cross-browser|browser</t>
  </si>
  <si>
    <t>Managing exception in AsyncTask</t>
  </si>
  <si>
    <t>&lt;p&gt;I have this code:&lt;/p&gt;
&lt;pre&gt;&lt;code&gt; public void remote(final Backup backup) {
        local(backup);
        AsyncTask.execute(new Runnable() {
            @Override
            public void run() {
                BackupSendInfo sendInfo = new BackupSendInfo()
                        .setFile(getLastBackup()) // &amp;lt;---
                        .setFileName(getBackupName(backup))
                        .setBackup(backup)
                        .setDeviceId(device)
                        .setApp(config.getAppName());
                fileSender.send(sendInfo);
            }
        });
    }
&lt;/code&gt;&lt;/pre&gt;
&lt;p&gt;And this is &lt;code&gt;getLastBackup&lt;/code&gt; method signature:&lt;/p&gt;
&lt;pre&gt;&lt;code&gt;private File getLastBackup() throws BackupException;
&lt;/code&gt;&lt;/pre&gt;
&lt;p&gt;As you can see, it throws &lt;code&gt;BackupException&lt;/code&gt;, but I can't add &lt;code&gt;throws BackuPException&lt;/code&gt; delcaration in &lt;code&gt;remote&lt;/code&gt; method signature, because it is in another thread.&lt;/p&gt;
&lt;p&gt;How should I manage this situation? &lt;strong&gt;I want &lt;code&gt;remote&lt;/code&gt; method to throws BackupException&lt;/strong&gt;&lt;/p&gt;</t>
  </si>
  <si>
    <t>2015-11-02 09:42:50.793000+00:00</t>
  </si>
  <si>
    <t>2015-11-02 09:57:15.687000+00:00</t>
  </si>
  <si>
    <t>2015-11-02 09:54:59.760000+00:00</t>
  </si>
  <si>
    <t>android|exception|exception-handling|android-asynctask</t>
  </si>
  <si>
    <t>Reading a CSV file into a dictionary?</t>
  </si>
  <si>
    <t>&lt;p&gt;First I want to start off by saying I am &lt;strong&gt;NOT&lt;/strong&gt; asking you to write code. I only want to discuss and get feed back on what would be the best way to go about writing this program because I am stuck on figuring out how to break down the problem. &lt;/p&gt;
&lt;p&gt;My program is supposed to open a CSV file which contains 7 columns: &lt;/p&gt;
&lt;pre&gt;&lt;code&gt;Name of the state,Crop,Crop title,Variety,Year,Unit,Value. 
&lt;/code&gt;&lt;/pre&gt;
&lt;p&gt;Here is part of the file: &lt;/p&gt;
&lt;pre&gt;&lt;code&gt;Indiana,Corn,Genetically engineered (GE) corn,Stacked gene varieties,2012,Percent of all corn planted,60
Indiana,Corn,Genetically engineered (GE) corn,Stacked gene varieties,2013,Percent of all corn planted,73
Indiana,Corn,Genetically engineered (GE) corn,Stacked gene varieties,2014,Percent of all corn planted,78
Indiana,Corn,Genetically engineered (GE) corn,Stacked gene varieties,2015,Percent of all corn planted,76
Indiana,Corn,Genetically engineered (GE) corn,Stacked gene varieties,2016,Percent of all corn planted,75
Indiana,Corn,Genetically engineered (GE) corn,All GE varieties,2000,Percent of all corn planted,11
Indiana,Corn,Genetically engineered (GE) corn,All GE varieties,2001,Percent of all corn planted,12
Indiana,Corn,Genetically engineered (GE) corn,All GE varieties,2002,Percent of all corn planted,13
Indiana,Corn,Genetically engineered (GE) corn,All GE varieties,2003,Percent of all corn planted,16
Indiana,Corn,Genetically engineered (GE) corn,All GE varieties,2004,Percent of all corn planted,21
Indiana,Corn,Genetically engineered (GE) corn,All GE varieties,2005,Percent of all corn planted,26
Indiana,Corn,Genetically engineered (GE) corn,All GE varieties,2006,Percent of all corn planted,40
Indiana,Corn,Genetically engineered (GE) corn,All GE varieties,2007,Percent of all corn planted,59
Indiana,Corn,Genetically engineered (GE) corn,All GE varieties,2008,Percent of all corn planted,78
Indiana,Corn,Genetically engineered (GE) corn,All GE varieties,2009,Percent of all corn planted,79
Indiana,Corn,Genetically engineered (GE) corn,All GE varieties,2010,Percent of all corn planted,83
Indiana,Corn,Genetically engineered (GE) corn,All GE varieties,2011,Percent of all corn planted,85
Indiana,Corn,Genetically engineered (GE) corn,All GE varieties,2012,Percent of all corn planted,84
Indiana,Corn,Genetically engineered (GE) corn,All GE varieties,2013,Percent of all corn planted,85
Indiana,Corn,Genetically engineered (GE) corn,All GE varieties,2014,Percent of all corn planted,88
Indiana,Corn,Genetically engineered (GE) corn,All GE varieties,2015,Percent of all corn planted,88
Indiana,Corn,Genetically engineered (GE) corn,All GE varieties,2016,Percent of all corn planted,86
&lt;/code&gt;&lt;/pre&gt;
&lt;p&gt;Then read each line into a dictionary. There are many many lines in this text file, the only lines I want/need are the lines whose Variety column reads "All GE varieties." Please note each state also has multiple lines. The next step is to use a user input of a crop and only examine the data for that crop. The final step is to then figure out (for each state) what is the max and min value and its corresponding year and print it. &lt;/p&gt;
&lt;p&gt;The way I was thinking of going about this was possibly creating a set for each line, checking if "All GE varieties" was in the set and if it is then add that to a dictionary. And then do something similar for the crop? &lt;/p&gt;
&lt;p&gt;My biggest dilemma is probably that 1.) I don't know how to go about ignoring lines that don't contain "All GE varieties." Do I do that before or after I create the dictionary? and 2.) I know how to create a dictionary with one value and one key, but how would I go about adding the rest of the values to the key? Do you do that with sets? or lists? &lt;/p&gt;</t>
  </si>
  <si>
    <t>2017-06-13 22:07:54.463000+00:00</t>
  </si>
  <si>
    <t>2017-06-13 23:05:15.897000+00:00</t>
  </si>
  <si>
    <t>2017-06-13 22:16:42.673000+00:00</t>
  </si>
  <si>
    <t>python|dictionary</t>
  </si>
  <si>
    <t>Result grouped by resolution with minimum distance from coordinate</t>
  </si>
  <si>
    <t>&lt;p&gt;I have a query to find the nearest latitude/longitude from a given coordinate :&lt;/p&gt;
&lt;p&gt;&lt;code&gt;public function findClosestByLatitudeLongitude($latitude, $longitude, $distanceUnit = 111.045, $radius = 150)&lt;/code&gt;&lt;/p&gt;
&lt;pre&gt;&lt;code&gt;$stmt = $this-&amp;gt;db-&amp;gt;prepare('SELECT
        f.fcst_latitude,
        f.fcst_longitude,
        f.fcst_resolution,
        :distance_unit * DEGREES(
            ACOS(
              COS(
                RADIANS(:latitude)
              ) * COS(
                RADIANS(f.fcst_latitude)
              ) * COS(
                RADIANS(:longitude) - RADIANS(f.fcst_longitude)
              ) + SIN(
                RADIANS(:latitude)
              ) * SIN(
                RADIANS(f.fcst_latitude)
              )
            )
          ) AS distance
        FROM t_fcst_data_coord AS f
        WHERE 
          f.fcst_latitude BETWEEN :latitude  - (:radius / :distance_unit)
          AND :latitude + (:radius / :distance_unit)
          AND f.fcst_longitude BETWEEN :longitude - (
            :radius / (
              :distance_unit * COS(
                RADIANS(:latitude)
              )
            )
          )
          AND :longitude + (
            :radius / (
              :distance_unit * COS(
                RADIANS(:latitude)
              )
            )
          )
        ORDER BY distance ASC
        LIMIT 100
    ');
&lt;/code&gt;&lt;/pre&gt;
&lt;p&gt;The result is an array ordered by distance, and containing the resolution of the forecast, like this :&lt;/p&gt;
&lt;pre&gt;&lt;code&gt;(
    [0] =&amp;gt; Array
        (
            [fcst_latitude] =&amp;gt; 46.295396
            [fcst_longitude] =&amp;gt; 6.854558
            [fcst_resolution] =&amp;gt; 9.0
            [distance] =&amp;gt; 1.2113482186062683
        )
    [1] =&amp;gt; Array
        (
            [fcst_latitude] =&amp;gt; 46.313622
            [fcst_longitude] =&amp;gt; 6.843681
            [fcst_resolution] =&amp;gt; 3.0
            [distance] =&amp;gt; 1.4198633375521186
        )
    [2] =&amp;gt; Array
        (
            [fcst_latitude] =&amp;gt; 46.314401
            [fcst_longitude] =&amp;gt; 6.884638
            [fcst_resolution] =&amp;gt; 3.0
            [distance] =&amp;gt; 2.213273758077741
        )
    [3] =&amp;gt; Array
        (
            [fcst_latitude] =&amp;gt; 46.285180
            [fcst_longitude] =&amp;gt; 6.844827
            [fcst_resolution] =&amp;gt; 3.0
            [distance] =&amp;gt; 2.5347004607874783
        )
    [...] =&amp;gt; Array
        (
            [fcst_latitude] =&amp;gt; ...
            [fcst_longitude] =&amp;gt; ...
            [fcst_resolution] =&amp;gt; ...
            [distance] =&amp;gt; ...
        )
    [53] =&amp;gt; Array
        (
            [fcst_latitude] =&amp;gt; 46.199091
            [fcst_longitude] =&amp;gt; 6.886765
            [fcst_resolution] =&amp;gt; 27.0
            [distance] =&amp;gt; 12.064028782357124
        )
    [...] =&amp;gt; Array
        (
            [fcst_latitude] =&amp;gt; ...
            [fcst_longitude] =&amp;gt; ...
            [fcst_resolution] =&amp;gt; ...
            [distance] =&amp;gt; ...
        )
)
&lt;/code&gt;&lt;/pre&gt;
&lt;p&gt;How can I have a result that only shows unique resolution with the minimum distance order by resolution ? 
Expected result is :&lt;/p&gt;
&lt;pre&gt;&lt;code&gt;(
    [0] =&amp;gt; Array
        (
            [fcst_latitude] =&amp;gt; 46.199091
            [fcst_longitude] =&amp;gt; 6.886765
            [fcst_resolution] =&amp;gt; 27.0
            [distance] =&amp;gt; 12.064028782357124
        )
    [1] =&amp;gt; Array
        (
            [fcst_latitude] =&amp;gt; 46.295396
            [fcst_longitude] =&amp;gt; 6.854558
            [fcst_resolution] =&amp;gt; 9.0
            [distance] =&amp;gt; 1.2113482186062683
        )
    [2] =&amp;gt; Array
        (
            [fcst_latitude] =&amp;gt; 46.313622
            [fcst_longitude] =&amp;gt; 6.843681
            [fcst_resolution] =&amp;gt; 3.0
            [distance] =&amp;gt; 1.4198633375521186
        )
)
&lt;/code&gt;&lt;/pre&gt;
&lt;p&gt;I tried to GROUP BY fcst_resolution and select the MIN distance, but the result is an array with the wrong latitude and longitudes :&lt;/p&gt;
&lt;pre&gt;&lt;code&gt;(
    [0] =&amp;gt; Array
        (
            [fcst_latitude] =&amp;gt; 44.972113
            [fcst_longitude] =&amp;gt; 8.737022
            [fcst_resolution] =&amp;gt; 9.0
            [distance] =&amp;gt; 1.2113482186062683
        )
    [1] =&amp;gt; Array
        (
            [fcst_latitude] =&amp;gt; 45.231748
            [fcst_longitude] =&amp;gt; 5.680505
            [fcst_resolution] =&amp;gt; 3.0
            [distance] =&amp;gt; 1.4198633375521186
        )
    [2] =&amp;gt; Array
        (
            [fcst_latitude] =&amp;gt; 45.118703
            [fcst_longitude] =&amp;gt; 8.640296
            [fcst_resolution] =&amp;gt; 27.0
            [distance] =&amp;gt; 12.064028782357124
        )
)
&lt;/code&gt;&lt;/pre&gt;
&lt;p&gt;Thanks&lt;/p&gt;</t>
  </si>
  <si>
    <t>2016-02-08 11:19:16.497000+00:00</t>
  </si>
  <si>
    <t>2016-02-09 13:49:55.200000+00:00</t>
  </si>
  <si>
    <t>mysql|group-by|coordinates|distance</t>
  </si>
  <si>
    <t>Auto hide address bar not working</t>
  </si>
  <si>
    <t>&lt;p&gt;I packaged an Sencha Touch 2 app with the following config.&lt;/p&gt;
&lt;pre&gt;&lt;code&gt;viewport: {
  autoMaximize: true
},
&lt;/code&gt;&lt;/pre&gt;
&lt;p&gt;It works properly and the address bar is not visible. Now I am trying to redirect from another web page (desktop web page) to mobile web page. This auto hide functionality doesn't work.&lt;/p&gt;
&lt;p&gt;I redirect from web page to mobile page like :&lt;/p&gt;
&lt;pre&gt;&lt;code&gt;&amp;lt;script&amp;gt;window.location = 'mobile/index.html' &amp;lt;/script&amp;gt;
&lt;/code&gt;&lt;/pre&gt;
&lt;p&gt;Anyone know how to solve this issue?&lt;/p&gt;</t>
  </si>
  <si>
    <t>2012-10-04 20:03:54.027000+00:00</t>
  </si>
  <si>
    <t>2012-10-18 00:52:16.823000+00:00</t>
  </si>
  <si>
    <t>2012-10-04 21:58:20.510000+00:00</t>
  </si>
  <si>
    <t>javascript|redirect|extjs|sencha-touch-2</t>
  </si>
  <si>
    <t>Lightweight (de)compression algorithm for embedded use</t>
  </si>
  <si>
    <t>&lt;p&gt;I have a low-resource embedded system with a graphical user interface. The interface requires font data. To conserve read-only memory (flash), the font data needs to be compressed. I am looking for an algorithm for this purpose.&lt;/p&gt;
&lt;p&gt;&lt;strong&gt;Properties of the data to be compressed&lt;/strong&gt;&lt;/p&gt;
&lt;ul&gt;
&lt;li&gt;transparency data for a rectangular pixel map with 8 bits per pixel&lt;/li&gt;
&lt;li&gt;there are typically around 200..300 glyphs in a font (typeface sampled in certain size)&lt;/li&gt;
&lt;li&gt;each glyph is typically from 6x9 to 15x20 pixels in size&lt;/li&gt;
&lt;li&gt;there are a lot of zeros ("no ink") and somewhat less 255's ("completely inked"), otherwise the distribution of octets is quite even due to the nature of anti-aliasing&lt;/li&gt;
&lt;/ul&gt;
&lt;p&gt;&lt;strong&gt;Requirements for the compression algorithm&lt;/strong&gt;&lt;/p&gt;
&lt;ul&gt;
&lt;li&gt;The important metrics for the decompression algorithm is the size of the data plus the size of the algorithm (as they will reside in the same limited memory).&lt;/li&gt;
&lt;li&gt;There is very little RAM available for the decompression; it is possible to decompress the data for a single glyph into RAM but not much more.&lt;/li&gt;
&lt;li&gt;To make things more difficult, the algorithm has to be very fast on a 32-bit microcontroller (ARM Cortex-M core), as the glyphs need to be decompressed while they are being drawn onto the display. Ten or twenty machine cycles per octet is ok, a hundred is certainly too much.&lt;/li&gt;
&lt;li&gt;To make things easier, the complete corpus of data is known a priori, and there is a lot of processing power and memory available during the compression phase.&lt;/li&gt;
&lt;/ul&gt;
&lt;p&gt;&lt;strong&gt;Conclusions and thoughts&lt;/strong&gt;&lt;/p&gt;
&lt;ul&gt;
&lt;li&gt;The na��ve approach of just packing each octet by some variable-length encoding does not give good results due to the relatively high entropy.&lt;/li&gt;
&lt;li&gt;Any algorithm taking advantage of data decompressed earlier seems to be out of question as it is not possible to store the decompressed data of other glyphs. This makes LZ algorithms less efficient as they can only reference to a small amount of data.&lt;/li&gt;
&lt;li&gt;Constraints on the processing power seem to rule out most bitwise operations, i.e. decompression should handle the data octet-by-octet. This makes Huffman coding difficult and arithmetic coding impossible.&lt;/li&gt;
&lt;li&gt;The problem seems to be a good candidate for static dictionary coding, as all data is known beforehand, and the data is somewhat repetitive in nature (different glyphs share same shapes).&lt;/li&gt;
&lt;/ul&gt;
&lt;p&gt;&lt;strong&gt;Questions&lt;/strong&gt;&lt;/p&gt;
&lt;ul&gt;
&lt;li&gt;How can a good dictionary be constructed? I know finding the optimal dictionary for certain data is a np complete problem, but are there any reasonably good approximations? I have tried the zstandard's dictionary builder, but the results were not very good.&lt;/li&gt;
&lt;li&gt;Is there something in my conclusions that I've gotten wrong? (Am I on the wrong track and omitting something obvious?)&lt;/li&gt;
&lt;/ul&gt;
&lt;p&gt;&lt;strong&gt;Best algorithm this far&lt;/strong&gt;&lt;/p&gt;
&lt;p&gt;Just to give some background information, the best useful algorithm I have been able to figure out is as follows:&lt;/p&gt;
&lt;ul&gt;
&lt;li&gt;All samples in the font data for a single glyph are concatenated (flattened) into a one-dimensional array (vector, table).&lt;/li&gt;
&lt;li&gt;Each sample has three possible states: 0, 255, and "something else".&lt;/li&gt;
&lt;li&gt;This information is packed five consecutive samples at a time into a 5-digit base-three number (0..3^5).&lt;/li&gt;
&lt;li&gt;As there are some extra values available in an octet (2^8 = 256, 3^5 = 243), they are used to signify longer strings of 0's and 255's.&lt;/li&gt;
&lt;li&gt;For each "something else" value the actual value (1..254) is stored in a separate vector.&lt;/li&gt;
&lt;/ul&gt;
&lt;p&gt;This data is fast to decompress, as the base-3 values can be decoded into base-4 values by a smallish (243 x 3 = 729 octets) lookup table. The compression ratios are highly dependent on the font size, but with my typical data I can get around 1:2. As this is significantly worse than LZ variants (which get around 1:3), I would like to try the static dictionary approach.&lt;/p&gt;
&lt;p&gt;Of course, the usual LZ variants use Huffman or arithmetic coding, which naturally makes the compressed data smaller. On the other hand, I have all the data available, and the compression speed is not an issue. This should make it possible to find much better dictionaries.&lt;/p&gt;
&lt;p&gt;Due to the nature of the data I could be able to use a lossy algorithm, but in that case the most likely lossy algorithm would be reducing the number of quantization levels in the pixel data. That won't change the underlying compression problem much, and I would like to avoid the resulting bit-alignment hassle.&lt;/p&gt;</t>
  </si>
  <si>
    <t>2017-08-26 22:36:32.597000+00:00</t>
  </si>
  <si>
    <t>2017-09-11 22:32:10.620000+00:00</t>
  </si>
  <si>
    <t>algorithm|embedded|compression</t>
  </si>
  <si>
    <t>How to run a very small program more optimally in Java</t>
  </si>
  <si>
    <t>&lt;p&gt;I am running a very small program where I simulate playing the lottery. I am noticing that in my Windows task manager, it is taking over 100MBs of RAM even though I know I am only using a few memory blocks.&lt;/p&gt;
&lt;p&gt;I believe the JVM is defaulting me to using some 128MB default value of RAM. It got me thinking -- is there a way to force the JVM to bypass the RAM and run in the cache, or heap, or some faster area of memory?&lt;/p&gt;
&lt;p&gt;If we don't have that level of control, what JVM arguments would allow for very a program that requires more speed than memory?&lt;/p&gt;
&lt;pre&gt;&lt;code&gt;import org.apache.commons.lang3.time.StopWatch;
static final PrintStream err = System.err;
static final PrintStream out = System.out;
private static void studyOdds() {
    List&amp;lt;Integer&amp;gt; list1 = new ArrayList&amp;lt;&amp;gt;();
    for (int i = 1; i &amp;lt;= 75; i++)
        list1.add(new Integer(i));
    List&amp;lt;Integer&amp;gt; list2 = new ArrayList&amp;lt;&amp;gt;();
    for (int i = 1; i &amp;lt;= 15; i++)
        list2.add(new Integer(i));
    ArrayList&amp;lt;Integer&amp;gt; winner = null;
    Deque&amp;lt;Long&amp;gt; winIndx = new LinkedList&amp;lt;&amp;gt;();
    StopWatch sw = new StopWatch(), sw2 = new StopWatch(), sw3 = new StopWatch();
    sw.start();
    sw2.start();
    sw3.start();
    for (long i = 0; i &amp;lt;= 1000000000L; i++) {
        Collections.shuffle(list1);
        Collections.shuffle(list2);
        ArrayList&amp;lt;Integer&amp;gt; pick = new ArrayList&amp;lt;&amp;gt;(6);
        for (int j = 0; j &amp;lt; 5; j++)
            pick.add(list1.get(j));
        Collections.sort(pick);
        pick.add(list2.get(0));
        if (winner == null) {
            winner = (ArrayList&amp;lt;Integer&amp;gt;) pick.clone();
            out.println("Winning #s are: " + winner);
            winIndx.addLast(0L);
        } else if (winner.equals(pick)) {
            err.format(
                    "Found it!%n%s%nWinner count = %d/%s%nPicks since last = %s%nTotal time to find = %s%n",
                    pick, winIndx.size(), fi(i),
                    fi(i - winIndx.peekLast()), sw2);
            winIndx.addLast(i);
            sw2.reset();
            sw2.start();
        }
        if (i % 100000000L == 0 &amp;amp;&amp;amp; i &amp;gt; 0) {
            out.format("i = %s%ntime = %s%ntime since last = %s%n", fi(i),
                    sw, sw3);
            sw3.reset();
            sw3.start();
        }
    }
    System.out.println("Total time: " + sw);
}
static final String fi(final long i) {
    return NumberFormat.getIntegerInstance().format(i);
}
&lt;/code&gt;&lt;/pre&gt;</t>
  </si>
  <si>
    <t>2015-02-18 23:55:04.140000+00:00</t>
  </si>
  <si>
    <t>2015-02-18 23:58:07.727000+00:00</t>
  </si>
  <si>
    <t>java|windows|algorithm|jvm|java-7</t>
  </si>
  <si>
    <t>Check whether there exist at least one b for every a where each b has a foreign key reference to a</t>
  </si>
  <si>
    <t>&lt;p&gt;Say that you have a table of &lt;code&gt;a&lt;/code&gt;'s and a table of &lt;code&gt;b&lt;/code&gt;'s where each b has a foreign key reference to the table of &lt;code&gt;a&lt;/code&gt;'s. How would you write a SQL statement answering the question whether or not there exists atleast one b for every a?&lt;/p&gt;
&lt;p&gt;To reify: Say that you have a table of users:&lt;/p&gt;
&lt;pre&gt;&lt;code&gt;create table users (
  id           bigserial  primary key,
  name         text
);
&lt;/code&gt;&lt;/pre&gt;
&lt;p&gt;and a table of hats that these users wear:&lt;/p&gt;
&lt;pre&gt;&lt;code&gt;create table hats (
  id           bigserial  primary key,
  user_id      bigserial  references users,
  description  text
);
&lt;/code&gt;&lt;/pre&gt;
&lt;p&gt;How would you write a query answering whether or not each user has at least one hat, or to rephrase: Is there any user without a hat?&lt;/p&gt;</t>
  </si>
  <si>
    <t>2018-10-29 16:00:59.257000+00:00</t>
  </si>
  <si>
    <t>2018-10-29 16:34:08.587000+00:00</t>
  </si>
  <si>
    <t>2018-10-29 16:09:09.330000+00:00</t>
  </si>
  <si>
    <t>How to validate images on iOS have not been tampered/shopped after capturing them</t>
  </si>
  <si>
    <t>&lt;p&gt;I am trying to create an app for iPhone that will let users capture video/pics and captures their geo info and uploads them to a database online.&lt;/p&gt;
&lt;p&gt;I am primarily trying to certify the images weren't manipulated/shopped and are same copy as initial shot.&lt;/p&gt;
&lt;p&gt;Is there any unique image data on iOS that I can use to validate images?&lt;/p&gt;</t>
  </si>
  <si>
    <t>2017-12-18 13:57:28.093000+00:00</t>
  </si>
  <si>
    <t>2017-12-18 15:45:55.723000+00:00</t>
  </si>
  <si>
    <t>Pass NULL parameter to SQL stored procedure using ADODB Connection object from Access VBA</t>
  </si>
  <si>
    <t>&lt;p&gt;I know it is possible to call a SQL Server stored procedure and populate a recordset in Access VBA by using the sp like a method on an ADODB Connection object:&lt;/p&gt;
&lt;pre&gt;&lt;code&gt;Dim cnnTest As New ADODB.Connection
Dim rsTest As New ADODB.Recordset
cnnTest.ConnectionString = strMyConnectionString
cnn.Open
cnn.procMyTestProcedure param1, param2, rsTest
&lt;/code&gt;&lt;/pre&gt;
&lt;p&gt;This will call stored procedure &lt;code&gt;procMyTestProcedure&lt;/code&gt; passing prarmeters &lt;code&gt;param1&lt;/code&gt; and &lt;code&gt;param2&lt;/code&gt;, returning the results to my local &lt;code&gt;rsTest&lt;/code&gt; recordset. This all works fine and I have been using this technique for years. I have now come across a situation where I need to be able to pass a NULL as one of the parameters, but nothing I have tried so far seems to work. I have tried passing an empty string, the value Null and a local variable of type variant set to Null. None of these has worked. Does anyone know how to do this please? The parameter in the stored procedure is of type &lt;code&gt;smalldatetime&lt;/code&gt;.&lt;/p&gt;</t>
  </si>
  <si>
    <t>2017-01-25 17:20:22.790000+00:00</t>
  </si>
  <si>
    <t>2017-01-25 17:43:23.787000+00:00</t>
  </si>
  <si>
    <t>access-vba|adodb</t>
  </si>
  <si>
    <t>Caching the return results of a function from John Resig's Learning Advanced JavaScript</t>
  </si>
  <si>
    <t>&lt;p&gt;I have a few questions about this function from John Resig's exercise #19 in &lt;a href="http://ejohn.org/apps/learn/#19" rel="nofollow"&gt;http://ejohn.org/apps/learn/#19&lt;/a&gt;&lt;/p&gt;
&lt;ol&gt;
&lt;li&gt;&lt;p&gt;what is the purpose of the second last line &lt;code&gt;getElements.cache = {};&lt;/code&gt; Is it storing &lt;code&gt;return results&lt;/code&gt; in an array?  &lt;/p&gt;&lt;/li&gt;
&lt;li&gt;&lt;p&gt;If my guess in (1) is correct, is it only catching &lt;code&gt;return results&lt;/code&gt; because, in the "else" section of the function, &lt;code&gt;getElements.cache[name] = results;&lt;/code&gt;?&lt;/p&gt;&lt;/li&gt;
&lt;li&gt;&lt;p&gt;when I played with the code in the console in the tutorial, I removed the line &lt;code&gt;getElements.cache[name] = results&lt;/code&gt; from the "else" section, but still got the same result, as when it was there--namely, it told me that there were 76 elements. What, therefore, is the purpose of this line &lt;code&gt;getElements.cache[name] = results&lt;/code&gt; if it`s not necessary to get the result?&lt;/p&gt;&lt;/li&gt;
&lt;li&gt;&lt;p&gt;is there any significance to the fact that, in the "else" section of the function, the order of the line &lt;code&gt;getElements.cache[name] = results;&lt;/code&gt; is reversed from the &lt;code&gt;if&lt;/code&gt; section of the code, where it says &lt;code&gt;results = getElements.cache[name]&lt;/code&gt;&lt;/p&gt;&lt;/li&gt;
&lt;li&gt;&lt;p&gt;finally, is &lt;code&gt;cache&lt;/code&gt; a pre-defined function in JavaScript? I can't find it in the documentation. &lt;/p&gt;&lt;/li&gt;
&lt;/ol&gt;
&lt;pre&gt;&lt;code&gt;function getElements( name ) { 
  var results; 
  if ( getElements.cache[name] ) { 
    results = getElements.cache[name]; 
  } else { 
    results = document.getElementsByTagName(name); 
    getElements.cache[name] = results; 
  } 
  return results; 
} 
getElements.cache = {}; 
log( "Elements found: ", getElements("pre").length );
&lt;/code&gt;&lt;/pre&gt;</t>
  </si>
  <si>
    <t>2011-03-17 01:38:48.380000+00:00</t>
  </si>
  <si>
    <t>2012-08-06 14:11:24.930000+00:00</t>
  </si>
  <si>
    <t>2011-03-17 01:41:39.177000+00:00</t>
  </si>
  <si>
    <t>Query Collection using composite key where key parts can match 'any'</t>
  </si>
  <si>
    <t>&lt;p&gt;Is there an appropriate collection or algorithm that would allow me to get a value using a composite key where when querying parts of the key could be null to mean match any value?&lt;/p&gt;
&lt;p&gt;For example, if I have the class:&lt;/p&gt;
&lt;pre&gt;&lt;code&gt;    class Key
    {
        string p1{ get; }
        string p2{ get; }
        string p3{ get; }
        public Key(string p1, string p2 , string p3)
        { this.p1 = p1;  this.p2 = p2; this.p3=p3;  }
    }
&lt;/code&gt;&lt;/pre&gt;
&lt;p&gt;If I then created three keys e.g.&lt;/p&gt;
&lt;pre&gt;&lt;code&gt;new Key( "a","b","c")
new Key( "d","b","c")
new Key( "e","f","c")
&lt;/code&gt;&lt;/pre&gt;
&lt;p&gt;I would like a collection or algorithm with out iterating to allow for the following key&lt;/p&gt;
&lt;pre&gt;&lt;code&gt;new Key( null, "b","c") to return the values mapped to the first two keys,
new key( null,null,"c") to return the values mapped to all of the keys.
&lt;/code&gt;&lt;/pre&gt;
&lt;p&gt;Is there any way to do this?&lt;/p&gt;</t>
  </si>
  <si>
    <t>2013-04-10 21:02:37.370000+00:00</t>
  </si>
  <si>
    <t>2013-04-10 21:30:15.830000+00:00</t>
  </si>
  <si>
    <t>2013-04-10 21:12:41.197000+00:00</t>
  </si>
  <si>
    <t>c#|collections</t>
  </si>
  <si>
    <t>unity convert a float to a vector3 c#</t>
  </si>
  <si>
    <t>&lt;p&gt;Here is my error message:&lt;/p&gt;
&lt;blockquote&gt;
  &lt;p&gt;Assets/BanditLogic.cs(45,30): error CS0029: Cannot implicitly convert
  type 'float' to 'UnityEngine.Vector3'&lt;/p&gt;
&lt;/blockquote&gt;
&lt;p&gt;And here is a section of the code:&lt;/p&gt;
&lt;pre&gt;&lt;code&gt;Vector3 Distance = Vector3.Distance (player.transform.position,bandit.transform.position);
anim.SetFloat ("DistanceToPlayer", Distance);
&lt;/code&gt;&lt;/pre&gt;
&lt;p&gt;I'm trying to find the distance to the enemy from the player, if there are any easier ways please let me know.&lt;/p&gt;</t>
  </si>
  <si>
    <t>2017-06-07 01:16:09.510000+00:00</t>
  </si>
  <si>
    <t>2017-06-07 06:18:42.347000+00:00</t>
  </si>
  <si>
    <t>2017-06-07 03:54:41.783000+00:00</t>
  </si>
  <si>
    <t>c#|unity3d|vector</t>
  </si>
  <si>
    <t>different size facets proportional of x axis on ggplot 2 r</t>
  </si>
  <si>
    <t>&lt;p&gt;The following is a situation:&lt;/p&gt;
&lt;pre&gt;&lt;code&gt;group1 &amp;lt;- seq(1, 10, 2)
group2 &amp;lt;-  seq(1, 20, 3)
x = c(group1, group2)
mydf &amp;lt;- data.frame (X =x , Y = rnorm (length (x),5,1), 
 groups = c(rep(1, length (group1)), rep(2, length(group2))))
ggplot(mydf, aes(X, Y, group= groups)) + geom_point()+ facet_grid (.~ group)
&lt;/code&gt;&lt;/pre&gt;
&lt;p&gt;Different facets are scaled by x limits in the following plot:&lt;/p&gt;
&lt;pre&gt;&lt;code&gt; ggplot(mydf, aes(X, Y, group= groups)) + geom_point()+ 
   facet_grid (.~ group, scales = "free_x")
&lt;/code&gt;&lt;/pre&gt;
&lt;p&gt;As total width of x has meaning, I want to produce facets of different width not only different scale. Thus the expected facet 1's wideth should be half the size of 2. &lt;/p&gt;
&lt;p&gt;&lt;img src="https://i.stack.imgur.com/wejRi.jpg" alt="enter image description here"&gt;&lt;/p&gt;</t>
  </si>
  <si>
    <t>2012-05-04 19:12:47.240000+00:00</t>
  </si>
  <si>
    <t>2012-05-04 20:35:12.540000+00:00</t>
  </si>
  <si>
    <t>r|ggplot2|facet</t>
  </si>
  <si>
    <t>Can I do numpy operations on pytables?</t>
  </si>
  <si>
    <t>&lt;p&gt;I just read about pytables an saw a presentation-video from the creator of pytables. It looks very promising, but also a bit complicated and I have to install serval packages. So I hope bevor doing that it is ok to ask here a question. What I need to do is:&lt;/p&gt;
&lt;pre&gt;&lt;code&gt;np_array = numpy.zeros((len(example1), len(example2)), dtype=int)
'''filling the np_array'''
np_array_sum = np_array.sum(0)
np_array_sum_ordered = np_array_sum.argsort()[::-1]
np_array = numpy.take(np_array, np_array_sum_ordered, axis=1)
&lt;/code&gt;&lt;/pre&gt;
&lt;p&gt;Is it possible to give pytables the np_array and do the numpy-operations or do I need to do it with pytable operations? If I need to use pytables methods, how can I can the same thing? &lt;/p&gt;</t>
  </si>
  <si>
    <t>2016-01-09 18:17:50.117000+00:00</t>
  </si>
  <si>
    <t>2016-01-09 19:20:53.927000+00:00</t>
  </si>
  <si>
    <t>python|python-3.x|numpy|pytables</t>
  </si>
  <si>
    <t>What is the relative URL for https://example.com//path?</t>
  </si>
  <si>
    <t>&lt;p&gt;What is the relative (to &lt;a href="https://example.com" rel="nofollow"&gt;https://example.com&lt;/a&gt;) URL for "&lt;a href="https://example.com//path" rel="nofollow"&gt;https://example.com//path&lt;/a&gt;"?&lt;/p&gt;
&lt;p&gt;It's not "//path" as that's an absolute URL.&lt;/p&gt;</t>
  </si>
  <si>
    <t>2015-02-28 13:34:13.497000+00:00</t>
  </si>
  <si>
    <t>2015-02-28 13:50:53.930000+00:00</t>
  </si>
  <si>
    <t>2015-02-28 13:43:28.010000+00:00</t>
  </si>
  <si>
    <t>url</t>
  </si>
  <si>
    <t>What runtime optimizations does the /optimize flag enable?</t>
  </si>
  <si>
    <t>&lt;p&gt;I've long been under the impression that the C# compiler's /optimize flag doesn't do very much. Articles like &lt;a href="http://blogs.msdn.com/b/ericlippert/archive/2009/06/11/what-does-the-optimize-switch-do.aspx" rel="nofollow"&gt;this one&lt;/a&gt; describe how relatively few optimizations are done in IL: most are relegated to the JIT. &lt;/p&gt;
&lt;p&gt;However, recently I was trying to speed up some CPU-intensive code (think lots of iterating over arrays and dictionaries as well as well as simple numerics) and I tried turning on optimization just for kicks. The result was a &lt;strong&gt;3x improvement&lt;/strong&gt; in speed. Note that this was purely from clicking the "optimize" checkbox in the VS project properties page. Toggling the DEBUG and TRACE constants had no performance impact.&lt;/p&gt;
&lt;p&gt;While it's entirely possible that the small IL optimizations could have resulted in this change, that seemed pretty surprising to me. Reading up on optimization, I found this tidbit in the &lt;a href="https://msdn.microsoft.com/en-us/library/t0hfscdc.aspx" rel="nofollow"&gt;MSDN docs&lt;/a&gt;:&lt;/p&gt;
&lt;blockquote&gt;
  &lt;p&gt;/optimize also tells the common language runtime to optimize code at
  runtime.&lt;/p&gt;
&lt;/blockquote&gt;
&lt;p&gt;I'm very curious as to what this means. Does this mean the JIT does NO optimization of code in non-optimized assemblies? What kinds of optimizations does this enable?&lt;/p&gt;</t>
  </si>
  <si>
    <t>2015-04-03 12:50:36.660000+00:00</t>
  </si>
  <si>
    <t>2015-04-04 05:21:48.803000+00:00</t>
  </si>
  <si>
    <t>c#|performance|optimization|compiler-optimization|jit</t>
  </si>
  <si>
    <t>jQuery multiple instance plugin using "this" in setTimeout</t>
  </si>
  <si>
    <t>&lt;p&gt;I'm trying to write a new plugin that can be initialized on multiple elements within the same page, each time with different options, ex:&lt;/p&gt;
&lt;pre&gt;&lt;code&gt;$('#id').plugin({ option:true });
$('#id2').plugin({ option:false });
&lt;/code&gt;&lt;/pre&gt;
&lt;p&gt;I'm using the boilerplate from jqueryboilerplate.com (&lt;a href="https://github.com/jquery-boilerplate/jquery-boilerplate" rel="nofollow"&gt;https://github.com/jquery-boilerplate/jquery-boilerplate&lt;/a&gt;). I understand (at least I think I do!) that the problem is that within the scope of the anonymous function (here, within setTimeout) 'this' refers to the window. So in the following, the output is logged the first time, but not the second:&lt;/p&gt;
&lt;pre&gt;&lt;code&gt;// Avoid Plugin.prototype conflicts
$.extend(Plugin.prototype, {
    init: function () {
        console.log(this.settings.propertyName);
        setTimeout(function(){
            console.log(this.settings.propertyName);
        }, 1000);
    }
});
&lt;/code&gt;&lt;/pre&gt;
&lt;p&gt;Elsewhere this.settings.propertyName is set to 'value'. Console.log result is:&lt;/p&gt;
&lt;pre&gt;&lt;code&gt;value
Uncaught TypeError: Cannot read property 'propertyName' of undefined
&lt;/code&gt;&lt;/pre&gt;
&lt;p&gt;If for example I set window.prop = this.settings.propertyName and console.log window.prop instead, that works, but the problem is that there may be many instances running at the same time.&lt;/p&gt;
&lt;p&gt;I've read through lots of questions related to this subject, but none seem to actually address this particular situation. I would be grateful if someone could give me a clear example of how to do this within the context of a jQuery plugin using the boilerplate, or something like it. Please excuse my noobness, thank you!!&lt;/p&gt;</t>
  </si>
  <si>
    <t>2015-04-22 17:58:19.843000+00:00</t>
  </si>
  <si>
    <t>2015-08-26 04:47:49.213000+00:00</t>
  </si>
  <si>
    <t>javascript|jquery|jquery-plugins</t>
  </si>
  <si>
    <t>SWT Expand Bar not in the correct location when not expanded</t>
  </si>
  <si>
    <t>&lt;p&gt;I have the following UI: 
&lt;a href="https://i.stack.imgur.com/UcrRt.png" rel="nofollow noreferrer"&gt;&lt;img src="https://i.stack.imgur.com/UcrRt.png" alt="UI"&gt;&lt;/a&gt;&lt;/p&gt;
&lt;p&gt;When it first loads the &lt;a href="http://help.eclipse.org/luna/topic/org.eclipse.platform.doc.isv/reference/api/org/eclipse/swt/widgets/Shell.html" rel="nofollow noreferrer"&gt;&lt;code&gt;Shell&lt;/code&gt;&lt;/a&gt; it doesn't appear right underneath the find button despite it taking both columns in the layout. 
&lt;a href="https://i.stack.imgur.com/ThKrW.png" rel="nofollow noreferrer"&gt;&lt;img src="https://i.stack.imgur.com/ThKrW.png" alt="Initial UI"&gt;&lt;/a&gt;&lt;/p&gt;
&lt;p&gt;When the window has changed size it eventually appears in the right position. Like so: 
&lt;a href="https://i.stack.imgur.com/551Rg.png" rel="nofollow noreferrer"&gt;&lt;img src="https://i.stack.imgur.com/551Rg.png" alt="How ui should look"&gt;&lt;/a&gt;&lt;/p&gt;
&lt;p&gt;Here is the code for the Minimal Working Example: &lt;/p&gt;
&lt;pre&gt;&lt;code&gt;package com.mycompany.swttest;
import java.io.FileInputStream;
import java.io.FileNotFoundException;
import java.io.FileReader;
import java.io.IOException;
import java.io.InputStream;
import java.util.ArrayList;
import java.util.Arrays;
import java.util.NoSuchElementException;
import java.util.Scanner;
import java.util.logging.Level;
import java.util.logging.Logger;
import org.eclipse.swt.*;
import org.eclipse.swt.layout.*;
import org.eclipse.swt.widgets.*;
import org.eclipse.swt.browser.*;
import org.eclipse.swt.events.DisposeEvent;
import org.eclipse.swt.events.DisposeListener;
import org.eclipse.swt.events.SelectionEvent;
import org.eclipse.swt.graphics.Point;
import org.eclipse.swt.graphics.Rectangle;
public class BrowserTest {
    final Display display;
    final Shell shell;
    private Text f1, f2, f3,f4;
    private Label l1, l2, l3,l4; 
        private final ExpandItem resultDropdown; 
    private final Composite resultComposite; 
        Browser resultsBrowser;
    public BrowserTest() {
        display = new Display();
        shell = new Shell(display);
        //Listener to remove highlighting when this window closes
        this.shell.setText("Search");
        GridLayout thisLayout = new GridLayout(2, false);
        this.shell.setLayout(thisLayout);
        //SET MINIMUM WINDOW SIZES
        Rectangle screenBounds = this.shell.getDisplay().getBounds();
        Point size = new Point(screenBounds.width/2,screenBounds.height/2);
        this.shell.setMinimumSize(size);
        java.util.List&amp;lt;Label&amp;gt; labelList;
        java.util.List&amp;lt;Text&amp;gt; fieldList;
        java.util.List&amp;lt;String&amp;gt; textList;
        int thisStyle = (SWT.SINGLE | SWT.BORDER);
        GridData gd = new GridData();
        gd.horizontalAlignment = SWT.FILL;
        gd.grabExcessHorizontalSpace = true;
        l1 = new Label(this.shell, SWT.NULL);
        f1 = new Text(this.shell, thisStyle);
        f1.setLayoutData(gd);
        l2 = new Label(this.shell, SWT.NULL);
        f2 = new Text(this.shell, thisStyle);
        f2.setLayoutData(gd);
        l3 = new Label(this.shell, SWT.NULL);
        f3 = new Text(this.shell, thisStyle);
        f3.setLayoutData(gd);
        gd = new GridData();
        gd.horizontalAlignment = SWT.FILL;
        gd.verticalAlignment = SWT.FILL;
        gd.grabExcessHorizontalSpace = true;
        gd.grabExcessVerticalSpace = true;
        l4 = new Label(this.shell, SWT.NULL);
        f4 = new Text(this.shell, SWT.MULTI | SWT.BORDER);
        gd.verticalAlignment = SWT.FILL;
        f4.setLayoutData(gd);
        Composite comp = new Composite(shell, SWT.NONE);
        comp.setLayoutData(gd);
        labelList = new ArrayList(Arrays.asList(new Label[]{l1, l2, l3, l4}));
        fieldList = new ArrayList(Arrays.asList(new Text[]{f1, f2, f3, f4}));
        textList = new ArrayList(Arrays.asList(new String[]{"F1: ", "F2: ", "F3: ", "F4: "}));
        //For every label/field, set text and layout
        for (int i = 0; i &amp;lt; labelList.size(); i++) {
            Label thisLabel = labelList.get(i);
            String thisText = textList.get(i);
            Text thisField = fieldList.get(i);
            thisLabel.setText(thisText);
        }
        Button findButton = new Button(this.shell, SWT.PUSH| SWT.CENTER);
        findButton.setText("Find");
        gd = new GridData();
        gd.horizontalAlignment = SWT.RIGHT;
        gd.verticalAlignment = SWT.TOP;
        gd.verticalSpan = 1;
        findButton.setLayoutData(gd);
        //New set of GridData for our results section
        gd = new GridData();
        gd.horizontalAlignment = SWT.FILL;
        gd.verticalAlignment = SWT.FILL;
        gd.grabExcessHorizontalSpace = true;
        gd.grabExcessVerticalSpace = true;
        //gd.verticalSpan = 3;
        gd.horizontalSpan = 2;
        ExpandBar expandBar = new ExpandBar(this.shell, SWT.V_SCROLL);
        expandBar.setLayoutData(gd);
        resultDropdown = new ExpandItem(expandBar, SWT.NO_FOCUS);
        resultDropdown.setHeight(300);
        resultDropdown.setText("Results");
        resultComposite = new Composite(expandBar, SWT.NO_FOCUS);
        GridLayout gl = new GridLayout();
        gl.numColumns = 1;
        resultComposite.setLayout(gl);
        resultComposite.setLayoutData(gd);
        //Create a browser on a temp Composite
        resultsBrowser = new Browser(resultComposite, SWT.NONE);
        resultsBrowser.setLayoutData(new GridData(SWT.FILL, SWT.FILL, true, true));
        resultDropdown.setControl(resultComposite);
        resultDropdown.setExpanded(false);
         this.shell.pack();
    }
    public void open() {
        shell.open();
        while (!shell.isDisposed()) {
            if (!display.readAndDispatch()) {
                display.sleep();
            }
        }
        display.dispose();
    }
    public static void main(String[] args) {
        BrowserTest testBrowser = new BrowserTest();
        testBrowser.open();
    }
    }
&lt;/code&gt;&lt;/pre&gt;</t>
  </si>
  <si>
    <t>2015-07-29 12:42:10.180000+00:00</t>
  </si>
  <si>
    <t>2015-07-29 14:01:51.043000+00:00</t>
  </si>
  <si>
    <t>2015-07-29 13:19:08.943000+00:00</t>
  </si>
  <si>
    <t>java|swt</t>
  </si>
  <si>
    <t>symbol lookup error undefined symbol</t>
  </si>
  <si>
    <t>&lt;p&gt;I am using a JD2XX which  is a Java native interface port of Future Technology Devices International (FTDI) D2XX direct USB driver. I installed the libftd2xx1.0.4 drivers on ubuntu 11.10 then created and compiled a dynamic link library and obtained a jd2xx.so file. I load that on the java side using &lt;/p&gt;
&lt;pre&gt;&lt;code&gt;static{
System.load("/home/user/NetBeansProjects/JD2XX-JNIdll2/dist/jd2xx.so");
}
&lt;/code&gt;&lt;/pre&gt;
&lt;p&gt;When executing the program I am getting the following error:&lt;/p&gt;
&lt;pre&gt;&lt;code&gt;/usr/lib/jvm/java-6-openjdk/bin/java: symbol lookup error: /home/user/NetBeansProjects/JD2XX-JNIdll2/dist/jd2xx.so: undefined symbol: FT_ListDevices
Java Result: 127
&lt;/code&gt;&lt;/pre&gt;
&lt;p&gt;Any hints what could be causing that? It all worked fine under windows using mingw.&lt;/p&gt;</t>
  </si>
  <si>
    <t>2012-03-28 16:24:25.860000+00:00</t>
  </si>
  <si>
    <t>java|c|jni</t>
  </si>
  <si>
    <t>loading specific id content from html in dojo content pane</t>
  </si>
  <si>
    <t>&lt;p&gt;I am trying to load specific html id content in Dojo content pane on click of a tree node.
I have a long html, which has several headings. I am trying to load content from this html on click on a tree node. I am able to get html loaded, but I am not able to bring content with specific id on top of content pane. &lt;/p&gt;
&lt;p&gt;Say my html is &lt;code&gt;abc.html&lt;/code&gt; and it has several ids say &lt;code&gt;id1&lt;/code&gt;, &lt;code&gt;id2&lt;/code&gt; ...
if I open this html in IE with argument &lt;code&gt;abc.html&lt;/code&gt;, page gets loaded, with first line on top. Now if I open it with argument &lt;code&gt;abc.html#id9&lt;/code&gt;
This specific section of html get loaded to top of IE window.&lt;/p&gt;
&lt;p&gt;I am trying to achieve same effect in dojo content pane - here content is loaded in Dojo ContentPane on click on tree node and goal is load specific &lt;code&gt;#id&lt;/code&gt; associated with that tree node in content pane, instead of loading top of html.&lt;/p&gt;
&lt;p&gt;It never loads specific id content on top of content pane. It always load as if argument is &lt;code&gt;abc.html&lt;/code&gt;. I do not see any effect of &lt;code&gt;abc.html#id9&lt;/code&gt;&lt;/p&gt;
&lt;p&gt;below is code snippet on how I am creating content pane and loading content on click on tree node.&lt;/p&gt;
&lt;pre&gt;&lt;code&gt;....
   var CenterPane = new  ContentPane({//content pane at center for loading urls of selected designs
     content:"Click to get the details about node",
     region:"center"});
   bordContainer.addChild(CenterPane);//add content pane to the border container
....
....
var fileTree = new Tree ({
            model: treeModel,
            showRoot: false,
            openOnClick:true,
            autoExpand:false,
            _createTreeNode: function (args)
              {   
                return new MyTreeNode(args);
              },
             onClick: function(args) {
CenterPane.set("href", vHtmlPath); }
....
&lt;/code&gt;&lt;/pre&gt;
&lt;p&gt;&lt;code&gt;vHtmlPat&lt;/code&gt;h is dynamically set to &lt;code&gt;abc.html#id9&lt;/code&gt; or &lt;code&gt;abc.html#id1&lt;/code&gt; ....&lt;/p&gt;</t>
  </si>
  <si>
    <t>2015-07-02 11:25:32.373000+00:00</t>
  </si>
  <si>
    <t>2015-07-02 12:18:17.793000+00:00</t>
  </si>
  <si>
    <t>javascript|html|dojo</t>
  </si>
  <si>
    <t>Displaying jqg1 instead of id returned from database on inline add</t>
  </si>
  <si>
    <t>&lt;p&gt;This is my first attempt at using jqGrid in ASP.NET MVC 4 so please forgive the newby question. I appear to have everything working on my end, but when a row is saved during an inline add the grid displays jqg1 instead of the id being returned from the database. The id is there, but for some reason it's not being displayed. When I refresh the grid, the id is then displayed correctly, so it's definitely in the database also.  Any ideas would be greatly appreciated.  Thanks!!&lt;/p&gt;
&lt;p&gt;Grid&lt;/p&gt;
&lt;pre&gt;&lt;code&gt;    &amp;lt;script type="text/javascript"&amp;gt;
    $(document).ready(function () {
        var grid = $('#list'),
            decodeErrorMessage = function (jqXHR, textStatus, errorThrown) {
                var html, errorInfo, i, errorText = textStatus + '\n' + errorThrown;
                if (jqXHR.responseText.charAt(0) === '[') {
                    try {
                        errorInfo = $.parseJSON(jqXHR.responseText);
                        errorText = "";
                        for (i = 0; i &amp;lt; errorInfo.length; i++) {
                            if (errorText.length !== 0) {
                                errorText += "&amp;lt;hr/&amp;gt;";
                            }
                            errorText += errorInfo[i].Source + ": " + errorInfo[i].Message;
                        }
                    }
                    catch (e) { }
                } else {
                    html = /&amp;lt;body.*?&amp;gt;([\s\S]*)&amp;lt;\/body&amp;gt;/i.exec(jqXHR.responseText);
                    if (html !== null &amp;amp;&amp;amp; html.length &amp;gt; 1) {
                        errorText = html[1];
                    }
                }
                return errorText;
            };
        grid.jqGrid({
            url: '@Url.Action("DynamicGridData", "Team")',
            datatype: "json",
            mtype: 'POST',
            colNames: ['Id', 'Code', 'Name'],
            colModel: [
                {
                    name: 'TeamId', index: 'TeamId', key: true, width: 50,
                    searchoptions: {
                        sopt: ['eq', 'ne', 'lt', 'le', 'gt', 'ge'],
                        dataInit: function (elem) {
                            $(elem).autocomplete({ source: '@Url.Action("GetIdsAutoComplete", "Team")' });
                        }
                    }
                },
                {
                    name: 'Code', index: 'Code', width: 75, editable: true,
                    searchoptions: {
                        sopt: ['cn', 'nc', 'bw', 'bn', 'eq', 'ne', 'ew', 'en', 'lt', 'le', 'gt', 'ge'],
                        dataInit: function (elem) {
                            $(elem).autocomplete({ source: '@Url.Action("GetCodesAutoComplete", "Team")' });
                        }
                    }
                },
                {
                    name: 'Name', index: 'Name', width: 200, editable: true,
                    searchoptions: {
                        sopt: ['cn', 'nc', 'bw', 'bn', 'eq', 'ne', 'ew', 'en', 'lt', 'le', 'gt', 'ge'],
                        dataInit: function (elem) {
                            $(elem).autocomplete({ source: '@Url.Action("GetNamesAutoComplete", "Team")' });
                        }
                    }
                }
            ],
            rowNum: 10,
            rowList: [10, 20, 30],
            pager: '#pager',
            rownumbers: true,
            sortname: 'TeamId',
            sortorder: "desc",
            viewrecords: true,
            altRows: true,
            altclass: 'myAltRowClass',
            width: 700,
            height: 200,
            gridview: true,
            jsonReader: { cell: "" },
            editurl: '@Url.Action("Update", "Team")',
            caption: "Teams",
            loadError: function (jqXHR, textStatus, errorThrown) {
                // remove error div if exist
                $('#' + this.id + '_err').remove();
                // insert div with the error description before the grid
                grid.closest('div.ui-jqgrid').before(
                    '&amp;lt;div id="' + this.id + '_err" style="max-width:' + this.style.width +
                    ';"&amp;gt;&amp;lt;div class="ui-state-error ui-corner-all" style="padding:0.7em;float:left;"&amp;gt;&amp;lt;span class="ui-icon ui-icon-alert" style="float:left; margin-right: .3em;"&amp;gt;&amp;lt;/span&amp;gt;&amp;lt;span style="clear:left"&amp;gt;' +
                    decodeErrorMessage(jqXHR, textStatus, errorThrown) + '&amp;lt;/span&amp;gt;&amp;lt;/div&amp;gt;&amp;lt;div style="clear:left"/&amp;gt;&amp;lt;/div&amp;gt;');
            },
            loadComplete: function () {
                // remove error div if exist
                $('#' + this.id + '_err').remove();
            }
        });
        grid.jqGrid('filterToolbar', { stringResult: true, searchOnEnter: true, defaultSearch: 'cn' });
        grid.jqGrid('navGrid', '#pager', { add: false, edit: false },
              {}, {}, {}, { multipleSearch: true, overlay: false, width: 480, showQuery: true });
        grid.jqGrid('inlineNav', "#pager");
        grid.jqGrid('navButtonAdd', '#pager',
                    {
                        caption: "", title: "Toggle Searching Toolbar",
                        buttonicon: 'ui-icon-gear',
                        onClickButton: function () { grid[0].toggleToolbar(); }
                    });
    });
&amp;lt;/script&amp;gt;
&lt;/code&gt;&lt;/pre&gt;
&lt;p&gt;Controller&lt;/p&gt;
&lt;pre&gt;&lt;code&gt;        // POST: /Team/Update/5
    [HttpPost]
    public ActionResult Update(Team Team, string oper)
    {
        try
        {
            switch (oper)
            {
                case "add":
                    unitOfWork.TeamRepository.Insert(Team);
                    unitOfWork.Save();
                    return RedirectToAction("Search");
                case "edit":
                    if (ModelState.IsValid)
                    {
                        unitOfWork.TeamRepository.Update(Team);
                        unitOfWork.Save();
                        return RedirectToAction("Search");
                    }
                    break;
            }
        }
        catch (DbUpdateConcurrencyException ex)
        {
            var entry = ex.Entries.Single();
            var databaseValues = (Team)entry.GetDatabaseValues().ToObject();
            var clientValues = (Team)entry.Entity;
            if (databaseValues.Code != clientValues.Code)
                ModelState.AddModelError("Code", "Current value: "
                    + databaseValues.Code);
            if (databaseValues.Name != clientValues.Name)
                ModelState.AddModelError("Name", "Current value: "
                    + databaseValues.Name);
            ModelState.AddModelError(string.Empty, "The record you attempted to edit "
                + "was modified by another user after you got the original value. The "
                + "edit operation was canceled and the current values in the database "
                + "have been displayed. If you still want to edit this record, click "
                + "the Save button again. Otherwise click the Back to List hyperlink.");
        }
        catch (DataException)
        {
            //Log the error (add a variable name after DataException)
            ModelState.AddModelError("", "Unable to save changes. Try again, and if the problem persists, see your system administrator.");
        }
        return View(Team);
    }
&lt;/code&gt;&lt;/pre&gt;
&lt;p&gt;Modified the Controller ActionResult to below, but still showing jqg1 in grid until I reload it via the inlineNav button. The database is being updated, but the grid initially shows jqg1 until it is reloaded. Any ideas?  Thanks!!&lt;/p&gt;
&lt;pre&gt;&lt;code&gt;[HttpPost]
    public ActionResult Update(Team Team, string oper)
    {
        try
        {
            if (oper.Equals("add"))
            {
                unitOfWork.TeamRepository.Insert(Team);
                unitOfWork.Save();
            }
            else if (oper.Equals("edit"))
            {
                if (ModelState.IsValid)
                {
                    unitOfWork.TeamRepository.Update(Team);
                    unitOfWork.Save();
                }
            }
        }
        catch (DbUpdateConcurrencyException ex)
        {
            var entry = ex.Entries.Single();
            var databaseValues = (Team)entry.GetDatabaseValues().ToObject();
            var clientValues = (Team)entry.Entity;
            if (databaseValues.Code != clientValues.Code)
                ModelState.AddModelError("Code", "Current value: "
                    + databaseValues.Code);
            if (databaseValues.Name != clientValues.Name)
                ModelState.AddModelError("Name", "Current value: "
                    + databaseValues.Name);
            ModelState.AddModelError(string.Empty, "The record you attempted to edit "
                + "was modified by another user after you got the original value. The "
                + "edit operation was canceled and the current values in the database "
                + "have been displayed. If you still want to edit this record, click "
                + "the Save button again. Otherwise click the Back to List hyperlink.");
        }
        catch (DataException)
        {
            //Log the error (add a variable name after DataException)
            ModelState.AddModelError("", "Unable to save changes. Try again, and if the problem persists, see your system administrator.");
        }
        var context = new NonTaxContext();
        return Json(new
        {
            total = 1,
            page = 1,
            records = 1,
            rows = (from item in context.Teams
                    where item.TeamId.Equals(Team.TeamId)
                    select item.TeamId).ToList()
        });
    }
&lt;/code&gt;&lt;/pre&gt;</t>
  </si>
  <si>
    <t>2013-03-11 18:01:08.560000+00:00</t>
  </si>
  <si>
    <t>2013-03-11 21:14:09.053000+00:00</t>
  </si>
  <si>
    <t>2013-03-11 21:13:09.053000+00:00</t>
  </si>
  <si>
    <t>jquery|.net|asp.net-mvc-4|jqgrid</t>
  </si>
  <si>
    <t>Efficient representation of functions</t>
  </si>
  <si>
    <t>&lt;p&gt;Function type A -&gt; B in some sense is not very good. Though functions are first class values, one often cannot freely operate them due to efficiency problems. You can't apply too many transformations (A -&gt; B) -&gt; (C -&gt; D), at some point you have to compute a value.&lt;/p&gt;
&lt;p&gt;Obviously this is due to the non-strict nature of -&gt; .&lt;/p&gt;
&lt;p&gt;There are well know tricks to deal with functions of type Double -&gt; Double. One can represent them as vectors given a certain basis, which can consist of trig functions, polynomials etc.&lt;/p&gt;
&lt;p&gt;Are there any general tricks to get round the inefficiency of the A -&gt; B type?&lt;/p&gt;
&lt;p&gt;Or alternatives to -&gt; ?&lt;/p&gt;</t>
  </si>
  <si>
    <t>2011-11-23 17:26:47.073000+00:00</t>
  </si>
  <si>
    <t>2011-12-17 10:11:40.480000+00:00</t>
  </si>
  <si>
    <t>2011-11-23 23:09:57.280000+00:00</t>
  </si>
  <si>
    <t>performance|function|haskell|language-theory</t>
  </si>
  <si>
    <t>I'm always receiving the same item</t>
  </si>
  <si>
    <t>&lt;p&gt;Each item created is an object of type Product which have a name, price and quantity. It happens that when I'm trying to receive in a gridview each item's position I always get the first item of the view. I watched several other posts before posting my problem and it seems like I'm doing everything right in order how to use the tags.&lt;/p&gt;
&lt;p&gt;I have &lt;/p&gt;
&lt;pre&gt;&lt;code&gt;@Override
public View getView(int position, View convertView, ViewGroup parent) {
ViewHolder holder = null;
    if (convertView == null || (convertView.getTag() == null)) {
        convertView = inflater.inflate(R.layout.listview_values, parent, false);
        holder = new ViewHolder();
        holder.productName = (TextView) convertView.findViewById(R.id.textViewList1);
        holder.productQuantity = (EditText) convertView.findViewById(R.id.EditTextList2);
        holder.productPrice = (TextView) convertView.findViewById(R.id.textViewList3);
        holder.removeProduct = (ImageButton) convertView.findViewById(R.id.removeProduct);
    }
    else {
        holder = (ViewHolder) convertView.getTag();
    }
    convertView.setTag(holder);
    holder.productName.setText(products.get(position).getProductName());
    holder.productQuantity.setText(String.valueOf(products.get(position).getProductQuantity()) + " Un.");
    holder.productPrice.setText(String.valueOf(products.get(position).getProductPrice())+ " ���");
    holder.removeProduct.setTag(new Integer(position));
    return convertView;
}
&lt;/code&gt;&lt;/pre&gt;
&lt;p&gt;and   &lt;/p&gt;
&lt;pre&gt;&lt;code&gt; public void removeProduct(View v) {
    ImageButton removeProduct = (ImageButton) findViewById(R.id.removeProduct);
    Integer position = (Integer) removeProduct.getTag();
    Product p1 = (Product) adapter.getItem(position);
    Toast toast = Toast.makeText(this,"You want to remove the item: "+ position +" with the product name: "+ p1.getProductName() + " , quantity: "+ p1.getProductQuantity()
            + " , price: " + p1.getProductPrice(),Toast.LENGTH_LONG); toast.show();
}
&lt;/code&gt;&lt;/pre&gt;
&lt;p&gt;When i run the emulator now matter what item i click i get always this result: &lt;/p&gt;
&lt;p&gt;&lt;a href="https://i.stack.imgur.com/Zhrkg.png" rel="nofollow noreferrer"&gt;&lt;img src="https://i.stack.imgur.com/Zhrkg.png" alt="enter image description here"&gt;&lt;/a&gt;&lt;/p&gt;
&lt;p&gt;If you need to see any more code just tell me and i'll post it. Thank you in advance guys.&lt;/p&gt;</t>
  </si>
  <si>
    <t>2016-03-31 21:28:07.517000+00:00</t>
  </si>
  <si>
    <t>2016-03-31 21:47:42.447000+00:00</t>
  </si>
  <si>
    <t>2016-03-31 21:31:34.337000+00:00</t>
  </si>
  <si>
    <t>android|gridview|tags|baseadapter</t>
  </si>
  <si>
    <t>No space between the elements in inline form bootstrap (dynamic form)</t>
  </si>
  <si>
    <t>&lt;p&gt;I have a dynamic form with multiple fields in bootstrap and when I add a new form, it is not aligned with the first one. I appreciate if you can let me know how I can make the space between the inline elements. &lt;/p&gt;
&lt;p&gt;&lt;a href="https://i.stack.imgur.com/IfFiF.png" rel="nofollow noreferrer"&gt;image of the form&lt;/a&gt;&lt;/p&gt;
&lt;p&gt;html:&lt;/p&gt;
&lt;pre&gt;&lt;code&gt;  &amp;lt;div class="row" id="dynamic_form"&amp;gt;
    &amp;lt;div class="form-group form-horizontal"&amp;gt;
    &amp;lt;label class="control-label"&amp;gt;Primitives&amp;lt;/label&amp;gt;
      &amp;lt;div class="form-inline"&amp;gt;
        &amp;lt;select class="input-small form-control" id="primitive-selector" name="PrimitiveChoose[]"&amp;gt;
          &amp;lt;option value=" " disabled selected&amp;gt;primitive&amp;lt;/option&amp;gt;
          &amp;lt;option value="sphere"&amp;gt;sphere&amp;lt;/option&amp;gt;
          &amp;lt;option value="triangle"&amp;gt;triangle&amp;lt;/option&amp;gt;
        &amp;lt;/select&amp;gt;
        &amp;lt;input type="number" class="input-small form-control" id="diameter"  name="Diameter[]" step="any" placeholder="diameter(D)"&amp;gt;
        &amp;lt;input type="text" class="input-small form-control"  id="sphere-position" name="SpherePosition[]"  placeholder="(x, y, z)"&amp;gt;
        &amp;lt;select class="input-small form-control" id="circle-color-selector" name="CircColorSelect[]" &amp;gt;
          &amp;lt;option value=" " disabled selected&amp;gt;color&amp;lt;/option&amp;gt;
          &amp;lt;option value="red"&amp;gt;red&amp;lt;/option&amp;gt;
          &amp;lt;option value="blue"&amp;gt;blue&amp;lt;/option&amp;gt;
          &amp;lt;option value="green"&amp;gt;green&amp;lt;/option&amp;gt;
          &amp;lt;option value="yellow"&amp;gt;yellow&amp;lt;/option&amp;gt;    
        &amp;lt;/select&amp;gt; 
        &amp;lt;button type="button" class="btn btn-success btn-add" id="add_more"&amp;gt; &amp;lt;span class="glyphicon glyphicon-plus" aria-hidden="true"&amp;gt;&amp;lt;/span&amp;gt;
        &amp;lt;/button&amp;gt;  
      &amp;lt;/div&amp;gt;
    &amp;lt;/div&amp;gt;
  &amp;lt;/div&amp;gt;
&lt;/code&gt;&lt;/pre&gt;
&lt;p&gt;css:&lt;/p&gt;
&lt;pre&gt;&lt;code&gt;.form-inline .form-group {
    margin: 2px 2px;
}
&lt;/code&gt;&lt;/pre&gt;
&lt;p&gt;JavaScript:&lt;/p&gt;
&lt;pre&gt;&lt;code&gt;function getHTMLString() {
    var complex_html = [
        '&amp;lt;div class="container"&amp;gt;',
        '&amp;lt;div class="row" id="dynamic_form"&amp;gt;',
            '&amp;lt;div class="form-group" &amp;gt;',
              '&amp;lt;div class="form-inline"&amp;gt;',
                '&amp;lt;select class="input-small form-control" id="primitive-selector" name="PrimitiveChoose[]"&amp;gt;',
                  '&amp;lt;option value=" " disabled selected&amp;gt;primitive&amp;lt;/option&amp;gt;',
                  '&amp;lt;option value="sphere"&amp;gt;sphere&amp;lt;/option&amp;gt;',
                  '&amp;lt;option value="triangle"&amp;gt;triangle&amp;lt;/option&amp;gt;',
                '&amp;lt;/select&amp;gt;',
                '&amp;lt;input type="number" class="input-small form-control" id="diameter"  name="Diameter[]" step="any" placeholder="diameter(D)"&amp;gt;',
                '&amp;lt;input type="text" class="input-small form-control"  id="sphere-position" name="SpherePosition[]"  placeholder="(x, y, z)"&amp;gt;',
                '&amp;lt;select class="input-small form-control" id="circle-color-selector" name="CircColorSelect[]"&amp;gt;',
                  '&amp;lt;option value=" " disabled selected&amp;gt;color&amp;lt;/option&amp;gt;',
                  '&amp;lt;option value="red"&amp;gt;red&amp;lt;/option&amp;gt;',
                  '&amp;lt;option value="blue"&amp;gt;blue&amp;lt;/option&amp;gt;',
                  '&amp;lt;option value="green"&amp;gt;green&amp;lt;/option&amp;gt;',
                  '&amp;lt;option value="yellow"&amp;gt;yellow&amp;lt;/option&amp;gt;',    
                '&amp;lt;/select&amp;gt;', 
                '&amp;lt;button type="button" class="btn btn-success btn-add" id="remove_more"&amp;gt; &amp;lt;span class="glyphicon glyphicon-minus" aria-hidden="true"&amp;gt;&amp;lt;/span&amp;gt;',
                '&amp;lt;/button&amp;gt;',  
              '&amp;lt;/div&amp;gt;',
            '&amp;lt;/div&amp;gt;',
          '&amp;lt;/div&amp;gt;',
          '&amp;lt;/div&amp;gt;',
    ].join('');
    return complex_html;
}
$(document).ready(function() {
    var formCount = 0;
    $('#add_more').on('click', function(e) {
        console.log("here")
        if (formCount &amp;lt; 4) { 
            var html = getHTMLString();
            var element = $(html);
            $('#dynamic_form').append(html);
            formCount++;
        } else {
            return;
        }
    });
    $('#dynamic_form').on("click","#remove_more", function(e){ //user click on remove text
        e.preventDefault(); $(this).parent('div').parent('div').parent('div').remove(); formCount--;
    })
});
&lt;/code&gt;&lt;/pre&gt;</t>
  </si>
  <si>
    <t>2017-04-10 17:57:23.133000+00:00</t>
  </si>
  <si>
    <t>2017-04-10 18:33:30.463000+00:00</t>
  </si>
  <si>
    <t>2017-04-10 18:05:56.840000+00:00</t>
  </si>
  <si>
    <t>forms|twitter-bootstrap</t>
  </si>
  <si>
    <t>Using setValuesForKeysWithDictionary with child objects and JSON</t>
  </si>
  <si>
    <t>&lt;p&gt;I have a json string&lt;/p&gt;
&lt;pre&gt;&lt;code&gt;{"name":"test","bar":{"name":"testBar"}}
&lt;/code&gt;&lt;/pre&gt;
&lt;p&gt;In objective c I have an object&lt;/p&gt;
&lt;pre&gt;&lt;code&gt;@interface Foo : NSObject {
}
@property (nonatomic, retain) NSString * name;
@property (nonatomic, retain) Bar * bar;
@end
&lt;/code&gt;&lt;/pre&gt;
&lt;p&gt;And I just synthesize those properties.  And I have a child object with synthesized properties.&lt;/p&gt;
&lt;pre&gt;&lt;code&gt;@interface Bar : NSObject {
}
@property (nonatomic, retain) NSString * name;
@end
&lt;/code&gt;&lt;/pre&gt;
&lt;p&gt;Then here is the code where I'm trying to get into the Foo object where response is the json string above:&lt;/p&gt;
&lt;pre&gt;&lt;code&gt;    SBJsonParser *json = [[SBJsonParser new] autorelease];
    parsedResponse = [json objectWithString:response error:&amp;amp;error];
    Foo * obj = [[Foo new] autorelease];
    [obj setValuesForKeysWithDictionary:parsedResponse];
    NSLog(@"bar name %@", obj.bar.name);
&lt;/code&gt;&lt;/pre&gt;
&lt;p&gt;This throws an exception on the NSLog statement of:&lt;/p&gt;
&lt;pre&gt;&lt;code&gt;-[__NSCFDictionary name]: unrecognized selector sent to instance 0x692ed70'
&lt;/code&gt;&lt;/pre&gt;
&lt;p&gt;But if I change the code to it works:&lt;/p&gt;
&lt;pre&gt;&lt;code&gt;NSLog(@"bar name %@", [obj.bar valueForKey:@"name"]);
&lt;/code&gt;&lt;/pre&gt;
&lt;p&gt;I'm confused at why I can't do the first example, or am I doing something wrong?&lt;/p&gt;</t>
  </si>
  <si>
    <t>2011-06-09 20:34:22.773000+00:00</t>
  </si>
  <si>
    <t>2014-03-21 16:27:31.130000+00:00</t>
  </si>
  <si>
    <t>2011-06-09 20:49:30.423000+00:00</t>
  </si>
  <si>
    <t>objective-c|key-value-coding</t>
  </si>
  <si>
    <t>DLL and fully-specialized template class</t>
  </si>
  <si>
    <t>&lt;p&gt;Environment: Visual Studio 9, C++ without managed extensions.&lt;/p&gt;
&lt;p&gt;I've got a third-party library which exports a fully-specialized template class &lt;code&gt;MyClass&amp;lt;42&amp;gt;&lt;/code&gt; defined in MyClass.h. It gets compiled into a helper loader .lib and a .dll file. The .lib file contains compiled code for this specialization, and necessary symbols. The MyClass.h looks like this:&lt;/p&gt;
&lt;pre&gt;&lt;code&gt;template&amp;lt;UInt D&amp;gt;
class MyClass {
public:
    MyClass() {...};
    virtual ~MyClass() {};
}
&lt;/code&gt;&lt;/pre&gt;
&lt;p&gt;Now I'd like to use this library. If I include the MyClass.h in a Client.cpp and then compile it, I'll get second copy of these symbols in the Client.obj file. I can get rid of these symbols by defining all the member of that specialization as "extern". My Client.cpp looks like this:&lt;/p&gt;
&lt;pre&gt;&lt;code&gt;#include &amp;lt;ThirdParty/MyClass.h&amp;gt;
extern template class MyClass&amp;lt;42&amp;gt;;
extern template MyClass&amp;lt;42&amp;gt;::MyClass&amp;lt;42&amp;gt;();
extern template MyClass&amp;lt;42&amp;gt;::~MyClass&amp;lt;42&amp;gt;();
void MyFunction(MyClass&amp;lt;42&amp;gt;&amp;amp; obj) {...}
&lt;/code&gt;&lt;/pre&gt;
&lt;p&gt;The problem is that I cannot get rid of the virtual destructor this way. For the virtual destructor I get an almost standard LNK2005 error:&lt;/p&gt;
&lt;pre&gt;&lt;code&gt;ThirdPartyd.lib(ThirdPartyd.dll) : error LNK2005:
    "public: virtual __thiscall MyClass&amp;lt;42&amp;gt;::~MyClass&amp;lt;42&amp;gt;(void)"
    (??1?$MyClass@$01@@@UAE@XZ) already defined in Client.obj
&lt;/code&gt;&lt;/pre&gt;
&lt;p&gt;What should I do?&lt;/p&gt;</t>
  </si>
  <si>
    <t>2010-02-17 21:49:05.417000+00:00</t>
  </si>
  <si>
    <t>2010-02-20 17:58:13.123000+00:00</t>
  </si>
  <si>
    <t>2010-02-17 23:19:29.623000+00:00</t>
  </si>
  <si>
    <t>c++|visual-studio|templates|linker</t>
  </si>
  <si>
    <t>What is a faster way to truncate a group of tables in MySQL?</t>
  </si>
  <si>
    <t>&lt;p&gt;I���m using MySql 5.5.37.  I���m trying to truncate data from a group of tables.  I read here -- &lt;a href="https://stackoverflow.com/questions/879327/quickest-way-to-delete-enormous-mysql-table"&gt;Quickest way to delete enormous MySQL table&lt;/a&gt;, that re-creating/renaming the tables was supposedly faster, but I���m getting errors ���&lt;/p&gt;
&lt;pre&gt;&lt;code&gt;SET FOREIGN_KEY_CHECKS=0;
���
CREATE TABLE IF NOT EXISTS new_organization LIKE organization; 
RENAME TABLE organization TO old_t, new_organization TO organization; 
DROP TABLE old_t;
CREATE TABLE IF NOT EXISTS new_organization_address LIKE organization_address; 
RENAME TABLE organization_address TO old_t, new_organization_address TO organization_address; 
ERROR 1025 (HY000): Error on rename of './sbjunit_ebook/organization_address' to './sbjunit_ebook/old_t' (errno: 150)
&lt;/code&gt;&lt;/pre&gt;
&lt;p&gt;Looking further into the problem, it says ���&lt;/p&gt;
&lt;pre&gt;&lt;code&gt;Error in foreign key constraint of table sbjunit_ebook/old_t:
there is no index in referenced table which would contain
the columns as the first columns, or the data types in the
referenced table do not match the ones in table. Constraint:
,
  CONSTRAINT "FK1_ORGANIZTION_ADDRESS" FOREIGN KEY ("ORGANIZATION_ID") REFERENCES "old_t" ("ID") ON DELETE CASCADE ON UPDATE NO ACTION
The index in the foreign key in table is "UK_ORGANIZATION_ADDRESS"
&lt;/code&gt;&lt;/pre&gt;
&lt;p&gt;Why is renaming the tables not updating the foreign key references and what is a faster way to truncate data from a group of tables?&lt;/p&gt;</t>
  </si>
  <si>
    <t>2014-04-18 16:02:28.823000+00:00</t>
  </si>
  <si>
    <t>2014-04-21 21:35:10.253000+00:00</t>
  </si>
  <si>
    <t>2017-05-23 12:28:34.403000+00:00</t>
  </si>
  <si>
    <t>mysql|foreign-keys|rename|truncate</t>
  </si>
  <si>
    <t>Sharing startup objects</t>
  </si>
  <si>
    <t>&lt;p&gt;I'm trying to create an Elasticsearch node client on application startup (It's a slow process to do on every request)&lt;/p&gt;
&lt;p&gt;I know I can use Jobs to create the connection but I'm not sure how to share this with methods in the controller of the application?&lt;/p&gt;
&lt;p&gt;I'm using play 1.2.7&lt;/p&gt;
&lt;p&gt;Thanks&lt;/p&gt;</t>
  </si>
  <si>
    <t>2014-04-23 19:36:46.513000+00:00</t>
  </si>
  <si>
    <t>playframework|elasticsearch|playframework-1.x</t>
  </si>
  <si>
    <t>Sum of Major Diagonal Matrix JAVA</t>
  </si>
  <si>
    <t>&lt;p&gt;I need to find the sum of the Major diagonal in a matrix in Java. My program works for Matrices such as 1x2, and 2x2 but when the rows become greater than the columns i.e. 3x2 my code throws an out of bounds exception. Is there any way I am able to fix it? &lt;/p&gt;
&lt;pre&gt;&lt;code&gt;// sum of  major diagonal in matrix
public static int majorDiagonal(int[][] array){
    int sumMD = 0;
    for (int i = 0, j = 0, k = array.length; i &amp;lt; k &amp;amp;&amp;amp; j &amp;lt; k; i++, j++) {
        sumMD += array[i][j];
    }
return sumMD;
}
&lt;/code&gt;&lt;/pre&gt;</t>
  </si>
  <si>
    <t>2017-12-02 23:53:46.160000+00:00</t>
  </si>
  <si>
    <t>2017-12-03 00:14:05.747000+00:00</t>
  </si>
  <si>
    <t>Refresh issue of fullpage.js plugin</t>
  </si>
  <si>
    <t>&lt;p&gt;I am now trying to put the fullpage plugin into my website
(&lt;a href="https://github.com/alvarotrigo/fullPage.js" rel="nofollow"&gt;https://github.com/alvarotrigo/fullPage.js&lt;/a&gt;)&lt;/p&gt;
&lt;p&gt;Everything just works fine except there is a refresh problem. (it might not be a problem for everyone)&lt;/p&gt;
&lt;p&gt;The problem is:&lt;/p&gt;
&lt;p&gt;After I scrolled to the third page(section), I refresh my website. 
It will then go back to my first page (the first section on the top) and automatically scroll down to the third page again.&lt;/p&gt;
&lt;p&gt;What I really want instead is to go back and stop at my first page every time after I refresh my website.&lt;/p&gt;
&lt;p&gt;I have included this code in my js file,&lt;/p&gt;
&lt;pre&gt;&lt;code&gt;window.onload = function() {
    setTimeout (function () {
        scrollTo(0,0);
}, 0);}
&lt;/code&gt;&lt;/pre&gt;
&lt;p&gt;but seems like it is not working.&lt;/p&gt;
&lt;p&gt;Can anyone help me with this issue? Thank you&lt;/p&gt;</t>
  </si>
  <si>
    <t>2013-11-04 21:41:27.973000+00:00</t>
  </si>
  <si>
    <t>2014-02-18 16:45:01.203000+00:00</t>
  </si>
  <si>
    <t>javascript|scroll|refresh|fullpage.js</t>
  </si>
  <si>
    <t>Directly Make Webview in Segment back to Home Page</t>
  </si>
  <si>
    <t>&lt;p&gt;My back button success let the web page in webview can back to previous. However, because i am using Segment to display webview. Now my app is displaying like this, when user open that page, it will display first segment first, when i click second segment, it will go second segment's webview. The result should like that when i click back button, it will not back to first segment's webview, it should directly back to application home page. If understand my question, please help me and sorry for my bad english.&lt;/p&gt;
&lt;p&gt;Code:&lt;/p&gt;
&lt;p&gt;Button Back:&lt;/p&gt;
&lt;pre&gt;&lt;code&gt;@IBAction func back(_ sender: UIBarButtonItem) {
    if(webview.canGoBack)
    {
        webview.goBack()
    }else{
        self.navigationController?.popToRootViewController(animated: true)
    }
        }
&lt;/code&gt;&lt;/pre&gt;
&lt;p&gt;When open the page, will display first segment webview code:&lt;/p&gt;
&lt;pre&gt;&lt;code&gt;override func viewDidLoad() {
    super.viewDidLoad()
    let url = URL(string: "https://www.facebook.com")
    webview.loadRequest(URLRequest(url: url!))
    webview.scalesPageToFit = true
    // Do any additional setup after loading the view.
}
&lt;/code&gt;&lt;/pre&gt;
&lt;p&gt;Segment Webview:&lt;/p&gt;
&lt;pre&gt;&lt;code&gt;@IBAction func Segment(_ sender: Any) {
    if Segment.selectedSegmentIndex == 0{
        let url = URL(string: "https://www.facebook.com")
        webview.loadRequest(URLRequest(url: url!))
         webview.scalesPageToFit = true
    }
    if Segment.selectedSegmentIndex == 1 {
        let url = URL(string: "https://www.youtube.com")
        webview.loadRequest(URLRequest(url: url!))
        webview.scalesPageToFit = true
    }
    if Segment.selectedSegmentIndex == 2 {
        let url = URL(string: "https://www.google.com")
        webview.loadRequest(URLRequest(url: url!))
         webview.scalesPageToFit = true
}
}
&lt;/code&gt;&lt;/pre&gt;</t>
  </si>
  <si>
    <t>2017-11-21 07:04:32.833000+00:00</t>
  </si>
  <si>
    <t>2017-11-21 08:15:54.820000+00:00</t>
  </si>
  <si>
    <t>Arabic font numbers not working in iOS</t>
  </si>
  <si>
    <t>&lt;p&gt;I am using "MSH-Quraan1" font for the Arabic text in my app. I have added the MSH-Quraan1.tff file in the project. Included it in the &lt;code&gt;info.plist&lt;/code&gt; file as well. When I am loading Arabic text,i.e., with out numbers, the text is using the font. But when I load the text along with the numbers, the number are not converting, and it is displaying in English numericals.&lt;/p&gt;
&lt;p&gt;I even tried localizing the numbers but nothing is happening. When localize the text it works, but not the numbers.&lt;/p&gt;
&lt;p&gt;Please help.&lt;/p&gt;
&lt;p&gt;&lt;strong&gt;Update&lt;/strong&gt;&lt;/p&gt;
&lt;p&gt;I think the ASCII character of Arabic numbers and English numbers are different due to which it is unable to recognize the characters.&lt;/p&gt;</t>
  </si>
  <si>
    <t>2014-06-28 10:18:20.713000+00:00</t>
  </si>
  <si>
    <t>2014-06-28 11:13:01.973000+00:00</t>
  </si>
  <si>
    <t>2014-06-28 10:53:23.653000+00:00</t>
  </si>
  <si>
    <t>ios|objective-c|fonts|arabic</t>
  </si>
  <si>
    <t>How to do internationalization in Spring 3 using annotations?</t>
  </si>
  <si>
    <t>&lt;p&gt;Can somebody give me reference/sample code of Spring 3.0 internationalization (annotation based, without XML)?&lt;/p&gt;</t>
  </si>
  <si>
    <t>2012-07-31 11:09:16.193000+00:00</t>
  </si>
  <si>
    <t>2012-07-31 11:14:12.693000+00:00</t>
  </si>
  <si>
    <t>user647772</t>
  </si>
  <si>
    <t>java|internationalization|annotations|spring-3</t>
  </si>
  <si>
    <t>Arbitrary in-place transformation of arbitrary nested POJOs based on a rule set</t>
  </si>
  <si>
    <t>&lt;p&gt;I tried searching any existing implementations/library for this but did not find any. Is there any library which would do this? Is there a name for this kind of patter (e.g. something like JavaBean visitor maybe? but normally the entries to be visited have a visit method or similar)&lt;/p&gt;
&lt;p&gt;Constraints:&lt;/p&gt;
&lt;ul&gt;
&lt;li&gt;C1: POJO Object (only get/setters, default constructor), can be of multiple types (10s of types)&lt;/li&gt;
&lt;li&gt;C2: POJO's source cannot be changed&lt;/li&gt;
&lt;li&gt;C3: POJO has nested other POJOs (which have nested POJOs and so on)&lt;/li&gt;
&lt;li&gt;C4: A common rule set for all types&lt;/li&gt;
&lt;/ul&gt;
&lt;p&gt;I would input one object to the system and receive it back transformed (the "in-place" requirement is not that critical) based on some rules (preferable a hierarchical rule system). &lt;/p&gt;
&lt;p&gt;Example rules:&lt;/p&gt;
&lt;ul&gt;
&lt;li&gt;R1: Transform each String by adding something to the end of them&lt;/li&gt;
&lt;li&gt;R2: Transform each String if the are equal to "test" to "test2"&lt;/li&gt;
&lt;li&gt;R3: Add 1 to each Integer&lt;/li&gt;
&lt;/ul&gt;
&lt;p&gt;The rules should be applied to each nested structure so lets say we have&lt;/p&gt;
&lt;pre&gt;&lt;code&gt;a.getB().getC().getD().getE().getString() 
&lt;/code&gt;&lt;/pre&gt;
&lt;p&gt;R1 should apply (unless R2 has "more priority", then it should apply instead). The new value would be set using &lt;/p&gt;
&lt;pre&gt;&lt;code&gt;a.getB().getC().getD().getE().setString(transformedString)
&lt;/code&gt;&lt;/pre&gt;
&lt;p&gt;Also if any getter returns an array, it should be traversed and rules applied to each element (unless there is a rule to replace the whole array, e.g. "set all arrays to null" -rule). &lt;/p&gt;
&lt;p&gt;Why?  I have around 50 different POJOs that have 1~5 layers of nesting of other POJOs that I need to transform a bit". The transformation logic is more or less common for all the types, e.g. for instance of type X replace it with new X based on transformation Y (which might or might not depend on the value of the instance). Where the instances of X are (i.e. "path" a.getb.getc etc.) in a particular POJO depends on the POJO.&lt;/p&gt;
&lt;p&gt;I most likely end up coding my own solution, but just wanted to ask if there are known implementations out there?&lt;/p&gt;</t>
  </si>
  <si>
    <t>2015-08-26 11:45:47.673000+00:00</t>
  </si>
  <si>
    <t>How to change user from tcl file</t>
  </si>
  <si>
    <t>&lt;p&gt;Within a tcl script, is there any way to do the command "&lt;code&gt;sesu username&lt;/code&gt;" (or equivalent) to change the user the tcl script is running as?&lt;/p&gt;
&lt;p&gt;For example, I run RunAnotherScript.tcl as user &lt;code&gt;myusername&lt;/code&gt; (low permissions) and want it to &lt;code&gt;sesu&lt;/code&gt; to user &lt;code&gt;weblogic&lt;/code&gt;, because that user has the required permissions to run another script.&lt;/p&gt;
&lt;p&gt;I'm a beginner at tcl... so the more information the better.&lt;/p&gt;</t>
  </si>
  <si>
    <t>2016-03-18 18:14:32.957000+00:00</t>
  </si>
  <si>
    <t>2016-03-18 22:45:07.073000+00:00</t>
  </si>
  <si>
    <t>linux|tcl</t>
  </si>
  <si>
    <t>Product of characters</t>
  </si>
  <si>
    <t>&lt;p&gt;I��m buzzy with problem 8 of the Project Euler series. 
The question was the following: "Find the greatest product of five consecutive digits in the 1000-digit number." followed by a string of 1000 digits.&lt;/p&gt;
&lt;p&gt;I've written the following code:&lt;/p&gt;
&lt;pre&gt;&lt;code&gt;public static void main(String args[]) {
    String s = "7316717653133062..."; //note string is 1000 digits
    int answer = 0;
    for(int i = 0; i &amp;lt;= 995; i++) {
        char Char1 = s.charAt(i);
        char Char2 = s.charAt(i +1);
        char Char3 = s.charAt(i +2);
        char Char4 = s.charAt(i+ 3);
        char Char5 = s.charAt(i + 4);
        int product = Char1 * Char2 * Char3* Char4 * Char5;
        if(product &amp;gt; answer) {
            answer = product;
        }
    }
System.out.println(answer);
}
&lt;/code&gt;&lt;/pre&gt;
&lt;p&gt;but I get an answer that is way to big. (570394440)
I don't know where the mistake is (eclipse couldnt find one either), so I hope anyone can help me.&lt;/p&gt;</t>
  </si>
  <si>
    <t>2013-12-10 15:04:53.590000+00:00</t>
  </si>
  <si>
    <t>2015-01-22 16:20:53.720000+00:00</t>
  </si>
  <si>
    <t>How to prevent soft keyboard from closing when DONE is pressed</t>
  </si>
  <si>
    <t>&lt;p&gt;I open keyboard as described here: &lt;a href="http://recycledinformation.blogspot.com/2011/10/custom-text-entry-on-ios.html" rel="nofollow"&gt;http://recycledinformation.blogspot.com/2011/10/custom-text-entry-on-ios.html&lt;/a&gt; (Hidden flash.display.TextField). Everything works as expected.&lt;/p&gt;
&lt;p&gt;Now I want to prevent soft keyboard from closing when user clicks on "DONE" button.&lt;/p&gt;
&lt;p&gt;If there any way to do it in Action Script?&lt;/p&gt;</t>
  </si>
  <si>
    <t>2013-11-27 17:21:09.853000+00:00</t>
  </si>
  <si>
    <t>2013-11-28 08:24:17.817000+00:00</t>
  </si>
  <si>
    <t>2013-11-27 19:33:22.563000+00:00</t>
  </si>
  <si>
    <t>android|ios|flash|air</t>
  </si>
  <si>
    <t>Real world example of application of the command pattern</t>
  </si>
  <si>
    <t>&lt;p&gt;&lt;a href="http://en.wikipedia.org/wiki/Command_pattern" rel="nofollow noreferrer"&gt;Command pattern&lt;/a&gt; can be used to implement &lt;code&gt;Transactional behavior&lt;/code&gt; (and &lt;code&gt;Undo&lt;/code&gt;).&lt;br&gt;
But I could not find an example of these by googling. I could only find some trivial examples of a lamp that is &lt;code&gt;switched on&lt;/code&gt; or &lt;code&gt;off&lt;/code&gt;.&lt;br&gt;
Where can I find a coding example (preferably in &lt;code&gt;Java&lt;/code&gt;)of this/these behaviors implemented using the &lt;code&gt;Command Pattern&lt;/code&gt;?&lt;/p&gt;</t>
  </si>
  <si>
    <t>2012-08-28 06:16:41.437000+00:00</t>
  </si>
  <si>
    <t>2016-12-27 23:10:50.527000+00:00</t>
  </si>
  <si>
    <t>2016-03-09 14:36:22.193000+00:00</t>
  </si>
  <si>
    <t>java|oop|design-patterns|transactions|command-pattern</t>
  </si>
  <si>
    <t>Pandas convert to percent, groupby, and transform</t>
  </si>
  <si>
    <t>&lt;p&gt;I have a &lt;code&gt;DataFrame&lt;/code&gt; with observations for a number of variables for a number of "Teams". I have converted the values of the columns I want to alter to binary values  and would like to take the &lt;code&gt;DataFrame&lt;/code&gt; I have, groupby the "Teams" while aggregating into percentages and transform the table to make the "Teams" rows become the columns.&lt;/p&gt;
&lt;pre&gt;&lt;code&gt;df1
     Teams     X    V1    V2    V3    V4
 0   Team 1   8    1     1     0     0
 1   Team 2   9    1     0     1     0
 2   Team 3   6    1     0     0     1
 3   Team 1   10   0     1     1     0
&lt;/code&gt;&lt;/pre&gt;
&lt;p&gt;This is what I have tried so far, but I get an AttributeError: "DataFrame" object has no attribute 'value_counts'.&lt;/p&gt;
&lt;pre&gt;&lt;code&gt;def percent(df, column):
    zero = df[column].value_counts()[0]
    one = df[column].value_counts()[1]
    perc = one/(zero+one)
    return {column:perc}
cols = [V1, V2, V3, V4]
df1 = df1.groupby('Teams').agg(percent(df1, cols))
df1 = df1.T
&lt;/code&gt;&lt;/pre&gt;
&lt;p&gt;Desired Output:&lt;/p&gt;
&lt;pre&gt;&lt;code&gt;df1
       Team 1    Team 2    Team 3
X        18        9         6
V1      0.25      0.34      0.2
V2      0.1       0.3       0.8
V3      0.9       0.3       0.12
V4      0.23      0.5       0.1
&lt;/code&gt;&lt;/pre&gt;
&lt;p&gt;Any suggestions on how I can make this work?&lt;/p&gt;
&lt;p&gt;Edit: I believe that the issue is the columns are not being iterated over when I call the &lt;code&gt;percent&lt;/code&gt; function within &lt;code&gt;agg&lt;/code&gt;. I have also tried:&lt;/p&gt;
&lt;pre&gt;&lt;code&gt;percent_cols = []
for value in cols:
    percent_cols.append(percent(df1, value))
&lt;/code&gt;&lt;/pre&gt;
&lt;p&gt;This works in the sense that it returns a dictionary of column names and percentages but it defeats my ability to groupby "Team"&lt;/p&gt;</t>
  </si>
  <si>
    <t>2018-01-04 21:21:13.317000+00:00</t>
  </si>
  <si>
    <t>2018-01-04 22:50:33.373000+00:00</t>
  </si>
  <si>
    <t>2018-01-04 22:15:56.283000+00:00</t>
  </si>
  <si>
    <t>How to completely disable the Xsession Errors?</t>
  </si>
  <si>
    <t>&lt;p&gt;There is lots of question all around different forums but nobody has the right solution.&lt;/p&gt;
&lt;p&gt;I tried the following things on Debian based system:&lt;/p&gt;
&lt;ol&gt;
&lt;li&gt;in dir /etc/X11/ commented &lt;code&gt;"ERRFILE=$HOME/.xsession-errors"&lt;/code&gt; the Xsesssion file. Unfortunately did not solved my issues.&lt;/li&gt;
&lt;li&gt;Also replaced &lt;code&gt;exec &amp;gt;&amp;gt;"$ERRFILE" 2&amp;gt;&amp;amp;1&lt;/code&gt; to &lt;code&gt;exec &amp;gt;&amp;gt; /dev/null 2&amp;gt;&amp;amp;1&lt;/code&gt;&lt;/li&gt;
&lt;/ol&gt;</t>
  </si>
  <si>
    <t>2016-12-24 09:45:10.453000+00:00</t>
  </si>
  <si>
    <t>2016-12-24 11:18:31.480000+00:00</t>
  </si>
  <si>
    <t>ubuntu</t>
  </si>
  <si>
    <t>SharePoint Modal Window on first site view</t>
  </si>
  <si>
    <t>&lt;p&gt;I need to place a disclaimer on the home page of my 2010 portal site. So when the user first views the site they see a ShaerPoint modal window with a disclaimer message. Once they close the window they can begin browsing the site. &lt;/p&gt;
&lt;p&gt;How can I modify this approach so the modal window appears when the page renders verse an onclick event?&lt;/p&gt;
&lt;pre&gt;&lt;code&gt;&amp;lt;a onclick="javascript:NewItem2(event, &amp;amp;quot;http://sitename/Images/image.png&amp;amp;quot;); 
javascript:return false;" href="/images/image.png/" target="_self"&amp;gt;Show Image&amp;lt;/a&amp;gt;
&lt;/code&gt;&lt;/pre&gt;
&lt;p&gt;reference: &lt;a href="http://erikswenson.blogspot.de/2010/09/ways-to-extend-sharepoint-modal-window.html" rel="nofollow"&gt;http://erikswenson.blogspot.de/2010/09/ways-to-extend-sharepoint-modal-window.html&lt;/a&gt;&lt;/p&gt;</t>
  </si>
  <si>
    <t>2012-08-31 10:29:29.223000+00:00</t>
  </si>
  <si>
    <t>sharepoint-2010|modalpopupextender</t>
  </si>
  <si>
    <t>Bottom bar in CoordinatorLayout. How to?</t>
  </si>
  <si>
    <t>&lt;p&gt;Could someone please provide an example of how to create a bar with buttons at the bottom within CoordinatorLayout?  My app consists of AppBar (top) that contains buttons invoking application-wide action.  However, I'd like to have a view specific buttons placed at the bottom.&lt;br&gt;
I'm not sure if this UI design is still supported/recommended when using the new Disign Library and AppCompat.&lt;/p&gt;
&lt;p&gt;Any suggestions will be greatly appreciated.&lt;/p&gt;
&lt;p&gt;Thanks.&lt;/p&gt;</t>
  </si>
  <si>
    <t>2016-01-28 17:28:40.153000+00:00</t>
  </si>
  <si>
    <t>Cannot instantiate a StatelessFunctionalComponent that probably returns null</t>
  </si>
  <si>
    <t>&lt;p&gt;I have defined a component:&lt;/p&gt;
&lt;pre&gt;&lt;code&gt;interface Role {
  name: string;
  description: string;
}
interface BPRolesProps extends React.Props&amp;lt;null&amp;gt; {
  roles: Role[];
}
const BPRoles = ({ roles }: BPRolesProps) =&amp;gt; {
  if (!roles.length) {
    return null;
  }
  return (
    &amp;lt;div&amp;gt;
      {roles.map(r =&amp;gt; &amp;lt;div key={r.name}&amp;gt;&amp;lt;span title={r.description}&amp;gt;{r.name}&amp;lt;/span&amp;gt;&amp;lt;/div&amp;gt;)}
    &amp;lt;/div&amp;gt;
  );
};
&lt;/code&gt;&lt;/pre&gt;
&lt;p&gt;Then I try to render it using render:&lt;/p&gt;
&lt;pre&gt;&lt;code&gt;render(&amp;lt;BPRoles /&amp;gt;, null);
&lt;/code&gt;&lt;/pre&gt;
&lt;p&gt;The problem is that I get this error:&lt;/p&gt;
&lt;pre&gt;&lt;code&gt;error TS2605: JSX element type 'Element | null' is not a constructor function for JSX elements.
  Type 'null' is not assignable to type 'ElementClass'.
&lt;/code&gt;&lt;/pre&gt;</t>
  </si>
  <si>
    <t>2016-10-31 13:06:50.777000+00:00</t>
  </si>
  <si>
    <t>2016-11-17 10:19:29.907000+00:00</t>
  </si>
  <si>
    <t>reactjs|typescript2.0</t>
  </si>
  <si>
    <t>android.view.InflateException: Binary XML file line #2: Error inflating class alpha</t>
  </si>
  <si>
    <t>&lt;p&gt;I am receiving this error on API 15 devices only it seems. It appears to be an issue with the animations or something, but I have no idea what to do to fix this. When I launch my app, it force closes. On API 17, however, it works fine.&lt;/p&gt;
&lt;p&gt;This is the line that appears to be causing it: &lt;/p&gt;
&lt;pre&gt;&lt;code&gt;PreferenceManager.setDefaultValues(this, R.xml.preferences, false);
&lt;/code&gt;&lt;/pre&gt;
&lt;p&gt;And here is the stack trace:&lt;/p&gt;
&lt;pre&gt;&lt;code&gt;FATAL EXCEPTION: main
java.lang.RuntimeException: Unable to create application com.ianmcdowell.googlevoicemessaging.MmsApp: android.view.InflateException: Binary XML file line #2: Error inflating class alpha
    at android.app.ActivityThread.handleBindApplication(ActivityThread.java:3957)
    at android.app.ActivityThread.access$1300(ActivityThread.java:123)
    at android.app.ActivityThread$H.handleMessage(ActivityThread.java:1185)
    at android.os.Handler.dispatchMessage(Handler.java:99)
    at android.os.Looper.loop(Looper.java:137)
    at android.app.ActivityThread.main(ActivityThread.java:4424)
    at java.lang.reflect.Method.invokeNative(Native Method)
    at java.lang.reflect.Method.invoke(Method.java:511)
    at com.android.internal.os.ZygoteInit$MethodAndArgsCaller.run(ZygoteInit.java:784)
    at com.android.internal.os.ZygoteInit.main(ZygoteInit.java:551)
    at dalvik.system.NativeStart.main(Native Method)
Caused by: android.view.InflateException: Binary XML file line #2: Error inflating class alpha
    at android.preference.GenericInflater.createItemFromTag(GenericInflater.java:441)
    at android.preference.GenericInflater.inflate(GenericInflater.java:317)
    at android.preference.GenericInflater.inflate(GenericInflater.java:263)
    at android.preference.PreferenceManager.inflateFromResource(PreferenceManager.java:269)
    at android.preference.PreferenceManager.setDefaultValues(PreferenceManager.java:462)
    at android.preference.PreferenceManager.setDefaultValues(PreferenceManager.java:440)
    at com.ianmcdowell.googlevoicemessaging.MmsApp.onCreate(MmsApp.java:65)
    at android.app.Instrumentation.callApplicationOnCreate(Instrumentation.java:969)
    at android.app.ActivityThread.handleBindApplication(ActivityThread.java:3954)
    ... 10 more
Caused by: java.lang.ClassNotFoundException: android.preference.alpha
    at dalvik.system.BaseDexClassLoader.findClass(BaseDexClassLoader.java:61)
    at java.lang.ClassLoader.loadClass(ClassLoader.java:501)
    at java.lang.ClassLoader.loadClass(ClassLoader.java:461)
    at android.preference.GenericInflater.createItem(GenericInflater.java:375)
    at android.preference.GenericInflater.onCreateItem(GenericInflater.java:417)
    at android.preference.GenericInflater.createItemFromTag(GenericInflater.java:428)
    ... 18 more
&lt;/code&gt;&lt;/pre&gt;
&lt;p&gt;Let me know if you need any more information...&lt;/p&gt;
&lt;p&gt;EDIT: preferences.xml&lt;/p&gt;
&lt;pre&gt;&lt;code&gt;&amp;lt;?xml version="1.0" encoding="utf-8"?&amp;gt;
&amp;lt;PreferenceScreen
  xmlns:android="http://schemas.android.com/apk/res/android"&amp;gt;
    &amp;lt;PreferenceCategory android:title="@string/pref_sms_appearance_title"&amp;gt;
        &amp;lt;CheckBoxPreference android:title="@string/pref_title_darktheme" android:key="pref_key_darktheme" android:summary="@string/pref_summary_darktheme" android:defaultValue="false" /&amp;gt;
    &amp;lt;/PreferenceCategory&amp;gt;
    &amp;lt;PreferenceCategory android:title="@string/pref_sms_googlevoice_title" android:key="pref_key_storage_gvsettings"&amp;gt;
        &amp;lt;CheckBoxPreference android:title="@string/pref_title_gv_enable" android:key="pref_key_gv_enable" android:summary="@string/pref_summary_gv_enable" android:defaultValue="false" /&amp;gt;
        &amp;lt;ListPreference android:entries="@array/prefEntries_gvsendtextwith" android:title="@string/pref_sms_googlevoice_composewith_title" android:key="pref_key_gvSendViaPref" android:defaultValue="0" android:entryValues="@array/prefValues_gvsendtextwith" /&amp;gt;
        &amp;lt;CheckBoxPreference android:title="@string/pref_title_gv_smartreply" android:key="pref_key_gv_smartreply" android:summary="@string/pref_summary_gv_smartreply" android:defaultValue="true" /&amp;gt;
        &amp;lt;CheckBoxPreference android:title="@string/pref_title_gv_markasread" android:key="pref_key_gv_markasread" android:summary="@string/pref_summary_gv_markasread" android:defaultValue="false" /&amp;gt;
        &amp;lt;Preference android:title="@string/pref_title_gv_settings" android:key="pref_key_sms_gv_settings" android:summary="@string/pref_summary_gv_settings" /&amp;gt;
        &amp;lt;Preference android:title="@string/pref_title_gv_help" android:key="pref_key_sms_gv_help" android:summary="@string/pref_summary_gv_help" /&amp;gt;
    &amp;lt;/PreferenceCategory&amp;gt;
    &amp;lt;PreferenceCategory android:title="@string/pref_notification_settings_title"&amp;gt;
        &amp;lt;CheckBoxPreference android:title="@string/pref_title_notification_enabled" android:key="pref_key_enable_notifications" android:summary="@string/pref_summary_notification_enabled" android:defaultValue="true" /&amp;gt;
        &amp;lt;RingtonePreference android:layout="?android:preferenceLayoutChild" android:title="@string/pref_title_notification_ringtone" android:key="pref_key_ringtone" android:dependency="pref_key_enable_notifications" android:defaultValue="content://settings/system/notification_sound" android:ringtoneType="notification" /&amp;gt;
        &amp;lt;ListPreference android:entries="@array/prefEntries_vibrateWhen" android:layout="?android:preferenceLayoutChild" android:title="@string/pref_title_notification_vibrateWhen" android:key="pref_key_vibrateWhen" android:summary="@string/pref_summary_notification_vibrateWhen" android:dependency="pref_key_enable_notifications" android:defaultValue="@string/prefDefault_vibrate_true" android:dialogTitle="@string/prefDialogTitle_vibrateWhen" android:entryValues="@array/prefValues_vibrateWhen" /&amp;gt;
        &amp;lt;CheckBoxPreference android:title="@string/pref_title_popupnotification_enabled" android:key="pref_key_enable_popupnotifications" android:summary="@string/pref_summary_popupnotification_enabled" android:dependency="pref_key_enable_notifications" android:defaultValue="true" /&amp;gt;
    &amp;lt;/PreferenceCategory&amp;gt;
    &amp;lt;PreferenceCategory android:title="@string/pref_sms_storage_title" android:key="pref_key_storage_settings"&amp;gt;
        &amp;lt;CheckBoxPreference android:title="@string/pref_title_auto_delete" android:key="pref_key_auto_delete" android:summary="@string/pref_summary_auto_delete" android:defaultValue="false" /&amp;gt;
        &amp;lt;Preference android:persistent="false" android:title="@string/pref_title_sms_delete" android:key="pref_key_sms_delete_limit" android:summary="@string/pref_summary_delete_limit" android:dependency="pref_key_auto_delete" /&amp;gt;
        &amp;lt;Preference android:persistent="false" android:title="@string/pref_title_mms_delete" android:key="pref_key_mms_delete_limit" android:summary="@string/pref_summary_delete_limit" android:dependency="pref_key_auto_delete" /&amp;gt;
    &amp;lt;/PreferenceCategory&amp;gt;
    &amp;lt;PreferenceCategory android:title="@string/pref_sms_settings_title" android:key="pref_key_sms_settings"&amp;gt;
        &amp;lt;CheckBoxPreference android:title="@string/pref_title_sms_delivery_reports" android:key="pref_key_sms_delivery_reports" android:summary="@string/pref_summary_sms_delivery_reports" android:defaultValue="false" /&amp;gt;
        &amp;lt;Preference android:title="@string/pref_title_manage_sim_messages" android:key="pref_key_manage_sim_messages" android:summary="@string/pref_summary_manage_sim_messages" /&amp;gt;
    &amp;lt;/PreferenceCategory&amp;gt;
    &amp;lt;PreferenceCategory android:title="@string/pref_mms_settings_title" android:key="pref_key_mms_settings"&amp;gt;
        &amp;lt;CheckBoxPreference android:title="@string/pref_title_mms_delivery_reports" android:key="pref_key_mms_delivery_reports" android:summary="@string/pref_summary_mms_delivery_reports" android:defaultValue="false" /&amp;gt;
        &amp;lt;CheckBoxPreference android:title="@string/pref_title_mms_read_reports" android:key="pref_key_mms_read_reports" android:summary="@string/pref_summary_mms_read_reports" android:defaultValue="false" /&amp;gt;
        &amp;lt;CheckBoxPreference android:title="@string/pref_title_mms_auto_retrieval" android:key="pref_key_mms_auto_retrieval" android:summary="@string/pref_summary_mms_auto_retrieval" android:defaultValue="true" /&amp;gt;
        &amp;lt;CheckBoxPreference android:layout="?android:preferenceLayoutChild" android:title="@string/pref_title_mms_retrieval_during_roaming" android:key="pref_key_mms_retrieval_during_roaming" android:summary="@string/pref_summary_mms_retrieval_during_roaming" android:dependency="pref_key_mms_auto_retrieval" android:defaultValue="false" /&amp;gt;
    &amp;lt;/PreferenceCategory&amp;gt;
&amp;lt;/PreferenceScreen&amp;gt;
&lt;/code&gt;&lt;/pre&gt;</t>
  </si>
  <si>
    <t>2013-07-09 20:34:45.330000+00:00</t>
  </si>
  <si>
    <t>2013-07-09 22:37:03.093000+00:00</t>
  </si>
  <si>
    <t>android|classnotfoundexception|android-inflate</t>
  </si>
  <si>
    <t>Specifying data bindings in WPF</t>
  </si>
  <si>
    <t>&lt;p&gt;I have a simple WPF app with 3 textboxes, 2 of the text boxes input numbers and the third textbox shows the sum of inputs when another button is clicked.&lt;/p&gt;
&lt;p&gt;I come from WinForms and MFC background and for me, the intuitive thing to do is to right click the textBoxes, open their properties and specify local variables to read the data from the boxes. For example, MFC has the DDX mechanism for this.&lt;/p&gt;
&lt;p&gt;However, in WPF, the only way to specify a binding seems to add XAML code directly to App.XAML, as shown &lt;a href="https://msdn.microsoft.com/en-us/library/ms752347(v=vs.110).aspx#creating_a_binding" rel="nofollow"&gt;here on MSDN&lt;/a&gt;. Is there a way to create a binding without coding it manually into XAML? XAML coding seems a little daunting to me, since I am new to it. &lt;/p&gt;
&lt;p&gt;My WPF form is as follows : &lt;/p&gt;
&lt;pre&gt;&lt;code&gt;&amp;lt;Window x:Class="SimpleAdd.MainWindow"
        xmlns="http://schemas.microsoft.com/winfx/2006/xaml/presentation"
        xmlns:x="http://schemas.microsoft.com/winfx/2006/xaml"
        Title="MainWindow" Height="350" Width="525"&amp;gt;
    &amp;lt;Grid&amp;gt;
        &amp;lt;TextBox HorizontalAlignment="Left" Height="23" Margin="174,43,0,0" TextWrapping="Wrap" Text="{Binding dataModel.Value1}" VerticalAlignment="Top" Width="120"/&amp;gt;
        &amp;lt;TextBox HorizontalAlignment="Left" Height="23" Margin="174,84,0,0" TextWrapping="Wrap" Text="{Binding dataModel.Value2}" VerticalAlignment="Top" Width="120"/&amp;gt;
        &amp;lt;TextBox HorizontalAlignment="Left" Height="23" Margin="174,127,0,0" TextWrapping="Wrap" Text="{Binding dataModel.Value3}" VerticalAlignment="Top" Width="120"/&amp;gt;
        &amp;lt;Button Content="Add" HorizontalAlignment="Left" Margin="393,84,0,0" VerticalAlignment="Top" Width="75" Click="OnAdd"/&amp;gt;
    &amp;lt;/Grid&amp;gt;
&amp;lt;/Window&amp;gt;
&lt;/code&gt;&lt;/pre&gt;
&lt;p&gt;My C# file is as follows :&lt;/p&gt;
&lt;pre&gt;&lt;code&gt;namespace SimpleAdd
{
    /// &amp;lt;summary&amp;gt;
    /// Interaction logic for MainWindow.xaml
    /// &amp;lt;/summary&amp;gt;
    public partial class MainWindow : Window
    {
        public MainWindow()
        {
            InitializeComponent();
        }
        private void OnAdd(object sender, RoutedEventArgs e)
        {
            dataModel m1 = new dataModel();
            m1.Value3 = m1.Value1 + m1.Value2; // BUG : All Properties are 0 even after updating the boxes.
        }
    }
    public class dataModel
    {
        private int val1, val2, val3;
        public int Value1
        {
            get {return val1;}
            set { val1 = value; }
        }
        public int Value2
        {
            get { return val2; }
            set { val2 = value; }
        }
        public int Value3
        {
            get { return val3; }
            set { val3 = value; }
        }
    }
}
&lt;/code&gt;&lt;/pre&gt;
&lt;p&gt;EDIT : Adding implementation for &lt;code&gt;INotifyPropertyChanged&lt;/code&gt;&lt;/p&gt;
&lt;pre&gt;&lt;code&gt;namespace SimpleAdd
{
    public abstract class ObservableObject : INotifyPropertyChanged
    {
        #region Debugging Aides
        /// &amp;lt;summary&amp;gt;
        /// Warns the developer if this object does not have
        /// a public property with the specified name. This 
        /// method does not exist in a Release build.
        /// &amp;lt;/summary&amp;gt;
        [Conditional("DEBUG")]
        [DebuggerStepThrough]
        public virtual void VerifyPropertyName(string propertyName)
        {
            // Verify that the property name matches a real,  
            // public, instance property on this object.
            if (TypeDescriptor.GetProperties(this)[propertyName] == null)
            {
                string msg = "Invalid property name: " + propertyName;
                if (this.ThrowOnInvalidPropertyName)
                    throw new Exception(msg);
                else
                    Debug.Fail(msg);
            }
        }
        /// &amp;lt;summary&amp;gt;
        /// Returns whether an exception is thrown, or if a Debug.Fail() is used
        /// when an invalid property name is passed to the VerifyPropertyName method.
        /// The default value is false, but subclasses used by unit tests might 
        /// override this property's getter to return true.
        /// &amp;lt;/summary&amp;gt;
        protected virtual bool ThrowOnInvalidPropertyName { get; private set; }
        #endregion // Debugging Aides
        #region INotifyPropertyChanged Members
        /// &amp;lt;summary&amp;gt;
        /// Raises the PropertyChange event for the property specified
        /// &amp;lt;/summary&amp;gt;
        /// &amp;lt;param name="propertyName"&amp;gt;Property name to update. Is case-sensitive.&amp;lt;/param&amp;gt;
        public virtual void RaisePropertyChanged(string propertyName)
        {
            this.VerifyPropertyName(propertyName);
            OnPropertyChanged(propertyName);
        }
        /// &amp;lt;summary&amp;gt;
        /// Raised when a property on this object has a new value.
        /// &amp;lt;/summary&amp;gt;
        public event PropertyChangedEventHandler PropertyChanged;
        /// &amp;lt;summary&amp;gt;
        /// Raises this object's PropertyChanged event.
        /// &amp;lt;/summary&amp;gt;
        /// &amp;lt;param name="propertyName"&amp;gt;The property that has a new value.&amp;lt;/param&amp;gt;
        protected virtual void OnPropertyChanged(string propertyName)
        {
            this.VerifyPropertyName(propertyName);
            PropertyChangedEventHandler handler = this.PropertyChanged;
            if (handler != null)
            {
                var e = new PropertyChangedEventArgs(propertyName);
                handler(this, e);
            }
        }
        #endregion // INotifyPropertyChanged Members
    }
}
&lt;/code&gt;&lt;/pre&gt;</t>
  </si>
  <si>
    <t>2015-04-28 20:39:07.270000+00:00</t>
  </si>
  <si>
    <t>2015-04-30 00:13:00.620000+00:00</t>
  </si>
  <si>
    <t>c#|wpf|xaml|user-interface|data-binding</t>
  </si>
  <si>
    <t>query_posts creating unwanted links out of excerpt and title in loop</t>
  </si>
  <si>
    <t>&lt;p&gt;For some reason after the first post, there are links being created out of the content retrieved from &lt;code&gt;the_excerpt&lt;/code&gt; and &lt;code&gt;the_title&lt;/code&gt;. Any ideas why this would be happening?&lt;/p&gt;
&lt;pre&gt;&lt;code&gt;&amp;lt;?php 
if ( have_posts() ) : ?&amp;gt;
&amp;lt;?php query_posts('category_name=uncategorized&amp;amp;showposts=3'); ?&amp;gt; &amp;lt;?php
while (have_posts()) : the_post(); ?&amp;gt;
&amp;lt;br /&amp;gt; 
&amp;lt;?php echo the_post_thumbnail( 'latest-news'); ?&amp;gt;
&amp;lt;?php 
the_title(); ?&amp;gt; &amp;amp;nbsp; &amp;lt;br /&amp;gt;
&amp;lt;?php
the_excerpt();
endwhile;
wp_reset_postdata();
endif; 
?&amp;gt;
&lt;/code&gt;&lt;/pre&gt;
&lt;p&gt;Here is the site, it is the "Latest News" section after you scroll down...
&lt;a href="http://hailstorm_new.hailstormcommerce.com/" rel="nofollow"&gt;http://hailstorm_new.hailstormcommerce.com/&lt;/a&gt;
Thanks&lt;/p&gt;</t>
  </si>
  <si>
    <t>2012-10-31 11:14:50.397000+00:00</t>
  </si>
  <si>
    <t>2012-10-31 11:47:59.707000+00:00</t>
  </si>
  <si>
    <t>The name 'ConfigureNinject' does not exist in the current context</t>
  </si>
  <si>
    <t>&lt;p&gt;I want to inject a data service in owin startup file. For that i'm using ninject DI. &lt;/p&gt;
&lt;p&gt;Searching in stack overflow i got the link here &lt;a href="https://stackoverflow.com/questions/25351034/resolving-dependencies-in-owin-web-api-startup-cs-with-ninject?utm_medium=organic&amp;amp;utm_source=google_rich_qa&amp;amp;utm_campaign=google_rich_qa"&gt;Resolving dependencies in OWIN WEB API Startup.cs with ninject&lt;/a&gt; where the solution given by mr Erik Funkenbusch.
 Over the link i followed the part EDIT (4/6/15). Do so i'm getting the error at startup file "var kernel = ConfigureNinject(app);" &lt;/p&gt;
&lt;blockquote&gt;
  &lt;p&gt;The name 'ConfigureNinject' does not exist in the current context. &lt;/p&gt;
&lt;/blockquote&gt;
&lt;p&gt;As instructed i have followed by creating the class named Startup.Ninject.cs under App_start folder. &lt;/p&gt;
&lt;p&gt;Would be great to help me out of this. Thanks in advance&lt;/p&gt;</t>
  </si>
  <si>
    <t>2018-06-15 13:08:24.400000+00:00</t>
  </si>
  <si>
    <t>2018-06-25 12:48:38.897000+00:00</t>
  </si>
  <si>
    <t>.net|asp.net-web-api2|owin|ninject</t>
  </si>
  <si>
    <t>Ant Build Error in Eclipse IDE for Java</t>
  </si>
  <si>
    <t>&lt;p&gt;I have been receiving the following error and have done a lot of research and tried all of the offered solutions to no avail.&lt;/p&gt;
&lt;pre&gt;&lt;code&gt;junitreport:
 [junitreport] Processing C:\workspace\test123\junit\TESTS-TestSuites.xml to C:\Users\Matt\AppData\Local\Temp\null1903337257
 [junitreport] Loading stylesheet jar:file:/C:/Users/Matt/Documents/Selenium/eclipse/plugins/org.apache.ant_1.8.3.v20120321-1730/lib/ant-junit.jar!/org/apache/tools/ant/taskdefs/optional/junit/xsl/junit-frames.xsl
 [junitreport] : Error! The first argument to the non-static Java function 'replace' is not a valid object reference.
 [junitreport] : Error! Cannot convert data-type 'void' to 'reference'.
 [junitreport] : Fatal Error! Could not compile stylesheet
 [junitreport] Failed to process C:\workspace\test123\junit\TESTS-TestSuites.xml
BUILD FAILED
C:\Users\Matt\workspace\Test1\build.xml:122: Errors while applying transformations: Fatal error during transformation
&lt;/code&gt;&lt;/pre&gt;
&lt;p&gt;I found a solution at &lt;a href="https://stackoverflow.com/questions/10536095/ant-junit-build-error-inside-eclipse"&gt;ant junit build error inside eclipse&lt;/a&gt; and  saying that the issue was caused by a newer version of JDK and using 1.6_31 would solve it and I tried that following instructions I found online on how to change the version of Java eclipse is using. Every time I run the build ant it returns the same error regardless of which version of Java I am using. I have tried JRE7, jdk1.7.0_05, jdk1.6.0, jdk1.6.0_31 and others that I don't have installed anymore. &lt;/p&gt;
&lt;p&gt;I am running the following&lt;/p&gt;
&lt;ul&gt;
&lt;li&gt;Windows 7 Pro SP1 x64&lt;/li&gt;
&lt;li&gt;Eclipse IDE for Java Developers Version: Juno Release Build id: 20120614-1722&lt;/li&gt;
&lt;li&gt;org.apache.ant_1.8.3.v20120321-1730&lt;/li&gt;
&lt;/ul&gt;
&lt;p&gt;If anyone could provide any assistance in getting this report running it would be greatly appreciated. I'm new to programming and this is very frustrating especially since I'm still learning all of the jargon and trying to be sure I am following the instructions properly. If you require anymore information from me I will provide it and I will follow any instruction given to the best of my ability. Thank you very much in advance.&lt;/p&gt;</t>
  </si>
  <si>
    <t>2012-08-02 21:00:26.290000+00:00</t>
  </si>
  <si>
    <t>2016-04-08 04:06:31.553000+00:00</t>
  </si>
  <si>
    <t>2017-05-23 12:19:22.793000+00:00</t>
  </si>
  <si>
    <t>eclipse|ant|junit|jdk1.6</t>
  </si>
  <si>
    <t>Sequelize crashing on any find query</t>
  </si>
  <si>
    <t>&lt;p&gt;I have a brand new Node app using sequelize, but it won't let me run a single query.&lt;/p&gt;
&lt;p&gt;I'm trying to &lt;code&gt;find&lt;/code&gt; anything and it just doesn't work:&lt;/p&gt;
&lt;pre&gt;&lt;code&gt;var models = require('./models');
models.User.findById(1, { logging: console.log })
&lt;/code&gt;&lt;/pre&gt;
&lt;p&gt;Every &lt;code&gt;find&lt;/code&gt; query ends up showing the exact same error. Database has been migrated AND seeded. I verified by opening it up and there are a bunch of users in it.&lt;/p&gt;
&lt;p&gt;Here's my model:&lt;/p&gt;
&lt;pre&gt;&lt;code&gt;// user.js
'use strict';
module.exports = function(sequelize, DataTypes) {
  var User = sequelize.define('User', {
    email: DataTypes.STRING,
    name: DataTypes.STRING
  }, {
    classMethods: {
      associate: function(models) {
        // associations can be defined here
        User.belongsToMany(models.Group, {through: 'Membership'})
      }
    }
  });
  return User;
};
&lt;/code&gt;&lt;/pre&gt;
&lt;p&gt;stack trace:&lt;/p&gt;
&lt;pre&gt;&lt;code&gt;Executing (default): SELECT `id`, `email`, `name`, `createdAt`, `updatedAt` FROM `Users` AS `User` WHERE `User`.`id` = 1;
/node_modules/sqlite3/lib/trace.js:28
                    throw err;
                    ^
TypeError: date.indexOf is not a function
    at DATE.parse (/node_modules/sequelize/lib/dialects/sqlite/data-types.js:28:14)
    at /node_modules/sequelize/lib/dialects/sqlite/query.js:170:36
    at /node_modules/lodash/lodash.js:12572:23
    at /node_modules/lodash/lodash.js:4361:15
    at baseForOwn (/node_modules/lodash/lodash.js:2622:24)
    at Function.mapValues (/node_modules/lodash/lodash.js:12571:7)
    at /node_modules/sequelize/lib/dialects/sqlite/query.js:134:32
    at Array.map (native)
    at Statement.afterExecute (/node_modules/sequelize/lib/dialects/sqlite/query.js:133:39)
--&amp;gt; in Database#all('SELECT `id`, `email`, `name`, `createdAt`, `updatedAt` FROM `Users` AS `User` WHERE `User`.`id` = 1;', [], [Function])
    at /node_modules/sequelize/lib/dialects/sqlite/query.js:241:36
    at Promise._execute (/node_modules/bluebird/js/release/debuggability.js:272:9)
    at Promise._resolveFromExecutor (/node_modules/bluebird/js/release/promise.js:473:18)
    at new Promise (/node_modules/bluebird/js/release/promise.js:77:14)
    at executeSql (/node_modules/sequelize/lib/dialects/sqlite/query.js:103:19)
    at tryCatcher (/node_modules/bluebird/js/release/util.js:16:23)
    at Promise._settlePromiseFromHandler (/node_modules/bluebird/js/release/promise.js:502:31)
    at Promise._settlePromise (/node_modules/bluebird/js/release/promise.js:559:18)
    at Promise._settlePromise0 (/node_modules/bluebird/js/release/promise.js:604:10)
    at Promise._settlePromises (/node_modules/bluebird/js/release/promise.js:683:18)
    at Promise._fulfill (/node_modules/bluebird/js/release/promise.js:628:18)
    at MappingPromiseArray.PromiseArray._resolve (/node_modules/bluebird/js/release/promise_array.js:125:19)
    at MappingPromiseArray._promiseFulfilled (/node_modules/bluebird/js/release/map.js:97:18)
    at Promise._settlePromise (/node_modules/bluebird/js/release/promise.js:564:26)
    at Promise._settlePromise0 (/node_modules/bluebird/js/release/promise.js:604:10)
&lt;/code&gt;&lt;/pre&gt;
&lt;hr&gt;
&lt;p&gt;&lt;strong&gt;Edit:&lt;/strong&gt; If I comment out the topmost item in the stack (which is a backwards compatibility thing) it works fine....???????????? Please tell my I'm not crazy.&lt;/p&gt;</t>
  </si>
  <si>
    <t>2016-05-11 05:35:59.007000+00:00</t>
  </si>
  <si>
    <t>2016-11-20 18:38:04.970000+00:00</t>
  </si>
  <si>
    <t>2016-05-11 05:46:37.310000+00:00</t>
  </si>
  <si>
    <t>node.js|sequelize.js</t>
  </si>
  <si>
    <t>What is the rationale for using per-method/field access specification?</t>
  </si>
  <si>
    <t>&lt;p&gt;In C++ the access specifier for a field or method is based on its location under the first previously declared access specification:&lt;/p&gt;
&lt;pre&gt;&lt;code&gt;public:
  int my_public_variable;
private:
  void secretPrivateOperations();
  int internal_counter;
&lt;/code&gt;&lt;/pre&gt;
&lt;p&gt;What is the design rationale behind Java specifying access by prepending the access specifier to each method/field?&lt;/p&gt;
&lt;pre&gt;&lt;code&gt;public int my_public_variable;
private void secretPrivateOperations();
private int internal_counter;
&lt;/code&gt;&lt;/pre&gt;</t>
  </si>
  <si>
    <t>2015-09-29 22:25:57.770000+00:00</t>
  </si>
  <si>
    <t>2015-09-29 22:49:39.263000+00:00</t>
  </si>
  <si>
    <t>java|design-rationale</t>
  </si>
  <si>
    <t>Drawing multiple views inside an Activity</t>
  </si>
  <si>
    <t>&lt;p&gt;I'm new to Android programming and I have some basic issues concerning drawing.&lt;/p&gt;
&lt;p&gt;I have an activity displaying a textview through the .xml file, which looks like this:&lt;/p&gt;
&lt;pre&gt;&lt;code&gt;&amp;lt;RelativeLayout xmlns:android="http://schemas.android.com/apk/res/android"
    android:orientation="vertical" android:layout_width="fill_parent"
    android:layout_height="fill_parent"&amp;gt;
    &amp;lt;TextView
        android:layout_width="wrap_content"
        android:layout_height="wrap_content"
        android:text="New Text"
        android:id="@+id/textView"
        android:textSize="18dp"
        android:textStyle="bold" /&amp;gt;
&amp;lt;/RelativeLayout&amp;gt;
&lt;/code&gt;&lt;/pre&gt;
&lt;p&gt;I want to display several rectangles inside my Activity. To do so, I created a new class that extends View. I instantiated the class and managed to display my rectangle inside my Activity (maybe I should use the word layout here, I'm not sure...).&lt;/p&gt;
&lt;p&gt;The class I created:&lt;/p&gt;
&lt;pre&gt;&lt;code&gt;public class DrawRectangle extends View {
    Paint paint = new Paint();
    int x,y;
    int length,width;
    public DrawRectangle(Context context,int _x,int _y, int _length, int _width){
        super(context);
        x = _x;
        y = _y;
        length = _length;
        width = _width;
    }
    @Override
    public void onDraw(Canvas canvas) {
        paint.setColor(Color.BLACK);
        paint.setStrokeWidth(3);
        canvas.drawRect(x, y, x+length, y+length, paint);
    }
}
&lt;/code&gt;&lt;/pre&gt;
&lt;p&gt;And the function inside the activity that create the instance of DrawRectangle class:&lt;/p&gt;
&lt;pre&gt;&lt;code&gt;public void drawRectangle(){
    DrawRectangle rectangle = new DrawRectangle(this,100,100,50,50);
    // rectangle.setBackgroundColor(Color.TRANSPARENT);
    setContentView(rectangle);
}
&lt;/code&gt;&lt;/pre&gt;
&lt;p&gt;This is what happened:&lt;/p&gt;
&lt;ul&gt;
&lt;li&gt;The rectangle has been drawn correctly&lt;/li&gt;
&lt;li&gt;We can't see the textview anymore&lt;/li&gt;
&lt;/ul&gt;
&lt;p&gt;I tried to create another instance of the DrawRectangle class and only one can be seen (the last one to be set on screen). I supposed the problem came from the fact that the view took all the place and was placed in front of everything. So I tried to change the background color to transparent using the line:&lt;/p&gt;
&lt;pre&gt;&lt;code&gt;rectangle.setBackgroundColor(Color.TRANSPARENT);
&lt;/code&gt;&lt;/pre&gt;
&lt;p&gt;or&lt;/p&gt;
&lt;pre&gt;&lt;code&gt;rectangle.setBackgroundColor(Color.parseColor("#00000000");
&lt;/code&gt;&lt;/pre&gt;
&lt;p&gt;There wasn't any error, but the other rectangle or text view couldn't be seen.&lt;/p&gt;
&lt;p&gt;What can I do? I suspect a miss-comprehension concerning all this.&lt;/p&gt;
&lt;p&gt;Thanks guys!&lt;/p&gt;</t>
  </si>
  <si>
    <t>2014-10-20 16:04:51.213000+00:00</t>
  </si>
  <si>
    <t>2015-12-16 13:06:37.597000+00:00</t>
  </si>
  <si>
    <t>android|view|draw</t>
  </si>
  <si>
    <t>Titanium Studio, JavaScript and SQL Error... Cant figure it out</t>
  </si>
  <si>
    <t>&lt;pre&gt;&lt;code&gt;var url = "http://api.reddit.com/";
var dataArray = [];
var working = function(){
var getData = JSON.parse(this.responseText); 
var titles = getData.data.children;
for(var i=0, j=titles.length; i&amp;lt;j; i++)
{
    var title = titles[i].data.title;
    dataArray.push({
        title: title,
        favorite: 0
    });
    }
    save(dataArray);
}; //working
var save = function(arg){
    console.log(arg);
    var db = Ti.Database.open("newData");
db.execute('CREATE TABLE IF NOT EXISTS redditTitles (id INTEGER PRIMARY KEY, name       TEXT, favorite INTEGER)');
db.execute('INSERT INTO redditTitles (name, favorite) VALUES (?, ?)',  arg.title, arg.favorite);
var rowID = db.lastInsertRowId;
//newRow.id = rowID;
//rows.close();
db.close(); 
gather();
};
var dataContent = [];
var gather = function(){    
var db = Ti.Database.open("newData");
var dbRows = db.execute("SELECT name, favorite FROM redditTitles"); // Returns a Result Set object
while(dbRows.isValidRow()){
    dataContent.push({
        title: dbRows.fieldByName("name"),
        fav: dbRows.fieldByName("favorite")
    });
    console.log("dataContent: "+ dataContent.title);
    dbRows.next();
}
dbRows.close();
db.close();
console.log(dataContent);
userInterAPI();
};
var error = function(){
alert("Please check your network connection and try again.");
};
var client = Ti.Network.createHTTPClient({
onload: working,
onerror: error,
timeout: 5000
});
client.open("GET", url);
client.send();
&lt;/code&gt;&lt;/pre&gt;
&lt;p&gt;So Basically me and my instructor have been scratching our heads trying to figure out why the arg will show all of the data but after the data is saved and we go to re console log it out, it will show up as null. Not sure why. Someone please help me!&lt;/p&gt;</t>
  </si>
  <si>
    <t>2014-06-26 22:21:58.683000+00:00</t>
  </si>
  <si>
    <t>2014-06-27 00:22:07.843000+00:00</t>
  </si>
  <si>
    <t>javascript|sqlite|titanium-mobile</t>
  </si>
  <si>
    <t>Jquery position snippet issue</t>
  </si>
  <si>
    <t>&lt;p&gt;I am trying to understand someone else's codes...he has the following:&lt;/p&gt;
&lt;pre&gt;&lt;code&gt;    var positionAt = horizontalPosition + ' ' + verticalPosition;
    var positionOffset = String(horizontalOffset + ' ' + verticalOffset);
   //i don't understand the codes below. I don't think Jquery position method support at and of attribues....
   $tooltipElement.position({at: positionAt, of: $element, my: 'left top', offset: positionOffset});
                $element.hover(function(){
                            $instance = $(this).css({'cursor': 'pointer'});
                            $('#tooltip-' + $instance.attr('id') ).fadeIn('fast');
                }, function(){
                            $instance = $(this).css({'cursor': 'auto'});
                            $('#tooltip-' + $instance.attr('id') ).fadeOut('fast');
                });
&lt;/code&gt;&lt;/pre&gt;
&lt;p&gt;I am not sure what the position method with At, of and my attributes for. Can anyone help me about it? Thanks a lot.&lt;/p&gt;</t>
  </si>
  <si>
    <t>2012-08-14 07:12:16.303000+00:00</t>
  </si>
  <si>
    <t>2012-08-14 07:16:12.320000+00:00</t>
  </si>
  <si>
    <t>Massive logging on heroku with socket.io</t>
  </si>
  <si>
    <t>&lt;p&gt;I am using socket.io on heroku.  To do this I have to use &lt;a href="https://devcenter.heroku.com/articles/using-socket-io-with-node-js-on-heroku" rel="nofollow"&gt;xhr-polling on heroku&lt;/a&gt;.  However, this makes it so there is massive amounts of logs being created.&lt;/p&gt;
&lt;p&gt;&lt;code&gt;2013-04-25T20:15:49.255467+00:00 heroku[router]: at=info method=GET path=/socket.io/1/xhr-polling/cOO67jH_mH2cIjDt5OWX?t=1372192165157 host=xyz.com fwd="123.12.12.123" dyno=web.1 connect=1ms service=2044ms status=200 bytes=3&lt;/code&gt;&lt;/p&gt;
&lt;p&gt;I tried reducing the amount of logging that socket io does by using &lt;/p&gt;
&lt;pre&gt;&lt;code&gt;io.configure ()-&amp;gt; 
    io.set "transports", ["xhr-polling"]
&lt;/code&gt;&lt;/pre&gt;
&lt;p&gt;But it looks like the logging might be at the heroku level as opposed to the socket.io level.&lt;/p&gt;</t>
  </si>
  <si>
    <t>2013-06-25 20:51:41.887000+00:00</t>
  </si>
  <si>
    <t>2014-05-07 02:48:14.880000+00:00</t>
  </si>
  <si>
    <t>logging|heroku|socket.io</t>
  </si>
  <si>
    <t>remove lines containing date and another expression</t>
  </si>
  <si>
    <t>&lt;p&gt;Sorry for my simple question. but I am looking for a way to remove lines in a file which start with a string contain 2 or 3 capital letters and also contain date. for example:&lt;/p&gt;
&lt;pre&gt;&lt;code&gt;ABC/ Something comes here, 29/1/2001.
&lt;/code&gt;&lt;/pre&gt;
&lt;p&gt;in the first step of writing such script I used this code to find and show the lines which contain date, but it doesn't work.&lt;/p&gt;
&lt;pre&gt;&lt;code&gt;sed -e 's/[0-9]+\/[0-9]+\/[0-9]+//' myfile.txt
&lt;/code&gt;&lt;/pre&gt;
&lt;p&gt;what is wrong in this code, and how should I change it to do what I want?&lt;/p&gt;
&lt;p&gt;Bests.&lt;/p&gt;</t>
  </si>
  <si>
    <t>2012-06-26 05:18:12.550000+00:00</t>
  </si>
  <si>
    <t>2012-06-26 21:30:08.627000+00:00</t>
  </si>
  <si>
    <t>linux|sed</t>
  </si>
  <si>
    <t>How do I check if an id in a query string is valid?</t>
  </si>
  <si>
    <t>&lt;p&gt;I am passing a database generated id value in a link to another page. In the receiving page where I call &lt;code&gt;$_GET&lt;/code&gt;, I want to protect against people inserting bogus values after the &lt;code&gt;?&lt;/code&gt; in the url (e.g. www.mysite.com?id=43). &lt;/p&gt;
&lt;p&gt;I want to check the incoming value and make sure it's a valid id from the database, or is there a way to just check the value for NULL or empty? This is what I've tried:&lt;/p&gt;
&lt;p&gt;Source page:&lt;/p&gt;
&lt;pre&gt;&lt;code&gt; echo "&amp;lt;a href=\"get-post-pg2.php?id=" .urlencode($row['id']) ."\"&amp;gt;Second Page&amp;lt;/a&amp;gt;";
&lt;/code&gt;&lt;/pre&gt;
&lt;p&gt;Target page:&lt;/p&gt;
&lt;pre&gt;&lt;code&gt;$id = $_GET['id'];
if(isset($_GET)) {
    echo $id;
} else
    echo 'foo';
}
&lt;/code&gt;&lt;/pre&gt;</t>
  </si>
  <si>
    <t>2012-03-08 20:09:26.063000+00:00</t>
  </si>
  <si>
    <t>2012-03-08 21:21:54.550000+00:00</t>
  </si>
  <si>
    <t>GridView with varying cell sizes, Launcher WP8 style</t>
  </si>
  <si>
    <t>&lt;p&gt;&lt;strong&gt;The problem&lt;/strong&gt;&lt;/p&gt;
&lt;p&gt;I want to get a special UI, which resembles the Windows 8 Tiles UI, having cells of different sizes on top of each other.&lt;/p&gt;
&lt;p&gt;Something like this:&lt;/p&gt;
&lt;pre&gt;&lt;code&gt;AABB
AACC
AADD
AADD
&lt;/code&gt;&lt;/pre&gt;
&lt;p&gt;each letter represents a part of its cell, so cell A is 2x4 , cell B and cell C take 2x1 each , and cell D is 2x2.&lt;/p&gt;
&lt;p&gt;An good example would be &lt;a href="https://play.google.com/store/apps/details?id=com.lx.launcher8pro2&amp;amp;hl=en" rel="nofollow"&gt;Laucher 8&lt;/a&gt;.&lt;/p&gt;
&lt;p&gt;I don't want to use grid layout. &lt;/p&gt;
&lt;p&gt;I am using GridView and I am not being able to achieve above layout using GridView.&lt;/p&gt;
&lt;p&gt;&lt;strong&gt;Question&lt;/strong&gt;&lt;/p&gt;
&lt;pre&gt;&lt;code&gt;1. I have a framelayout as the items in the adapter.
   Using Linear Layout instead of adapter supporting view will certainly 
   make it boring
   or
   May be I am wrong about Linear Layout.
2. Can such a layout be achieved through GridView.
3. How [Laucher 8][2]. is achieving that.
&lt;/code&gt;&lt;/pre&gt;
&lt;p&gt;&lt;strong&gt;EDIT&lt;/strong&gt;&lt;/p&gt;
&lt;pre&gt;&lt;code&gt;My problem was solved using https://github.com/lucasr/twoway-view/ . Google's
staggeredViewGridLayoutManager didn't help may be because I didn't found
it's good usage documentation and I was not able to layout the items in the 
Layout in my desired location.
&lt;/code&gt;&lt;/pre&gt;</t>
  </si>
  <si>
    <t>2015-04-07 19:57:08.170000+00:00</t>
  </si>
  <si>
    <t>2015-04-09 19:03:29.687000+00:00</t>
  </si>
  <si>
    <t>android|android-layout|android-linearlayout|android-gridview|android-launcher</t>
  </si>
  <si>
    <t>React Native: Allow device rotation only when webview plays video</t>
  </si>
  <si>
    <t>&lt;p&gt;My current working app is locked in portrait mode through entire screens.
The app plays embedded YouTube videos on webview and I just want to allow the landscape mode only when it plays in full screen.&lt;/p&gt;
&lt;p&gt;I see there are some tricks for native ways and I think there aren't compatible with React Native. I also checked &lt;a href="https://github.com/yamill/react-native-orientation" rel="nofollow noreferrer"&gt;react-native-orientation&lt;/a&gt; but it doesn't help me.&lt;/p&gt;
&lt;p&gt;Is there a simple and clean way I can implement this?&lt;/p&gt;</t>
  </si>
  <si>
    <t>2017-03-04 14:16:42.937000+00:00</t>
  </si>
  <si>
    <t>2017-09-21 11:25:28.783000+00:00</t>
  </si>
  <si>
    <t>javascript|android|ios|webview|react-native</t>
  </si>
  <si>
    <t>jQuery Validation plugin - Custom message</t>
  </si>
  <si>
    <t>&lt;p&gt;I am new to JQuery and am using the &lt;a href="http://docs.jquery.com/Plugins/Validation" rel="noreferrer"&gt;JQuery validation plugin&lt;/a&gt;.&lt;/p&gt;
&lt;p&gt;I would like to ask, how to override the default messages to display also text in label associated with form element.&lt;/p&gt;
&lt;p&gt;I would get message something like this:&lt;/p&gt;
&lt;p&gt;&lt;strong&gt;Field Password is required.&lt;/strong&gt; instead of default &lt;em&gt;This field is required&lt;/em&gt;.&lt;/p&gt;
&lt;p&gt;&lt;strong&gt;Field PostCode must contain at least 3 characters.&lt;/strong&gt; instead of default &lt;em&gt;Please enter at least 3 characters.&lt;/em&gt;&lt;/p&gt;
&lt;p&gt;I need to override the default behaviour of this plugin, because I do not want to specify custom message for each item for every type of validation.&lt;/p&gt;
&lt;p&gt;Is it possible?&lt;/p&gt;</t>
  </si>
  <si>
    <t>2011-07-21 14:24:52.167000+00:00</t>
  </si>
  <si>
    <t>2017-03-24 18:50:40.767000+00:00</t>
  </si>
  <si>
    <t>2011-07-21 14:29:54.617000+00:00</t>
  </si>
  <si>
    <t>jquery|validation|plugins|jquery-validate</t>
  </si>
  <si>
    <t>Shell Script Language help in unzip command</t>
  </si>
  <si>
    <t>&lt;p&gt;I have a zip folder named &lt;code&gt;ISAS01_102013 (issue 296 and 297).zip&lt;/code&gt;.&lt;br&gt;
When I unzipped the directory, it created a directory named &lt;code&gt;ISAS01_102013 (issue 296 and 297)&lt;/code&gt;.  &lt;/p&gt;
&lt;p&gt;When tried doing &lt;code&gt;cd ISAS01_102013 (issue 296 and 297)&lt;/code&gt;, I got an error due to space being in the folder name. How do I export the zip data in a folder name other than &lt;code&gt;ISAS01_102013 (issue 296 and 297)&lt;/code&gt; e.g. a folder named &lt;code&gt;/data&lt;/code&gt;. The received folder &lt;code&gt;"ISAS01_102013 (issue 296 and 297).zip"&lt;/code&gt; is always dynamic.&lt;/p&gt;
&lt;hr&gt;
&lt;p&gt;&lt;strong&gt;[EDIT]&lt;/strong&gt;&lt;/p&gt;
&lt;p&gt;The code:&lt;/p&gt;
&lt;pre&gt;&lt;code&gt;#zip_research is the folder where we place the zip datas got 
#i.e. RSIS01_122014 (Issue 238 to 249).zip, ISAS03_072014 (Issue 19).zip etc 
cd zip_research 
unzip -o *.zip 
#Considering it has only one unzipped folder 
for dir in * 
do 
    cd $dir 
done 
&lt;/code&gt;&lt;/pre&gt;
&lt;p&gt;Error message:&lt;/p&gt;
&lt;pre&gt;&lt;code&gt;error: cd: RSIS01_122014 No such file or directory exists 
&lt;/code&gt;&lt;/pre&gt;</t>
  </si>
  <si>
    <t>2015-01-14 04:08:03.923000+00:00</t>
  </si>
  <si>
    <t>2015-01-14 10:00:45.897000+00:00</t>
  </si>
  <si>
    <t>2015-01-14 05:58:14.763000+00:00</t>
  </si>
  <si>
    <t>Repl.bat to find and replace text from a list of files</t>
  </si>
  <si>
    <t>&lt;p&gt;This is a follow on from &lt;a href="https://stackoverflow.com/questions/21753912/batch-file-to-list-txt-and-mp3-files-using-the-list-extract-the-same-lines-fro"&gt;Batch file to list txt and mp3 files - using the list extract the same lines from the text files&lt;/a&gt;
Basically I create a list of text files, then using this list find a line in the text files called "JobNotes=" and output that to a new file with the inforamtion in the Job notes displayed in a different fashion.
I have modified the code to use the findstr on a list of files (file names are in a file text_list).  It creates the first output file fine but then diplays the other output files incorrectly.&lt;/p&gt;
&lt;p&gt;This is the code&lt;/p&gt;
&lt;pre&gt;&lt;code&gt;for /f "delims=" %%f in (%text_list%) do (
 FINDSTR /l "^Job Notes=" "%%f" |repl.bat ".*=(.*) (\d+) (\d+\/\d+\/\d+) \d+:\d+:\d+ .*" "Name=$1\r\nFile Number=$2\r\nDate=$3" x &amp;gt;"C:\replacer\move\%%f"
                                           )
&lt;/code&gt;&lt;/pre&gt;
&lt;p&gt;This is the fist output file (which is displayed correctly).&lt;/p&gt;
&lt;pre&gt;&lt;code&gt;Name=John Smith
File Number=123456
Date=22/11/2013
&lt;/code&gt;&lt;/pre&gt;
&lt;p&gt;Then all other output files diaply like this (which is the way it is diplayed in the input file).&lt;/p&gt;
&lt;pre&gt;&lt;code&gt;Job Notes=Jane Smith 234567 22/11/2013 1:22:33 PM 654321
&lt;/code&gt;&lt;/pre&gt;
&lt;p&gt;Thanks for the help&lt;/p&gt;</t>
  </si>
  <si>
    <t>2014-03-02 09:01:09.487000+00:00</t>
  </si>
  <si>
    <t>2014-03-02 13:18:09.330000+00:00</t>
  </si>
  <si>
    <t>2017-05-23 11:49:45.250000+00:00</t>
  </si>
  <si>
    <t>how can I convert a text timestamp to something Excel can manipulate? (Excel)</t>
  </si>
  <si>
    <t>&lt;p&gt;I have a data file with timestamps in this TEXT format:&lt;/p&gt;
&lt;pre&gt;&lt;code&gt;June 11, 2012 3:47:56 PM GMT-07:00
&lt;/code&gt;&lt;/pre&gt;
&lt;p&gt;I need to do calculations such as time difference between different entries, so obviously I have to re-format the timestamp into something that Excel can do math on.&lt;/p&gt;
&lt;p&gt;Optimally, this format should work I think:&lt;/p&gt;
&lt;pre&gt;&lt;code&gt;6/11/2012 3:47:56 PM
&lt;/code&gt;&lt;/pre&gt;
&lt;p&gt;...&lt;/p&gt;
&lt;p&gt;Here's what I've done so far ... use MID combined with DATEVALUE to get the date (my timestamp is in cell A8):&lt;/p&gt;
&lt;pre&gt;&lt;code&gt;=datevalue(mid(a8, 1, find(",",a8)+5))
&lt;/code&gt;&lt;/pre&gt;
&lt;p&gt;which results in this being displayed:&lt;/p&gt;
&lt;pre&gt;&lt;code&gt;11-Jun-12
&lt;/code&gt;&lt;/pre&gt;
&lt;p&gt;I can calculate difference in days now, but my 'customer' wants the data in hours and minutes as well.&lt;/p&gt;
&lt;p&gt;So I thought perhaps I could use TIMEVALUE and MID to parse the time portion of the same timestamp, but I'm at a loss on how to efficiently calculate the length parm for MID properly. The timestamp can be either 11 or 10 characters in length depending on the time displayed since it doesn't use a preceeding zero for times before 10 a.m.&lt;/p&gt;
&lt;p&gt;If there are better or easier ways to do the translation / reformatting of the timestamp, I'd love to hear about it.&lt;/p&gt;</t>
  </si>
  <si>
    <t>2012-07-06 21:14:55.140000+00:00</t>
  </si>
  <si>
    <t>2012-07-06 23:04:52.693000+00:00</t>
  </si>
  <si>
    <t>hide css3 multiline ellipsis read more link when there is no use</t>
  </si>
  <si>
    <t>&lt;p&gt;I have a little problem. i figured out a way to use crossbrowser multiline ellipsis.
Here is my less css mixin. As you can see, this version works perfect in webkit and "ok" in all ohter browsers.&lt;/p&gt;
&lt;pre&gt;&lt;code&gt;.ellipsis-multi(@lh, @l, @mw) {
  /* non-webkit */
  max-height: @lh*@l;
  /* webkit */
  -webkit-box-orient: vertical;
  -webkit-line-clamp: @l;
  display: -webkit-box;
  line-height: @lh;
  max-width: @mw;
  overflow: hidden;
  text-overflow: ellipsis;
}
.excerpt {      
  &amp;amp;.hide {
    .ellipsis-multi(1.4em, 3, 100%)
  }
}
&lt;/code&gt;&lt;/pre&gt;
&lt;p&gt;My problem is, i use a read-more link to add and remove the class "hide". This works perfect, but the link is also visible if the excerpt div only has 2 lines of text. I need a way to just show the link if the ellipsis is needed.&lt;/p&gt;
&lt;p&gt;Here is a codepen exapmple
&lt;a href="http://codepen.io/janwagner/pen/ubHef" rel="nofollow"&gt;http://codepen.io/janwagner/pen/ubHef&lt;/a&gt;&lt;/p&gt;
&lt;p&gt;I would prefer a css only way to fix this :)&lt;/p&gt;
&lt;p&gt;THX a lot!!!&lt;/p&gt;</t>
  </si>
  <si>
    <t>2013-03-22 14:56:03.450000+00:00</t>
  </si>
  <si>
    <t>2013-03-26 09:25:50.203000+00:00</t>
  </si>
  <si>
    <t>javascript|css|less|multiline|ellipsis</t>
  </si>
  <si>
    <t>MySql: Quickest way to append to current value in DB</t>
  </si>
  <si>
    <t>&lt;p&gt;I have a table with 32,000 entries.&lt;/p&gt;
&lt;p&gt;Each entry has a JSON blob against it:&lt;/p&gt;
&lt;pre&gt;&lt;code&gt;{
    "property1": "someValue",
    "property2": "AnotherValue"
}
&lt;/code&gt;&lt;/pre&gt;
&lt;p&gt;I now need to &lt;strong&gt;append&lt;/strong&gt; another property to this blob for every entrant so that we have:&lt;/p&gt;
&lt;pre&gt;&lt;code&gt;{
    "property1": "someValue",
    "property2": "AnotherValue",
    "property3": "YetAnotherValue"
}
&lt;/code&gt;&lt;/pre&gt;
&lt;p&gt;Because &lt;code&gt;someValue&lt;/code&gt; and &lt;code&gt;AnotherValue&lt;/code&gt; will be different for different entries I cannot just replace the old records with the new one. Instead (I'm guessing) I'm supposed to parse JSON, add &lt;code&gt;property3&lt;/code&gt; and return it to DB for each of the 32,000 records.&lt;/p&gt;
&lt;p&gt;What is the best way to achieve this? I have a MySql database which I interact with through PhpMyAdmin.&lt;/p&gt;
&lt;p&gt;I tried writing a PHP script which will basically select and loop through every row, parse and append to my JSON blob and put it back up for every record. However after I run this in a browser it simply times out on me because it takes too long to execute (I suspect it's the wait time between pulling the blob and uploading it back up for every record). &lt;/p&gt;
&lt;p&gt;Any help is greatly appreciated!&lt;/p&gt;</t>
  </si>
  <si>
    <t>2014-08-11 11:55:04.867000+00:00</t>
  </si>
  <si>
    <t>2014-08-11 13:46:48.677000+00:00</t>
  </si>
  <si>
    <t>Cocoa Touch: When does an NSFetchedResultsController become necessary to manage a Core Data fetch?</t>
  </si>
  <si>
    <t>&lt;p&gt;I'm developing an iPhone application that makes heavy use of Core Data, primarily for its database-like features (such as the ability to set a sort order or predicate on fetch requests). I'm presenting all the data I fetch in various UITableViewControllers.&lt;/p&gt;
&lt;p&gt;What I'd like to know is a rough idea of how many objects I can fetch before it becomes a good idea to use an NSFetchedResultsController  to handle the request. In the Core Data docs, it says that SQLite stores consider "10,000 objects to be a fairly small data set," but in the documentation for NSFetchedResultsController it mentions keeping "tens of objects" in memory at a time.&lt;/p&gt;
&lt;p&gt;I'm dealing primarily with data sets of up to fifty objects that each have maybe a dozen instances of NSNumber and NSString, as well as a one-to-many relationship for the next set of objects (i.e. there are twenty instances of object A, each of which have a to-many relationship to a set of thirty (distinct) instances of object B, each of which...).&lt;/p&gt;
&lt;p&gt;Is this scenario a good fit for using an NSFetchedResultsController, or can I get away with a simple NSArray of results? I don't have an issue with managing the niceties of the controller (convenience methods to get an object for a UITableView index path, adding new objects back to the context, etc.) myself, I'm just wondering about the memory usage of each approach.&lt;/p&gt;
&lt;p&gt;I should mention the app will be targeted primarily at iPhone 3G (not S) and first-gen iPod Touch users, so please keep the limited memory of these platforms in mind.&lt;/p&gt;</t>
  </si>
  <si>
    <t>2009-08-12 00:47:51.073000+00:00</t>
  </si>
  <si>
    <t>2009-08-12 01:45:02.560000+00:00</t>
  </si>
  <si>
    <t>iphone|cocoa-touch|memory-management|core-data</t>
  </si>
  <si>
    <t>How to read data from fields in MS Word?</t>
  </si>
  <si>
    <t>&lt;p&gt;Using vb.net and Word 2010&lt;/p&gt;
&lt;pre&gt;&lt;code&gt;Dim oWord As msword.Application    
Dim oDoc As msword.Document
oDoc = oWord.Documents.Add(TextBox1.Text)
MsgBox(oWord.ActiveDocument.Fields(1))
&lt;/code&gt;&lt;/pre&gt;
&lt;p&gt;Opening the document is not a problem. Reading the value of the field is causing errors, like &lt;code&gt;Argument 'Prompt' cannot be converted to type 'String'&lt;/code&gt;.
I've tried naming the field in quotes, that doesn't work either. I've tried &lt;code&gt;Variable.field(1)&lt;/code&gt; - that gets me an error as well &lt;/p&gt;
&lt;p&gt;Help appreciated!&lt;/p&gt;</t>
  </si>
  <si>
    <t>2015-07-13 14:30:33.463000+00:00</t>
  </si>
  <si>
    <t>2015-07-13 14:45:40.190000+00:00</t>
  </si>
  <si>
    <t>How to send emails with Heroku and Gmail?</t>
  </si>
  <si>
    <t>&lt;p&gt;I have the method in my controller &lt;code&gt;home_controller.rb&lt;/code&gt;:&lt;/p&gt;
&lt;pre&gt;&lt;code&gt;def send_letters
    if Card.created_before(Time.now).any?
      @users = User.all
      @users.each do |user|
        CardMailer.send_expired_cards(user.email).deliver_now
      end
    end
    redirect_to root_path
  end
&lt;/code&gt;&lt;/pre&gt;
&lt;p&gt;And mailer for it &lt;code&gt;card_mailer.rb&lt;/code&gt;:&lt;/p&gt;
&lt;pre&gt;&lt;code&gt;class CardMailer &amp;lt; ApplicationMailer
  default from: "new-cards@flashcards.com"
  def send_expired_cards(email)
    @email = email
    @url = "http://flashcards.com"
    @cards = Card.created_before(Time.now)
    mail(to: @email,
         subject: "�������������������������� ���������������� ���� ���������������� ���� ���������� Flashcards.com")
  end
end
&lt;/code&gt;&lt;/pre&gt;
&lt;p&gt;Everything is configured to send manual letters (i just click link "Send emails" and method send_letters from controller is executed). Works fine. But I need to send these emails every day in schedule from Heroku service.&lt;/p&gt;
&lt;p&gt;Scheduler from Heroku is pluged in my Heroku Dashboard. What I have to write in this string 
&lt;a href="https://i.stack.imgur.com/CdIjv.png" rel="nofollow noreferrer"&gt;&lt;img src="https://i.stack.imgur.com/CdIjv.png" alt="enter image description here"&gt;&lt;/a&gt;
to activate &lt;code&gt;send_letters&lt;/code&gt; method . &lt;/p&gt;</t>
  </si>
  <si>
    <t>2015-08-18 11:54:42.753000+00:00</t>
  </si>
  <si>
    <t>2015-08-18 12:01:31.843000+00:00</t>
  </si>
  <si>
    <t>ruby-on-rails|heroku|gmail</t>
  </si>
  <si>
    <t>moving the cursor position in a text-box</t>
  </si>
  <si>
    <t>&lt;p&gt;I am developing a web application using asp.net. There is a text box(not Rich text-box) which contains a HTML source file, and a list-box which lists out the errors in that file. When a particular error message in the list-box is selected, the cursor point should point out that particular error position in the text box. &lt;/p&gt;
&lt;p&gt;Any help is appreciated...&lt;/p&gt;</t>
  </si>
  <si>
    <t>2012-01-20 06:52:25.250000+00:00</t>
  </si>
  <si>
    <t>2012-01-20 07:14:11.407000+00:00</t>
  </si>
  <si>
    <t>Logic behind directories based web apps</t>
  </si>
  <si>
    <t>&lt;p&gt;I have been developing web apps in php which contain multiple users, or elements, and what I do is to use one file and identify the element by giving a php get, for example: website.com/user.php?id=1
But I have seen many web apps that instead of doing that, they do it through directories, for example: website.com/user/1
So I was wondering what was the logic or how is it made an app based on directories instead of gets and posts.
Thanks&lt;/p&gt;</t>
  </si>
  <si>
    <t>2017-05-25 17:08:04.910000+00:00</t>
  </si>
  <si>
    <t>php|web</t>
  </si>
  <si>
    <t>How can I transform dots to line between CSS menu items?</t>
  </si>
  <si>
    <t>&lt;p&gt;I have CSS vertical menu and I want to make dots between shapes like this photo &lt;/p&gt;
&lt;p&gt;&lt;a href="http://s15.postimg.org/vz4jok3wr/Untitled_2.jpg" rel="nofollow"&gt;http://s15.postimg.org/vz4jok3wr/Untitled_2.jpg&lt;/a&gt;&lt;/p&gt;
&lt;p&gt;We can see line from Home to ABOUT and from ABOUT to Games(current item) I need when I choose programs this dots transform to line , and when I choose Home or any item above lines transform to dots and etc.... ,&lt;/p&gt;
&lt;pre&gt;&lt;code&gt;&amp;lt;style&amp;gt;
body{background-color:#000;}
ul,
ul li,
ul li a { margin-bottom:30px;
  list-style: none;
  line-height: 1;
  display: block;
  position: relative;
  text-decoration: none;
  text-transform: uppercase;
  color:#999;
  margin-left:20px;
}
.active { color:#F00;}
*, *:before, *:after{ 
    box-sizing: border-box; 
    -moz-box-sizing: border-box; 
    -webkit-box-sizing: border-box; 
} 
.css-shapes-preview{ 
    position: relative; 
    height: 10px; 
    width: 10px; 
    background-color: #428bca; 
    border-radius: 150px; 
}
&amp;lt;/style&amp;gt;
   &amp;lt;ul&amp;gt;
      &amp;lt;li class="css-shapes-preview"&amp;gt;&amp;lt;a href='#'&amp;gt;&amp;lt;span&amp;gt;Home&amp;lt;/span&amp;gt;&amp;lt;/a&amp;gt;&amp;lt;/li&amp;gt;
      &amp;lt;li class="css-shapes-preview"&amp;gt;&amp;lt;a href='#'&amp;gt;&amp;lt;span&amp;gt;ABOUT&amp;lt;/span&amp;gt;&amp;lt;/a&amp;gt;&amp;lt;/li&amp;gt;
      &amp;lt;li class="css-shapes-preview"&amp;gt;&amp;lt;a href='#' class="active"&amp;gt;&amp;lt;span&amp;gt;GAMES&amp;lt;/span&amp;gt;&amp;lt;/a&amp;gt;&amp;lt;/li&amp;gt;
      &amp;lt;li class="css-shapes-preview"&amp;gt;&amp;lt;a href='#'&amp;gt;&amp;lt;span&amp;gt;SONGS&amp;lt;/span&amp;gt;&amp;lt;/a&amp;gt;&amp;lt;/li&amp;gt;
      &amp;lt;li class="css-shapes-preview"&amp;gt;&amp;lt;a href='#'&amp;gt;&amp;lt;span&amp;gt;PROGRAMS&amp;lt;/span&amp;gt;&amp;lt;/a&amp;gt;&amp;lt;/li&amp;gt;
      &amp;lt;li class="css-shapes-preview"&amp;gt;&amp;lt;a href='#'&amp;gt;&amp;lt;span&amp;gt;DESIGNS&amp;lt;/span&amp;gt;&amp;lt;/a&amp;gt;&amp;lt;/li&amp;gt;
   &amp;lt;/ul&amp;gt;
&lt;/code&gt;&lt;/pre&gt;</t>
  </si>
  <si>
    <t>2014-10-31 00:44:42.133000+00:00</t>
  </si>
  <si>
    <t>2014-10-31 01:08:13.870000+00:00</t>
  </si>
  <si>
    <t>2014-10-31 00:46:02.580000+00:00</t>
  </si>
  <si>
    <t>html|css|menu|menuitem</t>
  </si>
  <si>
    <t>click event not firing when moving mouse on an image</t>
  </si>
  <si>
    <t>&lt;p&gt;I have came across this problem where i have an onclick-event on an image but when the mouse moves between the mousedown and mouseup events it is not fired.&lt;/p&gt;
&lt;p&gt;I have an image where I want to have an onlick event. I also dont want anyone to drag/select or open the context menu. 
Now what i found that on a touchscreen 50% of the times people click on some image what happens is that when they press the image their finger moves. So between the mousedown and mouseup events there is a tiny difference. But when they do that the click event is not fired (at least in chrome). Also the onmouseup-event is not fired.&lt;/p&gt;
&lt;p&gt;look at this: &lt;a href="https://fiddle.jshell.net/08pbjfq2/1/" rel="nofollow noreferrer"&gt;https://fiddle.jshell.net/08pbjfq2/1/&lt;/a&gt;&lt;/p&gt;
&lt;p&gt;clicking the image will display an alert and the Mouse up and down events but when u click and move more than 3 pixels or so with the mouse the click and the mouse up event is not fired. It also appears that if you click and then move your mouse by like 1 pixel the mousedown event and the onclick event gets fired but not the mouseup event. Is this a bug or am i missing something here?&lt;/p&gt;</t>
  </si>
  <si>
    <t>2017-05-18 08:17:43.670000+00:00</t>
  </si>
  <si>
    <t>2017-05-18 09:08:33.070000+00:00</t>
  </si>
  <si>
    <t>javascript|html|google-chrome|onclick</t>
  </si>
  <si>
    <t>How to sort a UITableView by column value in Swift 4?</t>
  </si>
  <si>
    <t>&lt;p&gt;I have a app to show a value of bitcoin's price. I want sort when I click in the header of column.&lt;/p&gt;
&lt;p&gt;&lt;a href="https://i.stack.imgur.com/rMsbZ.png" rel="nofollow noreferrer"&gt;&lt;img src="https://i.stack.imgur.com/rMsbZ.png" alt="enter image description here"&gt;&lt;/a&gt;&lt;/p&gt;
&lt;p&gt;I'am trying do this, the click has be responded, but nothing happens, the column continues not sorted.&lt;/p&gt;
&lt;pre&gt;&lt;code&gt;struct info {
        let name: String
        let coin: String
        let change: Double
        let price: Double
    }
var ticker: Array&amp;lt;info&amp;gt; = []
@objc func tapChangeFunction(sender: UITapGestureRecognizer) {
        self.ticker.sorted(by: {
            $0.change &amp;gt; $1.change
        })
        DispatchQueue.main.async {
            self.table.reloadData()
        }
    }
&lt;/code&gt;&lt;/pre&gt;</t>
  </si>
  <si>
    <t>2018-01-19 11:59:18.577000+00:00</t>
  </si>
  <si>
    <t>2018-02-16 08:39:15.997000+00:00</t>
  </si>
  <si>
    <t>ios|swift|uitableview|sorting</t>
  </si>
  <si>
    <t>open directory from a notification bar</t>
  </si>
  <si>
    <t>&lt;p&gt;well am downloading a file from Url in background and showing the process in notification  and the downloaded file are getting  stored into downloaded folder ,  i want to open the download  folder( directory ) when user taps on the notification bar , how can i do this ?? this is what i tried but its not doing anything  even no errors in logcat :&lt;/p&gt;
&lt;pre&gt;&lt;code&gt;DownloadFolder = Environment.getExternalStoragePublicDirectory(Environment.DIRECTORY_DOWNLOADS);
Intent intent = new Intent();
intent.setAction(Intent.ACTION_VIEW);
intent.setDataAndType(Uri.fromFile(DownloadFolder), "file/*");
PendingIntent contentIntent = PendingIntent.getActivity(context, id, intent,
        PendingIntent.FLAG_UPDATE_CURRENT);
&lt;/code&gt;&lt;/pre&gt;
&lt;p&gt;the download folder is a path to android's download directory, any idea what am doin wrong because i have no clue , any guidance  would be so helpful for me &lt;/p&gt;
&lt;p&gt;Thanks &lt;/p&gt;</t>
  </si>
  <si>
    <t>2016-02-21 08:24:33.037000+00:00</t>
  </si>
  <si>
    <t>2016-05-29 05:08:56.290000+00:00</t>
  </si>
  <si>
    <t>java|android|android-intent|notifications</t>
  </si>
  <si>
    <t>Fetch values from a column named as 26-Nov-2014 in java from mysql</t>
  </si>
  <si>
    <t>&lt;pre&gt;&lt;code&gt;private static String fetchQuery = "select ? from tracker where serialNo = ?"
ps.setString(1,"26-Nov-2014");
ps.setString(2,"1");
&lt;/code&gt;&lt;/pre&gt;
&lt;p&gt;I have also tried:&lt;/p&gt;
&lt;pre&gt;&lt;code&gt;ps.setString(1,"'26-Nov-2014'");
ps.setString(2,"1");
&lt;/code&gt;&lt;/pre&gt;
&lt;p&gt;But i did not get the answer....please someone help me out with this one.....&lt;/p&gt;</t>
  </si>
  <si>
    <t>2014-12-06 09:46:32.267000+00:00</t>
  </si>
  <si>
    <t>2014-12-06 10:05:03.907000+00:00</t>
  </si>
  <si>
    <t>2014-12-06 09:49:45.087000+00:00</t>
  </si>
  <si>
    <t>java|mysql|date</t>
  </si>
  <si>
    <t>Pandas: change order of crosstab result</t>
  </si>
  <si>
    <t>&lt;p&gt;How to change order in the result of &lt;em&gt;pd.crosstab&lt;/em&gt;:&lt;/p&gt;
&lt;pre&gt;&lt;code&gt;pd.crosstab(df['col1'], df['col2'])
&lt;/code&gt;&lt;/pre&gt;
&lt;p&gt;I would like to be able to sort by:&lt;/p&gt;
&lt;ul&gt;
&lt;li&gt;unique values of either &lt;em&gt;df['col1']&lt;/em&gt; or &lt;em&gt;df['col2']&lt;/em&gt; (cols/rows of the crosstab result)&lt;/li&gt;
&lt;li&gt;by marginal values (e.g. showing higher-count values of &lt;em&gt;df['col1']&lt;/em&gt; closer to the top)&lt;/li&gt;
&lt;/ul&gt;</t>
  </si>
  <si>
    <t>2017-03-13 17:59:05.017000+00:00</t>
  </si>
  <si>
    <t>2017-03-13 18:21:11.203000+00:00</t>
  </si>
  <si>
    <t>Partially visible adjacent slides using FlatList in React Native</t>
  </si>
  <si>
    <t>&lt;p&gt;I am trying to create a partially visible carousel.&lt;/p&gt;
&lt;p&gt;&lt;a href="https://i.stack.imgur.com/IwUM5.png" rel="nofollow noreferrer"&gt;&lt;img src="https://i.stack.imgur.com/IwUM5.png" alt="On load"&gt;&lt;/a&gt;&lt;/p&gt;
&lt;p&gt;&lt;a href="https://i.stack.imgur.com/atiY4.png" rel="nofollow noreferrer"&gt;&lt;img src="https://i.stack.imgur.com/atiY4.png" alt="When its scrolled onces"&gt;&lt;/a&gt;&lt;/p&gt;
&lt;p&gt;But I want this something like: &lt;/p&gt;
&lt;p&gt;&lt;a href="https://i.stack.imgur.com/uFFfh.png" rel="nofollow noreferrer"&gt;&lt;img src="https://i.stack.imgur.com/uFFfh.png" alt="Actually what I want"&gt;&lt;/a&gt;&lt;/p&gt;
&lt;p&gt;So whenever I scroll horizontally, I want the scrolling to end and the card to be centered.
How do I achieve this?&lt;/p&gt;
&lt;pre&gt;&lt;code&gt;&amp;lt;FlatList
   data={cards}
   ref={(ref) =&amp;gt; { this._flatList = ref; }}
   horizontal
   pagingEnabled
   contentContainerStyle={{ paddingLeft: itemHorizontalMargin }}
   renderItem={(data) =&amp;gt; this._renderItem(data)}
   showsHorizontalScrollIndicator={false}
   snapToInterval={itemWidth}
   keyExtractor = {item =&amp;gt; item.name}
/&amp;gt;
&lt;/code&gt;&lt;/pre&gt;
&lt;p&gt;Thanks in advance&lt;/p&gt;</t>
  </si>
  <si>
    <t>2018-03-11 13:47:15.927000+00:00</t>
  </si>
  <si>
    <t>2018-03-11 13:54:25.773000+00:00</t>
  </si>
  <si>
    <t>react-native</t>
  </si>
  <si>
    <t>Can we change select tag normal scrollbars to webkit-scrollbars using CSS Property -webkit-scrollbars</t>
  </si>
  <si>
    <t>&lt;p&gt;How to change select tag normal scrollbars to webkit-scrollbars using CSS Property -webkit-scrollbars.&lt;/p&gt;
&lt;p&gt;I tried with&lt;/p&gt;
&lt;p&gt;In CSS file &lt;/p&gt;
&lt;pre&gt;&lt;code&gt;::-webkit-scrollbar {
    width:  6px;
    height: 6px;
    background-color:blue;
}
&lt;/code&gt;&lt;/pre&gt;
&lt;p&gt;But, it is not working for inside Select tag, Other elements like 'div',textarea' etc are working.
It will not show any scrollbars(normal) in select tag.&lt;/p&gt;
&lt;p&gt;HTML File&lt;/p&gt;
&lt;pre&gt;&lt;code&gt; &amp;lt;select  onchange="test();" id="ViewTest" style="width: 156px; height:160px;" size="12" name="ViewStandard"&amp;gt;
  &amp;lt;!-- options --&amp;gt;
 &amp;lt;/select&amp;gt;
&lt;/code&gt;&lt;/pre&gt;
&lt;p&gt;How to  get select tag the webkit-scrollbars?&lt;/p&gt;</t>
  </si>
  <si>
    <t>2012-02-06 13:49:43.100000+00:00</t>
  </si>
  <si>
    <t>html|css|webkit</t>
  </si>
  <si>
    <t>hdfs is not accessible by hduser, hadoop installation</t>
  </si>
  <si>
    <t>&lt;p&gt;I am installing Hadoop 2.6.4 on Ubuntu 16.04. My problem is when I switch to hduser and do not get the hdfs:&lt;/p&gt;
&lt;pre&gt;&lt;code&gt;su - hduser 
ssh localhost
hduser&amp;gt;hdfs 
No command 'hdfs' found, did you mean:
Command 'hfs' from package 'hfsutils-tcltk' (universe)
Command 'hdfls' from package 'hdf4-tools' (universe)
hdfs: command not found
&lt;/code&gt;&lt;/pre&gt;
&lt;p&gt;but when I do not switch to hduser, I got the full access:&lt;/p&gt;
&lt;pre&gt;&lt;code&gt; mylaptop&amp;gt;hdfs 
 Usage: hdfs [--config confdir] COMMAND
 where COMMAND is one of:dfs         
 run a filesystem command on the file systems supported in Hadoop. 
 ....
&lt;/code&gt;&lt;/pre&gt;
&lt;p&gt;I have checked the settings, everything seems to be fine. Is it a problem if I do not use hduser!!&lt;/p&gt;
&lt;p&gt;Thanks&lt;/p&gt;</t>
  </si>
  <si>
    <t>2016-06-17 10:09:09.597000+00:00</t>
  </si>
  <si>
    <t>2016-06-17 12:40:05.913000+00:00</t>
  </si>
  <si>
    <t>2016-06-17 10:16:36.037000+00:00</t>
  </si>
  <si>
    <t>linux|hadoop|hdfs</t>
  </si>
  <si>
    <t>Operator overload syntax clarification</t>
  </si>
  <si>
    <t>&lt;p&gt;Can someone please explain how the following syntax differences change the way the operator works?&lt;/p&gt;
&lt;pre&gt;&lt;code&gt;T &amp;amp; operator()(type one, type two)
const T * operator()(type one, type two)
T &amp;amp; operator()(type one) const
const T &amp;amp; operator()(type one) const
&lt;/code&gt;&lt;/pre&gt;</t>
  </si>
  <si>
    <t>2013-02-26 08:29:04.317000+00:00</t>
  </si>
  <si>
    <t>2013-02-26 08:51:29.043000+00:00</t>
  </si>
  <si>
    <t>c++|operator-overloading</t>
  </si>
  <si>
    <t>Migrating VMs from AWS to a Hyper-V based on-premise data center</t>
  </si>
  <si>
    <t>&lt;p&gt;Does any one know how to migrate an instance to a hyper v environment? &lt;/p&gt;
&lt;p&gt;Normally we do migration from a virutal environment to cloud. But we do have a request from client to move the workloads from aws to physical data center.&lt;/p&gt;
&lt;p&gt;We run Hyper-v on the physical environment.&lt;/p&gt;</t>
  </si>
  <si>
    <t>2018-07-11 10:42:32.623000+00:00</t>
  </si>
  <si>
    <t>2018-07-13 14:48:24.407000+00:00</t>
  </si>
  <si>
    <t>amazon-ec2|hyper-v</t>
  </si>
  <si>
    <t>cleaner way to code with div tags?</t>
  </si>
  <si>
    <t>&lt;p&gt;I'm trying to use div tags instead of tables so that my content is more mobile-friendly.  However, I'm pretty sure there's a cleaner way to code what I have (which does work).  Is there a better way to do what I'm doing?&lt;/p&gt;
&lt;pre&gt;&lt;code&gt;&amp;lt;div style="text-align: center;"&amp;gt;
  &amp;lt;span style="font-size:22px;"&amp;gt;&amp;lt;strong&amp;gt;Lehigh Athletics Awards and Achievements&amp;lt;/strong&amp;gt;&amp;lt;/span&amp;gt;
&amp;lt;/div&amp;gt;
&amp;lt;hr /&amp;gt;
&amp;lt;div style="text-align: center;"&amp;gt;
  &amp;lt;span style="font-size:18px;"&amp;gt;2014 Convocation Highlights&amp;lt;/span&amp;gt;
  &amp;lt;br /&amp;gt;��
&amp;lt;/div&amp;gt;
&amp;lt;div style="float: left; width: auto; margin-right: 14px; text-align: center;"&amp;gt;
  &amp;lt;img style="" src="/common/controls/image_handler.aspx?thumb_id=0&amp;amp;amp;image_path=/images/2014/5/6/ProgramIcon.png" /&amp;gt;
&amp;lt;/div&amp;gt;
&amp;lt;div style="float: left; width: auto; margin-right: 14px; text-align: center;"&amp;gt;
  &amp;lt;iframe width="300" height="169" src="//www.youtube.com/embed/fmyazgq2p7k" frameborder="0" allowfullscreen=""&amp;gt;&amp;lt;/iframe&amp;gt;
&amp;lt;/div&amp;gt;
&amp;lt;div style="float: left; width: auto; text-align: center;"&amp;gt;
  &amp;lt;iframe width="300" height="169" src="//www.youtube.com/embed/fmyazgq2p7k" frameborder="0" allowfullscreen=""&amp;gt;&amp;lt;/iframe&amp;gt;
&amp;lt;/div&amp;gt;
&amp;lt;div style="clear:both;height:1em;"&amp;gt;&amp;lt;/div&amp;gt;
&amp;lt;hr /&amp;gt;
&amp;lt;div style="text-align: center;"&amp;gt;
  &amp;lt;font size="4"&amp;gt;2014 Covocation Department Awards&amp;lt;/font&amp;gt;
  &amp;lt;br /&amp;gt;&amp;lt;font size="2"&amp;gt;&amp;lt;i&amp;gt;Lehigh Athletics values achievements in the following areas:&amp;lt;/i&amp;gt;&amp;lt;/font&amp;gt;
&amp;lt;/div&amp;gt;
&amp;lt;div style="clear:both;height:1em;"&amp;gt;
  &amp;lt;div style=""&amp;gt;
    &amp;lt;img mediaid="9491" style="float: left; width: 18%; margin-right: 50px;" src="/common/controls/image_handler.aspx?thumb_id=0&amp;amp;amp;image_path=/images/2014/5/8/Academics2.png" /&amp;gt;
  &amp;lt;/div&amp;gt;
  &amp;lt;div style=""&amp;gt;
    &amp;lt;img mediaid="9491" style="float: left; width: 18%; margin-right: 10px;" src="/common/controls/image_handler.aspx?thumb_id=0&amp;amp;amp;image_path=/images/2014/5/8/Academics2.png" /&amp;gt;
  &amp;lt;/div&amp;gt;
  &amp;lt;div style="clear:both;height:1em;"&amp;gt;
    &amp;lt;div style="float: left; width: 18%; margin-right: 50px;"&amp;gt;
      &amp;lt;img mediaid="9484" style="" src="/common/controls/image_handler.aspx?thumb_id=0&amp;amp;amp;image_path=/images/2014/4/15/Taryn_Carroll_0082.jpg" /&amp;gt;
    &amp;lt;/div&amp;gt;
    &amp;lt;div style="float: left; width: 18%; margin-right: 10px;"&amp;gt;
      &amp;lt;img mediaid="9485" style="" src="/common/controls/image_handler.aspx?thumb_id=0&amp;amp;amp;image_path=/images/2014/4/15/Lynn_Babich_0069.jpg" /&amp;gt;
    &amp;lt;/div&amp;gt;
    &amp;lt;div style="float: left; width: 18%; margin-right: 10px;"&amp;gt;
      &amp;lt;img mediaid="9485" style="" src="/common/controls/image_handler.aspx?thumb_id=0&amp;amp;amp;image_path=/images/2014/4/15/Lynn_Babich_0069.jpg" /&amp;gt;
    &amp;lt;/div&amp;gt;
    &amp;lt;div style="float: left; width: 18%; margin-right: 10px;"&amp;gt;
      &amp;lt;img mediaid="9485" style="" src="/common/controls/image_handler.aspx?thumb_id=0&amp;amp;amp;image_path=/images/2014/4/15/Lynn_Babich_0069.jpg" /&amp;gt;
    &amp;lt;/div&amp;gt;
    &amp;lt;div style="float: left; width: 18%; margin-right: 10px;"&amp;gt;
      &amp;lt;img mediaid="9485" style="" src="/common/controls/image_handler.aspx?thumb_id=0&amp;amp;amp;image_path=/images/2014/4/15/Lynn_Babich_0069.jpg" /&amp;gt;
    &amp;lt;/div&amp;gt;
  &amp;lt;/div&amp;gt;
&amp;lt;/div&amp;gt;
&lt;/code&gt;&lt;/pre&gt;</t>
  </si>
  <si>
    <t>2014-05-08 18:05:55.500000+00:00</t>
  </si>
  <si>
    <t>2014-05-08 18:51:55.737000+00:00</t>
  </si>
  <si>
    <t>Error adding items to the Grid</t>
  </si>
  <si>
    <t>&lt;p&gt;**hello&lt;/p&gt;
&lt;p&gt;Error adding items to the Grid.&lt;/p&gt;
&lt;p&gt;please guide me**&lt;/p&gt;
&lt;pre&gt;&lt;code&gt;Model1Container Mobl = new Model1Container();
JadvalSabtenam Sabt = new JadvalSabtenam();
Sabt.name = TextBox1.Text;
Sabt.family = TextBox2.Text;
Mobl.AddToJadvalSabtenamSet(Sabt);
Mobl.SaveChanges();
GridView1.DataSource = Sabt;
GridView1.DataBind();
&lt;/code&gt;&lt;/pre&gt;</t>
  </si>
  <si>
    <t>2016-12-19 08:33:54.253000+00:00</t>
  </si>
  <si>
    <t>2016-12-19 09:39:56.090000+00:00</t>
  </si>
  <si>
    <t>AJAX call error - status of 400 (Bad Request)</t>
  </si>
  <si>
    <t>&lt;p&gt;I'm trying to use the BloomAPI to retrieve Doctor's NPI number by querying with their first and last name. I'm using Jquery Ajax to make a get request for the JSON data. &lt;/p&gt;
&lt;p&gt;I am able to get the JSON data when I do CURL in the terminal: curl -X GET '&lt;a href="http://www.bloomapi.com/api/search?offset=0&amp;amp;key1=last_name&amp;amp;op1=eq&amp;amp;value1=LIN&amp;amp;key2=first_name&amp;amp;op2=eq&amp;amp;value2=JOHN" rel="nofollow"&gt;http://www.bloomapi.com/api/search?offset=0&amp;amp;key1=last_name&amp;amp;op1=eq&amp;amp;value1=LIN&amp;amp;key2=first_name&amp;amp;op2=eq&amp;amp;value2=JOHN&lt;/a&gt;'&lt;/p&gt;
&lt;p&gt;For the purpose below - I just hardcoded in the params into the URL. 
I get a "Failed to load resource: the server responded with a status of 400 (Bad Request" Error. Any idea what I might be doing wrong? &lt;/p&gt;
&lt;pre&gt;&lt;code&gt;$.ajax({
    type: 'GET',
    url: 'http://www.bloomapi.com/api/search?offset=0&amp;amp;key1=last_name&amp;amp;op1=eq&amp;amp;value1=LIN&amp;amp;key2=first_name&amp;amp;op2=eq&amp;amp;value2=JOHN',
   dataType: 'jsonp'
  }).done(function(server_data) {
    console.log(server_data)
  }).fail(console.log("failed"));
&lt;/code&gt;&lt;/pre&gt;</t>
  </si>
  <si>
    <t>2015-04-08 00:46:26.050000+00:00</t>
  </si>
  <si>
    <t>2017-02-23 10:52:53.270000+00:00</t>
  </si>
  <si>
    <t>javascript|jquery|ajax</t>
  </si>
  <si>
    <t>Draw Objects on Mouse Click Using Two Viewports on OpenGL</t>
  </si>
  <si>
    <t>&lt;p&gt;I'm trying to render a polygon on mouse click in my opengl program but I'm having problems with it. Basically it works when I use one viewport, but when I try to put two viewports the square doesn't appear in the right position anymore. The mouse function which calculates the right position is the GMouse above.    &lt;/p&gt;
&lt;pre&gt;&lt;code&gt;void GMouse(int button, int state, int x, int y){
    if (button == GLUT_LEFT_BUTTON)
       if (state == GLUT_DOWN) { // Zoom-in
           y=250-y;
           m=1;
           posX=x;
           posY=y;
       }
    if (button == GLUT_RIGHT_BUTTON)
       if (state == GLUT_DOWN) { // Zoom-out      
           if (angle &amp;lt;= 130) angle += 5;
       }
    visao();    
    glutPostRedisplay();    
}
&lt;/code&gt;&lt;/pre&gt;
&lt;p&gt;I'm using y = 250-y because the width of the viewports is 250, but the window size is (500,500) and the InitWindowPosition is (0,0) as stated in the view() function above.&lt;/p&gt;
&lt;pre&gt;&lt;code&gt;void view(){    
    glClear(GL_COLOR_BUFFER_BIT | GL_DEPTH_BUFFER_BIT);    
    defineIluminacao();    
    glMatrixMode(GL_VIEWPORT);       
    glViewport(0,100,250,250);    
    visao();    
    display(); 
    glViewport(300,0,200,200);    
    visao2();    
    glTranslatef(-30.0f, 0.0f, 50.0f);    
    glRotated(90.0f, 0.0f, 1.0f, 0.0f);    
    display();
}
&lt;/code&gt;&lt;/pre&gt;</t>
  </si>
  <si>
    <t>2016-06-12 01:52:49.220000+00:00</t>
  </si>
  <si>
    <t>2016-06-12 09:19:11.647000+00:00</t>
  </si>
  <si>
    <t>c++|opengl|viewport|mouseover|viewport3d</t>
  </si>
  <si>
    <t>Set child's width to the height of the parent in pure CSS</t>
  </si>
  <si>
    <t>&lt;p&gt;Can I set the &lt;em&gt;width&lt;/em&gt; of a &lt;code&gt;child-div&lt;/code&gt; equal to that of it's &lt;code&gt;parent-div&lt;/code&gt; &lt;em&gt;height&lt;/em&gt; in pure CSS?&lt;/p&gt;
&lt;blockquote&gt;
  &lt;p&gt;&lt;a href="http://jsfiddle.net/evk9a9ma/" rel="nofollow"&gt;JsFiddle Demo&lt;/a&gt;&lt;/p&gt;
&lt;/blockquote&gt;
&lt;p&gt;So far, I have been doing in jQuery:&lt;/p&gt;
&lt;pre&gt;&lt;code&gt;$("#child-div").width($("#child-div").parent().height());
&lt;/code&gt;&lt;/pre&gt;
&lt;p&gt;Is this achievable in Pure CSS? For some reasons, I need this to be in Pure CSS. 
Here's my html: &lt;/p&gt;
&lt;pre&gt;&lt;code&gt;&amp;lt;div id="parent-div"&amp;gt;
    &amp;lt;div id="child-div&amp;gt;Hello&amp;lt;/div&amp;gt;
&amp;lt;/div&amp;gt;
&lt;/code&gt;&lt;/pre&gt;
&lt;p&gt;And CSS:&lt;/p&gt;
&lt;pre&gt;&lt;code&gt;#parent-div{
    background:#ddd;
    height:80%;
    width:30%; position:absolute;
}
#child-div{
    position:relative;
    background:#333;
    color:#FFF;
    transform: rotate(270deg);
    transform-origin: 0 0 ;
    top:100%;
    height: /* What ???? */;
}
&lt;/code&gt;&lt;/pre&gt;
&lt;p&gt;Any tricks?&lt;/p&gt;</t>
  </si>
  <si>
    <t>2014-10-12 01:09:49.713000+00:00</t>
  </si>
  <si>
    <t>2014-10-20 00:52:57.653000+00:00</t>
  </si>
  <si>
    <t>jquery|html|css|css3</t>
  </si>
  <si>
    <t>Responsive Web Design.. Unwanted Right Padding/Margin on Ipad</t>
  </si>
  <si>
    <t>&lt;p&gt;Hi guys as the title says.. i keep getting this horriable right margin when i go down to ipad viewport size and when i view it on the ipad hence you get horizontal scroll bars.. major issue and quite annoying... But when i get down to the view of iPhone it goes away.. really strange.. can any one please help..... you can check it out here&lt;/p&gt;
&lt;p&gt;I've deleted all elements from the page and i still get the problem.. so annoying&lt;/p&gt;
&lt;p&gt;&lt;a href="http://www.fuss-beauty.co.uk/home/" rel="nofollow"&gt;Click Here to View Problem&lt;/a&gt;&lt;/p&gt;</t>
  </si>
  <si>
    <t>2013-09-25 11:27:19.583000+00:00</t>
  </si>
  <si>
    <t>2013-09-25 15:19:26.333000+00:00</t>
  </si>
  <si>
    <t>css|wordpress|ipad|twitter-bootstrap|responsive-design</t>
  </si>
  <si>
    <t>SAS update multiple records for a by group</t>
  </si>
  <si>
    <t>&lt;p&gt;I have a master A and transaction set B. I am trying to udpate records in A with the records in B by variable C. &lt;/p&gt;
&lt;pre&gt;&lt;code&gt;DATA TEST;
  UPDATE A B;
  BY C;
RUN;
&lt;/code&gt;&lt;/pre&gt;
&lt;p&gt;The issue is, I have got some duplicate records in my master set and I still want to update them all. But what I get is a warning &lt;/p&gt;
&lt;blockquote&gt;
  &lt;p&gt;There was more than one record for the specified BY group&lt;/p&gt;
&lt;/blockquote&gt;
&lt;p&gt;And only the first record out of those duplicates gets updated.
Is there any way how to tell SAS to update all of them?
Or is there any other, completely different way?&lt;/p&gt;
&lt;p&gt;Any help appreciated.&lt;/p&gt;</t>
  </si>
  <si>
    <t>2017-03-16 16:36:54.897000+00:00</t>
  </si>
  <si>
    <t>2017-03-16 23:38:43.843000+00:00</t>
  </si>
  <si>
    <t>sql|sas|duplicates|sql-update|proc</t>
  </si>
  <si>
    <t>what are the default service behaviors on ServiceModel.Routing?</t>
  </si>
  <si>
    <t>&lt;p&gt;&lt;strong&gt;What are the default service behaviors on ServiceModel.Routing?&lt;/strong&gt;&lt;/p&gt;
&lt;p&gt;I'm not talking about the Azure stuff I mean these Interfaces from &lt;/p&gt;
&lt;p&gt;&lt;strong&gt;System.ServiceModel.Routing&lt;/strong&gt;&lt;/p&gt;
&lt;ul&gt;
&lt;li&gt;IDuplexSessionRouter     &lt;/li&gt;
&lt;li&gt;IRequestReplyRouter &lt;/li&gt;
&lt;li&gt;ISimplexDatagramRouter&lt;/li&gt;
&lt;li&gt;ISimplexSessionRouter&lt;/li&gt;
&lt;/ul&gt;
&lt;p&gt;I understand about picking the correct 'binding' for the desired context at the actual service endpoint that's doing the work,....&lt;/p&gt;
&lt;p&gt;(I.E. the service that this router (hand-rolled-service_bus) is actually going to route &lt;em&gt;(by EndPointName)&lt;/em&gt; messages to)&lt;/p&gt;
&lt;p&gt;&lt;em&gt;(there will of course be several services, in the future that are routed per the callers supplied ---EndPointName--- to various services)&lt;/em&gt;&lt;/p&gt;
&lt;p&gt;...but how are Concurrency and Instance modes handled by these routing "contracts" at this middle layer &lt;strong&gt;THE Routing service&lt;/strong&gt; that implements one or more of these System.ServiceModel.Routing Namespace Interfaces?!    &lt;/p&gt;
&lt;p&gt;Am I over thinking this and these Routing Contracts (Interfaces) just pass the messages through? As I type this I wonder if I should perhaps actually create a class that inherits the desired routing interface/contract and try to manually apply my desired service behaviors, like one would a &lt;strong&gt;normal&lt;/strong&gt; WCF Interface...  &lt;/p&gt;
&lt;p&gt;All the examples have been just "using" these routing interfaces not creating a class that implements one of them and tacking on service behaviors thereafter.&lt;/p&gt;</t>
  </si>
  <si>
    <t>2015-01-05 17:58:42.447000+00:00</t>
  </si>
  <si>
    <t>2015-01-05 21:10:44.383000+00:00</t>
  </si>
  <si>
    <t>2015-01-05 18:44:20.963000+00:00</t>
  </si>
  <si>
    <t>c#|wcf|wcf-routing</t>
  </si>
  <si>
    <t>Javascript function only works if there's an alert for normal redirection</t>
  </si>
  <si>
    <t>&lt;p&gt;Below is code which is use to redirect the URL and not working on Mozilla Browser&lt;/p&gt;
&lt;pre&gt;&lt;code&gt;#Working Code#
alert("HI");
var logouturl = getCookie("ch_logout_url");
location.replace(logouturl);
#Not Working Code#
var logouturl = getCookie("ch_logout_url");
location.replace(logouturl);
&lt;/code&gt;&lt;/pre&gt;</t>
  </si>
  <si>
    <t>2016-06-28 14:44:12.937000+00:00</t>
  </si>
  <si>
    <t>2016-06-28 14:51:22.610000+00:00</t>
  </si>
  <si>
    <t>NullPointerException on Back Button Press</t>
  </si>
  <si>
    <t>&lt;p&gt;I am in the process of updating my app and right now I am getting NullPointerException when I press the back button. Here is my main activity:&lt;/p&gt;
&lt;p&gt;&lt;a href="http://www.appinfluence.com/wp-content/uploads/2011/11/screenshot1.png" rel="nofollow noreferrer"&gt;image http://www.appinfluence.com/wp-content/uploads/2011/11/screenshot1.png&lt;/a&gt;
&lt;a href="http://www.appinfluence.com/wp-content/uploads/2011/11/screenshot2.png" rel="nofollow noreferrer"&gt;image2 http://www.appinfluence.com/wp-content/uploads/2011/11/screenshot2.png&lt;/a&gt;&lt;/p&gt;
&lt;p&gt;When clicking music my second activity is launched and it has a webview nested inside it. I am having issues getting the back button to work properly. I expect it to go back in the browser until getting to the first page and then back to the first activity once it can't go back anymore. Here is my code, and log file.&lt;/p&gt;
&lt;pre&gt;&lt;code&gt; @Override
public boolean onKeyDown(int keyCode, KeyEvent event) {
    if ((keyCode == KeyEvent.KEYCODE_BACK) &amp;amp;&amp;amp; mWebView.canGoBack()) {
        mWebView.goBack();
        return true;
    }
    return super.onKeyDown(keyCode, event);
}
11-03 16:41:14.386: W/dalvikvm(282): threadid=1: thread exiting with uncaught exception     (group=0x4001d800)
11-03 16:41:14.486: E/AndroidRuntime(282): FATAL EXCEPTION: main
11-03 16:41:14.486: E/AndroidRuntime(282): java.lang.NullPointerException
11-03 16:41:14.486: E/AndroidRuntime(282):  at     com.appinfluence.musicpromotion.WebViewActivity.onKeyDown(WebViewActivity.java:315)
11-03 16:41:14.486: E/AndroidRuntime(282):  at     android.view.KeyEvent.dispatch(KeyEvent.java:1037)
11-03 16:41:14.486: E/AndroidRuntime(282):  at     android.app.Activity.dispatchKeyEvent(Activity.java:2068)
11-03 16:41:14.486: E/AndroidRuntime(282):  at     com.android.internal.policy.impl.PhoneWindow$DecorView.dispatchKeyEvent(PhoneWindow.java:16    43)
11-03 16:41:14.486: E/AndroidRuntime(282):  at    android.view.ViewRoot.deliverKeyEventToViewHierarchy(ViewRoot.java:2471)
11-03 16:41:14.486: E/AndroidRuntime(282):  at android.view.ViewRoot.handleFinishedEvent(ViewRoot.java:2441)
11-03 16:41:14.486: E/AndroidRuntime(282):  at android.view.ViewRoot.handleMessage(ViewRoot.java:1735)
11-03 16:41:14.486: E/AndroidRuntime(282):  at android.os.Handler.dispatchMessage(Handler.java:99)
11-03 16:41:14.486: E/AndroidRuntime(282):  at android.os.Looper.loop(Looper.java:123)
11-03 16:41:14.486: E/AndroidRuntime(282):  at android.app.ActivityThread.main(ActivityThread.java:4627)
11-03 16:41:14.486: E/AndroidRuntime(282):  at java.lang.reflect.Method.invokeNative(Native Method)
11-03 16:41:14.486: E/AndroidRuntime(282):  at java.lang.reflect.Method.invoke(Method.java:521)
11-03 16:41:14.486: E/AndroidRuntime(282):  at com.android.internal.os.ZygoteInit$MethodAndArgsCaller.run(ZygoteInit.java:868)
11-03 16:41:14.486: E/AndroidRuntime(282):  at com.android.internal.os.ZygoteInit.main(ZygoteInit.java:626)
11-03 16:41:14.486: E/AndroidRuntime(282):  at dalvik.system.NativeStart.main(Native Method)
&lt;/code&gt;&lt;/pre&gt;
&lt;p&gt;You guys are right my webview is null, BUT WHY?&lt;/p&gt;
&lt;pre&gt;&lt;code&gt;WebView mWebView;
WebView mWebView = (WebView) findViewById(R.id.webview);
&lt;/code&gt;&lt;/pre&gt;
&lt;p&gt;changed to this (OOPS!):&lt;/p&gt;
&lt;pre&gt;&lt;code&gt;WebView mWebView;
mWebView = (WebView) findViewById(R.id.webview);
&lt;/code&gt;&lt;/pre&gt;</t>
  </si>
  <si>
    <t>2011-11-03 16:52:20.510000+00:00</t>
  </si>
  <si>
    <t>2011-11-03 17:09:27.743000+00:00</t>
  </si>
  <si>
    <t>Static bitmap variables access between Fragments</t>
  </si>
  <si>
    <t>&lt;p&gt;&lt;code&gt;ImageView&lt;/code&gt;s in a &lt;code&gt;CardView&lt;/code&gt; are not loading from an &lt;code&gt;LRUCache&lt;/code&gt;. Am sure something is amiss, but unable to figure it out after days of debugging. If only the code could be presented here in entirety, but here are the most relevant snippets.&lt;/p&gt;
&lt;p&gt;&lt;strong&gt;The setup&lt;/strong&gt;
&lt;a href="https://i.stack.imgur.com/5pO9s.png" rel="nofollow noreferrer"&gt;&lt;img src="https://i.stack.imgur.com/5pO9s.png" alt="enter image description here"&gt;&lt;/a&gt;&lt;/p&gt;
&lt;p&gt;&lt;code&gt;TextViews&lt;/code&gt;  in the &lt;code&gt;RecyclerView&lt;/code&gt;s���  &lt;code&gt;CardView&lt;/code&gt;s are binding perfectly, but not the &lt;code&gt;ImageView&lt;/code&gt;s in the same &lt;code&gt;CardView&lt;/code&gt;s. I am sure the images are present in the caches because, long click on the (blank) &lt;code&gt;ImageView&lt;/code&gt;s do show the image in another &lt;code&gt;WebView&lt;/code&gt;, as per the program. The statics of &lt;code&gt;Fragment1&lt;/code&gt; load in an &lt;code&gt;AsyncTask&lt;/code&gt; and &lt;code&gt;Fragment&lt;/code&gt; 1 and 2 load &lt;em&gt;after&lt;/em&gt; the &lt;code&gt;AsyncTask&lt;/code&gt; completes.&lt;/p&gt;
&lt;p&gt;&lt;strong&gt;&lt;code&gt;CardView&lt;/code&gt; Layout&lt;/strong&gt;&lt;/p&gt;
&lt;pre&gt;&lt;code&gt;&amp;lt;FrameLayout
android:id="@+id/flDContainer"
xmlns:android="http://schemas.android.com/apk/res/android"
android:layout_width="match_parent"
android:layout_height="wrap_content"&amp;gt;
&amp;lt;RelativeLayout
    android:id="@+id/rlDetFront"
    android:layout_width="match_parent"
    android:layout_height="wrap_content"
    android:orientation="vertical"&amp;gt;
    &amp;lt;android.support.v7.widget.CardView
        android:id="@+id/cvDet"
        xmlns:card_view="http://schemas.android.com/apk/res-auto"
        android:layout_width="match_parent"
        android:layout_height="wrap_content"
        card_view:cardCornerRadius="10dp"
        card_view:cardElevation="12dp"
        card_view:contentPadding="2dp"&amp;gt;
                   &amp;lt;TextView
                        android:id="@+id/tvDsDistance"
                        android:layout_width="wrap_content"
                        android:layout_height="wrap_content"
                        android:layout_alignParentRight="true"
                        android:textSize="16sp"/&amp;gt;
                    &amp;lt;TextView
                        android:id="@+id/tvDsDistanceUnit"
                        android:layout_width="wrap_content"
                        android:layout_height="wrap_content"
                        android:textSize="10sp"/&amp;gt;
            &amp;lt;RelativeLayout
                android:id="@+id/rlMediaLayout"
                android:layout_width="match_parent"
                android:layout_height="wrap_content"
                android:layout_below="@+id/headerLayout"&amp;gt;
                &amp;lt;ImageView
                    android:id="@+id/DetMedia"
                    android:layout_width="310dp"
                    android:layout_height="200dp"
                    android:layout_centerHorizontal="true"
                    android:layout_weight="1"
                    android:adjustViewBounds="true"
                    android:maxHeight="200dp"
                    android:maxWidth="310dp"
                    android:src="@drawable/cake_12"/&amp;gt;
            &amp;lt;/RelativeLayout&amp;gt;
        &amp;lt;/android.support.v7.widget.CardView&amp;gt;
    :
    :
    :
    :
&lt;/code&gt;&lt;/pre&gt;
&lt;p&gt;&lt;strong&gt;&lt;code&gt;ViewPager&lt;/code&gt; adapter&lt;/strong&gt;&lt;/p&gt;
&lt;pre&gt;&lt;code&gt;class MyShopperPagerAdapter extends FragmentStatePagerAdapter
{
    public MyShopperPagerAdapter(FragmentManager fm)
    {
        super(fm);
    }
    @Override
    public Fragment getItem(int arg)
    {
        if (arg == 0)
        {
            fragment = new Fragment1();
        }
        if (arg == 1)
        {
            fragment = new Fragment2();
        }
        if (arg == 2)
        {
            fragment = new Fragment3();
        }
        return fragment;
    }
    @Override
    public int getCount()
    {
        return 3;
    }
    @Override
    public CharSequence getPageTitle(int position)
    {
        String pageTitle = "";
        switch (position)
        {
            case 0:
                pageTitle = "TAB 1";
                break;
            case 1:
                pageTitle = "TAB 2";
                break;
            case 2:
                pageTitle = "TAB 3";
                break;
            default:
                break;
        }
        return pageTitle;
    }
    @Override
    public int getItemPosition(Object object)
    {
        return POSITION_NONE;
    }
} // of class MyShopperPagerAdapter
&lt;/code&gt;&lt;/pre&gt;
&lt;p&gt;&lt;strong&gt;&lt;code&gt;RecyclerView&lt;/code&gt; adapter���s  &lt;code&gt;onBindViewHolder&lt;/code&gt;&lt;/strong&gt;&lt;/p&gt;
&lt;pre&gt;&lt;code&gt;@Override
public void onBindViewHolder(MyCardHolder myCardHolder, final int position)
{
    MyView my = this.mysView.get(position);
    String logoFilename = my.getMyerLogo();
    String address = my.getAddress();
    String city = my.getCity();
    String state = my.getState();
    String country = my.getCountry();
    String zip = my.getZip();
        :
        :
        :
    myCardHolder.shopSL.setText(my.getSubLocality());
    myCardHolder.myEndDate.setText(UIHelper.makeDisplayDate(Long.parseLong(myEnds), false));
        :
        :
        :
    Bitmap tempBitmap;
    tempBitmap = fragment1.logoMemCache.get(logoFilename);
    myCardHolder.shopLogo.setImageBitmap(tempBitmap);
    tempBitmap = fragment1.myetMemCache.get(myFilename);
    myCardHolder.myet.setImageBitmap(tempBitmap);
    myCardHolder.tvAddress.setText(fullAddress);
    myCardHolder.tvPhones.setText(phones);
        :
        :
        :
}
&lt;/code&gt;&lt;/pre&gt;
&lt;p&gt;&lt;strong&gt;&lt;code&gt;ViewHolder&lt;/code&gt;&lt;/strong&gt; &lt;/p&gt;
&lt;pre&gt;&lt;code&gt;public class MyCardHolder extends RecyclerView.ViewHolder
{
private final String LOG_TAG = "POJO MyCardHolder";
RelativeLayout llMyCardFront;
RelativeLayout myTakenCounterLayout;
RelativeLayout myDateLayout;
TextView tvDistance;
TextView tvAddress;
TextView tvPhones;
TextView distanceUnit;
ImageView det;
TextView myTop;
TextView myBot;
ImageView shopLogo;
TextView shopName;
    :
    :
    :
// FAB toolbar
FloatingActionButton fabDirections, fabCallMobile, fabCallLandline, fabWebsite;
public MyCardHolder(View myItemView)
{
    super(myItemView);
    RelativeLayout myUserStatusLayout;
    llMyCardFront = (RelativeLayout) myItemView.findViewById(R.id.rlMyetFront);
    tvDistance = (TextView) myItemView.findViewById(R.id.tvMysDistance);
    claimButton = (Button) myItemView.findViewById(R.id.btMyClaim);
    distanceUnit = (TextView) myItemView.findViewById(R.id.tvMysDistanceUnit);
    det = (ImageView) myItemView.findViewById(R.id.DetMedia);
    myTop = (TextView) myItemView.findViewById(R.id.primaryTitle);
    myBot = (TextView) myItemView.findViewById(R.id.subTitle);
    shopLogo = (ImageView) myItemView.findViewById(R.id.shopLogo);
    shopName = (TextView) myItemView.findViewById(R.id.shopName);
                    :
                    :
                    :
                    :
    fabDirections = (FloatingActionButton) myItemView.findViewById(R.id.fabDirections);
                    :
                    :
                    :
}
}
class MyTapListener implements View.OnClickListener
{
final String LOG_TAG = "MyTapListener";
@Override
public void onClick(View myItemView)
{
    CardView cardFront = (CardView) myItemView.findViewById(R.id.cvMyet);
    CardView cardBack = (CardView) myItemView.findViewById(R.id.cvMyetBack);
    RelativeLayout llMyetBack = (RelativeLayout) myItemView.findViewById(R.id.rlMyetBack);
    RelativeLayout llMyetFront = (RelativeLayout) myItemView.findViewById(R.id.rlMyetFront);
    /* Some layout animations here when the user clicks on a CardView */
                    :
                    :
                    :
}
}
class FABToolbarListener implements View.OnClickListener
{
    /* FAB listener */
                    :
                    :
                    :
} // of class FABToolbarListener
class MyMediaListener implements View.OnLongClickListener
{
@Override
public boolean onLongClick(View clickedPic)
{
    int id = clickedPic.getId();
    Context context = clickedPic.getContext();
    String filename = (String) clickedPic.getTag(id);
    String shopName = (String) clickedPic.getTag(R.id.action_show_website);
    showOriginalImage(context, picFilename, shopName);
    return false;
}
private void showOriginalImage(Context context, String filename, String shopName)
{
    Intent fullMyetIntent = new Intent(context, ZoomerActivity.class);
    fullDIntent.putExtra(MyContract.D_PREFIX, filename);
    fullDIntent.putExtra(MyContract.D_PICKED, shopName);
    context.startActivity(fullDIntent);
} // of showOriginalImage() }
&lt;/code&gt;&lt;/pre&gt;
&lt;p&gt;&lt;strong&gt;&lt;code&gt;CardView&lt;/code&gt; output&lt;/strong&gt; &lt;/p&gt;
&lt;p&gt;&lt;a href="https://i.stack.imgur.com/Awoke.png" rel="nofollow noreferrer"&gt;&lt;img src="https://i.stack.imgur.com/Awoke.png" alt="enter image description here"&gt;&lt;/a&gt;&lt;/p&gt;
&lt;p&gt;Is there any &lt;code&gt;CardView&lt;/code&gt; - &lt;code&gt;ImageView&lt;/code&gt; - &lt;code&gt;LRUCache&lt;/code&gt; relationship or quirk or expert trick that I am missing here?&lt;/p&gt;
&lt;p&gt;Please let me know what other code you will need to examine.&lt;/p&gt;
&lt;p&gt;Thanks a ton!&lt;/p&gt;</t>
  </si>
  <si>
    <t>2016-01-26 07:32:42.100000+00:00</t>
  </si>
  <si>
    <t>2016-01-26 15:01:02.477000+00:00</t>
  </si>
  <si>
    <t>java|android|debugging|android-asynctask|android-cardview</t>
  </si>
  <si>
    <t>No exception while converting a string with alphabets after decimal point using stod()</t>
  </si>
  <si>
    <t>&lt;pre&gt;&lt;code&gt;#include&amp;lt;iostream&amp;gt;
#include&amp;lt;string&amp;gt;
using namespace std;
int main()
{
    double var;
    string word("20.njhggh");
    var = stod(word);
    cout &amp;lt;&amp;lt; var &amp;lt;&amp;lt; endl;
    return 0;
}
&lt;/code&gt;&lt;/pre&gt;
&lt;p&gt;ouput is: &lt;code&gt;20&lt;/code&gt;&lt;/p&gt;
&lt;p&gt;The &lt;code&gt;stod&lt;/code&gt; function does not thow a exception for input &lt;code&gt;"20.njhggh"&lt;/code&gt;. It just ignores the letters after decimal point.
How do I trow exception for the above case&lt;/p&gt;</t>
  </si>
  <si>
    <t>2018-09-06 22:59:56.980000+00:00</t>
  </si>
  <si>
    <t>2018-09-07 06:32:16.047000+00:00</t>
  </si>
  <si>
    <t>OneToOne field in a django modelform</t>
  </si>
  <si>
    <t>&lt;p&gt;I have a OneToOne field corresponding to a user (user_id), and in my avatar upload form I get a drop down list of all users to select one, but I want django to fill it with the current logged in user. Also, when submitting the form, for some users I get this message "Profile with this User already exists."&lt;/p&gt;
&lt;p&gt;For the first problem I think that inline-formsets are the solution, but I don't know how to apply &lt;a href="https://docs.djangoproject.com/en/1.11/topics/forms/modelforms/#inline-formsets" rel="nofollow noreferrer"&gt;this&lt;/a&gt; to my form. I have no clue about the second problem. I am creating the Profile with a signal every time a new user is created, and I don't know how to just update it. I'm new to django.&lt;/p&gt;
&lt;p&gt;Here is the code for my model:&lt;/p&gt;
&lt;pre&gt;&lt;code&gt;from django.db import models
from django.contrib.auth.models import User
from django.db.models.signals import post_save
from django.dispatch import receiver
class Profile(models.Model):
    user = models.OneToOneField(User, on_delete=models.CASCADE)
    avatar_img = models.ImageField(upload_to='avatars', blank=True)
@receiver(post_save, sender=User)
def create_user_profile(sender, instance, created, **kwargs):
    if created:
        Profile.objects.create(user=instance)
@receiver(post_save, sender=User)
def save_user_profile(sender, instance, **kwargs):
    instance.profile.save()
&lt;/code&gt;&lt;/pre&gt;
&lt;p&gt;The form:&lt;/p&gt;
&lt;pre&gt;&lt;code&gt;from django import forms
from profiles.models import Profile
class AvatarForm(forms.ModelForm):
    class Meta:
        model = Profile
        fields = ('user', 'avatar_img', )
&lt;/code&gt;&lt;/pre&gt;
&lt;p&gt;And the view:&lt;/p&gt;
&lt;pre&gt;&lt;code&gt;from django.shortcuts import render, redirect
from profiles.forms import AvatarForm
def model_form_upload(request):
    if request.method == 'POST':
        form = AvatarForm(request.POST, request.FILES)
        if form.is_valid():
            form.save()
            return redirect('index')
    else:
        form = AvatarForm()
    return render(request, 'profiles/avatar_form.html', {
        'form': form
    })
&lt;/code&gt;&lt;/pre&gt;
&lt;p&gt;Thanks.&lt;/p&gt;
&lt;p&gt;Update with the solution... I added this to the form:&lt;/p&gt;
&lt;pre&gt;&lt;code&gt;def __init__(self, *args, **kwargs):
    super().__init__(*args, **kwargs)
    self.fields['user'].widget.attrs['disabled'] = 'true'
    self.fields['user'].widget = HiddenInput()
&lt;/code&gt;&lt;/pre&gt;</t>
  </si>
  <si>
    <t>2017-08-17 17:37:48.657000+00:00</t>
  </si>
  <si>
    <t>2017-08-17 18:33:30.083000+00:00</t>
  </si>
  <si>
    <t>django|django-forms</t>
  </si>
  <si>
    <t>The transaction of JdbcTemplate can not rollback correctly after timeouts</t>
  </si>
  <si>
    <t>&lt;p&gt;I'm having trouble with rolling back transactions and releasing db locks after timeouts. My application runs on Websphere Application Server. The scenario is:&lt;/p&gt;
&lt;ol&gt;
&lt;li&gt;&lt;p&gt;One thread starts a transaction using &lt;code&gt;@Transactional&lt;/code&gt; and gets X lock on DB to write data. During the transaction, WAS timeouts the transaction after it runs for more than 120 seconds and logs a UOW transaction timeout error. But Springboot doesn't catch the exception and doesn't release X lock on db records. So the thread hangs forever.&lt;/p&gt;&lt;/li&gt;
&lt;li&gt;&lt;p&gt;I tried to add timeouts using &lt;code&gt;@Transactional(timeout=2)&lt;/code&gt;. As the result, timeout is reported in the log, but this does not end or rollback the transaction immediately.&lt;/p&gt;&lt;/li&gt;
&lt;/ol&gt;
&lt;p&gt;How can I rollback a transaction and release the lock?&lt;/p&gt;</t>
  </si>
  <si>
    <t>2018-03-23 09:34:38.107000+00:00</t>
  </si>
  <si>
    <t>2018-03-23 10:20:51.770000+00:00</t>
  </si>
  <si>
    <t>transactions|timeout|jdbctemplate</t>
  </si>
  <si>
    <t>Issue regarding wrong output with a HackerRank statement on anagrams</t>
  </si>
  <si>
    <t>&lt;p&gt;For problem statement, please see &lt;a href="https://www.hackerrank.com/challenges/ctci-making-anagrams/problem" rel="nofollow noreferrer"&gt;this.&lt;/a&gt;   &lt;/p&gt;
&lt;p&gt;(I have omitted libraries.)&lt;/p&gt;
&lt;p&gt;My code works fine (when online judge tests the code) except for this case:&lt;/p&gt;
&lt;p&gt;aaaaaaaaaaaaaaaaaaaaaaaaaaaaa
bbbbbbbbbbbbbbbbbbbbbbbbbbbbbbbbbbbbbbbbbbbbbbbbbbbbbbbbbbbbbbbbbbbbbbbbbbb&lt;/p&gt;
&lt;p&gt;I would love to know why output it expects to be 104 when intersection is zero?&lt;/p&gt;
&lt;pre&gt;&lt;code&gt;std::string string_intersection;
int number_needed(string a, string b) {
int y = a.length();
int z = b.length();
sort(a.begin(), a.end());
sort(b.begin(), b.end());
std::set_intersection(a.begin(), a.end(), b.begin(), b.end(), std::back_inserter(string_intersection));
int num, x = string_intersection.length();
if(x==0)
    num = 0;
else
num = y + z - 2*x;
return num;
}
    int main(){
    string a;
    cin &amp;gt;&amp;gt; a;
    string b;
    cin &amp;gt;&amp;gt; b;
    cout &amp;lt;&amp;lt; number_needed(a, b) &amp;lt;&amp;lt; endl;
    return 0;
}
&lt;/code&gt;&lt;/pre&gt;</t>
  </si>
  <si>
    <t>2017-07-13 18:43:25.790000+00:00</t>
  </si>
  <si>
    <t>2017-07-13 19:48:22.403000+00:00</t>
  </si>
  <si>
    <t>2017-07-13 18:54:19.360000+00:00</t>
  </si>
  <si>
    <t>string|stl</t>
  </si>
  <si>
    <t>Deleting csv file java</t>
  </si>
  <si>
    <t>&lt;p&gt;I have a CSV file that I just read the values from, and have another where I put those values and also update. I will like to delete the first CSV, and rename the updated CSV. This is what I have:&lt;/p&gt;
&lt;pre&gt;&lt;code&gt;try
{
    if(file.delete())
    {
        System.out.println("Successfully deleted!");
    }
    else
    {
        System.out.println("Delete Operation didn't work.");
    }
    newFile.renameTo(new File("Book1.csv"));
}
catch (IOException ioe)
{
    System.out.println("ERROR. IO Exception: " + ioe.toString());
}
&lt;/code&gt;&lt;/pre&gt;
&lt;p&gt;I have checked for myself, and for some reason, the delete function doesn't always work.&lt;/p&gt;</t>
  </si>
  <si>
    <t>2013-03-15 16:08:09.923000+00:00</t>
  </si>
  <si>
    <t>2014-12-04 14:02:29.633000+00:00</t>
  </si>
  <si>
    <t>java|csv|file-io</t>
  </si>
  <si>
    <t>Get the loaded method count?</t>
  </si>
  <si>
    <t>&lt;p&gt;Dan Bornstein says&lt;/p&gt;
&lt;blockquote&gt;
  &lt;p&gt;&lt;a href="https://stackoverflow.com/questions/15508477/android-my-application-is-too-large-and-gives-unable-to-execute-dex-method-id"&gt; the bytecode instruction set doesn't have a way to refer to method
  numbers requiring more than 16 bits.&lt;/a&gt;&lt;/p&gt;
&lt;/blockquote&gt;
&lt;p&gt;... which is a bit worrisome to anyone farting around with secondary dex loading because they're working on a big, sprawling app that hits the 64K methods &lt;em&gt;per&lt;/em&gt; file limit. It sounds like, yes, you can have an app with hundreds of thousands of methods but that in doing so you've built a time bomb: sooner or later, some persistent user will exercise enough code paths that Dalvik loads enough classes that the loaded method count goes over 65,536, and your app will crash.&lt;/p&gt;
&lt;p&gt;We are &lt;a href="https://stackoverflow.com/questions/19967093/call-an-android-build-tool-from-an-eclipse-builder"&gt;facing just this issue&lt;/a&gt;, and I've been asked to see if there is a way to find out how many methods have actually been loaded. I've poked around in the JavaDoc and done some Googling, and come up blank. Hence my question:&lt;/p&gt;
&lt;p&gt;Is there any way to find out, at run time, how many methods have actually been loaded? (Without recompiling Dalvik to expose this info!)&lt;/p&gt;</t>
  </si>
  <si>
    <t>2013-11-14 19:40:39.043000+00:00</t>
  </si>
  <si>
    <t>2013-11-14 20:21:59.370000+00:00</t>
  </si>
  <si>
    <t>2017-05-23 12:28:46.213000+00:00</t>
  </si>
  <si>
    <t>android|dalvik</t>
  </si>
  <si>
    <t>Quadratic Bezier Curve with inner Triangle</t>
  </si>
  <si>
    <t>&lt;p&gt;Recently I am building a JavaScript module to add convenience functions to draw a quadratic bezier curve. This function have a source point, a target point and a control point and will create &lt;code&gt;svg path&lt;/code&gt; like this: &lt;/p&gt;
&lt;pre&gt;&lt;code&gt;&amp;lt;path id="active" d="M"+sourcePoint+" Q "+controlPoint+" "+ targetPoint+" " fill="orange" 
fill-opacity="0.8" stroke="steelblue" stroke-width="2px" cursor="move"&amp;gt;
&lt;/code&gt;&lt;/pre&gt;
&lt;p&gt;The point that I have to mention is, control point could change dynamically, So when I change it I have figure Like this:&lt;/p&gt;
&lt;p&gt;&lt;img src="https://i.stack.imgur.com/tGeJC.png" alt=" Some note"&gt; &lt;/p&gt;
&lt;p&gt;I downloaded image from &lt;a href="https://en.wikipedia.org/wiki/B%C3%A9zier_curve" rel="nofollow noreferrer"&gt;this&lt;/a&gt; link.&lt;/p&gt;
&lt;p&gt;This is a regular way to draw quadratic curve with outer triangle "Imagine a triangle with P0,P1,P2 points".I don't know if there are ways to calculate the B point on the curve?&lt;/p&gt;
&lt;p&gt;My goal is draw quadratic curve with inner triangle that P1 is always on curve like this:&lt;/p&gt;
&lt;p&gt;&lt;img src="https://i.stack.imgur.com/4VDry.jpg" alt="enter image description here"&gt;&lt;/p&gt;
&lt;p&gt;is there any way to draw this kind of quadratic curve or calculate the B point on the first picture?&lt;/p&gt;</t>
  </si>
  <si>
    <t>2015-07-14 12:51:46.903000+00:00</t>
  </si>
  <si>
    <t>2015-07-14 14:15:19.283000+00:00</t>
  </si>
  <si>
    <t>javascript|math|svg|quadratic-curve</t>
  </si>
  <si>
    <t>Memory Leak when using memcpy in c++</t>
  </si>
  <si>
    <t>&lt;p&gt;Here is my pseudo code:&lt;/p&gt;
&lt;pre&gt;&lt;code&gt;Class Product{
//code
};
Class ProductDiscount:public Product{
//code
};
Class Cart{
Product ** products;
int noElem;
};
&lt;/code&gt;&lt;/pre&gt;
&lt;p&gt;And now what I had to do was to put all kind of products inside a Cart using
&lt;code&gt;cart += &amp;amp;product1;&lt;/code&gt;(where product1 can be of type Product or ProductDiscount)&lt;/p&gt;
&lt;p&gt;I did this by overloading += operator and here is the code:&lt;/p&gt;
&lt;pre&gt;&lt;code&gt;void operator+=(Produs * prod){
    Produs ** copie = new Produs*[this-&amp;gt;n];
    for (int i = 0; i &amp;lt; n; i++)
        memcpy(&amp;amp;copie[i], &amp;amp;produse[i], 4);
    this-&amp;gt;n += 1;
    this-&amp;gt;produse = new Produs*[this-&amp;gt;n];
    for (int i = 0; i &amp;lt; this-&amp;gt;n - 1; i++)
        memcpy(&amp;amp;produse[i], &amp;amp;copie[i], 4);
    memcpy(&amp;amp;produse[n - 1], &amp;amp;prod, sizeof(copie[0]));
}
void operator+=(ProdusDiscount * prod){
        Produs ** copie = new Produs*[this-&amp;gt;n];
        for (int i = 0; i &amp;lt; n; i++)
            memcpy(&amp;amp;copie[i], &amp;amp;produse[i], 4);
        this-&amp;gt;n += 1;
        this-&amp;gt;produse = new Produs*[this-&amp;gt;n];
        for (int i = 0; i &amp;lt; this-&amp;gt;n - 1; i++)
            memcpy(&amp;amp;produse[i], &amp;amp;copie[i], 4);
        memcpy(&amp;amp;produse[n - 1], &amp;amp;prod, sizeof(copie[0]));
    }
&lt;/code&gt;&lt;/pre&gt;
&lt;p&gt;Now, I want to know if there is another way of doing this. I also want to know if i'm generating a memory leak when I use memcpy and if so, how to avoid it.&lt;/p&gt;</t>
  </si>
  <si>
    <t>2016-02-06 00:28:26.113000+00:00</t>
  </si>
  <si>
    <t>c++|memory-leaks|operator-overloading|memcpy</t>
  </si>
  <si>
    <t>for loop breaking out for some reason after array comparison</t>
  </si>
  <si>
    <t>&lt;p&gt;I have two arrays, and I'm comparing two values, and then setting a json object:&lt;/p&gt;
&lt;pre&gt;&lt;code&gt;var compare = ["hh", "pictures", "videos", "aboutMe", "contactMe", "cat", "location"];
var data = ["pictures", "videos", "aboutMe", "contactMe", "cat", "location"];
    for (var j=0; j&amp;lt;compare.length; j++) {
        if (compare[j] === data[j]) {
            self.MenuItems.menu_item[j].added = "added";
        }else if (compare[j] !== data[j]){
            self.MenuItems.menu_item[j].added = "";
        }
    }
&lt;/code&gt;&lt;/pre&gt;
&lt;p&gt;for some reason, for all &lt;code&gt;self.MenuItems.menu_item[j]&lt;/code&gt;, they all equal either "added" or "";...&lt;/p&gt;</t>
  </si>
  <si>
    <t>2012-07-27 19:23:30.250000+00:00</t>
  </si>
  <si>
    <t>2012-07-27 19:28:22.403000+00:00</t>
  </si>
  <si>
    <t>2012-07-27 19:26:07.240000+00:00</t>
  </si>
  <si>
    <t>Fortran write to file works weirdly with different compilers</t>
  </si>
  <si>
    <t>&lt;p&gt;So I have a snippet of code writing 9 variables to a file:&lt;/p&gt;
&lt;pre&gt;&lt;code&gt;if (rank == 0) then
    write (filehandle,*) a,b,c,d,e,f,g,h,i
endif
&lt;/code&gt;&lt;/pre&gt;
&lt;p&gt;But the code gives me different results on different machines / compilers:
If I use a PathScale compiler on a Cray cluster, I get:&lt;/p&gt;
&lt;pre&gt;&lt;code&gt;5.444445          0.0000000E+00      0.0000000E+00      1.5010493E-04    
1.4887122E-04      2.5604754E-09      0.0000000E+00     -4.7524699E-07    
0.0000000E+00
&lt;/code&gt;&lt;/pre&gt;
&lt;p&gt;(newline after every x columns)&lt;/p&gt;
&lt;p&gt;But if I use a GNU compiler on a different cluster, I get:&lt;/p&gt;
&lt;pre&gt;&lt;code&gt;5.444445          0.0000000E+00      0.0000000E+00      1.5010493E-04      1.4887122E-04      2.5604754E-09      0.0000000E+00     -4.7524699E-07     0.0000000E+00
&lt;/code&gt;&lt;/pre&gt;
&lt;p&gt;(no newline and the code works as expected)&lt;/p&gt;
&lt;p&gt;My makefile for both the compilers looks as such:&lt;/p&gt;
&lt;pre&gt;&lt;code&gt;# PathScale
FC = ftn
OPTFC = -Ofast -cpp
CC = cc
CFLAGS = -O3
# GNU
FC = mpif90
OPTFC = -O3 -funroll-loops -ftree-vectorize -fcray-pointer -cpp
CC = mpicc
CFLAGS = -O3
&lt;/code&gt;&lt;/pre&gt;
&lt;p&gt;I need the file write to work as it does in the second case. Because of system admin constraints, I cannot install different compilers on the Cray. Has anyone seen this before / know what the problem might be? Any help would be appreciated!&lt;/p&gt;</t>
  </si>
  <si>
    <t>2016-09-08 11:39:02.157000+00:00</t>
  </si>
  <si>
    <t>fortran|cray</t>
  </si>
  <si>
    <t>Multiple SSL IIS Web Site Publishing</t>
  </si>
  <si>
    <t>&lt;p&gt;&lt;a href="https://site.com/Pages/Membership/Registration.aspx" rel="nofollow"&gt;https://site.com/Pages/Membership/Registration.aspx&lt;/a&gt; is using 443 ssl post on the other hand i want to use diffrent ssl certificate for  sub domain &lt;a href="https://login.site.com/" rel="nofollow"&gt;https://login.site.com/&lt;/a&gt; but same port error &lt;/p&gt;</t>
  </si>
  <si>
    <t>2011-03-09 14:39:29.337000+00:00</t>
  </si>
  <si>
    <t>2011-05-24 17:59:24.893000+00:00</t>
  </si>
  <si>
    <t>asp.net|iis-7|ssl</t>
  </si>
  <si>
    <t>Hadoop -copyFromLocal failing to find file</t>
  </si>
  <si>
    <t>&lt;p&gt;I am trying to execute -copyFromLocal through oozie shell.&lt;/p&gt;
&lt;pre&gt;&lt;code&gt;hadoop fs -copyFromLocal '/usr/test/test1'  '/user/hue/oozie/workspaces/shell/'
&lt;/code&gt;&lt;/pre&gt;
&lt;p&gt;But it is failing sometimes with error &lt;/p&gt;
&lt;pre&gt;&lt;code&gt;log4j:ERROR Could not find value for key log4j.appender.TLA
log4j:ERROR Could not instantiate appender named "TLA".
copyFromLocal: `/usr/test/test1': No such file or directory
Failing Oozie Launcher, Main class [org.apache.oozie.action.hadoop.ShellMain], exit code [1]
&lt;/code&gt;&lt;/pre&gt;
&lt;p&gt;Sometimes it is working fine but sometime it is failling to copy. Please help me to short out this problem. Thanks in advance.&lt;/p&gt;</t>
  </si>
  <si>
    <t>2013-09-02 06:15:40.070000+00:00</t>
  </si>
  <si>
    <t>2013-09-29 06:50:05.733000+00:00</t>
  </si>
  <si>
    <t>2013-09-02 06:24:00.847000+00:00</t>
  </si>
  <si>
    <t>hadoop|oozie</t>
  </si>
  <si>
    <t>IndexOutOfRange Exception when working with DataTable</t>
  </si>
  <si>
    <t>&lt;p&gt;I'm using StreamReader to access to CSV text file and read all the lines to a DataTable.&lt;/p&gt;
&lt;pre&gt;&lt;code&gt;public static DataTable ConvertToDataTable(string filePath, int numberOfColumns)
    {
        DataTable tbl = new DataTable();
        for (int col = 0; col &amp;lt; numberOfColumns; col++)
            tbl.Columns.Add(new DataColumn("Column" + (col + 1).ToString()));
        string line;
        System.IO.StreamReader file = new StreamReader("C:/ProgramData/3CX/Instance1/Data/Logs/CDRLogs/cdr.log");
        while ((line = file.ReadLine()) != null)
        {
            var cols = line.Split(',');
            DataRow dr = tbl.NewRow();
            for (int cIndex = 0; cIndex &amp;lt; cols.Length + 1; cIndex++)
            {
                dr[cIndex] = cols[cIndex];
            }
            tbl.Rows.Add(dr);
        }
&lt;/code&gt;&lt;/pre&gt;
&lt;p&gt;Once I've added all the CSV rows to the DataTable I want to iterate through the rows and remomve unwanted rows on conditions. &lt;/p&gt;
&lt;pre&gt;&lt;code&gt;DataTable dt = ConvertToDataTable("C:/ProgramData/3CX/Instance1/Data/Logs/CDRLogs", 4);
        for (int i = 0; i &amp;lt; dt.Rows.Count; i++)
        {
            string duration = dt.Rows[i][1].ToString();
            if (duration == "")
            {
                dt.Rows[i].Delete();
            }
            Console.WriteLine(i.ToString() + dt.Rows[i][1].ToString());
        }
&lt;/code&gt;&lt;/pre&gt;
&lt;p&gt;This runs just fine until I reach the last row, where it seems to be looping through a row that doesn't exist. &lt;/p&gt;
&lt;p&gt;Anyone have an idea as to why? Any and all help would be greatly appreciated!&lt;/p&gt;</t>
  </si>
  <si>
    <t>2016-08-12 09:26:29.060000+00:00</t>
  </si>
  <si>
    <t>2016-08-12 11:29:24.453000+00:00</t>
  </si>
  <si>
    <t>2016-08-12 09:56:29.863000+00:00</t>
  </si>
  <si>
    <t>c#|.net|datatable</t>
  </si>
  <si>
    <t>"Must specify grant_type field" error when getting Oauth2 token</t>
  </si>
  <si>
    <t>&lt;p&gt;I've got a simple &lt;strong&gt;node.js&lt;/strong&gt; backend build on &lt;strong&gt;Restify&lt;/strong&gt; with &lt;strong&gt;OAuth2&lt;/strong&gt; authorization (restify-oauth2 plugin).&lt;/p&gt;
&lt;p&gt;I've got a problem requesting a token. When I call POST method with my REST client, everything works correctly and I get &lt;code&gt;access_token&lt;/code&gt; and &lt;code&gt;token_type&lt;/code&gt;.&lt;/p&gt;
&lt;p&gt;The problem occurs when I try to do the same thing in my frontend aplication made in &lt;strong&gt;Angular&lt;/strong&gt;.&lt;/p&gt;
&lt;p&gt;Here's my code:&lt;/p&gt;
&lt;pre&gt;&lt;code&gt; var req = {
     method: 'POST',
     url: 'http://localhost:8080/token',
     headers: headers,
     data: {},
     params: {grant_type: "client_credentials"}
 };
 $http(req).success(function(data, status, headers, config){
     console.log('success');
 }).error(function(data, status, headers, config){
     console.log('error');
 });
&lt;/code&gt;&lt;/pre&gt;
&lt;p&gt;So as you can see, &lt;code&gt;grant_type&lt;/code&gt; parameter is provided. But still the server responds with:&lt;/p&gt;
&lt;pre&gt;&lt;code&gt;{"error":"invalid_request","error_description":"Must specify grant_type field."}
&lt;/code&gt;&lt;/pre&gt;
&lt;p&gt;And here's devtools screenshot:&lt;/p&gt;
&lt;p&gt;&lt;img src="https://i.stack.imgur.com/lvy1Y.png" alt="enter image description here"&gt;&lt;/p&gt;
&lt;p&gt;How do I need to change my request to make it work?&lt;/p&gt;</t>
  </si>
  <si>
    <t>2015-07-02 21:15:40.360000+00:00</t>
  </si>
  <si>
    <t>2015-07-03 12:21:39.630000+00:00</t>
  </si>
  <si>
    <t>angularjs|node.js|oauth-2.0|restify</t>
  </si>
  <si>
    <t>Kafka consumer fails silently to connect to broker</t>
  </si>
  <si>
    <t>&lt;p&gt;We had an issue today where a Kakfa consumer failed to connect to any brokers, and there was no error message in the logs. It failed to connect as it was connecting over SSL and was pointing to the wrong truststore. But although in this instance it was due to an SSL failure, I have seen other times where the consumer fails to connect, and there be no error message in the logs.&lt;/p&gt;
&lt;p&gt;&lt;strong&gt;Is there a way to configure a Kafka consumer so that an error message is logged if the consumer cannot connect to a broker?&lt;/strong&gt; I am looking for a generic solution, not specific to SSL connection issues.&lt;/p&gt;
&lt;p&gt;(We are using: &lt;code&gt;org.apache.kafka:kafka-clients:0.9.0.1&lt;/code&gt; and &lt;code&gt;org.springframework.kafka:spring-kafka:1.0.4.RELEASE&lt;/code&gt;)&lt;/p&gt;</t>
  </si>
  <si>
    <t>2018-11-07 14:01:12.193000+00:00</t>
  </si>
  <si>
    <t>2018-11-07 16:09:48.253000+00:00</t>
  </si>
  <si>
    <t>apache-kafka|spring-kafka</t>
  </si>
  <si>
    <t>Access &amp; SQL Server: Number of uses since date aggregate problem - new reporting problem (solved aggregate issue)</t>
  </si>
  <si>
    <t>&lt;p&gt;&lt;strong&gt;BACKGROUND:&lt;/strong&gt;&lt;br&gt;
I've been trying to streamline the work involved in running a report in my program.  Lately, I've had to supply a listing of job numbers an instrument has been used on with the listing of items for cost/benefit analysis.  Mostly to see how often an instrument is used since it was last serviced/calibrated and the last time anyone did use it.  I was looking to integrate this into the query that helps generate the report - but I keep hitting a brick wall of sorts with the number of uses - since I want that aggregate to be based on the date the instrument was last calibrated (a field based in the same query).  I can get it to give me the number of uses in the system total - but it will not accept the limitation that I want it to be only counting the times used since the last time it was calibrated&lt;/p&gt;
&lt;p&gt;&lt;strong&gt;PROBLEM:&lt;/strong&gt;&lt;br&gt;
Attempts to put an aggregate function in my report for the number of uses since the item's calibration are met either with undesired results, or the dreaded 'aggregate missing' error (don't remember the exact warning).  &lt;/p&gt;
&lt;p&gt;-- Edited to add 8/12/2011 @ 16:09 -- &lt;/p&gt;
&lt;p&gt;An additional problem with the use of the Max aggregate has been found for instruments that have never been used being excluded by this query.&lt;/p&gt;
&lt;p&gt;&lt;strong&gt;DETAILS:&lt;/strong&gt;&lt;/p&gt;
&lt;p&gt;Here is the query that does work so far:&lt;/p&gt;
&lt;pre&gt;&lt;code&gt;SELECT
  dbo_tblPOGaugeDetail.intGagePOID,
  dbo_tblPOGaugeDetail.strGageDetailID,
  dbo_Gage_Master.Description,
  dbo_Gage_Master.Manufacturer,
  dbo_Gage_Master.Model_No,
  dbo_Gage_Master.Gage_SN,
  dbo_Gage_Master.Unit_of_Meas,
  dbo_Gage_Master.User_Defined,
  dbo_Gage_Master.Calibration_Frequency,
  dbo_Gage_Master.Calibration_Frequency_UOM,
  dbo_tblPOGaugeDetail.bolGageLeavePriceBlank,
  dbo_tblPOGaugeDetail.intGageCost,
  dbo_Gage_Master.Last_Calibration_Date,
  dbo_Gage_Master.Next_Due_Date,
  dbo_tblPOGaugeDetail.bolGageEvaluate,
  dbo_tblPOGaugeDetail.bolGageExpedite,
  dbo_tblPOGaugeDetail.bolGageAccredited,
  dbo_tblPOGaugeDetail.bolGageCalibrate,
  dbo_tblPOGaugeDetail.bolGageRepair,
  dbo_tblPOGaugeDetail.bolGageReturned,
  dbo_tblPOGaugeDetail.bolGageBER,
  dbo_tblPOGaugeDetail.intTurnaroundDaysOut,
  qryRCEquipmentLastUse.MaxOfdatDateEntered
FROM (dbo_tblPOGaugeDetail
  INNER JOIN dbo_Gage_Master ON dbo_tblPOGaugeDetail.strGageDetailID = dbo_Gage_Master.Gage_ID)
  INNER JOIN qryRCEquipmentLastUse ON dbo_Gage_Master.Gage_ID = qryRCEquipmentLastUse.Gage_ID
ORDER BY dbo_tblPOGaugeDetail.strGageDetailID;
&lt;/code&gt;&lt;/pre&gt;
&lt;p&gt;But I can't seem to aggregate a count of Uses (making a Count(strCustomerJobNum)) from the tblGageActivity with the following fields:&lt;/p&gt;
&lt;pre&gt;&lt;code&gt;strGageID
strCustomerJobNum
datDateEntered
datTimeEntered
&lt;/code&gt;&lt;/pre&gt;
&lt;p&gt;I tried to add a field to the formerly listed query to do a Count(strCustomerJobNum) where datDateEntered matched the Last_Calibration_Date from the calling query - but I got the 'missing aggregate' error.  If I leave this condition out - it will run - but will list every instrument ever sent out only if it's had a usage count of at least one (not what I want at all, sadly).&lt;/p&gt;
&lt;p&gt;I also want to make sure that if I should get a zero uses count - I will get a zero back instead of my expected records minus the null results.&lt;/p&gt;
&lt;p&gt;I hope someone out there can tell me where I am going wrong with this - I want to save the time I am currently spending running an activity report in another program whenever I want to generate this report.  Thanks in advance, and let me know if you need me to post more information.&lt;/p&gt;
&lt;p&gt;-- Edited to add 08/15/2011 @ 14:41 --&lt;/p&gt;
&lt;p&gt;I managed to solve the Max() aggregate problem by creating a 'pure' first-step query to get a listing of all instrument with most modern date as qryRCEquipmentUsed.  &lt;/p&gt;
&lt;p&gt;&lt;strong&gt;qryRCEquipmentLastUse&lt;/strong&gt;:&lt;/p&gt;
&lt;pre&gt;&lt;code&gt;SELECT dbo.tblGageActivity.strGageID, Max(dbo.tblGageActivity.datDateEntered) AS datLastDateUsed
FROM dbo.tblGageActivity
GROUP BY dbo.tblGageActivity.strGageID;
&lt;/code&gt;&lt;/pre&gt;
&lt;p&gt;Then I created a 'pure' listing of all instruments that have no usage at all as a query named qryRCEquipmentNeverUsed.  &lt;/p&gt;
&lt;p&gt;&lt;strong&gt;qryRCEquipmentNeverUsed&lt;/strong&gt;:&lt;/p&gt;
&lt;pre&gt;&lt;code&gt;SELECT dbo_Gage_Master.Gage_ID, NULL AS datLastDateUsed
FROM dbo_Gage_Master LEFT JOIN dbo_tblGageActivity ON dbo_Gage_Master.Gage_ID = dbo_tblGageActivity.strGageID
WHERE (((dbo_tblGageActivity.strGageID) Is Null));
&lt;/code&gt;&lt;/pre&gt;
&lt;p&gt;NOTE:  The NULL was inserted so that the third combining UNION query will not fail due to a mismatch in the number of fields being retrieved from the tables.&lt;/p&gt;
&lt;p&gt;At last, I created a UNION query named qryCombinedUseEquipment to combine the two into a list:&lt;/p&gt;
&lt;p&gt;&lt;strong&gt;qryCombinedUseEquipment&lt;/strong&gt;:&lt;/p&gt;
&lt;pre&gt;&lt;code&gt;SELECT *
FROM qryRCEquipmentLastUse
UNION SELECT *
FROM qryRCEquipmentNeverUsed;
&lt;/code&gt;&lt;/pre&gt;
&lt;p&gt;Using this last union query to feed the Last Used date to the parent query works in datasheet view, but when the parent query is called in the report - I get a blank report; so a nudge in the right direction would still be wonderfully appreciated.&lt;/p&gt;
&lt;hr&gt;
&lt;p&gt;&lt;strong&gt;APPENDIX&lt;/strong&gt;&lt;/p&gt;
&lt;p&gt;Same script as above, but with shorter table aliases (in case someone finds that clearer):&lt;/p&gt;
&lt;pre&gt;&lt;code&gt;SELECT
  gd.intGagePOID,
  gd.strGageDetailID,
  gm.Description,
  gm.Manufacturer,
  gm.Model_No,
  gm.Gage_SN,
  gm.Unit_of_Meas,
  gm.User_Defined,
  gm.Calibration_Frequency,
  gm.Calibration_Frequency_UOM,
  gd.bolGageLeavePriceBlank,
  gd.intGageCost,
  gm.Last_Calibration_Date,
  gm.Next_Due_Date,
  gd.bolGageEvaluate,
  gd.bolGageExpedite,
  gd.bolGageAccredited,
  gd.bolGageCalibrate,
  gd.bolGageRepair,
  gd.bolGageReturned,
  gd.bolGageBER,
  gd.intTurnaroundDaysOut,
  lu.MaxOfdatDateEntered
FROM (dbo_tblPOGaugeDetail gd
  INNER JOIN dbo_Gage_Master gm ON gd.strGageDetailID = gm.Gage_ID)
  INNER JOIN qryRCEquipmentLastUse lu ON gm.Gage_ID = lu.Gage_ID
ORDER BY gd.strGageDetailID;
&lt;/code&gt;&lt;/pre&gt;</t>
  </si>
  <si>
    <t>2011-08-11 23:26:16.500000+00:00</t>
  </si>
  <si>
    <t>2011-08-16 22:30:49.753000+00:00</t>
  </si>
  <si>
    <t>2011-08-15 19:52:19.867000+00:00</t>
  </si>
  <si>
    <t>sql|sql-server|ms-access|aggregate-functions</t>
  </si>
  <si>
    <t>nHibernate 3 - QueryOver with DateTime</t>
  </si>
  <si>
    <t>&lt;p&gt;I'm trying to write a query to select using the DateTime. Year as a where parameter, but I'm receiving this error from nunit:&lt;/p&gt;
&lt;blockquote&gt;
  &lt;p&gt;NHibernate.QueryException : could not resolve property: Register.Year of: Estudantino.Domain.Events&lt;/p&gt;
&lt;/blockquote&gt;
&lt;p&gt;In class &lt;strong&gt;Events&lt;/strong&gt; I've a property named &lt;strong&gt;Register&lt;/strong&gt; as a DateTime type.&lt;/p&gt;
&lt;pre&gt;&lt;code&gt;public virtual DateTime Registada { get; set; }
&lt;/code&gt;&lt;/pre&gt;
&lt;p&gt;This is the method that is returning the error: &lt;/p&gt;
&lt;pre&gt;&lt;code&gt;  using (ISession session = NHibernateHelper.OpenSession())
        {
            return session.QueryOver&amp;lt;Evento&amp;gt;()
                .Where(x =&amp;gt; x.Register.Year == year)
                .List();
        }
&lt;/code&gt;&lt;/pre&gt;
&lt;p&gt;The variable year is of type &lt;strong&gt;int&lt;/strong&gt;, that is been passed to the method.&lt;/p&gt;
&lt;p&gt;Does anyone have an idea of what i'm doing wrong? My database server is SQL Server 2005 Express.&lt;/p&gt;</t>
  </si>
  <si>
    <t>2011-01-23 05:28:40.563000+00:00</t>
  </si>
  <si>
    <t>2015-04-08 23:28:08.213000+00:00</t>
  </si>
  <si>
    <t>2012-05-03 05:33:07.297000+00:00</t>
  </si>
  <si>
    <t>nhibernate|nhibernate-3</t>
  </si>
  <si>
    <t>Jasper CVC Component with Sub-Dataset</t>
  </si>
  <si>
    <t>&lt;p&gt;I'm working on CVC component in Jasper Studio. It is working fine with the "ReportMainDataset" but when I'm using the "Sub Dataset" it is not plotting. &lt;/p&gt;
&lt;p&gt;Just wanted to know does CVC component works with "Sub Dataset" or not. If works, guide me how can I achieve this.&lt;/p&gt;</t>
  </si>
  <si>
    <t>2016-02-23 14:09:06.107000+00:00</t>
  </si>
  <si>
    <t>2016-06-13 15:57:28.083000+00:00</t>
  </si>
  <si>
    <t>2016-02-23 14:35:32.793000+00:00</t>
  </si>
  <si>
    <t>jasper-reports|jaspersoft-studio</t>
  </si>
  <si>
    <t>Sending Json [Gson implementation] from Rest-Webservice</t>
  </si>
  <si>
    <t>&lt;p&gt;I am using Gson library to handle parsing Json to java entities and vice-versa.
Now, after processing the in need to return the Json object to the caller.
But doing so results in following exception:&lt;/p&gt;
&lt;pre&gt;&lt;code&gt;Mar 25, 2014 4:46:30 PM com.sun.jersey.spi.container.ContainerResponse write
SEVERE: A message body writer for Java class com.google.gson.JsonObject, and Java type class com.google.gson.JsonObject, and MIME media type application/json was not found
Mar 25, 2014 4:46:30 PM com.sun.jersey.spi.container.ContainerResponse write
SEVERE: The registered message body writers compatible with the MIME media type are:
&lt;/code&gt;&lt;/pre&gt;
&lt;p&gt;Json after processing is &lt;code&gt;{"status":"Entity added successfully."}&lt;/code&gt;&lt;/p&gt;
&lt;p&gt;&lt;strong&gt;My Observation&lt;/strong&gt;: It seems like i need to register &lt;code&gt;Gson&lt;/code&gt; implementation for Json somewhere to let the container know that I will send Json data using Gson's JsonObject. If i observed correctly, then where should i register and how, or if i am totally wrong then, please correct me.&lt;/p&gt;
&lt;p&gt;My implementation looks like following:&lt;/p&gt;
&lt;pre&gt;&lt;code&gt;@POST
@Path("/entity")
@Produces(MediaType.APPLICATION_JSON)
public Response addEntity(@FormParam("entity") String jsonEntity, @FormParam("entityType") String jsonEntityType) {
    JsonObject jSonStatus = null;
    log.info("Entered webservice method: " + jsonEntity.toString() + "\n" + jsonEntityType.toString());
    if (jsonEntity != null &amp;amp;&amp;amp; jsonEntityType != null) {
        dispatcher = dispatcher.getDispatcher();
        jSonStatus = dispatcher.addEntity(jsonEntity, jsonEntityType);
    }
    log.info("Returning from webservice method: " + jSonStatus);
    ResponseBuilder rb = new ResponseBuilderImpl();
    // rb.type(MediaType.APPLICATION_JSON);   tried with this also, but no luck
    rb.entity(jSonStatus);
    rb.status(Status.OK);
    return rb.build();
}
&lt;/code&gt;&lt;/pre&gt;</t>
  </si>
  <si>
    <t>2014-03-25 11:43:40.270000+00:00</t>
  </si>
  <si>
    <t>2014-03-26 13:18:48.760000+00:00</t>
  </si>
  <si>
    <t>java|json|web-services|gson</t>
  </si>
  <si>
    <t>Android tabluar data from database</t>
  </si>
  <si>
    <t>&lt;p&gt;I want to show all the data from the database in a View. &lt;code&gt;addview&lt;/code&gt; to the layout is a good idea. But as I don't know the no. of data, I cann't create required no. of textview, and i cann't add a single textview multiple number of time. How can I solve this problem?&lt;/p&gt;</t>
  </si>
  <si>
    <t>2011-02-17 13:36:41.917000+00:00</t>
  </si>
  <si>
    <t>2011-02-17 13:49:45.523000+00:00</t>
  </si>
  <si>
    <t>android|database|tabular</t>
  </si>
  <si>
    <t>Difference in opening a website in a machine using ip address and localhost?</t>
  </si>
  <si>
    <t>&lt;p&gt;I have a website configured in my IIS.&lt;/p&gt;
&lt;p&gt;In the browser(Internet Explorer) when I open(&lt;em&gt;in the same machine where is the website hosted in IIS&lt;/em&gt;) it by giving url with localhost it opens correctly, but when I give the IP address it displays me a pop up &lt;/p&gt;
&lt;blockquote&gt;
  &lt;p&gt;"Content from the website listed below is being blocked by the
  internet explorer Enhanced security Configuration"&lt;/p&gt;
&lt;/blockquote&gt;
&lt;p&gt;What is the logical difference when a website is being opened by giving localhost and when a user gives a IP?&lt;/p&gt;
&lt;p&gt;Also the OS is Windows Server 2008&lt;/p&gt;</t>
  </si>
  <si>
    <t>2013-12-18 12:10:30.543000+00:00</t>
  </si>
  <si>
    <t>2013-12-20 02:19:58.687000+00:00</t>
  </si>
  <si>
    <t>javascript|security|internet-explorer|google-chrome|web</t>
  </si>
  <si>
    <t>Making snake game, is my solution to avoid 'food/blobs' spawning on top of my snake in order?</t>
  </si>
  <si>
    <t>&lt;p&gt;&lt;a href="http://i.stack.imgur.com/P7Ano.png" rel="nofollow"&gt;http://i.stack.imgur.com/P7Ano.png&lt;/a&gt; &amp;lt;- Image ~..~&lt;/p&gt;
&lt;p&gt;Hopefully the title is somewhat informative.
I am currently making my first game in Java and i need some help with a certain piece of code.&lt;/p&gt;
&lt;h2&gt;Here we go:&lt;/h2&gt;
&lt;p&gt;As the snake moves over a red square (hereafter "blob"), the square is repainted with new, randomly generated coordinates. As these coordinates are randomly generated there is a chance of the blob being painted on top of my snake. &lt;/p&gt;
&lt;p&gt;I want to avoid that and i've made the method generating the random coordinates check them against the current coordinates of the snake. The snake consists of 5x5px segments, each with their own coordinates stored in a 2D-array.&lt;/p&gt;
&lt;p&gt;My logic goes as follows: 1) Generate X and Y coordinates. 2) Get the differential of the coordinates (as in, how far they are away from eachother) 3) if they are within COLLISIONRANGE (5px) of eachother -&gt; do not use those coords.&lt;/p&gt;
&lt;h2&gt;What im really asking:&lt;/h2&gt;
&lt;p&gt;Is this an alright solution? Is there any glaring faults with the way i check for this?
As i play the game, i get more triggers of the System.out.println("Log: No-go spawn #" + i); i have there for logging than i would assume is natural.&lt;/p&gt;
&lt;p&gt;&lt;strong&gt;It seems that the randomly generated coordinates are within COLLISIONRANGE of the snakesegments too often for everything to be correct.&lt;/strong&gt;&lt;/p&gt;
&lt;h2&gt;My method:&lt;/h2&gt;
&lt;pre&gt;&lt;code&gt;private void generateBlobCoordinates() {
    Random randomGenerator = new Random();
    boolean isClearSpawn = true;
    int x = randomGenerator.nextInt(BORDER_X_MAX);
    int y = randomGenerator.nextInt(BORDER_Y_MAX);
    int xDiff;
    int yDiff;
    // If generated coords are within COLLISIONRANGE, set isClearSpawn to false
    for(int i = 0; i &amp;lt; snakeSegments.length; i++) {
        if(snakeSegments[i][0] != -1) {
            xDiff = Math.abs(x - snakeSegments[i][0]);
            yDiff = Math.abs(y - snakeSegments[i][1]);
            if(xDiff &amp;lt;= COLLISIONRANGE || yDiff &amp;lt;= COLLISIONRANGE) {
                isClearSpawn = false;
                System.out.println("Log: No-go spawn #" + i);
                break;
            }
        }
        else
            break;
    }
    if(isClearSpawn == true) {
        blobX = x;
        blobY = y;
    }
    else
        generateBlobCoordinates();
}
&lt;/code&gt;&lt;/pre&gt;</t>
  </si>
  <si>
    <t>2013-02-07 02:07:12.003000+00:00</t>
  </si>
  <si>
    <t>2013-02-07 02:15:09.880000+00:00</t>
  </si>
  <si>
    <t>java|collision-detection</t>
  </si>
  <si>
    <t>LINQ - Select complete object with join in entityframework</t>
  </si>
  <si>
    <t>&lt;p&gt;I  have a Model called employee&lt;/p&gt;
&lt;pre&gt;&lt;code&gt;[Table("tblemployee")]
public class Employee
{
   public int EmpID;
   public string EmpName;
   [NotMapped]
   public string EmpRole;
}
&lt;/code&gt;&lt;/pre&gt;
&lt;p&gt;I have another Model of Role&lt;/p&gt;
&lt;pre&gt;&lt;code&gt;[Table("tblrole")]
public class Role
{
public int EmpID;
public string RoleName;
}
&lt;/code&gt;&lt;/pre&gt;
&lt;p&gt;Now I want a final object of employee which sets RoleName of the Role class to the EmpRole of the Employee class.&lt;/p&gt;
&lt;pre&gt;&lt;code&gt;var result =  from e in Context.Employee 
              join r in Context.Role on e.EmpID equals r.EmpID
              select new Employee {
              EmpID = e.EmpID,        
              EmpName = e.EmpName,
              EmpRole = r.RoleName
              };
&lt;/code&gt;&lt;/pre&gt;
&lt;p&gt;Here, I don't want to set all the properties of employee class . I just want to set only the emprole property which comes from the role class. Is there other way so that i can select complete employee object at once and only set the EmpRole field? Please help.&lt;/p&gt;
&lt;p&gt;Thanks in advance&lt;/p&gt;</t>
  </si>
  <si>
    <t>2015-01-23 04:27:27.193000+00:00</t>
  </si>
  <si>
    <t>2015-01-23 06:53:50.523000+00:00</t>
  </si>
  <si>
    <t>2015-01-23 04:37:24.247000+00:00</t>
  </si>
  <si>
    <t>WinRT Xaml: Tapping Individual elements in grid</t>
  </si>
  <si>
    <t>&lt;p&gt;I want to be able to individually figure out which children grids are tapped as part of a larger grid. Each of the children grid are in individual columns and rows, I'm trying to do something simple where I handle individual grids being tapped through different event handlers. What am I doing wrong? I can only get the entire grid to fire an event handler when it is tapped, but what I want is the event handler "row0col0_Tapped" to be fired only when that part of the 0th row and 0th column of the outer grid is tapped.&lt;/p&gt;
&lt;pre&gt;&lt;code&gt;&amp;lt;Grid Background="{StaticResource ApplicationPageBackgroundThemeBrush}" IsTapEnabled="True"&amp;gt;
    &amp;lt;Grid.RowDefinitions&amp;gt;
        &amp;lt;RowDefinition Height="*" /&amp;gt;
        &amp;lt;RowDefinition Height="*" /&amp;gt;
        &amp;lt;RowDefinition Height="*" /&amp;gt;
    &amp;lt;/Grid.RowDefinitions&amp;gt;
    &amp;lt;Grid.ColumnDefinitions&amp;gt;
        &amp;lt;ColumnDefinition Width="*" /&amp;gt;
        &amp;lt;ColumnDefinition Width="*" /&amp;gt;
        &amp;lt;ColumnDefinition Width="*" /&amp;gt;
    &amp;lt;/Grid.ColumnDefinitions&amp;gt;
    &amp;lt;Grid IsTapEnabled="True" Grid.Row="0" Grid.Column="0" Tapped="row0col0_Tapped"&amp;gt;
        &amp;lt;Canvas x:Name="row0col0"&amp;gt;&amp;lt;/Canvas&amp;gt;
    &amp;lt;/Grid&amp;gt;
    &amp;lt;Grid IsTapEnabled="True" Grid.Row="0" Grid.Column="1"&amp;gt;&amp;lt;/Grid&amp;gt;
    &amp;lt;Grid IsTapEnabled="True" Grid.Row="0" Grid.Column="2"&amp;gt;&amp;lt;/Grid&amp;gt;
    &amp;lt;Grid IsTapEnabled="True" Grid.Row="2" Grid.Column="0"&amp;gt;&amp;lt;/Grid&amp;gt;
    &amp;lt;Grid IsTapEnabled="True" Grid.Row="2" Grid.Column="1"&amp;gt;&amp;lt;/Grid&amp;gt;
    &amp;lt;Grid IsTapEnabled="True" Grid.Row="2" Grid.Column="2"&amp;gt;&amp;lt;/Grid&amp;gt;
    &amp;lt;Grid IsTapEnabled="True" Grid.Row="2" Grid.Column="0"&amp;gt;&amp;lt;/Grid&amp;gt;
    &amp;lt;Grid IsTapEnabled="True" Grid.Row="2" Grid.Column="1"&amp;gt;&amp;lt;/Grid&amp;gt;
    &amp;lt;Grid IsTapEnabled="True" Grid.Row="2" Grid.Column="2"&amp;gt;&amp;lt;/Grid&amp;gt;
&amp;lt;/Grid&amp;gt;
&lt;/code&gt;&lt;/pre&gt;</t>
  </si>
  <si>
    <t>2013-03-26 06:20:35.440000+00:00</t>
  </si>
  <si>
    <t>2013-03-26 09:24:58.983000+00:00</t>
  </si>
  <si>
    <t>2013-03-26 06:27:49.893000+00:00</t>
  </si>
  <si>
    <t>c#|xaml|windows-runtime</t>
  </si>
  <si>
    <t>Dynamic daily date in batch file</t>
  </si>
  <si>
    <t>&lt;p&gt;In below batch file, where the date is 2015_01_21 is a folder named by date on ftp, and the csv file is also having the date in name&lt;/p&gt;
&lt;p&gt;How can i get this changed automatically, if i have to run this batch file through task scheduler daily?&lt;/p&gt;
&lt;pre&gt;&lt;code&gt;ftp.exe -s:%0   
open 111.11.111.11   
Username  
Password
get Samle/2015_01_21/Samle_AB20150121.csv.gz  
get Samle/2015_01_21_ABCD/Samle_AB210115.csv.gz
quit
&lt;/code&gt;&lt;/pre&gt;</t>
  </si>
  <si>
    <t>2015-01-24 06:26:03.483000+00:00</t>
  </si>
  <si>
    <t>2016-02-10 13:58:41.220000+00:00</t>
  </si>
  <si>
    <t>batch-file|ftp</t>
  </si>
  <si>
    <t>mvc custom login function need to secure controllers</t>
  </si>
  <si>
    <t>&lt;p&gt;I have a function called AuthenticateUsers that returns valid or invalid to my cshtml but i user knows the controller name they would be abke to bypass the login page. How to solve this issue?&lt;/p&gt;</t>
  </si>
  <si>
    <t>2017-05-15 19:51:26.807000+00:00</t>
  </si>
  <si>
    <t>2017-05-15 21:00:30.980000+00:00</t>
  </si>
  <si>
    <t>c#|model-view-controller</t>
  </si>
  <si>
    <t>Track mousedown coordinates within set region over Flash</t>
  </si>
  <si>
    <t>&lt;p&gt;My page has a full screen flash object with a centered fixed content area (the rest background).&lt;/p&gt;
&lt;p&gt;Without touching the flash source, I want to add "links" to set places within the content area to run script(s) (eg. ajax, event tracking) - similar to an image map.&lt;/p&gt;
&lt;p&gt;&lt;strong&gt;Needed:&lt;/strong&gt; - any page click compares the clicked x/y coordinates to a lookup table and if coordinates are within a "link" region, run a script - remember the coordinates are of the fixed content area within flash, not relative to the browser. &lt;em&gt;will the Flash animation and interactivity still work as normal?&lt;/em&gt;&lt;/p&gt;
&lt;p&gt;&lt;strong&gt;Options tried:&lt;/strong&gt;&lt;/p&gt;
&lt;ul&gt;
&lt;li&gt;set flash wmode=transparent and place a div containing links covering active area
&lt;em&gt;This works in IE but Firefox disables the interactivity of the Flash file under the div layer&lt;/em&gt; &lt;/li&gt;
&lt;/ul&gt;</t>
  </si>
  <si>
    <t>2009-03-27 03:01:30.467000+00:00</t>
  </si>
  <si>
    <t>2009-08-26 21:00:02.070000+00:00</t>
  </si>
  <si>
    <t>javascript|flash|event-handling|onmousedown</t>
  </si>
  <si>
    <t>Multiple Web Applications with Different Default Pages from one folder</t>
  </si>
  <si>
    <t>&lt;p&gt;I am looking to deploy a new ASP.NET web application under IIS which will be used by multiple customers all requiring a different skin.  However one of the requirements is that this is only deployed on the web server in one physical folder (e.g. C:\Inetpub\wwwroot\MyWebApplication).&lt;/p&gt;
&lt;p&gt;I was planning on running multiple virtual directories all pointing to this location and from this multiple Application Pools (this gives me a separate Application State Object for each application)  &lt;/p&gt;
&lt;p&gt;The problem I have is i need a way of the users hitting different default pages depending on the client base they belong to demonstrated below:&lt;/p&gt;
&lt;p&gt;Client 1 &lt;br/&gt;
URL: &lt;a href="https://www.mydomain.com/Client1Application" rel="nofollow"&gt;https://www.mydomain.com/Client1Application&lt;/a&gt; &lt;br/&gt;
Default Page: Client1Default.aspx (this can be skinned for Client 1's requirements)&lt;/p&gt;
&lt;p&gt;Client 2 &lt;br/&gt;
URL: &lt;a href="https://www.mydomain.com/Client2Application" rel="nofollow"&gt;https://www.mydomain.com/Client2Application&lt;/a&gt; &lt;br/&gt;
Default Page: Client2Default.aspx (this can be skinned for Client 2's requirements)&lt;/p&gt;
&lt;p&gt;Is there a way I can easily achieve this in IIS without having to get the client to include the page name in their URL?&lt;/p&gt;
&lt;p&gt;Any help on this would be appreciated.&lt;/p&gt;
&lt;p&gt;Regards,  &lt;br/&gt;
Stuart Ferguson&lt;/p&gt;</t>
  </si>
  <si>
    <t>2014-03-17 11:35:28.597000+00:00</t>
  </si>
  <si>
    <t>c#|asp.net|iis|web-applications|web-deployment</t>
  </si>
  <si>
    <t>How to read Data via a Future using file channels?</t>
  </si>
  <si>
    <t>&lt;p&gt;I am reading a file using RandomFileAccess, FileChannel and ByteBuffer as follows:&lt;/p&gt;
&lt;pre&gt;&lt;code&gt;RandomAccessFile myFile = new RandomAccessFile("/Users/****/Documents/a.txt", "rw");
FileChannel myInChannel = myFile.getChannel();
ByteBuffer bb = ByteBuffer.allocate(48);
int bytesRead = myInChannel.read(bb);
while (bytesRead != -1) {
     // do something
}
myFile.close();
&lt;/code&gt;&lt;/pre&gt;
&lt;p&gt;All this code is working fine.
But i am wondering is there any way i can read the data using Future?&lt;/p&gt;</t>
  </si>
  <si>
    <t>2016-12-12 07:30:37.017000+00:00</t>
  </si>
  <si>
    <t>2016-12-12 07:53:11.100000+00:00</t>
  </si>
  <si>
    <t>java-8|nio|file-processing</t>
  </si>
  <si>
    <t>Cassandra Connection Pool for Flask</t>
  </si>
  <si>
    <t>&lt;p&gt;I am working on a REST web service built with Flask which needs to query a Cassandra database.  The most expensive part of the logic is creating the connection to the Cassandra cluster.&lt;/p&gt;
&lt;p&gt;What do I need to do with Flask so that I do not have to create the connection to the Cluster on every request?&lt;/p&gt;</t>
  </si>
  <si>
    <t>2015-02-25 22:46:23.073000+00:00</t>
  </si>
  <si>
    <t>2017-05-16 08:20:23.373000+00:00</t>
  </si>
  <si>
    <t>python|flask|cassandra</t>
  </si>
  <si>
    <t>Can a codenameone application receive share intents?</t>
  </si>
  <si>
    <t>&lt;p&gt;I've been working and reading through the documentation, and the API docs, but so far I haven't been able to find anything related to receiving intents or sharing something towards a codenameone app.&lt;/p&gt;
&lt;p&gt;Is this possible at all? Or are the apps purely working on their own, regardless of their surroundings?&lt;/p&gt;</t>
  </si>
  <si>
    <t>2013-04-02 13:52:40.817000+00:00</t>
  </si>
  <si>
    <t>2013-04-03 13:27:50.717000+00:00</t>
  </si>
  <si>
    <t>android-intent|codenameone</t>
  </si>
  <si>
    <t>getting a parameter from a callback request using node.js and express</t>
  </si>
  <si>
    <t>&lt;p&gt;I'm using the twilio API and node.js to successfully record and transcribe calls. I'm trying to implement a callback when a call is recorded. According to the twilio API, I specify my callback URL:&lt;/p&gt;
&lt;pre&gt;&lt;code&gt;twiml.record({
    transcribe: false,
    maxLength: 30, //seconds to record
    recordingStatusCallback: 'http://[url]:3000/recorded'
  })
&lt;/code&gt;&lt;/pre&gt;
&lt;p&gt;Per the &lt;a href="https://www.twilio.com/docs/api/twiml/record#attributes-recording-status-callback" rel="nofollow noreferrer"&gt;documentation&lt;/a&gt;, I should receive some parameters back via POST, so I am logging the request and response:&lt;/p&gt;
&lt;pre&gt;&lt;code&gt;app.post('/recorded', (req, res) =&amp;gt; {
  console.log(req, res)
})
&lt;/code&gt;&lt;/pre&gt;
&lt;p&gt;What I get back in the log is a couple of giant objects, and I don't see anything that looks like the parameters I'm expecting. I'm guessing I'm supposed to be constructing that post function differently to get the parameters I need, but i'm not sure how, and I don't see any documentation in Twilio or online that shows how a successful callback function is structured.&lt;/p&gt;
&lt;p&gt;Any ideas how to do this?&lt;/p&gt;</t>
  </si>
  <si>
    <t>2017-06-20 21:32:57.487000+00:00</t>
  </si>
  <si>
    <t>2017-06-20 21:52:23.157000+00:00</t>
  </si>
  <si>
    <t>javascript|node.js|express|callback|twilio</t>
  </si>
  <si>
    <t>I have this code, but when I compile it txt file remains empty</t>
  </si>
  <si>
    <t>&lt;pre&gt;&lt;code&gt;ff = open('brojevi.txt','w')
for k in [i*j for i in range(4,5) for j in range (5,3,-1)]:
      ff.writelines('{}.'.format(k))
&lt;/code&gt;&lt;/pre&gt;
&lt;p&gt;What numbers should be saved in txt file after compiling code? Tried compiling it but txt file remains empty...&lt;/p&gt;</t>
  </si>
  <si>
    <t>2017-01-18 00:31:47.380000+00:00</t>
  </si>
  <si>
    <t>2017-01-18 02:35:05.177000+00:00</t>
  </si>
  <si>
    <t>What is the function in TensorFlow that is equivalent to expand() in PyTorch?</t>
  </si>
  <si>
    <t>&lt;p&gt;Let's say I have a 2 x 3 matrix and I want to create a 6 x 2 x 3 matrix where each element in the first dimension is the original 2 x 3 matrix.&lt;/p&gt;
&lt;p&gt;In PyTorch, I can do this:&lt;/p&gt;
&lt;pre&gt;&lt;code&gt;import torch
from torch.autograd import Variable
import numpy as np
x = np.array([[1, 2, 3], [4, 5, 6]])
x = Variable(torch.from_numpy(x))
# y is the desired result
y = x.unsqueeze(0).expand(6, 2, 3)
&lt;/code&gt;&lt;/pre&gt;
&lt;p&gt;What is the equivalent way to do this in TensorFlow? I know &lt;code&gt;unsqueeze()&lt;/code&gt; is equivalent to &lt;code&gt;tf.expand_dims()&lt;/code&gt; but I don't TensorFlow has anything equivalent to &lt;code&gt;expand()&lt;/code&gt;. I'm thinking of using &lt;code&gt;tf.concat&lt;/code&gt; on a list of the 1 x 2 x 3 tensors but am not sure if this is the best way to do it.&lt;/p&gt;</t>
  </si>
  <si>
    <t>2018-01-12 12:22:04.443000+00:00</t>
  </si>
  <si>
    <t>2018-01-12 13:12:07.190000+00:00</t>
  </si>
  <si>
    <t>2018-01-12 12:53:29.377000+00:00</t>
  </si>
  <si>
    <t>python|tensorflow|pytorch</t>
  </si>
  <si>
    <t>random(non- repeating) file generator on click of button in php</t>
  </si>
  <si>
    <t>&lt;p&gt;i want to display 5 php files content randomly but &lt;strong&gt;non repeating&lt;/strong&gt; when clicked a button [NEXT] using php/javascript (that works in php desktop as well).&lt;/p&gt;
&lt;p&gt;the code i used did displayed random web page on page load but i did came across repeated web page&lt;/p&gt;
&lt;p&gt;this is the code i used for index.php file:&lt;/p&gt;
&lt;pre&gt;&lt;code&gt;&amp;lt;?php
$RandomList = array();
$RandomList[] = "/review/review-a1.php";
$RandomList[] = "/review/review-a2.php";
$RandomList[] = "/review/review-a3.php";
$RandomList[] = "/review/review-a4.php";
readfile($_SERVER['DOCUMENT_ROOT'].$RandomList[rand(0,count($RandomList)-1)]);
?&amp;gt;
&lt;/code&gt;&lt;/pre&gt;
&lt;p&gt;please suggest how to get non repeated files .&lt;/p&gt;</t>
  </si>
  <si>
    <t>2018-04-19 10:13:17.960000+00:00</t>
  </si>
  <si>
    <t>2018-04-30 08:26:54.087000+00:00</t>
  </si>
  <si>
    <t>php|random|webpage</t>
  </si>
  <si>
    <t>ffserver: bind(port 8090): Address family not supported by protocol</t>
  </si>
  <si>
    <t>&lt;p&gt;I install at myself Ubuntu server ffserver and try to run it with default config and get this error:&lt;/p&gt;
&lt;p&gt;bind(port 8090): Address family not supported by protocol&lt;/p&gt;
&lt;p&gt;I tryed to change address (8082, 8083) but it not works too :(&lt;/p&gt;
&lt;p&gt;Any suggest?&lt;/p&gt;</t>
  </si>
  <si>
    <t>2012-01-18 07:59:01.840000+00:00</t>
  </si>
  <si>
    <t>2012-04-10 06:58:28.270000+00:00</t>
  </si>
  <si>
    <t>ubuntu|ffmpeg|ffserver</t>
  </si>
  <si>
    <t>While Loop Store In Array php</t>
  </si>
  <si>
    <t>&lt;p&gt;I am extremely new at php and I was wondering if someone could help me&lt;/p&gt;
&lt;p&gt;Hi folks
i want to store while loop in array how it is possible?&lt;/p&gt;
&lt;p&gt;e.g
Code (text):&lt;/p&gt;
&lt;pre&gt;&lt;code&gt;&amp;lt;?php
$i=1;
while($i&amp;lt;=5)
  {
  echo $i . "&amp;lt;br&amp;gt;";
  $i++;
  }
?&amp;gt;
&lt;/code&gt;&lt;/pre&gt;
&lt;p&gt;my requirements
$store_array=[1,2,3,4,5]; &lt;/p&gt;</t>
  </si>
  <si>
    <t>2013-02-12 16:08:32.103000+00:00</t>
  </si>
  <si>
    <t>2013-02-12 16:11:35.060000+00:00</t>
  </si>
  <si>
    <t>How do I detect selected items in a Telerik grid &amp; updated their values in the database?</t>
  </si>
  <si>
    <t>&lt;p&gt;I am doing a task related to telerik grid. In that I have added checkboxes as item templates. When I check the box and if I click on submit, that should be updated in database.&lt;/p&gt;
&lt;p&gt;Here is the code I have tried.&lt;/p&gt;
&lt;p&gt;aspx:&lt;/p&gt;
&lt;pre&gt;&lt;code&gt;&amp;lt;telerik:GridTemplateColumn HeaderText="Is Active" ItemStyle-HorizontalAlign="Left" HeaderStyle-HorizontalAlign="Left"&amp;gt;
    &amp;lt;ItemTemplate&amp;gt;
        &amp;lt;asp:CheckBox ID="chkIsActive" runat="server" AutoPostBack="true" OnCheckedChanged="chkIsActive_OnCheckedChanged" /&amp;gt;
    &amp;lt;/ItemTemplate&amp;gt;
&amp;lt;/telerik:GridTemplateColumn&amp;gt;
&lt;/code&gt;&lt;/pre&gt;
&lt;p&gt;aspx.cs code:&lt;/p&gt;
&lt;pre&gt;&lt;code&gt;public void chkIsActive_OnCheckedChanged(object sender,EventArgs e)
{
    CheckBox chkIsActive = (CheckBox)sender;
    GridViewRow Row = (GridViewRow)chkIsActive.NamingContainer;
    string cid = Row.Cells[1].Text;
    bool status = chkIsActive.Checked;
}
&lt;/code&gt;&lt;/pre&gt;
&lt;p&gt;Error which I am getting:&lt;/p&gt;
&lt;blockquote&gt;
  &lt;p&gt;Unable to cast object of type 'Telerik.Web.UI.GridDataItem' to type 'System.Web.UI.WebControls.GridViewRow'.&lt;/p&gt;
&lt;/blockquote&gt;
&lt;p&gt;Please resolve my problem.&lt;/p&gt;</t>
  </si>
  <si>
    <t>2011-05-03 07:21:33.230000+00:00</t>
  </si>
  <si>
    <t>2011-05-03 07:28:54.943000+00:00</t>
  </si>
  <si>
    <t>2011-05-03 07:27:09.207000+00:00</t>
  </si>
  <si>
    <t>c#|asp.net|telerik-grid</t>
  </si>
  <si>
    <t>Cannot load Microsoft.SharePoint.Client.dll in powershell script</t>
  </si>
  <si>
    <t>&lt;p&gt;im trying to connect to an offce365 sharepoint site using a powershell script. However, none of commands I've tried to load the sharepoint assemblies are working. &lt;/p&gt;
&lt;p&gt;The error message (sorry, it's German) looks like this:&lt;/p&gt;
&lt;pre&gt;&lt;code&gt;Add-Type : Die Datei oder Assembly "file:///'C:\Program Files\Common Files\Microsoft Shared\Web Server Extensions\16\ISAPI\Microsoft.SharePoint.Client.dll" oder eine Abh��ngigkeit davon wurde nicht gefunden. Die Assembly wird von einer Laufzeit erstellt, die aktueller als die derzeit geladene Laufzeit ist, und kann nicht geladen werden.
Bei C:\Users\****\Desktop\onfb\odfb.ps1:6 Zeichen:9
+ Add-Type &amp;lt;&amp;lt;&amp;lt;&amp;lt;  -Path 'C:\Program Files\Common Files\Microsoft Shared\Web Server Extensions\16\ISAPI\Microsoft.SharePoint.Client.dll'
    + CategoryInfo          : NotSpecified: (:) [Add-Type], BadImageFormatException
    + FullyQualifiedErrorId : System.BadImageFormatException,Microsoft.PowerShell.Commands.AddTypeCommand
&lt;/code&gt;&lt;/pre&gt;
&lt;p&gt;It says, the the component (or a dependency) could either not be found, or it is created by a newer version than the one I'm using. &lt;/p&gt;
&lt;p&gt;First I tried loading the inital files with &lt;/p&gt;
&lt;pre&gt;&lt;code&gt;Add-Type -Path 'C:\Program Files\Common Files\Microsoft Shared\Web Server Extensions\16\ISAPI\Microsoft.SharePoint.Client.dll'
&lt;/code&gt;&lt;/pre&gt;
&lt;p&gt;After that I tried the following command:&lt;/p&gt;
&lt;pre&gt;&lt;code&gt;Add-Type -Path ([System.Reflection.Assembly]::LoadWithPartialName("Microsoft.SharePoint.Client").location)
&lt;/code&gt;&lt;/pre&gt;
&lt;p&gt;I also tried copying the files to another folder, and changed the reference accordingly. &lt;/p&gt;
&lt;p&gt;I also set the &lt;/p&gt;
&lt;pre&gt;&lt;code&gt;&amp;lt;runtime&amp;gt;
    &amp;lt;loadfromremotesources enabled="true"/&amp;gt;
&amp;lt;/runtime&amp;gt;
&lt;/code&gt;&lt;/pre&gt;
&lt;p&gt;in the powershell.exe.config file. Which wasn't there, so I created it. &lt;/p&gt;
&lt;p&gt;I'm running the powershell in elevated mode and also tried with an unrestricted security. &lt;/p&gt;
&lt;p&gt;Does anyone know how to solve this?&lt;/p&gt;
&lt;p&gt;Thanks!&lt;/p&gt;</t>
  </si>
  <si>
    <t>2016-01-28 19:56:18.620000+00:00</t>
  </si>
  <si>
    <t>2016-01-29 09:19:30.510000+00:00</t>
  </si>
  <si>
    <t>powershell|sharepoint|office365</t>
  </si>
  <si>
    <t>WPF - datagrid adorner not updating upon binded PropertyChanged</t>
  </si>
  <si>
    <t>&lt;p&gt;I am using a solution found here:  &lt;a href="http://malor.se/blog/?p=88" rel="nofollow"&gt;http://malor.se/blog/?p=88&lt;/a&gt; to add adorners to a datagrid text column.  Works fine, except my adorner is binded to the underlying object, and it's failing to update upon source property changes.  I can even bind the cell contents and the adorner text to the same property, and the cell content will reflect property changes while the adorner text doesn't.  The adorner seems to refresh only when I do something to force a redraw of the cell, like resizing the column.&lt;/p&gt;
&lt;p&gt;Is there a fairly non-hackish way I can get the adorner to refresh upon source property changes like other normal wpf controls?&lt;/p&gt;</t>
  </si>
  <si>
    <t>2013-07-12 16:14:03.157000+00:00</t>
  </si>
  <si>
    <t>2013-07-16 14:06:36.190000+00:00</t>
  </si>
  <si>
    <t>wpf|binding|inotifypropertychanged|adorner</t>
  </si>
  <si>
    <t>Collision detection: CSS only changes when *first* div hits footer</t>
  </si>
  <si>
    <t>&lt;p&gt;I'm still having trouble getting my collision detection setup to work correctly. Currently, whenever the divs fall onto the footer, only when the first div actually hits the footer do the other divs change color/CSS. Here's a gif of the issue: &lt;a href="http://i.imgur.com/OdKxdMq.gif" rel="nofollow"&gt;http://i.imgur.com/OdKxdMq.gif&lt;/a&gt;&lt;/p&gt;
&lt;p&gt;What I WANT is to have each individual div change color when it hits the footer class. I think only the JS is the necessary info in this case, but let me know if the HTML/CSS is needed too.&lt;/p&gt;
&lt;p&gt;&lt;strong&gt;JS:&lt;/strong&gt;&lt;/p&gt;
&lt;pre&gt;&lt;code&gt;var links = ["#portfolio", "#hamumu", "#beep", "#jk"];
$(document).ready(function() {
    //if on home page
    if ($("body#home").length &amp;gt; 0) {
        homePage();
    //else if on portfolio page
    } else if ($("body#portfolio").length &amp;gt; 0) {
          //run portfolio function
          portfolioPage();
    }
});
//home page function
function homePage() {
    //initial animations(Math.random()*(2)+1)
    for (var i=0; i&amp;lt;links.length; i++) {
        //animate links
        $(links[i]).animate({
            //have each image fall
            top: '0'
            //put in a slightly random time
        }, 2000*(Math.random()*(3)+1), 'easeOutBounce');
    }    
}
window.setInterval(function() {
    for (var i=0; i&amp;lt;links.length; i++) {
        var link = $(links[i]);
        var footer = $(".footer");
        var x1 = link.offset().left;
        var y1 = link.offset().top;
        var h1 = link.outerHeight(true);
        var w1 = link.outerWidth(true);
        var b1 = y1 + h1;
        var r1 = x1 + w1;
        var x2 = footer.offset().left;
        var y2 = footer.offset().top;
        var h2 = footer.outerHeight(true);
        var w2 = footer.outerWidth(true);
        var b2 = y2 + h2;
        var r2 = x2 + w2;
        if (b1 &amp;lt; y2 || y1 &amp;gt; b2 || r1 &amp;lt; x2 || x1 &amp;gt; r2) {
            return false;
        }
        changeColors(link);
    }
}, 20);
function changeColors(link) {
        link.css("background-color", "red");
}
&lt;/code&gt;&lt;/pre&gt;</t>
  </si>
  <si>
    <t>2014-08-10 16:01:05.603000+00:00</t>
  </si>
  <si>
    <t>2014-08-10 16:19:17.793000+00:00</t>
  </si>
  <si>
    <t>javascript|jquery|collision-detection|collision</t>
  </si>
  <si>
    <t>How to categorize values in table for monthly base within year</t>
  </si>
  <si>
    <t>&lt;p&gt;hi I got three table columns 
&lt;br/&gt;
vehicle_id int(11) auto_increment primary_key, &lt;br/&gt;
vehicle_reg_no varchar(100) not_null, &lt;br/&gt;
inp_datetime datetime not_null &lt;br/&gt;&lt;/p&gt;
&lt;p&gt;I need to extract these data.
&lt;br/&gt;
&lt;em&gt;Vehicle Register Number&lt;/em&gt; &lt;strong&gt;|&lt;/strong&gt; &lt;em&gt;January&lt;/em&gt; &lt;strong&gt;|&lt;/strong&gt; &lt;em&gt;February&lt;/em&gt; &lt;strong&gt;|&lt;/strong&gt; &lt;em&gt;March&lt;/em&gt;  ....... &lt;em&gt;December&lt;/em&gt; &lt;strong&gt;|&lt;/strong&gt;  &lt;em&gt;Total&lt;/em&gt;&lt;br&gt;
&lt;br/&gt;
So far I did this query but I don't get expected values.&lt;/p&gt;
&lt;p&gt;&lt;a href="https://i.stack.imgur.com/9w1fi.png" rel="nofollow noreferrer"&gt;&lt;img src="https://i.stack.imgur.com/9w1fi.png" alt="enter image description here"&gt;&lt;/a&gt;&lt;/p&gt;
&lt;pre&gt;&lt;code&gt;SELECT COUNT(vehicle_master.vehicle_id)as countVal,
vehicle_master.vehicle_reg_no,
MONTHNAME(STR_TO_DATE(EXTRACT(MONTH FROM vehicle_master.inp_datetime),'%m'))as monthName
FROM vehicle_master
GROUP BY  vehicle_master.inp_datetime
&lt;/code&gt;&lt;/pre&gt;</t>
  </si>
  <si>
    <t>2016-09-06 23:36:23.247000+00:00</t>
  </si>
  <si>
    <t>2016-09-07 03:26:59.337000+00:00</t>
  </si>
  <si>
    <t>mysql|datetime</t>
  </si>
  <si>
    <t>How to query a view using sqlalchemy?</t>
  </si>
  <si>
    <t>&lt;p&gt;I query an existing table with the following code:&lt;/p&gt;
&lt;pre&gt;&lt;code&gt;class Minicomputer(Base):
    __table__ = Base.metadata.tables[' minicomputer']
    def __repr__(self):
        return '&amp;lt;Masterlist %r&amp;gt;' % self.Hostname
&lt;/code&gt;&lt;/pre&gt;
&lt;p&gt;&lt;code&gt;Minicomputer.query.filter_by(name='CJ_1').first()&lt;/code&gt; returns the result, now I want to query via an existing view named &lt;code&gt;mast_list&lt;/code&gt;. How do I do it?&lt;/p&gt;</t>
  </si>
  <si>
    <t>2016-08-11 06:43:47.827000+00:00</t>
  </si>
  <si>
    <t>2016-08-11 08:16:36.687000+00:00</t>
  </si>
  <si>
    <t>python|flask|sqlalchemy</t>
  </si>
  <si>
    <t>How to set DeviceIoControl (IOCTL)?</t>
  </si>
  <si>
    <t>&lt;p&gt;Have anyone experience using  "DeviceIoControl", this functions seems to be a way an application can do IO control (IOCTL) which is generally set for Driver for example:&lt;/p&gt;
&lt;pre&gt;&lt;code&gt;IOCTL_SERIAL_SET_QUEUE_SIZE
IOCTL_SERIAL_SET_LINE_CONTROL       
IOCTL_SERIAL_SET_CHAR   
&lt;/code&gt;&lt;/pre&gt;
&lt;p&gt;I have a software communicating with modem, when I monitored with portmon(serial port monitoring tool), I saw that software is setting the above three parameter, I am writing that software of my own in c++, but I couldn't found any thing from where i can start. If any one having experience using this, please help me, if needed, i can brief more about this project.&lt;/p&gt;</t>
  </si>
  <si>
    <t>2014-05-13 16:15:26.897000+00:00</t>
  </si>
  <si>
    <t>2014-05-15 12:29:00.327000+00:00</t>
  </si>
  <si>
    <t>serial-port|ioctl</t>
  </si>
  <si>
    <t>C structure dereference Lvalue required</t>
  </si>
  <si>
    <t>&lt;p&gt;I am currently coding in borland C and I had a problem with structure dereference. 
 The current-&gt;value = x; is giving a Lvalue required error. This does not happen when "value" is    char. Is there anyway to assign the value of x to current-&gt;value?&lt;/p&gt;
&lt;pre&gt;&lt;code&gt;#include&amp;lt;stdio.h&amp;gt;
#include&amp;lt;conio.h&amp;gt;
char x[16];
FILE *fin;
struct node {
    char value[16];
    struct node *next,*prev;
};
struct node *current;
void main(){
    fin = fopen("tokens.ctr","r");
    current = (struct node*) malloc(sizeof(struct node));
    fscanf(fin,"%s",&amp;amp;x);
    current-&amp;gt;value = x; 
}
&lt;/code&gt;&lt;/pre&gt;</t>
  </si>
  <si>
    <t>2014-09-03 10:02:44.243000+00:00</t>
  </si>
  <si>
    <t>2014-09-03 11:59:20.803000+00:00</t>
  </si>
  <si>
    <t>c|dereference</t>
  </si>
  <si>
    <t>Square brackets overloading =&gt; no operator matches operands</t>
  </si>
  <si>
    <t>&lt;p&gt;I'm currently having a bit of trouble overloading the square brackets in a custom vector class.&lt;/p&gt;
&lt;p&gt;My class basically looks like this:&lt;/p&gt;
&lt;pre&gt;&lt;code&gt;typedef uint32_t u32; // This is not actually here, but so you get the idea. Also, it is included in the problematic call's file
template&amp;lt;class T&amp;gt;
class JFFVector
{
public:
    //Init and stuff
    T&amp;amp; operator[](u32 iIndex)
    {
        return m_pData[iIndex + miDataOffset];
    }
private:
    T* m_pData;
    u32 m_iDataOffset;
}
&lt;/code&gt;&lt;/pre&gt;
&lt;p&gt;And within this classes functions, I can call (*this)[0] and everything works.
Now the issue I'm having is with a class that has a member as follows:&lt;/p&gt;
&lt;pre&gt;&lt;code&gt;class TOtherClass
{
public:
    // Stuff
    void DoSomething() const
    {
        for (u32 i; i &amp;lt; m_tItems.size(); ++i)
            m_tItems[i]-&amp;gt;DoStuff(); // Which is a const function
    }
private:
    JFFVector&amp;lt;const JFFItem*&amp;gt; m_tItems;
}
&lt;/code&gt;&lt;/pre&gt;
&lt;p&gt;The issue being that my compiler throws an error at my face saying&lt;/p&gt;
&lt;blockquote&gt;
  &lt;p&gt;no operator "[]" matches these operands&lt;/p&gt;
  &lt;p&gt;operand types are: const JFFVector[u32]&lt;/p&gt;
  &lt;p&gt;typedef uint32_t u32.&lt;/p&gt;
&lt;/blockquote&gt;
&lt;p&gt;So one thing I noticed is that if I make m_tItems a pointer, then I can do "(*m_tItems)[i]-&gt;DoStuff()" and it works fine. But I do not understand why this works while it doesn't with a non-pointer version.
(Also, I tried with a simple int instead of u32, and, with no surprise, it didn't work)&lt;/p&gt;
&lt;p&gt;Does anyone have any idea what I did wrong please? And, if not trivial, why is it wrong?&lt;/p&gt;
&lt;p&gt;(Sorry if this has been answered already, I tried searching for a similar issue but found nothing that looks like this issue)&lt;/p&gt;</t>
  </si>
  <si>
    <t>2016-11-22 23:32:32.087000+00:00</t>
  </si>
  <si>
    <t>2016-11-22 23:42:03.517000+00:00</t>
  </si>
  <si>
    <t>c++|templates|operator-overloading|brackets</t>
  </si>
  <si>
    <t>Inheritance classes (Java), explicit constructor error message</t>
  </si>
  <si>
    <t>&lt;p&gt;so I am trying to learn about inheritance classes.&lt;/p&gt;
&lt;p&gt;First I created a class called Box to calculate the area of the box.&lt;/p&gt;
&lt;p&gt;Then I created a TestBox Class in which I have created a box object called fedEx.&lt;/p&gt;
&lt;p&gt;&lt;strong&gt;Box Class:&lt;/strong&gt;&lt;/p&gt;
&lt;pre&gt;&lt;code&gt;public class Box {
    private String boxName;
    public void calculateArea(int length, int width) {
        System.out.println("Area of " + getBoxInfo() + (length * width));
    }
    public Box(String boxName) {
        this.boxName = boxName;
    }
    public String getBoxInfo() {
        return boxName;
    }
}
&lt;/code&gt;&lt;/pre&gt;
&lt;p&gt;&lt;strong&gt;TestBox Class:&lt;/strong&gt;&lt;/p&gt;
&lt;pre&gt;&lt;code&gt;public class TestBox {
    public static void main(String[] args) {
        Box fedEx = new Box("fedEx");
        fedEx.calculateArea(23, 2);
    }
}
&lt;/code&gt;&lt;/pre&gt;
&lt;p&gt;So Far if I run this code everything works out fine and my print screen shows
Area of Fedex 46&lt;/p&gt;
&lt;p&gt;So now I went to create a new class called NewBox and used "extends" to inherit the methods from the class Box, this class is used to calculate Volume&lt;/p&gt;
&lt;p&gt;&lt;strong&gt;NewBox Class:&lt;/strong&gt;&lt;/p&gt;
&lt;pre&gt;&lt;code&gt;public class NewBox extends Box {
    public void calculateVolume(int length, int width, int height) {
        System.out.println("Volume = " + (length * width * height));
    }
}
&lt;/code&gt;&lt;/pre&gt;
&lt;p&gt;Now to test this I created a new object in my TestBox class called UPS, now my TestBox class looks like this:&lt;/p&gt;
&lt;pre&gt;&lt;code&gt;public class TestBox {
    public static void main(String[] args) {
        Box fedEx = new Box("fedEx");
        fedEx.calculateArea(23, 2);
        NewBox UPS = new NewBox("UPS");
        UPS.calculateArea(3, 2);
        UPS.calculateVolume(3, 2, 2);
    }
}
&lt;/code&gt;&lt;/pre&gt;
&lt;p&gt;When I try to run this program I get the following error message:&lt;/p&gt;
&lt;pre&gt;&lt;code&gt;Exception in thread "main" java.lang.Error: Unresolved compilation problem: 
    The constructor NewBox(String) is undefined
    at day3.inheritence.TestBox.main(TestBox.java:10)
&lt;/code&gt;&lt;/pre&gt;
&lt;p&gt;I am using eclipse as my IDE. &lt;/p&gt;
&lt;p&gt;What can I do to fix my code, and what does the error message mean? &lt;/p&gt;</t>
  </si>
  <si>
    <t>2015-06-15 05:08:15.280000+00:00</t>
  </si>
  <si>
    <t>2015-06-15 05:24:51.437000+00:00</t>
  </si>
  <si>
    <t>2015-06-15 05:12:06.153000+00:00</t>
  </si>
  <si>
    <t>java|inheritance|compilation|extends</t>
  </si>
  <si>
    <t>How to keep activity running in background?</t>
  </si>
  <si>
    <t>&lt;p&gt;Most of you must have used "whatsapp" and "viber". These apps constantly keep running even when they are exited. I want one of my activities to keep running in the background after its being ran for the first time. And I also want the whole app to keep running in the background like viber and whatsapp do.  How can I do that?&lt;/p&gt;</t>
  </si>
  <si>
    <t>2013-05-12 18:01:13.637000+00:00</t>
  </si>
  <si>
    <t>2018-04-04 09:59:48.207000+00:00</t>
  </si>
  <si>
    <t>2014-02-11 06:25:10.843000+00:00</t>
  </si>
  <si>
    <t>android|android-activity|background</t>
  </si>
  <si>
    <t>How to generate plug-in using .ecore metamodel</t>
  </si>
  <si>
    <t>&lt;p&gt;I have 2 files, an ecore implementation metamodel and an e-Repository. The e-Repository is provided in EMF format together with the ecore implementation metamodel. I want to browse the contents of this repository and all I know is that I have to generate an Eclipse plugin from the implementation metamodel and  with this plugin, I can open the repository and browse its content. But I have no idea how to generate the plugin and proceed with it.&lt;/p&gt;
&lt;p&gt;The ecore implementation metamodel was developed using EMF version 2.7 which can be found in Eclipse Indigo SR2, the e-Repository was generated with the same environment.&lt;/p&gt;
&lt;p&gt;Can anybody help me with this, please? I have almost no knowledge about working with these meta-models and plug-ins. Any tutorial or steps to follow? &lt;/p&gt;</t>
  </si>
  <si>
    <t>2015-01-15 12:53:35.547000+00:00</t>
  </si>
  <si>
    <t>2016-02-09 11:41:42.190000+00:00</t>
  </si>
  <si>
    <t>eclipse|eclipse-plugin|eclipse-indigo|metamodel|ecore</t>
  </si>
  <si>
    <t>Can't use Python virtualenv on OSX?</t>
  </si>
  <si>
    <t>&lt;p&gt;I'm having trouble with Python virtualenv on OSX. After creating a virtualenv and doing a &lt;code&gt;pip freeze&lt;/code&gt; it says it's got a long list of things installed, which are actually the things I've got installed on my main pip installation (outside of the virtualenv):&lt;/p&gt;
&lt;pre&gt;&lt;code&gt;kramer65$ virtualenv venv
New python executable in venv/bin/python
Installing setuptools, pip, wheel...done.
kramer65$ source venv/bin/activate
(venv)kramer65$ which pip
/Users/kramer65/repos/venv/bin/pip
(venv)kramer65$ pip freeze
apns==2.0.1
APScheduler==3.0.4
argh==0.26.1
Babel==1.3
beautifulsoup4==4.4.1
etc.
etc.
&lt;/code&gt;&lt;/pre&gt;
&lt;p&gt;I've got virtualenv version 13.1.2, which I think is the latest. &lt;/p&gt;
&lt;p&gt;So to be sure I tried calling pip with a direct link, but that gives the same result:&lt;/p&gt;
&lt;pre&gt;&lt;code&gt;(venv)kramer65$ ./venv/bin/pip freeze
apns==2.0.1
APScheduler==3.0.4
etc.
etc.
&lt;/code&gt;&lt;/pre&gt;
&lt;p&gt;or even by calling pip with the virtualenv python:&lt;/p&gt;
&lt;pre&gt;&lt;code&gt;(venv)kramer65$ ./venv/bin/python venv/bin/pip freeze
apns==2.0.1
APScheduler==3.0.4
etc.
etc.
&lt;/code&gt;&lt;/pre&gt;
&lt;p&gt;I also uninstalled and reinstalled virtualenv, but with the same result. Does anybody know why I can't seem to be able to call the Python of the installed virtualenv? All tips are welcome!&lt;/p&gt;
&lt;p&gt;[EDIT]&lt;/p&gt;
&lt;p&gt;As per the suggestion of @sushant below I tried using &lt;code&gt;--no-site-packages&lt;/code&gt;:&lt;/p&gt;
&lt;pre&gt;&lt;code&gt;kramer65$ virtualenv --no-site-packages venv
New python executable in venv/bin/python
Installing setuptools, pip, wheel...done.
kramer65$ source venv/bin/activate
(venv)kramer65$ pip freeze
apns==2.0.1
APScheduler==3.0.4
argh==0.26.1
Babel==1.3
beautifulsoup4==4.4.1
etc.
etc.
(venv)kramer65$ which pip
/Users/kramer65/repos/venv/bin/pip
&lt;/code&gt;&lt;/pre&gt;</t>
  </si>
  <si>
    <t>2016-01-08 11:00:12.193000+00:00</t>
  </si>
  <si>
    <t>2016-01-11 10:35:41.513000+00:00</t>
  </si>
  <si>
    <t>python|macos|pip|virtualenv</t>
  </si>
  <si>
    <t>How to persist data or state across child components in react.js?</t>
  </si>
  <si>
    <t>&lt;p&gt;Okay, I am seeking out the best way to persist data across child components. As per my knowledge, to communicate between a parent and a child, I should pass a callback to the child component as props. Now, if I need to change the state of the parent, I just call the callback and it sets the state of the parent. Correct?&lt;/p&gt;
&lt;p&gt;But that is not my requirement. Let's consider a scenario where I have multiple children and all of them share the same data. What I need is, if I change the state/date in any of the children, then the data change should reflect in other child components as well. Invoking the callback will only change the state of the parent, how can I update the passed props in other children along with it?&lt;/p&gt;
&lt;p&gt;I hope that was not confusing. I am using Flux architecture in my application. I do have an alternative solution for my problem using actions and dispatcher. However, I want to know whether there is a smarter and standard way of doing it.&lt;/p&gt;</t>
  </si>
  <si>
    <t>2016-02-29 13:05:04.700000+00:00</t>
  </si>
  <si>
    <t>2016-02-29 16:47:35.813000+00:00</t>
  </si>
  <si>
    <t>javascript|reactjs|components|state|reactjs-flux</t>
  </si>
  <si>
    <t>How to perform action after JFrame is closed?</t>
  </si>
  <si>
    <t>&lt;p&gt;I need to perform an action after the JFrame is closed and I have this part of code for it, but this doesn't work. &lt;/p&gt;
&lt;p&gt;Could anyone please advise what should be change here?&lt;/p&gt;
&lt;pre&gt;&lt;code&gt;private void changeDefaults(){
    Thread changeDefaultsThread = new Thread(new Runnable(){
        public void run(){
            Change ch = new Change();
            ch.setVisible(true);
            ch.setListeners();
            ch.defaultInput();
            while(ch.isActive()){
                System.out.println("active");
            }
            updateDefaults();
            }
    });
    changeDefaultsThread.start();
}   
&lt;/code&gt;&lt;/pre&gt;
&lt;p&gt;Change is the JFrame I am opening for another action.&lt;/p&gt;</t>
  </si>
  <si>
    <t>2015-08-17 13:26:29.483000+00:00</t>
  </si>
  <si>
    <t>2015-08-17 15:55:52.970000+00:00</t>
  </si>
  <si>
    <t>java|swing|jframe</t>
  </si>
  <si>
    <t>fixing elements whilst scrolling?</t>
  </si>
  <si>
    <t>&lt;p&gt;So, I have a div which I'm trying to keep 100px from the top of the page between to points of the page whilst scrolling. At the moment, my code works-ish but the div is not kept at exactly 100px from the top, instead altering between 0px - 200px&lt;/p&gt;
&lt;p&gt;here's what I'm using atm:&lt;/p&gt;
&lt;pre&gt;&lt;code&gt;$(window).scroll(function(){
var tpxl = $(window).scrollTop();
if( tpxl&amp;lt;100) {
$('#div').css('top',-Math.abs(tpxl)+100 + 'px');
}
else if(tpxl&amp;gt;700) {
$('#div').css('top',-Math.abs(tpxl)+800 + 'px');
}
});
&lt;/code&gt;&lt;/pre&gt;</t>
  </si>
  <si>
    <t>2013-11-09 20:16:36.057000+00:00</t>
  </si>
  <si>
    <t>2013-11-09 20:39:08.380000+00:00</t>
  </si>
  <si>
    <t>javascript|jquery|scroll</t>
  </si>
  <si>
    <t>[GAE - Objectify]: LinkedHashMap doesn't respect key's order</t>
  </si>
  <si>
    <t>&lt;p&gt;I'm working with Objectify to access DataStore in a Google App Engine application.&lt;/p&gt;
&lt;p&gt;I have 2 Entities:&lt;/p&gt;
&lt;pre&gt;&lt;code&gt;@Entity
public class Client {
    @Id String id;
}
@Entity
public class Queue {
    @Index @Id String name;     
    @Load LinkedHashMap&amp;lt;String,Ref&amp;lt;Client&amp;gt;&amp;gt; clientsInQueue;
}
&lt;/code&gt;&lt;/pre&gt;
&lt;p&gt;In a transaction, i do something like this:&lt;/p&gt;
&lt;pre&gt;&lt;code&gt;Client newClient = new Client(...);
ofy().save().entity(newClient);
Queue selectedQueue = ofy().load().type(Queue.class).id(queueName).now();
selectedQueue.getClientsInQueue().put(newClient.getId(), Ref.create(newClient));
&lt;/code&gt;&lt;/pre&gt;
&lt;p&gt;But when i try to print all the elements in the LinkedHashMap, i noticed the elements is in the exactly &lt;strong&gt;reverse&lt;/strong&gt; order.&lt;/p&gt;
&lt;p&gt;For example if i add 2 Clients in the LinkedHashMap and save it, like this:&lt;/p&gt;
&lt;pre&gt;&lt;code&gt;Queue selectedQueue = new LinkedHashMap&amp;lt;String,Ref&amp;lt;Client&amp;gt;&amp;gt;();
String id1 = "id1";
Client c1 = new Client(id1);
ofy().save().entity(c1);    
String id2 = "id2"
Client c2 = new Client(id2);
ofy().save().entity(c2);    
selectedQueue.getClientsInQueue().put(c1.getId(), Ref.create(c1)); 
selectedQueue.getClientsInQueue().put(c2.getId(), Ref.create(c2));
ofy().save().entity(selectedQueue); 
Set&amp;lt;String&amp;gt; keys = selectedQueue.getClientsInQueue().keySet();
for(String key : keys){
    Client c= selectedQueue.getClientsInQueue().get(key).get();
    log.info("id: "+c.getId());
}
&lt;/code&gt;&lt;/pre&gt;
&lt;p&gt;The result is:&lt;/p&gt;
&lt;p&gt;id: id2&lt;/p&gt;
&lt;p&gt;id: id1&lt;/p&gt;
&lt;p&gt;Why i obtain this behavior ? I know that LinkedHashMap has to maintain the order of the keys! Is there any problem to use LinkedHashMap with GAE DataStore?&lt;/p&gt;
&lt;p&gt;Thanks in advance.
Cheers,
Alessandro.&lt;/p&gt;</t>
  </si>
  <si>
    <t>2015-01-28 09:18:58.390000+00:00</t>
  </si>
  <si>
    <t>2015-01-28 15:32:24.293000+00:00</t>
  </si>
  <si>
    <t>google-app-engine|objectify|linkedhashmap</t>
  </si>
  <si>
    <t>Jquery hover out and animated imperfection</t>
  </si>
  <si>
    <t>&lt;p&gt;Try to hover in really fast in my demo &lt;a href="http://www.bootply.com/SIZ6SAdcWY" rel="nofollow"&gt;http://www.bootply.com/SIZ6SAdcWY&lt;/a&gt;&lt;/p&gt;
&lt;p&gt;You'll see the imperfection, because the user may hover in again when the animate event is running, how to overcome such issue?&lt;/p&gt;</t>
  </si>
  <si>
    <t>2014-09-29 10:59:23.093000+00:00</t>
  </si>
  <si>
    <t>2014-09-29 11:08:46.357000+00:00</t>
  </si>
  <si>
    <t>jquery|css|css3|jquery-animate</t>
  </si>
  <si>
    <t>Why this error happend, the same code but different fragments, Recyclerview, Retrofit2</t>
  </si>
  <si>
    <t>&lt;p&gt;I have a two fragment on MainActivity.&lt;/p&gt;
&lt;p&gt;&lt;strong&gt;First, YellowFragment&lt;/strong&gt;&lt;/p&gt;
&lt;pre&gt;&lt;code&gt;public class YellowFragment extends Fragment implements FlowerAdapter.FlowerClickListener{
    private SwipeRefreshLayout swipeContainer_yellow;
    private RecyclerView mRecyclerView;
    private RestManager mRestManager;
    private FlowerAdapter mFlowerAdapter;
    @Nullable
    @Override
    public View onCreateView(LayoutInflater inflater, @Nullable ViewGroup container, @Nullable Bundle savedInstanceState) {
        View view = inflater.inflate(R.layout.fragment_yellow, container, false);
        swipeContainer_yellow = (SwipeRefreshLayout) view.findViewById(R.id.swipeContainer_yellow);
        swipeContainer_yellow.setOnRefreshListener(new SwipeRefreshLayout.OnRefreshListener() {
            @Override
            public void onRefresh() {
                mRestManager = new RestManager();
                Call&amp;lt;List&amp;lt;Flower&amp;gt;&amp;gt; listCall = mRestManager.getmFlowerApiService(getActivity()).getAllFlowers();
                listCall.enqueue(new Callback&amp;lt;List&amp;lt;Flower&amp;gt;&amp;gt;() {
                    @Override
                    public void onResponse(Call&amp;lt;List&amp;lt;Flower&amp;gt;&amp;gt; call, Response&amp;lt;List&amp;lt;Flower&amp;gt;&amp;gt; response) {
                        if (response.isSuccessful()) {
                            mFlowerAdapter.clear();
                            List&amp;lt;Flower&amp;gt; flowerList = response.body();
                            for(int i =0; i&amp;lt;flowerList.size(); i++) {
                                Flower flower = flowerList.get(i);
                                mFlowerAdapter.addFlower(flower);
                            }
                            swipeContainer_yellow.setRefreshing(false);
                        }
                    }
                    @Override
                    public void onFailure(Call&amp;lt;List&amp;lt;Flower&amp;gt;&amp;gt; call, Throwable t) {
                    }
                });
            }
        });
        configViews(view);
        return view;
    }
    private void configViews(View view) {
        mRecyclerView = (RecyclerView) view.findViewById(R.id.rv_flower_yellow);
        mRecyclerView.setHasFixedSize(true);
        mRecyclerView.setRecycledViewPool(new RecyclerView.RecycledViewPool());
        mRecyclerView.setLayoutManager(new LinearLayoutManager(getActivity().getApplicationContext(), LinearLayoutManager.VERTICAL, false));
        mFlowerAdapter = new FlowerAdapter(this);
        mRecyclerView.setAdapter(mFlowerAdapter);
    }
}
&lt;/code&gt;&lt;/pre&gt;
&lt;p&gt;&lt;strong&gt;Second, RedFragment&lt;/strong&gt;
(it's all the same with YellowFragment, but &lt;code&gt;swipeContainer_yellow, rv_flower_yellow&lt;/code&gt;,&lt;code&gt;LinearLayoutManager&lt;/code&gt;  changed to &lt;code&gt;swipeContainer_red, rv_flower_red&lt;/code&gt;, &lt;code&gt;GridLayoutManager&lt;/code&gt;)&lt;/p&gt;
&lt;pre&gt;&lt;code&gt;public class RedFragment extends Fragment {
    private SwipeRefreshLayout swipeContainer_red;
    private RecyclerView mRecyclerView;
    private RestManager mRestManager;
    private FlowerAdapter mFlowerAdapter;
    @Nullable
    @Override
    public View onCreateView(LayoutInflater inflater, @Nullable ViewGroup container, @Nullable Bundle savedInstanceState) {
        View view = inflater.inflate(R.layout.fragment_red, null);
        swipeContainer_red = (SwipeRefreshLayout) view.findViewById(R.id.swipeContainer_red);
        swipeContainer_red.setOnRefreshListener(new SwipeRefreshLayout.OnRefreshListener() {
            @Override
            public void onRefresh() {
                mRestManager = new RestManager();
                Call&amp;lt;List&amp;lt;Flower&amp;gt;&amp;gt; listCall = mRestManager.getmFlowerApiService(getActivity()).getAllFlowers();
                listCall.enqueue(new Callback&amp;lt;List&amp;lt;Flower&amp;gt;&amp;gt;() {
                    @Override
                    public void onResponse(Call&amp;lt;List&amp;lt;Flower&amp;gt;&amp;gt; call, Response&amp;lt;List&amp;lt;Flower&amp;gt;&amp;gt; response) {
                        if (response.isSuccessful()) {
                            mFlowerAdapter.clear();
                            List&amp;lt;Flower&amp;gt; flowerList = response.body();
                            for(int i =0; i&amp;lt;flowerList.size(); i++) {
                                Flower flower = flowerList.get(i);
                                mFlowerAdapter.addFlower(flower);
                            }
                            swipeContainer_red.setRefreshing(false);
                        }
                    }
                    @Override
                    public void onFailure(Call&amp;lt;List&amp;lt;Flower&amp;gt;&amp;gt; call, Throwable t) {
                    }
                });
            }
        });
        configViews(view);
        return view;
    }
    private void configViews(View view) {
        mRecyclerView = (RecyclerView) view.findViewById(R.id.rv_flower_red);
        mRecyclerView.setHasFixedSize(true);
        mRecyclerView.setRecycledViewPool(new RecyclerView.RecycledViewPool());
        mRecyclerView.setLayoutManager(new GridLayoutManager(getActivity().getApplicationContext(), 3));
        mFlowerAdapter = new FlowerAdapter(this); #Here is problem
        mRecyclerView.setAdapter(mFlowerAdapter);
    }
}
&lt;/code&gt;&lt;/pre&gt;
&lt;p&gt;But in RedFragment, &lt;/p&gt;
&lt;p&gt;&lt;a href="https://i.stack.imgur.com/OuhQk.png" rel="nofollow noreferrer"&gt;&lt;img src="https://i.stack.imgur.com/OuhQk.png" alt="enter image description here"&gt;&lt;/a&gt;&lt;/p&gt;
&lt;p&gt;Why this happend? &lt;/p&gt;
&lt;p&gt;&lt;strong&gt;Some part of FlowerAdpater&lt;/strong&gt;&lt;/p&gt;
&lt;pre&gt;&lt;code&gt;public class FlowerAdapter extends RecyclerView.Adapter&amp;lt;FlowerAdapter.Holder&amp;gt; {
    public FlowerAdapter(FlowerClickListener listener) {
        mFlowers = new ArrayList&amp;lt;&amp;gt;();
        mListener = listener;
    }
    public interface FlowerClickListener {
        void onClick(int position);
    }
}
&lt;/code&gt;&lt;/pre&gt;
&lt;p&gt;I first tried to make two fragment having the same data(which is came from my RESTapi server using retrofit2) just on different view (Gridlayout and Linearlayout). &lt;/p&gt;
&lt;p&gt;But i gave it up. Because it seemed too hard for me. &lt;/p&gt;
&lt;p&gt;If there is a good way of depending on my first trying, i would be very thanks. &lt;/p&gt;
&lt;p&gt;Anyway, why that error happened? &lt;/p&gt;
&lt;p&gt;Please let me know hint.&lt;/p&gt;</t>
  </si>
  <si>
    <t>2016-09-19 09:50:21.450000+00:00</t>
  </si>
  <si>
    <t>2016-09-19 09:53:16.307000+00:00</t>
  </si>
  <si>
    <t>What's the difference between these two enum declarations - C?</t>
  </si>
  <si>
    <t>&lt;p&gt;I've started learning C and have reached the point of enums. An enum is basically a preferred alternative to &lt;code&gt;DEFINE&lt;/code&gt; / &lt;code&gt;const int&lt;/code&gt;, correct?&lt;/p&gt;
&lt;p&gt;What's the difference between these two declarations?&lt;/p&gt;
&lt;pre&gt;&lt;code&gt;#include &amp;lt;stdio.h&amp;gt;
// method 1
enum days {
    Monday,
    Tuesday
};
int main()
{
    // method 1
    enum days today;
    enum days tomorrow;
    today    = Monday;
    tomorrow = Tuesday;
    if (today &amp;lt; tomorrow)
        printf("yes\n");
    // method 2
    enum {Monday, Tuesday} days;
    days = Tuesday;
    printf("%d\n", days);
    return 0;
}
&lt;/code&gt;&lt;/pre&gt;</t>
  </si>
  <si>
    <t>2011-02-18 08:10:58.670000+00:00</t>
  </si>
  <si>
    <t>2011-02-18 16:48:21.010000+00:00</t>
  </si>
  <si>
    <t>c|enums|declaration</t>
  </si>
  <si>
    <t>Bootstrap time picker not working</t>
  </si>
  <si>
    <t>&lt;p&gt;I have a JS error on line 752 of &lt;code&gt;bootstrap-datetimepicker.js&lt;/code&gt;.
It also happens when I click the Time button.&lt;/p&gt;
&lt;p&gt;The error is:&lt;/p&gt;
&lt;pre&gt;&lt;code&gt; TypeError: 'undefined' is not a function(evaluating'expanded.collapse('hide')')
&lt;/code&gt;&lt;/pre&gt;
&lt;p&gt;Why does this happen? How can I fix it?&lt;/p&gt;</t>
  </si>
  <si>
    <t>2016-03-03 13:48:12.963000+00:00</t>
  </si>
  <si>
    <t>2016-03-03 15:07:26.683000+00:00</t>
  </si>
  <si>
    <t>jquery|twitter-bootstrap-3</t>
  </si>
  <si>
    <t>Double hover menu with JQuery?</t>
  </si>
  <si>
    <t>&lt;p&gt;I have a rough sliding menu as shown here: &lt;/p&gt;
&lt;p&gt;&lt;a href="http://www.clients.eirestudio.net/ttt/" rel="nofollow"&gt;http://www.clients.eirestudio.net/ttt/&lt;/a&gt;&lt;/p&gt;
&lt;p&gt;It works for the most part but I want to be able to hover over the list and for the list not to hide away again.&lt;/p&gt;
&lt;p&gt;Any ideas?&lt;/p&gt;
&lt;p&gt;&lt;strong&gt;My code:&lt;/strong&gt; &lt;/p&gt;
&lt;pre&gt;&lt;code&gt;/*
    Sliding Main Menu
    */
    $('ul#side_menu_list').hover(function()
    {
        $(this).show();
    });
    $('span#side_menu').hover(function()
    {
        $('ul#side_menu_list').stop().animate
        ({
            left:"-=130px"},150);
        $(this).stop().animate
        ({
            left:"-=92px"},150);
        }, 
        function(){
            $('ul#side_menu_list').stop().delay(400).animate
            ({
                left:"125px"},150);
            $(this).stop().animate
            ({
                left:"45px"},150);
    });
&lt;/code&gt;&lt;/pre&gt;</t>
  </si>
  <si>
    <t>2011-08-31 11:34:25.553000+00:00</t>
  </si>
  <si>
    <t>2011-08-31 13:31:46.050000+00:00</t>
  </si>
  <si>
    <t>jquery|menu|hover</t>
  </si>
  <si>
    <t>getting null pointer exception on using savedInstanceState.getInt( "Phase", 1 );?</t>
  </si>
  <si>
    <t>&lt;p&gt;I'm getting null pointer exception on this line inside OnCreate function:&lt;/p&gt;
&lt;pre&gt;&lt;code&gt;int Phase = savedInstanceState.getInt( "Phase", 1 );
&lt;/code&gt;&lt;/pre&gt;
&lt;p&gt;According to what I read, this function should return the value associated with "Phase" or 1 if no mapping exits for the key "Phase". However for some reason I'm getting this exception, any ideas as to why this is happening?&lt;/p&gt;</t>
  </si>
  <si>
    <t>2013-02-18 14:59:13.707000+00:00</t>
  </si>
  <si>
    <t>2013-02-18 15:03:19.440000+00:00</t>
  </si>
  <si>
    <t>Custom maven assembly</t>
  </si>
  <si>
    <t>&lt;p&gt;I'm starting to work with Maven but am not yet successfully thinking in Maven's terms. I have a specific requirement and the docs aren't giving me enough clues, so I could use a bit of help:&lt;/p&gt;
&lt;p&gt;I'd like to create an assembly that&lt;/p&gt;
&lt;ol&gt;
&lt;li&gt;&lt;p&gt;builds a &lt;code&gt;jar-with-dependencies&lt;/code&gt; like the "standard" target of this name, but excluding a couple of the resources. I want &lt;code&gt;log4j.properties&lt;/code&gt; and a couple of other configuration files to &lt;em&gt;not&lt;/em&gt; be in the jar.&lt;/p&gt;&lt;/li&gt;
&lt;li&gt;&lt;p&gt;builds a &lt;code&gt;.ZIP&lt;/code&gt; file containing in its root directory the &lt;code&gt;.jar&lt;/code&gt; from step 1 as well as the above mentioned config files.&lt;/p&gt;&lt;/li&gt;
&lt;/ol&gt;
&lt;p&gt;I want to fire this assembly up from the command line (only), hence no need to tie to a phase (or goal? mojo?). Preferrably using either &lt;code&gt;assembly:assembly&lt;/code&gt; or &lt;code&gt;assembly:single&lt;/code&gt;.&lt;/p&gt;
&lt;ul&gt;
&lt;li&gt;Do I need a custom assembly descriptor for this? &lt;/li&gt;
&lt;li&gt;And is it true I can't nest it in the &lt;code&gt;pom.xml&lt;/code&gt;? So it goes in &lt;code&gt;src/assembly/something.xml&lt;/code&gt; and gets referenced with a &lt;code&gt;descriptorRef&lt;/code&gt;?&lt;/li&gt;
&lt;li&gt;Can I code this as two relatively simple assemblies, of which one builds on the other (i.e. the .Zip assembly uses the .Jar assembly) or do I have to do everything in one assembly?&lt;/li&gt;
&lt;/ul&gt;</t>
  </si>
  <si>
    <t>2010-08-16 13:07:01.120000+00:00</t>
  </si>
  <si>
    <t>2010-08-18 14:34:48.070000+00:00</t>
  </si>
  <si>
    <t>2010-08-16 16:30:11.160000+00:00</t>
  </si>
  <si>
    <t>maven-2|maven-assembly-plugin</t>
  </si>
  <si>
    <t>Laravel Routing error</t>
  </si>
  <si>
    <t>&lt;p&gt;I'm just getting started with Laravel. I've just installed it. But when I'm making a new route it's not working, it's saying: &lt;/p&gt;
&lt;blockquote&gt;
  &lt;p&gt;The requested URL /laravel/public/test was not found on this server.&lt;/p&gt;
&lt;/blockquote&gt;
&lt;p&gt;This is currently my routes.php:&lt;/p&gt;
&lt;pre&gt;&lt;code&gt; Route::get('/', function () {
    &amp;gt;     return view('welcome'); });
    &amp;gt; Route::get('/test', function () {
    &amp;gt;     return view('test'); });
&lt;/code&gt;&lt;/pre&gt;
&lt;p&gt;And of course I've made a view called test. When I go to: &lt;/p&gt;
&lt;blockquote&gt;
  &lt;p&gt;&lt;a href="http://localhost/laravel/public/test" rel="nofollow"&gt;http://localhost/laravel/public/test&lt;/a&gt;&lt;/p&gt;
&lt;/blockquote&gt;
&lt;p&gt;I'm seeing the Laravel start template. But when I go to:&lt;/p&gt;
&lt;pre&gt;&lt;code&gt;&amp;gt; http://localhost/laravel/public/test
&lt;/code&gt;&lt;/pre&gt;
&lt;p&gt;It's not working?&lt;/p&gt;
&lt;p&gt;And why can I also visit:&lt;/p&gt;
&lt;blockquote&gt;
  &lt;p&gt;&lt;a href="http://localhost/laravel.dev/" rel="nofollow"&gt;http://localhost/laravel.dev/&lt;/a&gt;&lt;/p&gt;
&lt;/blockquote&gt;
&lt;p&gt;Thankyou. &lt;/p&gt;
&lt;p&gt;EDIT:&lt;/p&gt;
&lt;pre&gt;&lt;code&gt;&amp;lt;IfModule mod_rewrite.c&amp;gt;
    &amp;lt;IfModule mod_negotiation.c&amp;gt;
        Options -MultiViews
    &amp;lt;/IfModule&amp;gt;
    RewriteEngine On
    # Redirect Trailing Slashes If Not A Folder...
    RewriteCond %{REQUEST_FILENAME} !-d
    RewriteRule ^(.*)/$ /$1 [L,R=301]
    # Handle Front Controller...
    RewriteCond %{REQUEST_FILENAME} !-d
    RewriteCond %{REQUEST_FILENAME} !-f
    RewriteRule ^ index.php [L]
&amp;lt;/IfModule&amp;gt;
&lt;/code&gt;&lt;/pre&gt;</t>
  </si>
  <si>
    <t>2015-07-07 14:22:02.207000+00:00</t>
  </si>
  <si>
    <t>2015-07-07 14:31:58.133000+00:00</t>
  </si>
  <si>
    <t>php|laravel-5</t>
  </si>
  <si>
    <t>WP REST API - Strange formatting in response</t>
  </si>
  <si>
    <t>&lt;p&gt;So I'm working with the wp rest api and the wp rest controller plugin. I have a music theme that's doing some interesting things. When i make the API call one of the properties i get is this:&lt;/p&gt;
&lt;pre&gt;&lt;code&gt;"subheader_img": [
    "a:1:{i:0;a:5:{s:5:\"image\";s:0:\"\";s:5:\"color\";s:0:\"\";s:6:\"repeat\";s:6:\"repeat\";s:8:\"position\";s:8:\"left top\";s:11:\"attachement\";s:6:\"scroll\";}}"
  ],
&lt;/code&gt;&lt;/pre&gt;
&lt;p&gt;its a string, that i know should be an array. I'm not sure what type encoding is applied to it. But i'm trying to clean it up on the javascript side. Does anyone know what's being done to this array turned string? And if there are any javascript functions that can help? I've tried JSON.Parse and that obviously won't work because... its not JSON. I've also tried stripping away the first few characters string.substring(x), but i run into the same problem after that.&lt;/p&gt;
&lt;p&gt;i know its something simple, i'm just not sure what. &lt;/p&gt;
&lt;p&gt;If its possible I'd like to parse it in javascript, modifying the endpoint might be more difficult because of the wordpress theme.&lt;/p&gt;</t>
  </si>
  <si>
    <t>2016-12-01 18:44:40.720000+00:00</t>
  </si>
  <si>
    <t>2017-01-02 15:29:12.750000+00:00</t>
  </si>
  <si>
    <t>php|wordpress|rest</t>
  </si>
  <si>
    <t>can't copy folder inside the folder</t>
  </si>
  <si>
    <t>&lt;p&gt;I've tried copy directory with this code:&lt;/p&gt;
&lt;pre&gt;&lt;code&gt;$src = './resources/instansi/default/';
$dst = './resources/instansi/';
protected function copy_folder($src, $dst) {
    $dir = @opendir($src);
    @mkdir($dst);
    while (false !== ($file = readdir($dir))) {
        if (( $file != '.' ) &amp;amp;&amp;amp; ( $file != '..' )) {
            if ( is_dir($src . '/' . $file) ) {
                copy_folder($src . '/' . $file, $dst . '/' . $file); 
            }
            else {
                copy($src . '/' . $file, $dst . '/' . $file);
            }
        }
    }
 closedir($dir); 
}
&lt;/code&gt;&lt;/pre&gt;
&lt;p&gt;But I got fatal error : Call to undefined function copy_folder() . on line:&lt;/p&gt;
&lt;pre&gt;&lt;code&gt;copy_folder($src . '/' . $file, $dst . '/' . $file);
&lt;/code&gt;&lt;/pre&gt;
&lt;p&gt;Can't copy folder inside of directory. &lt;/p&gt;
&lt;p&gt;Maybe someone can help me? thanks.&lt;/p&gt;</t>
  </si>
  <si>
    <t>2018-08-12 08:49:38.667000+00:00</t>
  </si>
  <si>
    <t>2018-08-12 10:08:15.327000+00:00</t>
  </si>
  <si>
    <t>2018-08-12 09:59:29.517000+00:00</t>
  </si>
  <si>
    <t>binary tree implementation in php and mysql(genealogy)</t>
  </si>
  <si>
    <t>&lt;p&gt;I am trying to do an MLM project in PHP. Now I'm stuck on the binary tree representation of MLM. Please help me to implement the tree.&lt;a href="https://i.stack.imgur.com/SNm5e.png" rel="nofollow noreferrer"&gt;sample tree structre&lt;/a&gt;. Please help me to build a tree-like on the attached image.&lt;/p&gt;
&lt;p&gt;&lt;a href="https://i.stack.imgur.com/SNm5e.png" rel="nofollow noreferrer"&gt;Sample tree structre&lt;/a&gt;&lt;/p&gt;</t>
  </si>
  <si>
    <t>2017-04-27 08:43:51.597000+00:00</t>
  </si>
  <si>
    <t>2018-04-24 06:38:39.707000+00:00</t>
  </si>
  <si>
    <t>php|mysql|binary-tree|genealogy|mlm</t>
  </si>
  <si>
    <t>refresh value of a link on every page refresh/page visit - JSF</t>
  </si>
  <si>
    <t>&lt;p&gt;The link text should be refreshed on every page visit or every page refresh.&lt;/p&gt;
&lt;pre&gt;&lt;code&gt;&amp;lt;h:link id="lnkMessageCount" value="Message count #{messageTO.displayMesasgeTO}" outcome="messagePage"/&amp;gt;
&lt;/code&gt;&lt;/pre&gt;
&lt;p&gt;Can prerender event be used to call a backing method which returns the message count.&lt;/p&gt;
&lt;p&gt;Or can we use viewAction to get the messagecount to be displayed on the link.&lt;/p&gt;</t>
  </si>
  <si>
    <t>2014-06-27 14:10:47.783000+00:00</t>
  </si>
  <si>
    <t>ajax|jsf-2.2</t>
  </si>
  <si>
    <t>CollectionView does not contain CollectionViewCell</t>
  </si>
  <si>
    <t>&lt;p&gt;I am using &lt;code&gt;Xcode7.3.1&lt;/code&gt; . I added &lt;code&gt;CollectionView&lt;/code&gt; from object library to &lt;code&gt;xib&lt;/code&gt; file then i can���t find &lt;code&gt;CollectionViewCell&lt;/code&gt; under &lt;code&gt;CollectionView&lt;/code&gt;.Here attached the screenshot.This screenshot displays &lt;code&gt;CollectionView&lt;/code&gt; only contain &lt;code&gt;CollectionViewFlowLayout&lt;/code&gt;.Please help me how to resolve this issue.&lt;/p&gt;
&lt;p&gt;&lt;a href="https://i.stack.imgur.com/gXldh.png" rel="nofollow"&gt;&lt;img src="https://i.stack.imgur.com/gXldh.png" alt="enter image description here"&gt;&lt;/a&gt;&lt;/p&gt;</t>
  </si>
  <si>
    <t>2016-10-26 08:31:46.397000+00:00</t>
  </si>
  <si>
    <t>2016-10-26 08:49:20.407000+00:00</t>
  </si>
  <si>
    <t>2016-10-26 08:48:13.423000+00:00</t>
  </si>
  <si>
    <t>ios|objective-c|iphone|swift|collectionview</t>
  </si>
  <si>
    <t>PowerBuilder PowerScript Selecting More than one option from a dropdown</t>
  </si>
  <si>
    <t>&lt;p&gt;I am having a great amount of difficulty wrapping my head around this concept:  We currently present our reps with a drop down menu on the order screen that will present them with multiple add-on options depending on the product added to the order in the line before.  The issue lies where they can only choose one of the options, and the line item gets written to the order and the reps are then unable to select the second add-on to add to the order (in the case that the customer wanted both add-ons instead of just one).  The code posted below is the work of the programmer that came before me, so I am not sure if it is well written as Powerscript is new to me.&lt;/p&gt;
&lt;p&gt;Caveats -- this must remain a dropdown, and I cannot simply add the second add-on in the background.  In order for the orders system to work properly, the selected addons must come right after the main product, one after another.  I also cannot add a "bundled" product, as that would mess with sales reporting.&lt;/p&gt;
&lt;pre&gt;&lt;code&gt;String contact_type, contact_name 
Long contact_no, ll_child_row
long product_no, addon_product_no
string addon
string null_string
string promo_key
string addon_edition_code
int qty
real price
DataWindowChild contact_child 
AcceptText()
If GetColumnName() = 'attn_freeform' Then 
    AcceptText()
    GetChild('attn_freeform', contact_child)
    ll_child_row = contact_child.GetRow()
    If ll_child_row &amp;gt; 0 Then
        contact_name = contact_child.GetItemString(ll_child_row, 'contact_name')
        If data = contact_name Then 
            contact_type = contact_child.GetItemString(ll_child_row, 'tar_contact_type')
            contact_no = contact_child.GetItemNumber(ll_child_row, 'tar_contact_no')
            SetItem(row, "ship2_tar_contact_type", contact_type)
            SetItem(row, "ship2_tar_contact_no", contact_no)
        Else
            SetItem(row, "ship2_tar_contact_type", '')
            SetItem(row, "ship2_tar_contact_no", -1)
        End If
    Else
        SetItem(row, "ship2_tar_contact_type", '')
        SetItem(row, "ship2_tar_contact_no", -1)
    End If      
End If 
if GetColumnName() = 'quantity' and not isnull(dw_order_detail.GetItemString(row,"name_1")) then
    SetItem(row + 1,"quantity",integer(data))
    AcceptText()
end if 
if GetColumnName() = 'package_no' and not isnull(dw_order_detail.GetItemString(row,"name_1")) then
    SetItem(row + 1,"package_no",dw_order_detail.getitemnumber(row,"package_no"))
    AcceptText()
end if 
if GetColumnName() = 'attn_freeform' and not isnull(dw_order_detail.GetItemString(row,"name_1")) then
    SetItem(row + 1,"attn_freeform",data)
    AcceptText()
end if 
if GetColumnName() = 'promo_key' and not isnull(dw_order_detail.GetItemString(row,"name_1")) then
    SetItem(row + 1,"promo_key",data)
    AcceptText()
end if 
if GetColumnName() = 'order_type' and not isnull(dw_order_detail.GetItemString(row,"name_1")) then
    SetItem(row + 1,"order_type",dw_order_detail.getitemstring(row,"order_type"))
end if 
if GetColumnName() = 'product_no' and not isnull(dw_order_detail.GetItemString(row,"name_1")) then
    SetNull(null_string)
    dw_order_detail.deleterow(row + 1)
    dw_order_detail.SetItem(row,"name_1",null_string)
end if  
product_no = 0
if GetColumnName() = 'product_no' and isnull(dw_order_detail.GetItemString(row,"name_1")) then 
product_no = dw_order_detail.GetItemNumber(row,'product_no')
int checkAddon
Select isnull(count(*),0) into :checkAddon From  product p JOIN mag_addons t ON p.edition_code = t.primary_edition and p.product_no = :product_no;
    if checkAddon &amp;gt; 0 then
        dw_order_detail.SetItem(row, "teach_12",0)
    end if
end if 
promo_key = dw_order_detail.getitemstring(row,"promo_key")  
qty = dw_order_detail.getitemnumber(row,"quantity")
AcceptText()
if GetColumnName() = 'name_1'  then //the dropdown for addon selection appears here
    long ll_row, ll_inserted_row
    SetNull(null_string)
    product_no = 0
    product_no = dw_order_detail.GetItemNumber(row,'product_no')
    addon = dw_order_detail.GetItemString(row,"name_1") //this sets the name of the addon
if isnull(addon) or addon = "Select Add On..."  then 
    return
end if 
Select p.product_no, t.add_on_edition into :addon_product_no, :addon_edition_code from product p JOIN mag_addons t ON p.edition_code = t.add_on_edition and p.description = :addon JOIN product d ON t.primary_edition = d.edition_code;
if row + 1  &amp;lt;  dw_order_detail.RowCount() then 
     if dw_order_detail.GetItemString(row + 1,'addondesc') = addon then
        return
    end if 
end if 
if product_no &amp;gt;= 1 then 
    SELECT price INTO :price FROM dbo.get_price(:promo_key,:addon_edition_code,:qty, :vg_project_id);
    if price = 0 then 
        price = .99 
    end if
    ll_row = dw_order_detail.GetRow()
    ll_inserted_row = dw_order_detail.InsertRow(row + 1)
    SetItem(row + 1,"order_no",dw_order_detail.getitemnumber(row,"order_no"))
    SetItem(row + 1,"line_item_no",dw_order_detail.getitemnumber(row,"line_item_no") + 1)
    SetItem(row + 1,"status_code",dw_order_detail.getitemstring(row,"status_code"))
    SetItem(row + 1,"ship2_tar_contact_type",dw_order_detail.getitemstring(row,"ship2_tar_contact_type"))
    SetItem(row + 1,"ship2_tar_contact_no",dw_order_detail.getitemnumber(row,"ship2_tar_contact_no"))
    SetItem(row + 1,"attn_freeform",dw_order_detail.getitemstring(row,"attn_freeform"))
    SetItem(row + 1,"promo_key",promo_key)
    SetItem(row + 1,"product_no",addon_product_no)
    SetItem(row + 1,"quantity",dw_order_detail.getitemnumber(row,"quantity"))
    SetItem(row + 1,"price",price)
    SetItem(row + 1,"price_1",price)
    SetItem(row + 1,"package_no",dw_order_detail.getitemnumber(row,"package_no"))
    SetItem(row + 1,"order_type",dw_order_detail.getitemstring(row,"order_type"))
    SetItem(row + 1,"shipping_rate",dw_order_detail.getitemnumber(row,"shipping_rate"))
    SetItem(row + 1,"sales_tax_rate",dw_order_detail.getitemnumber(row,"sales_tax_rate"))
    SetItem(row + 1,"ship2_tar_acct_type",dw_order_detail.getitemstring(row,"ship2_tar_acct_type"))
    SetItem(row + 1,"ship2_tar_acct_no",dw_order_detail.getitemnumber(row,"ship2_tar_acct_no"))
    SetItem(row + 1,"jt_id",dw_order_detail.getitemnumber(row,"jt_id"))
    SetItem(row + 1,"year_began_teach",dw_order_detail.getitemnumber(row,"year_began_teach"))
    SetItem(row + 1,"preferred_email",dw_order_detail.getitemstring(row,"preferred_email"))
    SetItem(row + 1,"email",dw_order_detail.getitemstring(row,"email"))
    SetItem(row + 1,"addondesc",dw_order_detail.getitemstring(row,"name_1"))
    SetItem(row,"teach_12",1)
    SetItem(row + 1,"teach_12",2)
    dw_order_detail.AcceptText()
end if
dw_order_detail.ScrollToRow(ll_inserted_row)
dw_order_detail.SetFocus()
end if
dw_order_detail.AcceptText()
&lt;/code&gt;&lt;/pre&gt;</t>
  </si>
  <si>
    <t>2015-09-02 19:46:30.230000+00:00</t>
  </si>
  <si>
    <t>2015-09-14 16:28:04.640000+00:00</t>
  </si>
  <si>
    <t>powerbuilder</t>
  </si>
  <si>
    <t>Generate the n-th random number with Python</t>
  </si>
  <si>
    <t>&lt;p&gt;I am trying to generate random numbers that are used to generate a part of a world (I am working on world generation for a game). I &lt;em&gt;could&lt;/em&gt; create these with something like &lt;code&gt;[random.randint(0, 100) for n in range(1000)]&lt;/code&gt; to generate 1000 random numbers from 0 to 100, &lt;em&gt;but&lt;/em&gt; I don't know how many numbers in a list I need. What I want is to be able to say something like &lt;code&gt;random.nth_randint(0, 100, 5)&lt;/code&gt; which would generate the 5th random number from 0 to 100. (The same number every time as long as you use the same seed) How would I go about doing this? And if there is no way to do this, how else could I get the same behavior?&lt;/p&gt;</t>
  </si>
  <si>
    <t>2018-09-03 20:44:56.343000+00:00</t>
  </si>
  <si>
    <t>2018-09-04 02:13:32.537000+00:00</t>
  </si>
  <si>
    <t>python|python-3.x|random</t>
  </si>
  <si>
    <t>How to read from SharedPreference file android</t>
  </si>
  <si>
    <t>&lt;p&gt;In my MainActivity, I have written some code which I assume creates a file and saves a value in that file.&lt;/p&gt;
&lt;pre&gt;&lt;code&gt;public static final String WHAT_I_WROTE = null;
 public void sendMessage(View view) {
    EditText editText = (EditText) findViewById(R.id.editText);
    String message = editText.getText().toString();
    //creates new SharedPreference?
    SharedPreferences saver = getSharedPreferences("saved_text", Context.MODE_PRIVATE);
    //writes to the preferences file called saved_text?
    SharedPreferences.Editor writer = saver.edit();
    writer.putString(WHAT_I_WROTE, message);
    writer.commit();
}
&lt;/code&gt;&lt;/pre&gt;
&lt;p&gt;In another activity, I want to be able to read the message and display it but when I try this, it cannot resolve the symbol "saver".&lt;/p&gt;
&lt;pre&gt;&lt;code&gt;String text_for_display = saver.getString(WHAT_I_WROTE);
&lt;/code&gt;&lt;/pre&gt;
&lt;p&gt;What is the mistake I have made here and how do I correct it to read the saved string?&lt;/p&gt;
&lt;p&gt;Thanks.&lt;/p&gt;</t>
  </si>
  <si>
    <t>2017-07-03 11:44:29.700000+00:00</t>
  </si>
  <si>
    <t>2018-04-09 08:56:21.473000+00:00</t>
  </si>
  <si>
    <t>android|sharedpreferences|saving-data</t>
  </si>
  <si>
    <t>Why any Geb page method or module method can not be accessed in Where block</t>
  </si>
  <si>
    <t>&lt;p&gt;I have a Page class and having some method which extract the Web page. Now I want to call these method into the Where block of Spock to pass as data provider. But when I call the method then it throws an error as it did not find it. But the same is accessible from out of Where block. Why is it so?&lt;/p&gt;
&lt;p&gt;&lt;em&gt;Example&lt;/em&gt;&lt;/p&gt;
&lt;pre&gt;&lt;code&gt;def "Validate all article has its id"(){
    when:"I am at Overview page"
    at OverviewPage
    then:"I should the article id of all article"
    getAllCountOf(articleInfo).size() ==  actualCount
    where:
    articleInfo                          |actualCount
    TopArticleListInfo.ARTICLE_THUMBNAIL |filter.getCount()
&lt;/code&gt;&lt;/pre&gt;
&lt;p&gt;}&lt;/p&gt;
&lt;p&gt;In the above code 'filter.getCount()' can not be accessed from Where block, But the same method is accessible in when or then block.&lt;/p&gt;
&lt;p&gt;i want to understand the logic behind the scene It looks like , Where block is not able to find this method statically, need to create an object to call this.&lt;/p&gt;
&lt;p&gt;When I tried the solution provided by erdi, But that also not solving the issue&lt;/p&gt;
&lt;pre&gt;&lt;code&gt;when:"I am at Overview page"
    at OverviewPage
    then:"I should the article id of all article"
    getAllCountOf(articleInfo).size() ==  page."$actualCount"
    where:
    articleInfo                          |actualCount
    TopArticleListInfo.ARTICLE_THUMBNAIL |'getRowCount().size()'
&lt;/code&gt;&lt;/pre&gt;
&lt;p&gt;Here getRowCount().size() substitute in "$actualCount". But still it throwing the error&lt;/p&gt;
&lt;h2&gt;Error Message&lt;/h2&gt;
&lt;p&gt;getAllCountOf(articleInfo).size() ==  page."$actualCount"
    |             |            |          |    |
    |             |            10         |    groovy.lang.MissingPropertyException: Unable to resolve getRowCount().size() as content for inca.sundashboard.pageobject.OverviewPage, or as a property on its Navigator context. Is getRowCount().size() a class you forgot to import?
    |&lt;/p&gt;</t>
  </si>
  <si>
    <t>2017-11-17 17:46:27.207000+00:00</t>
  </si>
  <si>
    <t>2017-11-20 06:57:42.183000+00:00</t>
  </si>
  <si>
    <t>spock|geb</t>
  </si>
  <si>
    <t>How to change Parameters Expression to Constant Expression in Binary Expression</t>
  </si>
  <si>
    <t>&lt;p&gt;I have my custom Visitor which looks to right and left and changes parameters  to constant.
&lt;br&gt;
I know that just change node is not possible.
&lt;br&gt;
I should return new lambda expression which contains constants instead parameters. 
But I can not create an expression myself :(
&lt;br&gt;
I have this code:&lt;/p&gt;
&lt;pre&gt;&lt;code&gt;    public class ParametersTransformToConstantVisitor : ExpressionVisitor
    {
    private Dictionary&amp;lt;string, ConstantExpression&amp;gt; parameters = new Dictionary&amp;lt;string, ConstantExpression&amp;gt;();
    public ParametersTransformToConstantVisitor(Dictionary&amp;lt;string, ConstantExpression&amp;gt; parameters)
    {
        this.parameters = parameters;
    }
    protected override Expression VisitBinary(BinaryExpression node)
    {
        var constExprLeftName = new Lazy&amp;lt;string&amp;gt;(() =&amp;gt; ((ParameterExpression) node.Left)?.Name);
        var constExprRightName = new Lazy&amp;lt;string&amp;gt;(() =&amp;gt; ((ParameterExpression) node.Right)?.Name);
        var constExprName = new Lazy&amp;lt;string&amp;gt;(() =&amp;gt; ((ParameterExpression) node.Reduce())?.Name);
        ParameterExpression leftParam = null;
        ParameterExpression rightParam = null;
        if (node.NodeType == ExpressionType.Parameter &amp;amp;&amp;amp; parameters.ContainsKey(constExprName.Value))
        {
            return parameters[constExprName.Value];
        }
        if (node.Left.NodeType == ExpressionType.Parameter &amp;amp;&amp;amp; parameters.ContainsKey(constExprLeftName.Value))
        {
            leftParam = (ParameterExpression) node.Left;
        }       
        if (node.Right.NodeType == ExpressionType.Parameter &amp;amp;&amp;amp; parameters.ContainsKey(constExprLeftName.Value))
        {
            rightParam = (ParameterExpression) node.Right;
        }
        if (leftParam != null || rightParam != null)
        {
            //return Expression.Lambda();
        }       
        return base.VisitBinary(node);
    }
}
&lt;/code&gt;&lt;/pre&gt;
&lt;p&gt;Help me to build lambda expression, please&lt;/p&gt;</t>
  </si>
  <si>
    <t>2018-03-28 08:56:19.867000+00:00</t>
  </si>
  <si>
    <t>2018-03-28 09:32:17.683000+00:00</t>
  </si>
  <si>
    <t>2018-03-28 08:59:21.350000+00:00</t>
  </si>
  <si>
    <t>c#|lambda|expression</t>
  </si>
  <si>
    <t>InfoBright (MySQL) ERROR 5 (HY000): std::exception</t>
  </si>
  <si>
    <t>&lt;p&gt;I am doing a bulk upload to my InfoBright. &lt;/p&gt;
&lt;p&gt;I have taken the data from server 1 into the outfile and trying to bulkupload to server 2. I copied data file generated by MySQL &lt;code&gt;OUTFILE&lt;/code&gt; from server 1 to server 2. I changed the ownership of these data file on server 2 to mysql:mysql. The size of the file is 493 MB.&lt;/p&gt;
&lt;p&gt;But when I try to execute following command:&lt;/p&gt;
&lt;pre&gt;&lt;code&gt;LOAD DATA LOCAL INFILE '/tmp/fact1.data' INTO TABLE fact1 FIELDS TERMINATED BY '\t' ENCLOSED BY '''' LINES TERMINATED BY '\n';
&lt;/code&gt;&lt;/pre&gt;
&lt;p&gt;I get following error:&lt;/p&gt;
&lt;pre&gt;&lt;code&gt;ERROR 5 (HY000): std::exception
&lt;/code&gt;&lt;/pre&gt;
&lt;p&gt;The error 5 says that mysql ran out of memory. &lt;/p&gt;
&lt;p&gt;So, as a verification I took similar data present on the server 2 in one of the tables in &lt;code&gt;OUTFILE&lt;/code&gt;. The size of this file is 503 MB.&lt;/p&gt;
&lt;p&gt;And then used the following command:&lt;/p&gt;
&lt;pre&gt;&lt;code&gt;LOAD DATA LOCAL INFILE '/tmp/localfact.data' INTO TABLE fact1 FIELDS TERMINATED BY '\t' ENCLOSED BY '''' LINES TERMINATED BY '\n';
&lt;/code&gt;&lt;/pre&gt;
&lt;p&gt;This does work. Then why it is not working with the dump from server 1? What could be the issue?&lt;/p&gt;</t>
  </si>
  <si>
    <t>2011-10-05 07:22:48.587000+00:00</t>
  </si>
  <si>
    <t>2012-02-16 20:02:45.320000+00:00</t>
  </si>
  <si>
    <t>2011-10-05 08:13:09.520000+00:00</t>
  </si>
  <si>
    <t>mysql|infobright</t>
  </si>
  <si>
    <t>iOS "This in-app purchase has already been bought" pop-up</t>
  </si>
  <si>
    <t>&lt;p&gt;I'm getting an issue on my iOS app: when I touch the 'buy' button to purchase an IAP product, a pop-up appears showing this message:&lt;/p&gt;
&lt;blockquote&gt;
  &lt;p&gt;This In-App purchase has already been bought. It will be restored for free.&lt;/p&gt;
&lt;/blockquote&gt;
&lt;p&gt;I never had this pop-up before, and my products are only &lt;strong&gt;non-renewing subscriptions&lt;/strong&gt;, so I wonder why this message appears when buying subscriptions. &lt;/p&gt;
&lt;p&gt;When I touch ok to close this pop-up, the purchase is not performed. &lt;/p&gt;
&lt;p&gt;Here is my code: &lt;/p&gt;
&lt;pre&gt;&lt;code&gt;for transaction in transactions {
        switch transaction.transactionState {
        case SKPaymentTransactionState.Purchased, SKPaymentTransactionState.Restored:
            print("Transaction completed successfully.")
            SKPaymentQueue.defaultQueue().finishTransaction(transaction)
            transactionInProgress = false
            // Sauvegarde le produit achet��
            savePurchasedProduct(transaction.transactionDate!);
            break
        case SKPaymentTransactionState.Failed:
            print("Transaction Failed");
            SKPaymentQueue.defaultQueue().finishTransaction(transaction)
            transactionInProgress = false
            break
        default:
            break
        }
    }
&lt;/code&gt;&lt;/pre&gt;</t>
  </si>
  <si>
    <t>2015-11-30 15:17:00.530000+00:00</t>
  </si>
  <si>
    <t>2018-08-10 06:23:18.980000+00:00</t>
  </si>
  <si>
    <t>2015-11-30 21:29:37.247000+00:00</t>
  </si>
  <si>
    <t>ios|swift|in-app-purchase</t>
  </si>
  <si>
    <t>How can I access the paper object created by raphael?</t>
  </si>
  <si>
    <t>&lt;p&gt;I'm working on an HTML display for some phylogenetic analysis. I create a div, and there's this lovely javascript package called &lt;a href="http://www.jsphylosvg.com" rel="nofollow"&gt;jsPhyloSVG&lt;/a&gt; that draws me a nice tree in that div. That package uses raphael to do its drawing, but it doesn't return me the raphael &lt;code&gt;paper&lt;/code&gt; object. I'd like to make a few additions to this image using raphael, but I don't know how because I don't have a reference to that &lt;code&gt;paper&lt;/code&gt; object. I can access the svg that raphael generates, but is there some way to work backwards to find &lt;code&gt;paper&lt;/code&gt;?&lt;/p&gt;
&lt;p&gt;If that doesn't work, I could always just add circle or path objects directly to the svg using jquery, right?&lt;/p&gt;</t>
  </si>
  <si>
    <t>2016-01-07 23:54:35.363000+00:00</t>
  </si>
  <si>
    <t>2018-05-01 13:50:30.133000+00:00</t>
  </si>
  <si>
    <t>javascript|svg|raphael</t>
  </si>
  <si>
    <t>Optimizing jquery addclass / removeclass</t>
  </si>
  <si>
    <t>&lt;p&gt;So basically im stuck here with alot of code because I have no idea how to write it in an optimized manner. &lt;/p&gt;
&lt;p&gt;Many times I encounter moments where I want an element (A) to be clickable and by doing so it adds various classes. Then when I click on another element (B) it undos all previous classes from click A. &lt;/p&gt;
&lt;p&gt;I think you get a better idea of my problem when you see what mess I wrote. It works perfectly but im perfectly aware that this is suboptimal:&lt;/p&gt;
&lt;p&gt;What am I doing wrong? How do I write those things in a better way?&lt;/p&gt;
&lt;pre&gt;&lt;code&gt; $(".home").click(function () {
        $(this).toggleClass("item-active");
        $(".block-1").toggleClass("blocks");
        $(".b1").toggleClass("blockss");
        $(".block-2").removeClass("blocks");
        $(".b2").removeClass("blockss");
        $(".products").removeClass("item-active");
        $(".block-3").removeClass("blocks");
        $(".b3").removeClass("blockss");
        $(".hair-expert").removeClass("item-active");
        $(".block-4").removeClass("blocks");
        $(".b4").removeClass("blockss");
        $(".for-professionals").removeClass("item-active");
        $(".an1").removeClass("an1-default");
    });
    $(".products").click(function () {
        $(this).toggleClass("item-active");
        $(".block-2").toggleClass("blocks");
        $(".b2").toggleClass("blockss");
        $(".an1").addClass("an1-default");
        $(".block-1").removeClass("blocks");
        $(".b1").removeClass("blockss");
        $(".home").removeClass("item-active");
        $(".block-3").removeClass("blocks");
        $(".b3").removeClass("blockss");
        $(".hair-expert").removeClass("item-active");
        $(".block-4").removeClass("blocks");
        $(".b4").removeClass("blockss");
        $(".for-professionals").removeClass("item-active");
    });
    $(".hair-expert").click(function () {
        $(this).toggleClass("item-active");
        $(".block-3").toggleClass("blocks");
        $(".b3").toggleClass("blockss");
        $(".block-1").removeClass("blocks");
        $(".b1").removeClass("blockss");
        $(".home").removeClass("item-active");
        $(".block-2").removeClass("blocks");
        $(".b2").removeClass("blockss");
        $(".products").removeClass("item-active");
        $(".block-4").removeClass("blocks");
        $(".b4").removeClass("blockss");
        $(".for-professionals").removeClass("item-active");
        $(".an1").removeClass("an1-default");
    });
    $(".for-professionals").click(function () {
        $(this).toggleClass("item-active");
        $(".block-4").toggleClass("blocks");
        $(".b4").toggleClass("blockss");
        $(".block-1").removeClass("blocks");
        $(".b1").removeClass("blockss");
        $(".home").removeClass("item-active");
        $(".block-2").removeClass("blocks");
        $(".b2").removeClass("blockss");
        $(".products").removeClass("item-active");
        $(".block-3").removeClass("blocks");
        $(".b3").removeClass("blockss");
        $(".hair-expert").removeClass("item-active");
        $(".an1").removeClass("an1-default");
    });
&lt;/code&gt;&lt;/pre&gt;
&lt;p&gt;&lt;strong&gt;Added JSFiddle &lt;a href="http://jsfiddle.net/wt6mkkng/8/" rel="nofollow"&gt;http://jsfiddle.net/wt6mkkng/8/&lt;/a&gt;&lt;/strong&gt;&lt;/p&gt;</t>
  </si>
  <si>
    <t>2014-11-08 21:58:47.197000+00:00</t>
  </si>
  <si>
    <t>2014-11-09 00:26:49.810000+00:00</t>
  </si>
  <si>
    <t>2014-11-08 22:11:44.043000+00:00</t>
  </si>
  <si>
    <t>Resharper change default go to type for ctrl</t>
  </si>
  <si>
    <t>&lt;p&gt;currently when I hit ctrl and press mouse btn on type I got to type for example to interace , how can I change it to go to implementation ? I tried by tools, keyboard but can't change it key to ctrl + Left click. &lt;/p&gt;</t>
  </si>
  <si>
    <t>2014-06-03 09:42:31.453000+00:00</t>
  </si>
  <si>
    <t>2014-06-10 14:37:03.697000+00:00</t>
  </si>
  <si>
    <t>resharper</t>
  </si>
  <si>
    <t>where can i get the GCC binary?</t>
  </si>
  <si>
    <t>&lt;p&gt;I want to get the latest GCC linux binary, a simple link-&gt;download. Does anyone know of any such place? I'm having a hard time finding one.&lt;/p&gt;
&lt;p&gt;Of course there is the possibility of downloading the source code and compiling it - but the instructions in 
&lt;a href="http://gcc.gnu.org/install/download.html"&gt;http://gcc.gnu.org/install/download.html&lt;/a&gt;
are both long and gruesome so it would have been nice to simply get the binary, if i can. &lt;/p&gt;
&lt;p&gt;EDIT: i am not an administrator on my computer, so i can't use apt-get install. &lt;/p&gt;</t>
  </si>
  <si>
    <t>2012-01-17 10:48:46.397000+00:00</t>
  </si>
  <si>
    <t>2012-01-17 11:03:55.817000+00:00</t>
  </si>
  <si>
    <t>gcc</t>
  </si>
  <si>
    <t>Ruby On Rails Excel Import Issue</t>
  </si>
  <si>
    <t>&lt;p&gt;Hello I am working on ruby on rails platform. I am doing excel import with Roo package with following code&lt;/p&gt;
&lt;pre&gt;&lt;code&gt;def self.open_spreadsheet(file)
    case File.extname(file.original_filename)
      when '.xls' then
        Roo::Excel.new(file.path, nil, :ignore)
      when '.xlsx' then
        Roo::Excelx.new(file.path, nil, :ignore)
      else
        raise "Unknown file type: #{file.original_filename}"
    end
  end
&lt;/code&gt;&lt;/pre&gt;
&lt;p&gt;The code is working fine on production until I did bundle update command on production and after this I get error for importing Excel with above code is
Wrong number of arguments ( 3 for 1..2) for &lt;code&gt;Roo::Excelx.new(file.path, nil, :ignore)&lt;/code&gt; please suggest how the working code gets such a error.&lt;/p&gt;</t>
  </si>
  <si>
    <t>2015-07-15 05:40:46.937000+00:00</t>
  </si>
  <si>
    <t>2015-07-15 06:08:50.033000+00:00</t>
  </si>
  <si>
    <t>2015-07-15 06:03:01.567000+00:00</t>
  </si>
  <si>
    <t>Servlet throws Exception</t>
  </si>
  <si>
    <t>&lt;p&gt;This is my Servlet code which i am using to query a solr index&lt;/p&gt;
&lt;pre&gt;&lt;code&gt;import java.io.*;
import java.net.*;
import java.text.*;
import java.util.*;
import javax.servlet.*;
import javax.servlet.http.*;
//Solr Imports
import org.apache.solr.client.solrj.SolrServer;
import org.apache.solr.client.solrj.SolrServerException;
import org.apache.solr.client.solrj.impl.CommonsHttpSolrServer;
import org.apache.solr.client.solrj.response.QueryResponse;
import org.apache.solr.client.solrj.SolrQuery;
import org.apache.solr.common.params.ModifiableSolrParams;
import org.apache.solr.client.solrj.request.ContentStreamUpdateRequest;
import org.apache.solr.common.SolrInputDocument;
import org.apache.solr.client.solrj.request.AbstractUpdateRequest;
/*
import org.jdom.Document;
import org.jdom.Element;
import org.jdom.JDOMException;
import org.jdom.input.SAXBuilder;
*/
public class HelloWorldExample extends HttpServlet {
    public void doGet(HttpServletRequest request,HttpServletResponse response) throws IOException, ServletException
    {
        PrintWriter out = response.getWriter();
        String inputStr=request.getParameter("input");
        out.println("&amp;lt;html&amp;gt;&amp;lt;h1&amp;gt;" + inputStr + "&amp;lt;/h1&amp;gt;&amp;lt;/body&amp;gt;&amp;lt;/html&amp;gt;");
        //try {
        SolrServer server = new CommonsHttpSolrServer("http://localhost:8080/solr/");
        SolrQuery solrQuery = new SolrQuery(); 
        //solrQuery.setQuery("fileName:"+input);
        solrQuery.setQuery("Latitude:"+32.55668);
        QueryResponse rsp = server.query(solrQuery);
        //SolrDocumentList x = rsp.getResults();
        System.out.println(rsp);
        }
        catch (SolrServerException e) {
            e.printStackTrace();
        }       
    }
}
&lt;/code&gt;&lt;/pre&gt;
&lt;p&gt;I am compiling this code using &lt;/p&gt;
&lt;p&gt;&lt;strong&gt;D:\xampp\tomcat\webapps\examples\WEB-INF\classes&gt;javac -classpath .;D:\JAR\servl
et-api.jar;D:\JAR\1solr-core-1.3.0.jar;D:\JAR\1solr-solrj-1.3.0.jar;D:\JAR\1solr
-common-1.3.0.jar;D:\JAR\apache-solr-solrj-1.4.0.jar HelloWorldExample.java&lt;/strong&gt;&lt;/p&gt;
&lt;p&gt;This code compiles without problem. However when i run this servlwt it gives me an error: &lt;/p&gt;
&lt;blockquote&gt;
  &lt;p&gt;type Exception report
  message&lt;/p&gt;
  &lt;p&gt;description The server encountered an internal error () that prevented
  it from fulfilling this request.&lt;/p&gt;
  &lt;p&gt;exception&lt;/p&gt;
  &lt;p&gt;javax.servlet.ServletException: Servlet execution threw an exception
  root cause&lt;/p&gt;
  &lt;p&gt;java.lang.NoClassDefFoundError:
  org/apache/solr/client/solrj/impl/CommonsHttpSolrServer
    HelloWorldExample.doGet(HelloWorldExample.java:35)
    javax.servlet.http.HttpServlet.service(HttpServlet.java:621)
    javax.servlet.http.HttpServlet.service(HttpServlet.java:722)&lt;/p&gt;
&lt;/blockquote&gt;</t>
  </si>
  <si>
    <t>2012-04-29 18:03:05.417000+00:00</t>
  </si>
  <si>
    <t>2012-04-30 19:53:09.997000+00:00</t>
  </si>
  <si>
    <t>java|servlets</t>
  </si>
  <si>
    <t>Find matches in two different Powershell objects based on one property</t>
  </si>
  <si>
    <t>&lt;p&gt;I am trying to find the matching names in two different types of Powershell objects&lt;/p&gt;
&lt;p&gt;$Object1 has two properties - Name (string), ResourceID (uint32)&lt;/p&gt;
&lt;p&gt;$object2 has one noteproperty - Name (system.string)&lt;/p&gt;
&lt;p&gt;This gives me a list of the matching names but I also want the corresponding resourceID property from $object1.&lt;/p&gt;
&lt;pre&gt;&lt;code&gt;$computers = Compare-Object $Object1.name $WSD_CM12 | where {$_.sideindicator -eq "=&amp;gt;"} | foreach {$_.inputobject}
&lt;/code&gt;&lt;/pre&gt;
&lt;p&gt;These are big objects with over 10,000 items so I'm looking for the most efficient way to accomplish this.&lt;/p&gt;</t>
  </si>
  <si>
    <t>2013-11-05 18:56:16.453000+00:00</t>
  </si>
  <si>
    <t>2013-11-06 21:20:17.053000+00:00</t>
  </si>
  <si>
    <t>Presistent socket in background (iOS)?</t>
  </si>
  <si>
    <t>&lt;p&gt;UPDATE: I mean when the application has gone to background, the user closed it, iPhone is on the Springboard. Can be the connection kept alive?&lt;/p&gt;
&lt;hr&gt;
&lt;p&gt;I want to push some content to the clients.
Is it possible?
Do I have to register some... ...thing?&lt;/p&gt;</t>
  </si>
  <si>
    <t>2012-01-23 14:35:41.117000+00:00</t>
  </si>
  <si>
    <t>2012-01-24 10:55:34.217000+00:00</t>
  </si>
  <si>
    <t>iphone|ios|background|bonjour</t>
  </si>
  <si>
    <t>Can a Kalman Filter predict where the tracked object will be after colliding with a wall?</t>
  </si>
  <si>
    <t>&lt;p&gt;I'm tracking an object moving within a fixed-size box using a standard 2D CV (constant velocity) dynamic model as it moves through free space in the center of the box. But when it hits the edges of the box, its movement is more complex. Billiard-ball mechanics would work as a first approximation, but that model seems quite different than the CV model and I'm not sure how to incorporate it into the update step of the Kalman filter.&lt;/p&gt;
&lt;p&gt;Is bounded motion (object in a box) a good use case for Interacting Multiple Model (IMM) filters, combining both the CV and billiard models? If so, will such a filter predict future collisions if I ask it to predict several tens of time steps into the future? Or is there a way to alter the CV filter state variables when a collision occurs such that subsequent update and predict steps continue to track the motion of the object (albeit in its new, reflected direction)?&lt;/p&gt;</t>
  </si>
  <si>
    <t>2014-08-07 16:07:02.530000+00:00</t>
  </si>
  <si>
    <t>2014-10-11 06:22:19.397000+00:00</t>
  </si>
  <si>
    <t>opencv|computer-vision|kalman-filter</t>
  </si>
  <si>
    <t>How to enable horizontal scrollbar to pop when we do nowrap</t>
  </si>
  <si>
    <t>&lt;p&gt;Can someone help with a solution? I want horizontal scrollbar to pop up whenever I do &lt;code&gt;nowrap&lt;/code&gt; and vice versa when I do &lt;code&gt;wrap&lt;/code&gt;.&lt;/p&gt;
&lt;p&gt;Currently I use these settings individually to ease my work; is there a way to merge both of them?&lt;/p&gt;
&lt;pre&gt;&lt;code&gt;nnoremap &amp;lt;silent&amp;gt; &amp;lt;F3&amp;gt; :if &amp;amp;guioptions=~#'b'&amp;lt;Bar&amp;gt;set guioptions-=b&amp;lt;Bar&amp;gt;else&amp;lt;Bar&amp;gt;set guioptions+=b&amp;lt;Bar&amp;gt;endif&amp;lt;CR&amp;gt;
map &amp;lt;F2&amp;gt; :set nowrap! &amp;lt;CR&amp;gt; 
&lt;/code&gt;&lt;/pre&gt;</t>
  </si>
  <si>
    <t>2012-01-25 10:31:43.490000+00:00</t>
  </si>
  <si>
    <t>2014-04-10 00:03:30.080000+00:00</t>
  </si>
  <si>
    <t>2012-01-25 12:21:13.620000+00:00</t>
  </si>
  <si>
    <t>On a wordpress blog I would like the post title to sit fixed in the bottom and change when I scroll to the next post</t>
  </si>
  <si>
    <t>&lt;p&gt;I can't figure out how to make the title change upon scrolling inside the id="titlescroll" div, which surrounds the entire post, and then only outputs the text from the class="title output".&lt;/p&gt;
&lt;p&gt;I have styled each post (in this case advanced custom field) within a div with id="titlescroll" and have placed the_title() inside a div with class="titleoutput". &lt;/p&gt;
&lt;p&gt;With javascript found at &lt;a href="http://jsfiddle.net/Nsubt/" rel="nofollow"&gt;http://jsfiddle.net/Nsubt/&lt;/a&gt; I can make the title change, when I scroll past the class="titleoutput" div, but then I have the problem that it only changes when I scroll past the top of the post where the php code for the_title() sits. This causes problems when I scroll upwards.&lt;/p&gt;
&lt;p&gt;I really appreciate any help I can get. Thanks!&lt;/p&gt;
&lt;p&gt;PHP code &lt;/p&gt;
&lt;pre&gt;&lt;code&gt;&amp;lt;?php
 $query = new WP_Query( 'category_name=news'); 
// The Loop
if ( $query-&amp;gt;have_posts() ) {
    echo '&amp;lt;div class="content-area"&amp;gt;';
while ( $query-&amp;gt;have_posts() ) {
    $query-&amp;gt;the_post();
    $postid = get_the_ID();
    echo '&amp;lt;section class="space" id=';
    echo $postid;
    echo '&amp;gt;';
    echo '&amp;lt;/section&amp;gt;';
    echo '&amp;lt;div id="titlescroll"&amp;gt;';
    echo '&amp;lt;div class="titleoutput"&amp;gt;';
    the_title();
    echo '&amp;lt;/div&amp;gt;';
    $fields = get_fields();
    if (get_field('one_column_images')){
         echo '&amp;lt;div class="entry-content"&amp;gt;';
        the_field('one_column_images');
        echo '&amp;lt;div class="onetext"&amp;gt;';
        the_field('one_column_text');
         echo '&amp;lt;/div&amp;gt;';
                 echo '&amp;lt;/div&amp;gt;';
                          echo '&amp;lt;/div&amp;gt;';
    }
&lt;/code&gt;&lt;/pre&gt;
&lt;p&gt;Javascript&lt;/p&gt;
&lt;pre&gt;&lt;code&gt;jQuery(document).ready(function($) {
$(window).on("scroll resize", function(){
var pos=$('#entry-title').offset();
$('#titlescroll').each(function(){
    if(pos.top &amp;gt;= $(this).offset().top &amp;amp;&amp;amp; pos.top&amp;lt;=     $(this).next().offset().top)
    {
        var $this = $(this);
        $('#entry-title').html($this.child('.titleoutput').html()); //or any other way you want to get the date
        return; //break the loop
    }
});
});
});
&lt;/code&gt;&lt;/pre&gt;</t>
  </si>
  <si>
    <t>2015-02-13 23:06:59.880000+00:00</t>
  </si>
  <si>
    <t>2015-02-14 12:49:20.020000+00:00</t>
  </si>
  <si>
    <t>javascript|jquery|wordpress|scroll</t>
  </si>
  <si>
    <t>How to make a preselection for a select list generated by AngularJS?</t>
  </si>
  <si>
    <t>&lt;pre&gt;&lt;code&gt;&amp;lt;select ng-model="team.captain" ng-options="player.name for player in team.players"&amp;gt;&amp;lt;/select&amp;gt;
&lt;/code&gt;&lt;/pre&gt;
&lt;p&gt;This correctly creates a select list to choose the team captain. However, by default a blank option is selected. How can we preselect the first player from the list instead?&lt;/p&gt;
&lt;pre&gt;&lt;code&gt;&amp;lt;select ng-model="team.captain" ng-options="player.name for player in team.players" class="ng-pristine ng-valid"&amp;gt;
  &amp;lt;option value="0"&amp;gt;John&amp;lt;/option&amp;gt;
  &amp;lt;option value="1"&amp;gt;Bobby&amp;lt;/option&amp;gt;
&amp;lt;/select&amp;gt;
&lt;/code&gt;&lt;/pre&gt;
&lt;p&gt;I tried adding &lt;code&gt;ng-init="team.captain='0'"&lt;/code&gt; but that didn't help.&lt;/p&gt;
&lt;p&gt;&lt;strong&gt;Update&lt;/strong&gt; Apparently this happens because &lt;/p&gt;
&lt;blockquote&gt;
  &lt;p&gt;a value referenced by ng-model doesn't exist in a set of options passed to ng-options.&lt;/p&gt;
&lt;/blockquote&gt;
&lt;p&gt;Source: &lt;a href="https://stackoverflow.com/questions/12654631/why-does-angularjs-include-an-empty-option-in-select?rq=1"&gt;Why does AngularJS include an empty option in select?&lt;/a&gt;&lt;/p&gt;
&lt;p&gt;However, the question still remains why using ng-init doesn't work?&lt;/p&gt;
&lt;pre&gt;&lt;code&gt;&amp;lt;select ng-init="team.captain='0'" ng-model="team.captain" ng-options="player.name for player in team.players"&amp;gt;&amp;lt;/select&amp;gt;
&lt;/code&gt;&lt;/pre&gt;</t>
  </si>
  <si>
    <t>2013-01-12 20:17:59.780000+00:00</t>
  </si>
  <si>
    <t>2017-09-05 07:29:19.657000+00:00</t>
  </si>
  <si>
    <t>2017-05-23 18:07:50.170000+00:00</t>
  </si>
  <si>
    <t>Get HTML check box to toggle MVC model boolean</t>
  </si>
  <si>
    <t>&lt;p&gt;I am trying to use an MVC form to modify some information in my database.  I want to be able to select a few items from a table using a series check boxes.  It should update the database boolean values when I hit a link at the bottom of my form.&lt;/p&gt;
&lt;p&gt;So far, I have tried a few solutions from other threads, but since I am new to MVCs, they are rather confusing.&lt;/p&gt;
&lt;p&gt;This is what I have right now for my HTML:&lt;/p&gt;
&lt;pre&gt;&lt;code&gt;    @foreach (var item in Model)
    {
    &amp;lt;tr&amp;gt;
        @if (!item.IsCurated)
        {
            &amp;lt;td&amp;gt;
                @Html.CheckBoxFor(modelItem =&amp;gt; item.isChecked, new { @checked = true })
            &amp;lt;/td&amp;gt;
        {
    &amp;lt;/tr&amp;gt;
    @Html.ActionLink("Update", "updateDatabase", Model)
&lt;/code&gt;&lt;/pre&gt;
&lt;p&gt;The "updateDatabase" method calls&lt;/p&gt;
&lt;pre&gt;&lt;code&gt;public void updateDatabase()
{
    db.SaveChanges();
}
&lt;/code&gt;&lt;/pre&gt;
&lt;p&gt;I believe the changes to the database are being saved, but that the check boxes are not actually assigning any changed values.&lt;/p&gt;</t>
  </si>
  <si>
    <t>2016-09-06 17:23:25.567000+00:00</t>
  </si>
  <si>
    <t>2016-09-06 23:20:48.220000+00:00</t>
  </si>
  <si>
    <t>c#|asp.net-mvc|database|razor</t>
  </si>
  <si>
    <t>Are both standard and high-resolution images loaded on retina displays when using css media selectors?</t>
  </si>
  <si>
    <t>&lt;p&gt;I am using the css shown below for serving hi-res images to 'retina' displays. Are both standard and high-resolution images are loaded on a 'retina' display device? Or just the high-res image?&lt;/p&gt;
&lt;pre&gt;&lt;code&gt;.icon {
  background-image: url(example.png);
}
@media only screen and (-Webkit-min-device-pixel-ratio: 1.5),
only screen and (-moz-min-device-pixel-ratio: 1.5),
only screen and (-o-min-device-pixel-ratio: 3/2),
only screen and (min-device-pixel-ratio: 1.5) {
  .icon {
    background-image: url(example@2x.png);
  }
}
&lt;/code&gt;&lt;/pre&gt;</t>
  </si>
  <si>
    <t>2012-10-30 23:33:57.020000+00:00</t>
  </si>
  <si>
    <t>2012-10-31 03:11:20.600000+00:00</t>
  </si>
  <si>
    <t>css|image|retina-display</t>
  </si>
  <si>
    <t>Configs loaded in Mule functional tests throw errors, but runs outside of a test</t>
  </si>
  <si>
    <t>&lt;p&gt;I have a strange situation where Mule configs loaded in Mule functional tests throw errors of the sort below from flows with vm's. The annoying thing is this flow runs perfect as a mule application and sometimes by tweaking with mule studio I can get the test to run, almost randomly.&lt;/p&gt;
&lt;pre&gt;&lt;code&gt;&amp;lt;flow name="simpleOutBoundFlow"&amp;gt;
    &amp;lt;vm:inbound-endpoint path="testV"
        name="test" /&amp;gt;
    &amp;lt;logger level="ERROR"
        message="blah #[payload]" /&amp;gt;
    &amp;lt;foo:outbound config-ref="fooOutbound" doc:name="baa" /&amp;gt;
&amp;lt;/flow&amp;gt;
&lt;/code&gt;&lt;/pre&gt;
&lt;p&gt;the error occurs at the vm: line and says something like&lt;/p&gt;
&lt;blockquote&gt;
  &lt;p&gt;org.mule.api.config.ConfigurationException: Line 21 in XML document
  from URL
  [file:/D:/config.xml]
  is invalid; nested exception is org.xml.sax.SAXParseException;
  lineNumber: 21; columnNumber: 18; cvc-complex-type.2.4.a: Invalid
  content was found starting with element 'vm:inbound-endpoint'. One of
  '{"&lt;a href="http://www.mulesoft.org/schema/mule/core" rel="nofollow"&gt;http://www.mulesoft.org/schema/mule/core&lt;/a&gt;":annotations,
  "&lt;a href="http://www.mulesoft.org/schema/mule/core" rel="nofollow"&gt;http://www.mulesoft.org/schema/mule/core&lt;/a&gt;":description,
  "&lt;a href="http://www.mulesoft.org/schema/mule/core" rel="nofollow"&gt;http://www.mulesoft.org/schema/mule/core&lt;/a&gt;":abstract-message-source,
  "&lt;a href="http://www.mulesoft.org/schema/mule/core" rel="nofollow"&gt;http://www.mulesoft.org/schema/mule/core&lt;/a&gt;":abstract-inbound-endpoint,
  "&lt;a href="http://www.mulesoft.org/schema/mule/core" rel="nofollow"&gt;http://www.mulesoft.org/schema/mule/core&lt;/a&gt;":abstract-message-processor,
  "&lt;a href="http://www.mulesoft.org/schema/mule/core" rel="nofollow"&gt;http://www.mulesoft.org/schema/mule/core&lt;/a&gt;":abstract-outbound-endpoint,
  "&lt;a href="http://www.mulesoft.org/schema/mule/core" rel="nofollow"&gt;http://www.mulesoft.org/schema/mule/core&lt;/a&gt;":abstract-mixed-content-message-processor,
  "&lt;a href="http://www.mulesoft.org/schema/mule/core" rel="nofollow"&gt;http://www.mulesoft.org/schema/mule/core&lt;/a&gt;":response}' is expected.
  (org.mule.api.lifecycle.InitialisationException)  at
  org.mule.config.builders.AbstractConfigurationBuilder.configure(AbstractConfigurationBuilder.java:52)&lt;/p&gt;
&lt;/blockquote&gt;
&lt;p&gt;Any ideas? Really strange one for me.&lt;/p&gt;
&lt;p&gt;nb: the  foo:outbound comes from a devKit update site I generated with the maven devkit archtype&lt;/p&gt;</t>
  </si>
  <si>
    <t>2013-06-27 15:22:41.960000+00:00</t>
  </si>
  <si>
    <t>2013-06-28 16:45:32.330000+00:00</t>
  </si>
  <si>
    <t>2013-06-27 15:28:16.920000+00:00</t>
  </si>
  <si>
    <t>mule|mule-studio|devkit</t>
  </si>
  <si>
    <t>Is it possible to loop through Amazon S3 bucket and count the number of lines in its file/key using Python?</t>
  </si>
  <si>
    <t>&lt;p&gt;Is it possible to loop through the file/key in Amazon S3 bucket, read the contents and count the number of lines using Python?&lt;/p&gt;
&lt;p&gt;For Example:&lt;/p&gt;
&lt;pre&gt;&lt;code&gt;  1. My bucket: "my-bucket-name"
  2. File/Key : "test.txt" 
&lt;/code&gt;&lt;/pre&gt;
&lt;p&gt;I need to loop through the file "test.txt" and count the number of line in the raw file.&lt;/p&gt;
&lt;p&gt;Sample Code:&lt;/p&gt;
&lt;pre&gt;&lt;code&gt;for bucket in conn.get_all_buckets():
    if bucket.name == "my-bucket-name":
        for file in bucket.list():
            #need to count the number lines in each file and print to a log.
&lt;/code&gt;&lt;/pre&gt;</t>
  </si>
  <si>
    <t>2016-05-30 06:34:52.770000+00:00</t>
  </si>
  <si>
    <t>2016-12-19 13:06:17.860000+00:00</t>
  </si>
  <si>
    <t>2016-05-31 05:52:22.370000+00:00</t>
  </si>
  <si>
    <t>python|amazon-web-services|amazon-s3|boto</t>
  </si>
  <si>
    <t>SQL for simple recommender system</t>
  </si>
  <si>
    <t>&lt;p&gt;Each record in the &lt;strong&gt;movies&lt;/strong&gt; table has:&lt;/p&gt;
&lt;p&gt;&lt;strong&gt;user&lt;/strong&gt; - user id&lt;br&gt;
&lt;strong&gt;movie&lt;/strong&gt; - movie id&lt;br&gt;
&lt;strong&gt;rating&lt;/strong&gt; - user rating for the movie&lt;/p&gt;
&lt;p&gt;User &lt;strong&gt;1&lt;/strong&gt; wants to receive recommendations (list of movies) from the group of users &lt;strong&gt;2,3,4,5,6,7&lt;/strong&gt;.&lt;br&gt;
The recommended movies should NOT be found among the movies of user 1 and should have an average rating in the group not less than &lt;strong&gt;3&lt;/strong&gt;. At the same time, the movies that were watched by less than 3 people from the group can not be recommended.&lt;/p&gt;
&lt;p&gt;Here's my option, but it does not reflect the last requirement:&lt;/p&gt;
&lt;pre&gt;&lt;code&gt;SELECT t2.movie
FROM movies t1 INNER JOIN movies t2
     ON t1.user = 1
     AND t2.user IN(2,3,4,5,6,7)
     AND t2.movie NOT IN ( SELECT movie
                           FROM movies
                           WHERE user = 1 )
GROUP BY(t2.movie)
HAVING AVG(t2.rating)&amp;gt;=3
&lt;/code&gt;&lt;/pre&gt;</t>
  </si>
  <si>
    <t>2018-03-15 17:41:41.640000+00:00</t>
  </si>
  <si>
    <t>2018-03-15 18:01:35.183000+00:00</t>
  </si>
  <si>
    <t>jQuery: Load Div content into another div?</t>
  </si>
  <si>
    <t>&lt;p&gt;I have multiple hidden divs on the page each holding different content, when I click a link on the page e.g.&lt;/p&gt;
&lt;pre&gt;&lt;code&gt;&amp;lt;a href="#contentone" class="clicky"&amp;gt;Load content one&amp;lt;/a&amp;gt;
&amp;lt;a href="#contenttwo" class="clicky"&amp;gt;Load content two&amp;lt;/a&amp;gt;
&amp;lt;div id="contentone"&amp;gt;Some content here to be loaded into another div&amp;lt;/div&amp;gt;
&amp;lt;div id="contenttwo"&amp;gt;Some content here to be loaded into another div&amp;lt;/div&amp;gt;
&amp;lt;div id="slider"&amp;gt;
  This content to be replaced by content from links/hidden divs
&amp;lt;/div&amp;gt;
&lt;/code&gt;&lt;/pre&gt;
&lt;p&gt;Currently I'v got this setup so it loads the content from an external source, but i'd prefer it to populate the slider with content hidden on the page (As above).&lt;/p&gt;
&lt;p&gt;My current jquery is below, would love this this to be converted to work within hidden divs on the page opposed to external files.&lt;/p&gt;
&lt;pre&gt;&lt;code&gt;&amp;lt;script type='text/javascript'&amp;gt;//&amp;lt;![CDATA[ 
$(window).load(function(){
$(function () {
    $(".clicky").click(function () {
                var url = this.href;
                var e = $("#slider");
                e.load(url, function() {
                    e.animate({width: "show"}, 500);
                });
                return false;
    });
});
});//]]&amp;gt;  
&amp;lt;/script&amp;gt;
&lt;/code&gt;&lt;/pre&gt;</t>
  </si>
  <si>
    <t>2012-08-20 08:13:39.957000+00:00</t>
  </si>
  <si>
    <t>2012-08-20 08:25:07.827000+00:00</t>
  </si>
  <si>
    <t>adding a star-rating to each level.</t>
  </si>
  <si>
    <t>&lt;p&gt;I want to add a rating-system to my game, similar to how angry birds has it, with 1-3 stars per level. Since I dont really know what this type of rating-system is called I cant search for any material to help me. Does anyone have any example-code or a link to some information about this?&lt;/p&gt;</t>
  </si>
  <si>
    <t>2012-09-26 16:08:14.790000+00:00</t>
  </si>
  <si>
    <t>2012-09-26 16:10:33.347000+00:00</t>
  </si>
  <si>
    <t>android|rating</t>
  </si>
  <si>
    <t>Reset Radio Button Value to Zero on Form Reset in Angular 6</t>
  </si>
  <si>
    <t>&lt;p&gt;I have repetitive Form, where I need to show the text box and radio button and always radio button should be to bind to '0' or on NO button. On form reset, I am trying to set the radio button back to 0 but it is not binding, here is the code,&lt;/p&gt;
&lt;p&gt;Radion Button.ts&lt;/p&gt;
&lt;p&gt;&lt;div class="snippet" data-lang="js" data-hide="false" data-console="true" data-babel="false"&gt;_x000D_
&lt;div class="snippet-code"&gt;_x000D_
&lt;pre class="snippet-code-js lang-js prettyprint-override"&gt;&lt;code&gt;import {_x000D_
  Component,_x000D_
  ViewChild_x000D_
} from '@angular/core';_x000D_
_x000D_
_x000D_
/**_x000D_
 * @title Basic use of `&amp;lt;table mat-table&amp;gt;`_x000D_
 */_x000D_
@Component({_x000D_
  selector: 'table-basic-example',_x000D_
  styleUrls: ['table-basic-example.css'],_x000D_
  templateUrl: 'table-basic-example.html',_x000D_
})_x000D_
export class TableBasicExample {_x000D_
  date = 0;_x000D_
  questionLevel = {_x000D_
    others: [{_x000D_
      date: 0_x000D_
    }],_x000D_
  }_x000D_
  dates = [{_x000D_
      key: "Yes",_x000D_
      value: 1_x000D_
    },_x000D_
_x000D_
  ]_x000D_
  constructor() {_x000D_
    if (this.date === 0) {_x000D_
      this.dates.push({_x000D_
        key: "No",_x000D_
        value: this.date_x000D_
      })_x000D_
    }_x000D_
  }_x000D_
  @ViewChild('form') myNgForm;_x000D_
  addMore(item, other) {_x000D_
    console.log(other, "others")_x000D_
    item.others.push({_x000D_
      date: 0,_x000D_
    });_x000D_
    console.log(item.others, "item atfre add new button")_x000D_
  }_x000D_
  SubmitForm(formValues) {_x000D_
    this.myNgForm.resetForm();_x000D_
    if (this.date === null) {_x000D_
      this.dates.splice(1, 1)_x000D_
      this.dates.push({_x000D_
        key: "No",_x000D_
        value: this.date_x000D_
      })_x000D_
    }_x000D_
  }_x000D_
}&lt;/code&gt;&lt;/pre&gt;_x000D_
&lt;/div&gt;_x000D_
&lt;/div&gt;_x000D_
&lt;/p&gt;
&lt;p&gt;Radio Button.html&lt;/p&gt;
&lt;pre class="lang-html prettyprint-override"&gt;&lt;code&gt;&amp;lt;form class="example-form" #form="ngForm" (ngSubmit)="SubmitForm(form)"&amp;gt;
  &amp;lt;div *ngFor="let other of questionLevel.others; let i = index "&amp;gt;
    &amp;lt;div class="row"&amp;gt;
      &amp;lt;div class="col-sm-6"&amp;gt;
        &amp;lt;h6 class="catTitle"&amp;gt;Question Title &amp;lt;/h6&amp;gt;
      &amp;lt;/div&amp;gt;
      &amp;lt;div class="col-sm-6"&amp;gt;
        &amp;lt;mat-form-field class="textField"&amp;gt;
          &amp;lt;textarea required id="#myDiv" name="other_question_{{i}}" [(ngModel)]="other.question" matInput placeholder="Question Title"&amp;gt;&amp;lt;/textarea&amp;gt;
          &amp;lt;mat-error&amp;gt;Question field is required&amp;lt;/mat-error&amp;gt;
        &amp;lt;/mat-form-field&amp;gt;
        &amp;lt;!-- &amp;lt;div *ngIf="other.plus" class="error-danger"&amp;gt;Question field is required&amp;lt;/div&amp;gt; --&amp;gt;
      &amp;lt;/div&amp;gt;
    &amp;lt;/div&amp;gt;
    &amp;lt;div class="row radio_row"&amp;gt;
      &amp;lt;div class="col-sm-6"&amp;gt;
        &amp;lt;h6 class="catTitle"&amp;gt;Requires Date&amp;lt;/h6&amp;gt;
      &amp;lt;/div&amp;gt;
      &amp;lt;div class="col-sm-6 radio_btn"&amp;gt;
        &amp;lt;mat-radio-group name="other_date_{{i}}" [(ngModel)]="other.date" required&amp;gt;
          &amp;lt;div class="radio_single" *ngFor="let date of dates"&amp;gt;
            &amp;lt;mat-radio-button [value]="date.value"&amp;gt;
              {{date.key}}
            &amp;lt;/mat-radio-button&amp;gt;
          &amp;lt;/div&amp;gt;
        &amp;lt;/mat-radio-group&amp;gt;
      &amp;lt;/div&amp;gt;
    &amp;lt;/div&amp;gt;
  &amp;lt;/div&amp;gt;
  &amp;lt;div class="form-group"&amp;gt;
    &amp;lt;button type="button" (click)="addMore(questionLevel,questionLevel.others)" class="primary-button"&amp;gt;Add
              More Questions&amp;lt;/button&amp;gt;
  &amp;lt;/div&amp;gt;
  &amp;lt;button type="submit" [disabled]="!form.valid" mat-raised-button class="primary-button" color="primary"&amp;gt;Submit&amp;lt;/button&amp;gt;
&amp;lt;/form&amp;gt;
&amp;lt;!-- Copyright 2018 Google Inc. All Rights Reserved.
    Use of this source code is governed by an MIT-style license that
    can be found in the LICENSE file at http://angular.io/license --&amp;gt;
&lt;/code&gt;&lt;/pre&gt;
&lt;p&gt;Above is the code for the button to set the value back to zero for all repetitive form.&lt;/p&gt;
&lt;p&gt;Below is the link for the running code.&lt;/p&gt;
&lt;p&gt;&lt;a href="https://stackblitz.com/edit/angular-ehrv3c-tqsztj" rel="nofollow noreferrer"&gt;https://stackblitz.com/edit/angular-ehrv3c-tqsztj&lt;/a&gt;&lt;/p&gt;
&lt;p&gt;please help me to solve this&lt;/p&gt;</t>
  </si>
  <si>
    <t>2018-11-02 06:57:43.217000+00:00</t>
  </si>
  <si>
    <t>2018-11-02 08:44:34.677000+00:00</t>
  </si>
  <si>
    <t>2018-11-02 08:11:02.097000+00:00</t>
  </si>
  <si>
    <t>Simple code to get java.lang.reflect.Type</t>
  </si>
  <si>
    <t>&lt;p&gt;&lt;a href="http://google-gson.googlecode.com/svn/trunk/gson/docs/javadocs/com/google/gson/Gson.html" rel="nofollow"&gt;GSON&lt;/a&gt;'s toJson function takes a type argument which checks the &lt;a href="https://docs.oracle.com/javase/7/docs/api/java/lang/reflect/Type.html" rel="nofollow"&gt;Type&lt;/a&gt; when reflecting the object. This is useful for reflecting objects into a collection.&lt;/p&gt;
&lt;p&gt;However, the only way I can find to obtain the Type is through an ugly set of coding contortions:&lt;/p&gt;
&lt;pre&gt;&lt;code&gt;//used for reflection only
@SuppressWarnings("unused")
private static final List&amp;lt;MyObject&amp;gt; EMPTY_MY_OBJECT = null;
private static final Type MY_OBJECT_TYPE;
static {
    try {
        MY_OBJECT_TYPE = MyClass.class.getDeclaredField("EMPTY_MY_OBJECT").getGenericType();
    } catch (Exception e) {
        ...
    }   
}
private List&amp;lt;MyObject&amp;gt; readFromDisk() {
    try {
        String string = FileUtils.readFileToString(new File(JSON_FILE_NAME), null);
        return new Gson().fromJson(string, MY_OBJECT_TYPE);
    } catch (Exception e) {
        ...
    }
}
&lt;/code&gt;&lt;/pre&gt;
&lt;p&gt;Is there a way of initializing the Type without referencing internal class variables? The pseudocode would looks something like this:&lt;/p&gt;
&lt;pre&gt;&lt;code&gt;private static final Type MY_OBJECT_TYPE = TypeUtils.generate(List.class, MyObject.class);
&lt;/code&gt;&lt;/pre&gt;</t>
  </si>
  <si>
    <t>2014-11-20 20:42:30.377000+00:00</t>
  </si>
  <si>
    <t>2018-09-12 13:59:34.893000+00:00</t>
  </si>
  <si>
    <t>2014-11-20 20:52:44.467000+00:00</t>
  </si>
  <si>
    <t>java|generics|reflection</t>
  </si>
  <si>
    <t>DNG image resolution iOS?</t>
  </si>
  <si>
    <t>&lt;p&gt;I'm trying to figure out a way to read DNG image resolution without actually loading the image using CIFilter. So far I tried:&lt;/p&gt;
&lt;ul&gt;
&lt;li&gt;CGImageSourceCopyMetadataAtIndex - doesn't have any resolution info at all in returned dictionary&lt;/li&gt;
&lt;li&gt;CGImageSourceCopyPropertiesAtIndex - has only resolution of the embedded preview image&lt;/li&gt;
&lt;/ul&gt;
&lt;p&gt;What do I miss? I'm sure there are apps that read that info somehow or do they use 3d party libs like libexif? &lt;/p&gt;</t>
  </si>
  <si>
    <t>2018-03-20 14:42:40.437000+00:00</t>
  </si>
  <si>
    <t>2018-03-23 19:34:41.003000+00:00</t>
  </si>
  <si>
    <t>ios|metadata|dng</t>
  </si>
  <si>
    <t>How to redirect_to if the user hits the browser back button in ruby on rails?</t>
  </si>
  <si>
    <t>&lt;p&gt;I have created a self-evaluation exam for the students. I don't want them to go to the previous question even if the hit the browser back button. I read in forums that disabling the browser button is not possible. So, I am thinking to use &lt;strong&gt;redirect_to&lt;/strong&gt; once students hit browser back button. &lt;/p&gt;
&lt;p&gt;Is there any way in which this can be achieved?&lt;/p&gt;
&lt;p&gt;Thank you&lt;/p&gt;</t>
  </si>
  <si>
    <t>2018-04-18 16:18:21.550000+00:00</t>
  </si>
  <si>
    <t>2018-04-18 16:43:40.720000+00:00</t>
  </si>
  <si>
    <t>DialogPreference summary in preference screen</t>
  </si>
  <si>
    <t>&lt;p&gt;Hi!&lt;/p&gt;
&lt;p&gt;I have a preference screen holding a DialogPreference. When the preference screen comes visible, i want the DialogPreference to have the current time as summary. How can this be achieved? It could be done via xml, but i can't set the current time in the xml file. I tried to set the summary in the onSetInitialValue method, but it doesn't seem to work, as the summary isn't shown.&lt;/p&gt;
&lt;p&gt;Here's my code:(In the example below i'm using a string of random text instead of the current time so i don't have to paste the long function that calculates time).&lt;/p&gt;
&lt;pre&gt;&lt;code&gt;public class TimePreference extends DialogPreference {
  private TimePicker timePicker;
  Calendar calendar = Calendar.getInstance();
  private int hour = calendar.get(Calendar.HOUR_OF_DAY);
  private int minute = calendar.get(Calendar.MINUTE);
  public TimePreference(Context context, AttributeSet attributes) {
    super(context, attributes);
    setPersistent(false);
    //setSummary(getFormatedTime(hour, minute));
  }
  /**
   * Initialize time picker to currently stored time preferences.
   * 
   * @param view
   * The dialog preference's host view
   */
  @Override
  public void onBindDialogView(View view) {
    super.onBindDialogView(view);
    timePicker = (TimePicker) view.findViewById(R.id.time_picker);
    timePicker.setIs24HourView(DateFormat.is24HourFormat(timePicker.getContext()));
    timePicker.setCurrentHour(hour);
    timePicker.setCurrentMinute(minute);
  }
  /**
   * Handles closing of dialog. If user intended to save the settings, selected
   * hour and minute are stored in the preferences with keys KEY.hour and
   * KEY.minute, where KEY is the preference's KEY.
   * 
   * @param okToSave
   * True if user wanted to save settings, false otherwise
   */
  @Override
  protected void onDialogClosed(boolean okToSave) {
    super.onDialogClosed(okToSave);
    if (okToSave) {
      timePicker.clearFocus();
      SharedPreferences.Editor editor = getEditor();
      hour = timePicker.getCurrentHour();
      minute = timePicker.getCurrentMinute();
      editor.putInt(getKey() + ".hour", hour);
      editor.putInt(getKey() + ".minute", minute);
      editor.commit();
      setSummary(getFormatedTime(hour, minute));
    }
  }
  @Override
    protected void onSetInitialValue(boolean restoreValue, Object defaultValue) {
      super.onSetInitialValue(restoreValue, defaultValue);
      setSummary("current time here!"); // THIS IS NEVER SHOWN ?? WHY ? 
  }
&lt;/code&gt;&lt;/pre&gt;
&lt;p&gt;} &lt;/p&gt;
&lt;p&gt;Thank you very much!&lt;/p&gt;</t>
  </si>
  <si>
    <t>2013-05-12 19:22:51.070000+00:00</t>
  </si>
  <si>
    <t>2013-05-12 20:56:45.593000+00:00</t>
  </si>
  <si>
    <t>How can i align the text centre to the paper?</t>
  </si>
  <si>
    <t>&lt;p&gt;I have a thermal printer,the content that is passed is below (vb &amp;amp; c# given for reference):&lt;/p&gt;
&lt;p&gt;vb code :&lt;/p&gt;
&lt;pre&gt;&lt;code&gt;printstring = printstring &amp;amp; vbNewLine &amp;amp; "Fax: " &amp;amp; fax1 &amp;amp; vbNewLine
&lt;/code&gt;&lt;/pre&gt;
&lt;p&gt;c#:&lt;/p&gt;
&lt;pre&gt;&lt;code&gt;printstring = "Fax"+ fax1 ;
&lt;/code&gt;&lt;/pre&gt;
&lt;p&gt;and i get the desired output :&lt;/p&gt;
&lt;blockquote&gt;
  &lt;p&gt;Fax : 26594812&lt;/p&gt;
&lt;/blockquote&gt;
&lt;p&gt;The output is not central aligned.Paper size used in printer is : 3 1/8 x 230',&lt;/p&gt;
&lt;p&gt;How can i align the text central to the paper ?&lt;/p&gt;
&lt;p&gt;[vb or c# code would be helpful ]&lt;/p&gt;</t>
  </si>
  <si>
    <t>2015-05-19 07:05:28.733000+00:00</t>
  </si>
  <si>
    <t>2015-05-27 10:34:42.783000+00:00</t>
  </si>
  <si>
    <t>2015-05-19 07:15:11.840000+00:00</t>
  </si>
  <si>
    <t>c#|vb.net|visual-studio</t>
  </si>
  <si>
    <t>Import EventDrops (D3.js) into Angular 2</t>
  </si>
  <si>
    <t>&lt;p&gt;For a project I'm working on, I found an &lt;a href="https://github.com/marmelab/EventDrops" rel="nofollow noreferrer"&gt;interesting library&lt;/a&gt; that I would like to import, but I don't know how.&lt;/p&gt;
&lt;p&gt;The project is based on Angular 2, it runs through a SPA template through ASP.NET Core (in case it matters) and it gets built by webpack.&lt;/p&gt;
&lt;p&gt;Until now I installed both D3 and EventDrops through NPM, than imported them into my component.ts file like this:&lt;/p&gt;
&lt;pre&gt;&lt;code&gt;import * as d3 from 'd3';
import * as EventDrops from 'event-drops';
&lt;/code&gt;&lt;/pre&gt;
&lt;p&gt;First I tested the D3.js import by adding:&lt;/p&gt;
&lt;pre&gt;&lt;code&gt;ngOnInit() {
    var eventDropsChart = d3.select("#visual");
    console.log(eventDropsChart);
    ...
}
&lt;/code&gt;&lt;/pre&gt;
&lt;p&gt;It seems to work, so I tried the next step that is:&lt;/p&gt;
&lt;pre&gt;&lt;code&gt;var eventDropsChart = d3.chart.eventDrops();
&lt;/code&gt;&lt;/pre&gt;
&lt;p&gt;But it does not work, because&lt;/p&gt;
&lt;blockquote&gt;
  &lt;p&gt;TS2339: Property 'chart' does not exist on type 'typeof "mypath/node_modules/@types/d3/index"'&lt;/p&gt;
&lt;/blockquote&gt;
&lt;p&gt;Could you please help me?&lt;/p&gt;
&lt;p&gt;Thank you very much!&lt;/p&gt;</t>
  </si>
  <si>
    <t>2017-06-27 15:28:03.340000+00:00</t>
  </si>
  <si>
    <t>2017-06-29 12:25:00.260000+00:00</t>
  </si>
  <si>
    <t>angular|d3.js</t>
  </si>
  <si>
    <t>Java Applet in Webbrowser control breaks stdin</t>
  </si>
  <si>
    <t>&lt;p&gt;I am using the IE WebBrowser Control in my application / process.  It is implemented with ATL running in a 32-bit application on Windows.&lt;/p&gt;
&lt;p&gt;This process reads from stdin using GetStdHandle &amp;amp; ReadFile.&lt;/p&gt;
&lt;p&gt;Whenever the WebBrowser control renders a page with a java applet (e.g. the applets on this page:  &lt;a href="http://csis.pace.edu/~bergin/Java/applets.htm" rel="nofollow"&gt;http://csis.pace.edu/~bergin/Java/applets.htm&lt;/a&gt;), something in the Java engine is closing the stdin handle.&lt;/p&gt;
&lt;p&gt;The result is that ReadFile returns FALSE, with GetLastError() returning ERROR_PIPE_BROKEN.&lt;/p&gt;
&lt;p&gt;I tried using SetHandleInformation to prevent closing of the handle, and it supposedly succeeded, but the handle is still broken.&lt;/p&gt;
&lt;p&gt;I need stdin to work as that is my communication channel with the calling process.&lt;/p&gt;
&lt;p&gt;I did find a workaround for this problem, but wonder if there's a better solution.&lt;/p&gt;
&lt;p&gt;&lt;strong&gt;Workaround&lt;/strong&gt;&lt;/p&gt;
&lt;p&gt;The workaround is to get the stdio handles at startup and then hide them from any other callers so the Java engine doesn't find and break them later.  Example:&lt;/p&gt;
&lt;pre&gt;&lt;code&gt;// Sock the handles away
HANDLE hStdIn  = GetStdHandle(STD_INPUT_HANDLE);
HANDLE hStdOut = GetStdHandle(STD_OUTPUT_HANDLE);
HANDLE hStdErr = GetStdHandle(STD_ERROR_HANDLE);
// Hide them from anyone else, especially Java
SetStdHandle(STD_INPUT_HANDLE,  INVALID_HANDLE_VALUE);
SetStdHandle(STD_OUTPUT_HANDLE, INVALID_HANDLE_VALUE);
SetStdHandle(STD_ERROR_HANDLE,  INVALID_HANDLE_VALUE);
&lt;/code&gt;&lt;/pre&gt;
&lt;p&gt;Is there a better solution?  Or can anyone explain why Java applets are closing stdio handles and whether this can be avoided?&lt;/p&gt;</t>
  </si>
  <si>
    <t>2014-05-01 14:34:19.257000+00:00</t>
  </si>
  <si>
    <t>2014-05-03 20:07:34.383000+00:00</t>
  </si>
  <si>
    <t>java|winapi|applet|webbrowser-control|atl</t>
  </si>
  <si>
    <t>How to insert dataframe to a data frame in Pandas</t>
  </si>
  <si>
    <t>&lt;p&gt;I have the two data frames:&lt;/p&gt;
&lt;pre&gt;&lt;code&gt;import pandas as pd
rep1 = pd.DataFrame.from_items([('Probe', ['x', 'y', 'z']), ('Gene', ['foo', 'bar', 'qux']), ('RP1',[1.00,23.22,11.12]),('RP1.pacall',["A","B","C"])   ], orient='columns')
pg   = rep1[["Probe","Gene"]]
&lt;/code&gt;&lt;/pre&gt;
&lt;p&gt;Which produces:&lt;/p&gt;
&lt;pre&gt;&lt;code&gt;In [105]: rep1
Out[105]:
  Probe Gene    RP1 RP1.pacall
0     x  foo   1.00          A
1     y  bar  23.22          B
2     z  qux  11.12          C
In [107]: pg
Out[107]:
  Probe Gene
0     x  foo
1     y  bar
2     z  qux
&lt;/code&gt;&lt;/pre&gt;
&lt;p&gt;What I want to do then is to insert &lt;code&gt;pg&lt;/code&gt; into &lt;code&gt;rep1&lt;/code&gt;, resulting in:&lt;/p&gt;
&lt;pre&gt;&lt;code&gt;    Probe Gene    RP1 Probe  Gene RP1.pacall
0     x  foo   1.00   x    foo     G
1     y  bar  23.22   y    bar     I
2     z  qux  18.12   z    qux     K
&lt;/code&gt;&lt;/pre&gt;
&lt;p&gt;I tried this but fail:&lt;/p&gt;
&lt;pre&gt;&lt;code&gt;In [101]: rep1.insert(1,["Probe","Gene"],pg)
TypeError: unhashable type: 'list'
&lt;/code&gt;&lt;/pre&gt;
&lt;p&gt;What's the right way to do it?&lt;/p&gt;</t>
  </si>
  <si>
    <t>2015-02-04 10:01:48.397000+00:00</t>
  </si>
  <si>
    <t>2015-02-04 10:10:41.313000+00:00</t>
  </si>
  <si>
    <t>Python: how to add data to a local file using rdflib?</t>
  </si>
  <si>
    <t>&lt;p&gt;I created a graph using &lt;code&gt;rdflib&lt;/code&gt;&lt;/p&gt;
&lt;pre&gt;&lt;code&gt;import rdflib
from rdflib.graph import Graph, ConjunctiveGraph
from rdflib import Graph, URIRef, BNode, Literal
from rdflib import RDF
from rdflib import Namespace
from rdflib.namespace import OWL, RDF, RDFS, FOAF, XSD
from SPARQLWrapper import SPARQLWrapper, JSON
g = Graph()
FOCUS = Namespace("http://www.semanticweb.org/herus/Focus/")
g.bind("focus", FOCUS)
&lt;/code&gt;&lt;/pre&gt;
&lt;p&gt;I want to add to this graph data from &lt;code&gt;dbpedia&lt;/code&gt; for instance. I run a query like the following:&lt;/p&gt;
&lt;pre&gt;&lt;code&gt;sparql = SPARQLWrapper("http://dbpedia.org/sparql")
query = """
    PREFIX dbo: &amp;lt;http://dbpedia.org/ontology/&amp;gt;
    PREFIX dbr: &amp;lt;http://dbpedia.org/resource/&amp;gt;
    SELECT ?s WHERE {
     ?s a dbo:City ;
        dbo:country dbr:Switzerland
    }
"""
sparql.setQuery(query)
sparql.setReturnFormat(JSON)
results = sparql.query().convert()
&lt;/code&gt;&lt;/pre&gt;
&lt;p&gt;which gives all the Swiss cities. What I am doing is the following:&lt;/p&gt;
&lt;pre&gt;&lt;code&gt;dbo     = rdflib.Namespace('http://dbpedia.org/ontology/')
count = 0
for result in results["results"]["bindings"]:
    tmp = 'city%d'%i
    tmp = URIRef(FOCUS[tmp])
    g.add((tmp, RDF.type, dbo.City ))
&lt;/code&gt;&lt;/pre&gt;
&lt;p&gt;How can I add those cities to my ontology using just one &lt;code&gt;sparql&lt;/code&gt; query?&lt;/p&gt;</t>
  </si>
  <si>
    <t>2017-12-05 18:43:49.607000+00:00</t>
  </si>
  <si>
    <t>2017-12-05 18:49:20.477000+00:00</t>
  </si>
  <si>
    <t>python|rdflib</t>
  </si>
  <si>
    <t>How do we get/define filters in convolutional neural networks?</t>
  </si>
  <si>
    <t>&lt;p&gt;How to implement a deep autoencoder (eHow do i obtain filters from convulutional neural network(CNN)? My idea is something like this: Do random images of the input images (28x28) and get random patches (8x8). Then use autoencoders to learn the common features of the patches (features = hidden units; approximately 100, for example). Then apply features filters to the input images and do convolution. Am I correct?&lt;/p&gt;
&lt;p&gt;I am confused because sometime the literature state only using like, e.g. 8, filters, but in my case I have 100..g. 2 or 3 layers)? Any ideas or resources?&lt;/p&gt;</t>
  </si>
  <si>
    <t>2014-10-22 17:15:11.820000+00:00</t>
  </si>
  <si>
    <t>2016-12-09 08:11:34.123000+00:00</t>
  </si>
  <si>
    <t>machine-learning|neural-network|convolution|deep-learning</t>
  </si>
  <si>
    <t>different designs for different screen resolutions</t>
  </si>
  <si>
    <t>&lt;p&gt;I have a client who wants their website converted to responsive. They send me the design for desktop version, iPad version and mobile version. The design have variations. I am trying to tell them you need only one design and responsive web sites are done using fluid grids which will fall in place depending on the screen size. Am I correct in saying this.&lt;/p&gt;
&lt;p&gt;Again what will you say is a perfect responsive design &lt;/p&gt;</t>
  </si>
  <si>
    <t>2015-05-12 01:55:16.930000+00:00</t>
  </si>
  <si>
    <t>2015-05-27 21:00:21.873000+00:00</t>
  </si>
  <si>
    <t>html5|twitter-bootstrap|responsive-design</t>
  </si>
  <si>
    <t>thread building block combined with pthreads</t>
  </si>
  <si>
    <t>&lt;p&gt;I have a queue with elements which needs to be processed. I want to process these elements in parallel. The will be some sections on each element which need to be synchronized. At any point in time there can be max &lt;strong&gt;num_threads&lt;/strong&gt; running threads.&lt;/p&gt;
&lt;p&gt;I'll provide a &lt;strong&gt;template&lt;/strong&gt; to give you an idea of what I want to achieve.&lt;/p&gt;
&lt;pre&gt;&lt;code&gt;queue q
process_element(e)
{
    lock()
    some synchronized area
    // a matrix access performed here so a spin lock would do
    unlock()
    ...
    unsynchronized area
    ...
    if( condition )
    {
        new_element = generate_new_element()
        q.push(new_element) // synchonized access to queue
    }
}
process_queue()
{
    while( elements in q ) // algorithm is finished condition
    {
         e = get_elem_from_queue(q) // synchronized access to queue
         process_element(e)
    }
}
&lt;/code&gt;&lt;/pre&gt;
&lt;p&gt;&lt;strong&gt;I can use&lt;/strong&gt;&lt;/p&gt;
&lt;ul&gt;
&lt;li&gt;pthreads&lt;/li&gt;
&lt;li&gt;openmp&lt;/li&gt;
&lt;li&gt;intel thread building blocks&lt;/li&gt;
&lt;/ul&gt;
&lt;p&gt;&lt;strong&gt;Top problems I have&lt;/strong&gt;&lt;/p&gt;
&lt;ul&gt;
&lt;li&gt;Make sure that at any point in time I have max &lt;strong&gt;num_threads&lt;/strong&gt; running threads&lt;/li&gt;
&lt;li&gt;Lightweight synchronization methods to use on queue&lt;/li&gt;
&lt;/ul&gt;
&lt;p&gt;My plan is to the intel tbb concurrent_queue for the queue container. But then, will I be able to use pthreads functions ( mutexes, conditions )? Let's assume this works ( it should ). Then, how can I use pthreads to have max num_threads at one point in time? I was thinking to create the threads once, and then, after one element is processes, to access the queue and get the next element. However it if more complicated because I have no guarantee that if there is not element in queue the algorithm is finished.&lt;/p&gt;
&lt;p&gt;&lt;strong&gt;My question&lt;/strong&gt;&lt;/p&gt;
&lt;p&gt;Before I start implementing I'd like to know if there is an easy way to use intel tbb or pthreads to obtain the behaviour I want? More precisely processing elements from a queue in parallel&lt;/p&gt;
&lt;p&gt;&lt;strong&gt;Note:&lt;/strong&gt; I have tried to use tasks but with no success.&lt;/p&gt;</t>
  </si>
  <si>
    <t>2012-12-12 01:09:13.107000+00:00</t>
  </si>
  <si>
    <t>2012-12-20 20:07:39.680000+00:00</t>
  </si>
  <si>
    <t>c++|parallel-processing|pthreads|openmp|tbb</t>
  </si>
  <si>
    <t>Error Handling while calling dynamic methods C#</t>
  </si>
  <si>
    <t>&lt;p&gt;I have a console application with main method as follows:&lt;/p&gt;
&lt;pre&gt;&lt;code&gt;public static void Main(string[] commandString)
{
    try
    {
        var asm = Assembly.Load("CAT");
        var t = asm.GetType("CAT",true,true);
        var _Adjudication = Activator.CreateInstance(t);
        t.InvokeMember("NAMEME", BindingFlags.InvokeMethod, null, _Adjudication, new object[] { "Fluffy", 5});
    }
    catch (Exception ex)
    {
        Environment.Exit(99);
    }
}
&lt;/code&gt;&lt;/pre&gt;
&lt;p&gt;CAT class is as below :&lt;/p&gt;
&lt;pre&gt;&lt;code&gt;public class CAT
{
    public void NAMEME(string name, int age)
    {
       try
       {
           throw new Exception();
       }
       catch (Exception ex)
       {
           throw ex;
       }
    }
}
&lt;/code&gt;&lt;/pre&gt;
&lt;p&gt;I have an error stating "Exception was unhandled by user code" when I run this program. The error is caught by the Catch block of the NAMEME method.&lt;/p&gt;
&lt;p&gt;How do I get the exception to hit the catch block of my Main method?&lt;/p&gt;
&lt;p&gt;PS : I am using .NET Framework 4.0&lt;/p&gt;</t>
  </si>
  <si>
    <t>2016-03-16 11:22:59.117000+00:00</t>
  </si>
  <si>
    <t>2016-03-16 13:12:26.700000+00:00</t>
  </si>
  <si>
    <t>How does the recursive part of quick_sort work?</t>
  </si>
  <si>
    <t>&lt;p&gt;Here is an implementation of quick_sort found in many places including &lt;a href="http://en.wikipedia.org/wiki/Quicksort" rel="nofollow"&gt;wikipedia&lt;/a&gt;.  &lt;/p&gt;
&lt;p&gt;Here is my simple synopsis.&lt;/p&gt;
&lt;ul&gt;
&lt;li&gt;Select a pivot element ��� �� of left and right.&lt;/li&gt;
&lt;li&gt;Start index at right and iterate left.&lt;/li&gt;
&lt;li&gt;If Elements[right] &amp;lt; P pick as flip.  &lt;/li&gt;
&lt;li&gt;Start index at left and Iterate right.  &lt;/li&gt;
&lt;li&gt;If Elements[left] &gt; P pick as a flip.  &lt;/li&gt;
&lt;li&gt;Flip the two elements.&lt;/li&gt;
&lt;li&gt;Repeat abou the pivot point&lt;/li&gt;
&lt;li&gt;Repeat recursively for each half&lt;/li&gt;
&lt;/ul&gt;
&lt;p&gt;Can someone explain the reasoning behind the two recursive lines:&lt;/p&gt;
&lt;pre&gt;&lt;code&gt;if (left &amp;lt; j)quick_sort(arr, left, j);
if (i &amp;lt; right)quick_sort(arr, i, right);
&lt;/code&gt;&lt;/pre&gt;
&lt;p&gt;Snippet:&lt;/p&gt;
&lt;pre&gt;&lt;code&gt;  void quick_sort(int arr[], int left, int right) 
    {  
    int i = left, j = right;
    int tmp;
    int pivot = arr[(left + right) / 2];
    while (i &amp;lt;= j)
      {
      while (arr[i] &amp;lt; pivot)i++;
      while (arr[j] &amp;gt; pivot)j--;
      if (i &amp;lt;= j) 
        {
        tmp = arr[i];
        arr[i] = arr[j];
        arr[j] = tmp;
        i++;
        j--;
        }
      }
    if (left &amp;lt; j)quick_sort(arr, left, j);
    if (i &amp;lt; right)quick_sort(arr, i, right);
  }
&lt;/code&gt;&lt;/pre&gt;</t>
  </si>
  <si>
    <t>2011-10-18 20:28:42.590000+00:00</t>
  </si>
  <si>
    <t>2011-10-18 21:15:33.700000+00:00</t>
  </si>
  <si>
    <t>2011-10-18 21:01:44.527000+00:00</t>
  </si>
  <si>
    <t>Use custom font in cocos2d-x v3 in iOS</t>
  </si>
  <si>
    <t>&lt;p&gt;I'm trying to use a custom font in Cocos2d-x v3 in iOS.
I'm following these steps:
&lt;a href="http://www.cocos2d-x.org/wiki/How_to_Use_Custom_TTF_Font_on_iOS" rel="nofollow"&gt;http://www.cocos2d-x.org/wiki/How_to_Use_Custom_TTF_Font_on_iOS&lt;/a&gt;&lt;/p&gt;
&lt;p&gt;But when I run the app, the font doesn't appears (the label works properly, expect for the font).&lt;/p&gt;
&lt;p&gt;This is my code:&lt;/p&gt;
&lt;pre&gt;&lt;code&gt;auto playerLabel = LabelTTF::create("Player", "Aller.ttf", 32);
    playerLabel-&amp;gt;setPosition(Point(40, visibleSize.height - playerProfile-&amp;gt;getContentSize().height - 10));
    playerLabel-&amp;gt;setColor(ccc3(1,1,1));
    playerLabel-&amp;gt;setAnchorPoint(Point(0.0f, 0.0f));
    this-&amp;gt;addChild(playerLabel,5);
&lt;/code&gt;&lt;/pre&gt;</t>
  </si>
  <si>
    <t>2014-05-24 04:51:57.787000+00:00</t>
  </si>
  <si>
    <t>2014-05-24 14:15:50.967000+00:00</t>
  </si>
  <si>
    <t>c++|cocos2d-x</t>
  </si>
  <si>
    <t>Virtuemart combine attributes to adjust the price</t>
  </si>
  <si>
    <t>&lt;p&gt;Is it possible to combine different attributes to calculate the price. 
Like, if I have to attributes, and when I have a attribute with 5 and a attribute with 4, that I can somehow create a combination, so (for example) that the price becomes (5 x 4 = ) 20.&lt;/p&gt;
&lt;p&gt;Thanks in advanced,
Tim&lt;/p&gt;</t>
  </si>
  <si>
    <t>2011-12-01 16:42:05.497000+00:00</t>
  </si>
  <si>
    <t>php|joomla|attributes|virtuemart</t>
  </si>
  <si>
    <t>Entity Framework Core Eager Loading Then Include on a collection</t>
  </si>
  <si>
    <t>&lt;p&gt;I have three Models that I want to include when performing a query. &lt;/p&gt;
&lt;p&gt;Here is the scenario. &lt;/p&gt;
&lt;pre class="lang-cs prettyprint-override"&gt;&lt;code&gt;public class Sale
{
     public int Id { get; set; }
     public List&amp;lt;SaleNote&amp;gt; SaleNotes { get; set; }
}
public class SaleNote
{
    public int Id { get; set; }
    public User User { get; set; }
}
public class User 
{
    public int Id { get; set; }
}
&lt;/code&gt;&lt;/pre&gt;
&lt;p&gt;I can eager load the SaleNotes like this...
&lt;/p&gt;
&lt;pre&gt;&lt;code&gt;_dbContext.Sale.Include(s =&amp;gt; s.SaleNotes);
&lt;/code&gt;&lt;/pre&gt;
&lt;p&gt;However, trying to eager load the User model from the SaleNote using ThenInclude is challenging because it is a collection. I cannot find any examples on how to eager load this scenario. Can someone supply the code the goes in the following ThenInclude to load the User for each item in the collection.
&lt;/p&gt;
&lt;pre&gt;&lt;code&gt;_dbContext.Sale.Include(s =&amp;gt; s.SaleNotes).ThenInclude(...);
&lt;/code&gt;&lt;/pre&gt;</t>
  </si>
  <si>
    <t>2016-06-27 00:37:30.977000+00:00</t>
  </si>
  <si>
    <t>2016-12-06 13:01:47.407000+00:00</t>
  </si>
  <si>
    <t>c#|entity-framework|entity-framework-core</t>
  </si>
  <si>
    <t>Get author(user) in Django</t>
  </si>
  <si>
    <t>&lt;p&gt;I'm trying to make a news posting app using ModelForms, and currently I'm trying to set it so that the form automatically gets the authenticated user so when said user posts the news item, their name will appear, like "Posted By: User". In the models.py file, I've tried using: &lt;code&gt;models.ForeignKey(User)&lt;/code&gt;, but it doesn't automatically set the user and it makes a drop-down widget appear in the form. It is not working correctly.&lt;/p&gt;
&lt;p&gt;How would I achieve what I'm trying to do, which is as stated earlier:&lt;/p&gt;
&lt;ol&gt;
&lt;li&gt;Get the authenticated user who is posting the form&lt;/li&gt;
&lt;li&gt;Post his name on the page with the news item&lt;/li&gt;
&lt;/ol&gt;
&lt;p&gt;Posting code on request:&lt;/p&gt;
&lt;p&gt;Models.py:&lt;/p&gt;
&lt;pre&gt;&lt;code&gt;from django.db import models
from django.forms import ModelForm
from django.contrib.auth.models import User
# Create your models here.
class NewsItem(models.Model):
    user = models.ForeignKey(User)
    date = models.DateField()
    news = models.TextField(max_length=100000)
    def __unicode__(self):
        return u'%s %s %s' % (self.user, self.date, self.news)
class NewsForm(ModelForm):
    class Meta:
        model = NewsItem
&lt;/code&gt;&lt;/pre&gt;
&lt;p&gt;Views.py:&lt;/p&gt;
&lt;pre&gt;&lt;code&gt;from news.models import NewsForm
from django.forms import forms
from django.shortcuts import render
from django.http import HttpResponseRedirect
def news_poster(request):
    if request.method == 'POST':
        form = NewsForm(request.POST)
        if form.is_valid():
            form.save()
        return HttpResponseRedirect('/')
    else:
        form = NewsForm()
    return render(request,'news_post.html', {'form': form})
&lt;/code&gt;&lt;/pre&gt;
&lt;p&gt;template:&lt;/p&gt;
&lt;pre&gt;&lt;code&gt;{% extends "base.html" %}
{% block title %}News poster {% endblock %}
{% block content %}
    &amp;lt;form action="/news/" method="POST"&amp;gt;{% csrf_token %}
    {{ form.as_p}}
    &amp;lt;input type="submit" value="Submit" /&amp;gt;
    &amp;lt;/form&amp;gt;
{% endblock %}
&lt;/code&gt;&lt;/pre&gt;</t>
  </si>
  <si>
    <t>2013-04-11 05:14:35.467000+00:00</t>
  </si>
  <si>
    <t>2013-04-11 05:32:44.917000+00:00</t>
  </si>
  <si>
    <t>2013-04-11 05:21:12.277000+00:00</t>
  </si>
  <si>
    <t>django|django-models|django-forms|django-authentication|authentication</t>
  </si>
  <si>
    <t>How do I use EPOLLHUP</t>
  </si>
  <si>
    <t>&lt;p&gt;Could you guys provide me a good sample code using EPOLLHUP for dead peer handling? I know that it is a signal to detect a user disconnection but not sure how I can use this in code..Thanks in advance.. &lt;/p&gt;</t>
  </si>
  <si>
    <t>2011-06-22 09:43:32.413000+00:00</t>
  </si>
  <si>
    <t>2014-08-14 18:35:47.600000+00:00</t>
  </si>
  <si>
    <t>2011-12-16 14:12:38.463000+00:00</t>
  </si>
  <si>
    <t>linux|networking|epoll</t>
  </si>
  <si>
    <t>Creating different columns with last 2 maxima in each row in a time series data in R</t>
  </si>
  <si>
    <t>&lt;p&gt;I've a time series data as attached and a table with the local maxima.
Now, what I want is the ouput table with the following fields :&lt;/p&gt;
&lt;pre&gt;&lt;code&gt;date   Close max_1 max_2
&lt;/code&gt;&lt;/pre&gt;
&lt;p&gt;where &lt;code&gt;max_1&lt;/code&gt; is the last local maxima before the specified date in the time series and similarly &lt;code&gt;max_2&lt;/code&gt; is the second last local maxima before that date.&lt;/p&gt;
&lt;p&gt;Could anyone please help me do this in R?&lt;/p&gt;
&lt;p&gt;output will look like this
   &lt;a href="https://i.stack.imgur.com/vCfDs.png" rel="nofollow noreferrer"&gt;&lt;img src="https://i.stack.imgur.com/vCfDs.png" alt="output"&gt;&lt;/a&gt;&lt;/p&gt;
&lt;p&gt;input data&lt;/p&gt;
&lt;pre&gt;&lt;code&gt;dates       Close
5/2/2016    2219.3
5/3/2016    2245.4
5/4/2016    2151.1
5/5/2016    2092.2
5/6/2016    2104.15
5/9/2016    2106
5/10/2016   1987.25
5/11/2016   1967.25
5/12/2016   1870.95
5/13/2016   1862.8
5/16/2016   1795.15
5/17/2016   1722.45
5/18/2016   1661.05
5/19/2016   1582.5
5/20/2016   1739.5
5/23/2016   1729.65
5/24/2016   1685.2
5/25/2016   1714.3
5/26/2016   1709.55
5/27/2016   1710.45
5/30/2016   1683.6
5/31/2016   1692.55
6/1/2016    1708.9
6/2/2016    1700.05
6/3/2016    1685.85
6/6/2016    1666.35
6/7/2016    1654.6
6/8/2016    1644.95
6/9/2016    1644.85
6/10/2016   1644.25
6/13/2016   1744.1
6/14/2016   1704.85
6/15/2016   1703.7
6/16/2016   1688.55
6/17/2016   1831.15
&lt;/code&gt;&lt;/pre&gt;
&lt;p&gt;maxima's&lt;/p&gt;
&lt;pre&gt;&lt;code&gt;dates   Close
5/3/2016    2245.4
5/9/2016    2106
5/20/2016   1739.5
5/25/2016   1714.3
5/27/2016   1710.45
6/1/2016    1708.9
6/13/2016   1744.1
6/17/2016   1831.15
&lt;/code&gt;&lt;/pre&gt;</t>
  </si>
  <si>
    <t>2016-07-10 12:08:02.687000+00:00</t>
  </si>
  <si>
    <t>2016-07-10 14:56:24.263000+00:00</t>
  </si>
  <si>
    <t>2016-07-10 14:40:40.837000+00:00</t>
  </si>
  <si>
    <t>How to validate textarea before clicking submit?</t>
  </si>
  <si>
    <t>&lt;p&gt;I am developing website that allow user sending feedback to system. I have created feedback form by using textarea and button for submit. The most important thing is when user click on submit, if user didn't input some words that I want them to input, that feedback won't send to the system; it will alert user to input that word.&lt;/p&gt;
&lt;p&gt;Since now, i just create a simple code that will echo some warning if user didn't input the word that i want them to input in feedback form after click submit.&lt;/p&gt;
&lt;p&gt;&lt;em&gt;&lt;strong&gt;Here is my code&lt;/em&gt;&lt;/strong&gt;&lt;/p&gt;
&lt;pre&gt;&lt;code&gt;&amp;lt;form action="main.php" method="post"&amp;gt;
    &amp;lt;textarea cols='10' rows='5' name='text'&amp;gt;&amp;lt;/textarea&amp;gt;
    &amp;lt;br/&amp;gt;
    &amp;lt;input type='submit' name='add' Value='Add to list' /&amp;gt;
&amp;lt;/form&amp;gt;
&amp;lt;?php
   if (isset($_POST['add'])) {
       $imp_word = array('dear', 'thank', 'hello'); // Add more
       $entry = $_POST['text'];
       /*
           i don't know how to write
       */
  }
?&amp;gt;
&lt;/code&gt;&lt;/pre&gt;
&lt;p&gt;Can any one help me to solve this problem?&lt;/p&gt;</t>
  </si>
  <si>
    <t>2013-08-29 06:48:55.130000+00:00</t>
  </si>
  <si>
    <t>2013-08-29 07:00:50.703000+00:00</t>
  </si>
  <si>
    <t>"Duplicate resources" when running official tutorial</t>
  </si>
  <si>
    <t>&lt;p&gt;I'm performing the steps in an Android tutorial here: &lt;a href="https://developer.android.com/training/basics/firstapp/running-app.html" rel="nofollow noreferrer"&gt;https://developer.android.com/training/basics/firstapp/running-app.html&lt;/a&gt;&lt;/p&gt;
&lt;p&gt;When I do the step to "Run on an Emulator" (running on the emulator), I get an error.&lt;br&gt;
I have double checked all the steps, but can't see what is wrong.&lt;br&gt;
Can anyone help?&lt;/p&gt;
&lt;p&gt;Here is the compile output:&lt;/p&gt;
&lt;pre&gt;&lt;code&gt;Information:Gradle tasks [:app:clean, :app:generateDebugSources, :app:generateDebugAndroidTestSources, :app:mockableAndroidJar, :app:prepareDebugUnitTestDependencies, :app:assembleDebug]
Error:Execution failed for task ':app:mergeDebugResources'.
&amp;gt; [string/app_name] C:\Users\eddyq\AndroidStudioProjects\MyApplication\app\src\main\res\values\strings.xml  [string/app_name] C:\Users\eddyq\AndroidStudioProjects\MyApplication\app\src\main\res\values\styles.xml: Error: Duplicate resources
Information:BUILD FAILED
Information:Total time: 17.608 secs
Information:1 error
Information:0 warnings
Information:See complete output in console
&lt;/code&gt;&lt;/pre&gt;
&lt;p&gt;Here is the build.gradle for the project:&lt;/p&gt;
&lt;pre&gt;&lt;code&gt;// Top-level build file where you can add configuration options common to all sub-projects/modules.
buildscript {
    repositories {
        jcenter()
    }
    dependencies {
        classpath 'com.android.tools.build:gradle:2.2.2'
        // NOTE: Do not place your application dependencies here; they belong
        // in the individual module build.gradle files
    }
}
allprojects {
    repositories {
        jcenter()
    }
}
task clean(type: Delete) {
    delete rootProject.buildDir
}
&lt;/code&gt;&lt;/pre&gt;
&lt;p&gt;Here is the build.gradle for the app:&lt;/p&gt;
&lt;pre&gt;&lt;code&gt;apply plugin: 'com.android.application'
android {
    compileSdkVersion 24
    buildToolsVersion "25.0.0"
    defaultConfig {
        applicationId "com.example.myapplication"
        minSdkVersion 15
        targetSdkVersion 24
        versionCode 1
        versionName "1.0"
        testInstrumentationRunner "android.support.test.runner.AndroidJUnitRunner"
    }
    buildTypes {
        release {
            minifyEnabled false
            proguardFiles getDefaultProguardFile('proguard-android.txt'), 'proguard-rules.pro'
        }
    }
}
dependencies {
    compile fileTree(dir: 'libs', include: ['*.jar'])
    androidTestCompile('com.android.support.test.espresso:espresso-core:2.2.2', {
        exclude group: 'com.android.support', module: 'support-annotations'
    })
    compile 'com.android.support:appcompat-v7:24.2.1'
    testCompile 'junit:junit:4.12'
}
&lt;/code&gt;&lt;/pre&gt;
&lt;p&gt;Here is styles.xml:&lt;/p&gt;
&lt;pre&gt;&lt;code&gt;&amp;lt;?xml version="1.0" encoding="utf-8"?&amp;gt;
&amp;lt;resources&amp;gt;
    &amp;lt;string name="app_name"&amp;gt;My Application&amp;lt;/string&amp;gt;
    &amp;lt;string name="edit_message"&amp;gt;Enter a message&amp;lt;/string&amp;gt;
    &amp;lt;string name="button_send"&amp;gt;Send&amp;lt;/string&amp;gt;
&amp;lt;/resources&amp;gt;
&lt;/code&gt;&lt;/pre&gt;
&lt;p&gt;Here is strings.xml:&lt;/p&gt;
&lt;pre&gt;&lt;code&gt;&amp;lt;resources&amp;gt;
    &amp;lt;string name="app_name"&amp;gt;My Application&amp;lt;/string&amp;gt;
&amp;lt;/resources&amp;gt;
&lt;/code&gt;&lt;/pre&gt;</t>
  </si>
  <si>
    <t>2016-11-28 19:33:47.933000+00:00</t>
  </si>
  <si>
    <t>2016-11-28 22:31:43.903000+00:00</t>
  </si>
  <si>
    <t>android|android-gradle</t>
  </si>
  <si>
    <t>Add-on or extension for Dia - Diagram editor</t>
  </si>
  <si>
    <t>&lt;p&gt;No doubt Dia is a great tool in Linux. All linux users might have come across it. It is my best friend all the time when I want to design UML ERD or Database etc. &lt;/p&gt;
&lt;p&gt;I wonder if it has any add on or extension that can help me in GUI/Web application prototyping. Any idea??&lt;/p&gt;</t>
  </si>
  <si>
    <t>2012-11-25 10:12:52.600000+00:00</t>
  </si>
  <si>
    <t>2013-06-25 14:58:21.590000+00:00</t>
  </si>
  <si>
    <t>linux|dia|mockup-tool</t>
  </si>
  <si>
    <t>Update only the checked rows using sigmagrid</t>
  </si>
  <si>
    <t>&lt;p&gt;How to make sigma grid update only the checked rows??&lt;/p&gt;
&lt;p&gt;so that when the users click the save button, only checked rows will be updated.&lt;/p&gt;
&lt;p&gt;maybe anyone ever use this method?? o.O&lt;/p&gt;
&lt;p&gt;in the cols option i've added this line to show checkbox, but when i click the save button, &lt;/p&gt;
&lt;p&gt;it seems the checked rows doesn't have any effect at all :(&lt;/p&gt;
&lt;pre&gt;&lt;code&gt; {id: 'chk' ,isCheckColumn : true, frozen: true, editable:false}
&lt;/code&gt;&lt;/pre&gt;</t>
  </si>
  <si>
    <t>2012-02-14 02:04:38.393000+00:00</t>
  </si>
  <si>
    <t>2012-04-19 03:58:35.897000+00:00</t>
  </si>
  <si>
    <t>jquery|sigma-grid-control</t>
  </si>
  <si>
    <t>How to write a multiple Aync Function within a Service in AngularJS</t>
  </si>
  <si>
    <t>&lt;p&gt;Im just starting on AngularJS.  I'm not sure how to churn this out.  I'm trying to include multiple functions within one service. (I hope this is not against bad practice.)&lt;/p&gt;
&lt;p&gt;The following is my working code:&lt;/p&gt;
&lt;pre&gt;&lt;code&gt;myDataService.async().then(function (d) {            
         $scope.dbCalls = d.d;            
    });
&lt;/code&gt;&lt;/pre&gt;
&lt;p&gt;My Service:&lt;/p&gt;
&lt;pre&gt;&lt;code&gt;app.factory('myDataService', function ($http) {
// How do you get this bottom line to work?
// this.getAllCalls = function () {
    var myService = {
        async: function () {                
            var promise = $http.post('AngularTest.aspx/FetchCalls', { data: {} }).then(function (response) {
                console.log(response);
                return response.data;
            });
            return promise;
        }
    };
    return myService;
//};  &amp;lt;--Commented out for clarity
});
&lt;/code&gt;&lt;/pre&gt;
&lt;p&gt;Thanks!&lt;/p&gt;</t>
  </si>
  <si>
    <t>2014-02-12 17:37:12.530000+00:00</t>
  </si>
  <si>
    <t>2014-02-12 18:24:30.977000+00:00</t>
  </si>
  <si>
    <t>2014-02-12 17:55:48.400000+00:00</t>
  </si>
  <si>
    <t>jQuery plugin "whatweather" showing all days, in template</t>
  </si>
  <si>
    <t>&lt;p&gt;I have a question for the jQuery Plugin "whatweather" from &lt;a href="http://getkode.be/whatweather/whatweather-documentation/" rel="nofollow noreferrer"&gt;getkode.be&lt;/a&gt;&lt;/p&gt;
&lt;p&gt;I have installed it and its running fine, now im looking at the layout, and i have some issues.&lt;/p&gt;
&lt;p&gt;If I wan't to display all week days i use this code, but it's hard to changes the layout 100%&lt;/p&gt;
&lt;p&gt;&lt;/p&gt;
&lt;pre&gt;&lt;code&gt;&amp;lt;script type="text/javascript"&amp;gt;  
  $("div#whatweather").whatWeather({
     id: "",
     city:"Billund,Denmark",
     days:"5",
     refresh: 0,
     dateFormat:"{{DD}}",
     weekDays:["S��ndag","Mandag","Tirsdag","Onsdag","Torsdag","Fredag","L��rdag"]
 });
&amp;lt;/script&amp;gt;
&lt;/code&gt;&lt;/pre&gt;
&lt;p&gt;So i get this&lt;/p&gt;
&lt;p&gt;&lt;img src="https://i.stack.imgur.com/ENcp8.png" alt="enter image description here"&gt;&lt;/p&gt;
&lt;p&gt;If I then add a Template like this code.&lt;/p&gt;
&lt;pre&gt;&lt;code&gt;&amp;lt;div id="whatweather"&amp;gt;&amp;lt;/div&amp;gt;
&amp;lt;script type="text/javascript"&amp;gt;
var template =  '&amp;lt;div class="{{cssClass}}"&amp;gt;\
         &amp;lt;p class="current"&amp;gt;\
             &amp;lt;span class="climacon {{currentWeatherIcon}} temp-pic"&amp;gt;&amp;lt;/span&amp;gt;\
             &amp;lt;span class="city"&amp;gt;{{city}}  {{currentCondition.temp}}��&amp;lt;/span&amp;gt;\
         &amp;lt;/p&amp;gt;\
         &amp;lt;div class="next-days"&amp;gt;\
             {{#nextDays}}\
             &amp;lt;div&amp;gt;\
                 &amp;lt;p&amp;gt;\
                     &amp;lt;span&amp;gt;{{date}}&amp;lt;/span&amp;gt;\
                     &amp;lt;span class="climacon {{dayWeatherIcon}} temp-pic"&amp;gt;&amp;lt;/span&amp;gt;\
                     &amp;lt;span&amp;gt;{{tempMax}}��&amp;lt;/span&amp;gt;\
                 &amp;lt;/p&amp;gt;\
             &amp;lt;/div&amp;gt;\
             {{/nextDays}}\
         &amp;lt;/div&amp;gt;\
 &amp;lt;/div&amp;gt;';
  $("div#whatweather").whatWeather({
     id: "",
     city:"Billund,Denmark",
     days:"5",
     refresh: 0,
     dateFormat:"{{DD}}",
     weekDays:["S��ndag","Mandag","Tirsdag","Onsdag","Torsdag","Fredag","L��rdag"],
     templates: [template]
 });
&amp;lt;/script&amp;gt;
&lt;/code&gt;&lt;/pre&gt;
&lt;p&gt;Then I get this&lt;/p&gt;
&lt;p&gt;&lt;img src="https://i.stack.imgur.com/uOIwy.png" alt="enter image description here"&gt;&lt;/p&gt;
&lt;p&gt;But after 1-2 sec. the "Next days" disappear, so I get this.&lt;/p&gt;
&lt;p&gt;&lt;img src="https://i.stack.imgur.com/emVQu.png" alt="enter image description here"&gt;&lt;/p&gt;
&lt;p&gt;Do someone know how to make fix this little issue in the template code ?&lt;/p&gt;</t>
  </si>
  <si>
    <t>2013-12-04 17:23:56.587000+00:00</t>
  </si>
  <si>
    <t>2013-12-05 00:00:56.743000+00:00</t>
  </si>
  <si>
    <t>2013-12-04 23:48:09.857000+00:00</t>
  </si>
  <si>
    <t>PHP - is this script a good solution for random numbers?</t>
  </si>
  <si>
    <t>&lt;p&gt;Hi I found this script.&lt;/p&gt;
&lt;p&gt;The script:&lt;/p&gt;
&lt;pre&gt;&lt;code&gt;function urandom_rand($min = 0, $max = 0x7FFFFFFF){
$min = (int)$min;
$max = (int)$max;
if ($max &amp;lt;= $min)
    trigger_error('Minimum value must be greater than maximum value.');
if ($min &amp;lt; 0 || $max &amp;gt; 0x7FFFFFFF)
    trigger_error('Values must be between 0 and 2147483647.');
$M = bcadd(0x7FFFFFFF,1); // (up bound of iv)+1
$N = bcadd($max-$min, 1); // how many different values this function can return
$h = bcmod($M, $N); // the last h integers from unpack are "invalids"
do{
    $bytes = mcrypt_create_iv(4, MCRYPT_DEV_URANDOM);
    $r = unpack("N", $bytes)[1] &amp;amp; 0x7FFFFFFF;
} while ($r &amp;gt; ($M-$h));
return (bcmod($r, $N) + $min);
}
&lt;/code&gt;&lt;/pre&gt;
&lt;p&gt;My question is: Is this script a good solution for the generation of random numbers?&lt;/p&gt;</t>
  </si>
  <si>
    <t>2016-04-15 16:57:22.483000+00:00</t>
  </si>
  <si>
    <t>2016-04-15 17:36:04.133000+00:00</t>
  </si>
  <si>
    <t>php|random|numbers</t>
  </si>
  <si>
    <t>Cant write data to firebase database Android</t>
  </si>
  <si>
    <t>&lt;p&gt;I am trying to send test data to my firebase database. In android studio I chose Tools &gt; Firebase &gt; Assistant FB &gt; Realtime Database &gt; Connect your app to Firebase(Connected) &gt; Add the realtime database to your app(dependencies set up correctly).&lt;/p&gt;
&lt;p&gt;Then I add sample code in my activity:&lt;/p&gt;
&lt;pre&gt;&lt;code&gt;FirebaseDatabase database = FirebaseDatabase.getInstance();
DatabaseReference myRef = database.getReference("message");
myRef.setValue("Hello, World!");
&lt;/code&gt;&lt;/pre&gt;
&lt;p&gt;I set the rules in firebase:&lt;/p&gt;
&lt;pre&gt;&lt;code&gt;{
  "rules": {
    ".read": true,
    ".write": true
  }
}
&lt;/code&gt;&lt;/pre&gt;
&lt;p&gt;But the data does not add to the realtime database. Maybe I need some permission? In logcat AS nothing error&lt;/p&gt;
&lt;p&gt;&lt;strong&gt;UPD:&lt;/strong&gt;&lt;/p&gt;
&lt;p&gt;not add data&lt;/p&gt;
&lt;pre&gt;&lt;code&gt;    private DatabaseReference mDatabase;
 mDatabase = FirebaseDatabase.getInstance().getReference();
        mDatabase.child("message").setValue("Hello, World!");
&lt;/code&gt;&lt;/pre&gt;
&lt;p&gt;not add data too&lt;/p&gt;
&lt;pre&gt;&lt;code&gt;Message mess = new Message("hello");
        mDatabase.child("message").setValue(mess);
&lt;/code&gt;&lt;/pre&gt;
&lt;p&gt;class Message&lt;/p&gt;
&lt;pre&gt;&lt;code&gt;@IgnoreExtraProperties
public class Message {
    public String mes;
    public Message(){}
    public Message(String mes) {this.mes = mes;}
}
&lt;/code&gt;&lt;/pre&gt;</t>
  </si>
  <si>
    <t>2017-11-24 17:28:52.543000+00:00</t>
  </si>
  <si>
    <t>2018-10-07 13:07:06.750000+00:00</t>
  </si>
  <si>
    <t>2017-11-24 19:27:49.167000+00:00</t>
  </si>
  <si>
    <t>android|firebase|firebase-realtime-database</t>
  </si>
  <si>
    <t>Why do prevailing programming languages like C use array starting from 0?</t>
  </si>
  <si>
    <t>&lt;blockquote&gt;
  &lt;p&gt;&lt;strong&gt;Possible Duplicate:&lt;/strong&gt;&lt;br&gt;
  &lt;a href="https://stackoverflow.com/questions/7320686/why-does-the-indexing-start-with-zero-in-c"&gt;Why does the indexing start with zero in &amp;#39;C&amp;#39;?&lt;/a&gt;  &lt;/p&gt;
&lt;/blockquote&gt;
&lt;p&gt;Why do prevailing programming languages like C use array starting from 0? I know some programming languages like PASCAL have arrays starting from 1. Are there any good reasons for doing so? Or is it merely a historical reason?&lt;/p&gt;</t>
  </si>
  <si>
    <t>2012-02-07 10:24:25.863000+00:00</t>
  </si>
  <si>
    <t>2017-08-10 20:26:38.423000+00:00</t>
  </si>
  <si>
    <t>2017-05-23 11:59:50.873000+00:00</t>
  </si>
  <si>
    <t>programming-languages</t>
  </si>
  <si>
    <t>Dynamic Pivot on sql data</t>
  </si>
  <si>
    <t>&lt;p&gt;I have two tables as shown below&lt;/p&gt;
&lt;p&gt;The master Table&lt;/p&gt;
&lt;pre&gt;&lt;code&gt;ID               keyword_tags
----------- ---------------------------------------------
10932        international foo data
&lt;/code&gt;&lt;/pre&gt;
&lt;p&gt;and a child table(join clause on id = fk_id)&lt;/p&gt;
&lt;pre&gt;&lt;code&gt;fk_id       date_value               observ_value
----------- -----------------------  ----------------------
10932       2009-01-01 00:00:00.000  331.888888888
10932       2008-06-01 00:00:00.000  301.888888888
10932       2008-01-01 00:00:00.000  321.777777777
10932       2007-01-01 00:00:00.000  288.449066162
10932       2006-01-01 00:00:00.000  259.789733887
&lt;/code&gt;&lt;/pre&gt;
&lt;p&gt;Output required is&lt;/p&gt;
&lt;pre&gt;&lt;code&gt;ID      keyword_tags             Latest_Value    Latest_Change  Annual_Change
------  ----------------------   -------------   -------------  --------------- 
10932   international foo data   331.888888888   30.000000000   10.111111111
&lt;/code&gt;&lt;/pre&gt;
&lt;p&gt;where&lt;/p&gt;
&lt;pre&gt;&lt;code&gt;Latest_Change = observ_value(of most recent date_value) - observ_value(of next most recent date_value)
Annual_Change = observ_value(of most recent date_value) - observ_value(of recent date_value - 1 year)
&lt;/code&gt;&lt;/pre&gt;
&lt;p&gt;How do i achieve this using sql-server?&lt;/p&gt;</t>
  </si>
  <si>
    <t>2010-11-19 10:48:34.673000+00:00</t>
  </si>
  <si>
    <t>2010-11-23 21:03:16.463000+00:00</t>
  </si>
  <si>
    <t>2010-11-20 06:50:31.950000+00:00</t>
  </si>
  <si>
    <t>sql-server|database|rdbms|dynamic-pivot</t>
  </si>
  <si>
    <t>Python Selenium click function does not perform any action, test is not failing</t>
  </si>
  <si>
    <t>&lt;p&gt;I write automated test in Python using Selenium webdriver and for one element the function click() does not perform any action. But the test does not even fail (e.g. for no such element or not clickable,..)&lt;/p&gt;
&lt;p&gt;My code:&lt;/p&gt;
&lt;pre&gt;&lt;code&gt;def fill_applications_tab(self):
    wait = WebDriverWait(self.driver, 20)
    wait.until(EC.element_to_be_clickable((By.XPATH,"//span[@name='application' and text()[contains(.,'JBoss')]]/parent::*/parent::tr/td[1]/input[@type='checkbox' and @name='man']")))
    self.driver.find_element_by_xpath("//span[@name='application' and text()[contains(.,'JBoss')]]/parent::*/parent::tr/td[1]/input[@type='checkbox' and @name='man']").click()
&lt;/code&gt;&lt;/pre&gt;
&lt;p&gt;HTML&lt;/p&gt;
&lt;pre&gt;&lt;code&gt;&amp;lt;div class="col-sm-12" id="appl_applications_mw_error_div"&amp;gt;
                &amp;lt;table class="table white table-condensed table-bordered tight-col"&amp;gt;
                    &amp;lt;thead&amp;gt;
                        &amp;lt;tr class="app-table-descr"&amp;gt;
                            &amp;lt;td colspan="7"&amp;gt;Middleware&amp;lt;/td&amp;gt;
                        &amp;lt;/tr&amp;gt;
                        &amp;lt;tr&amp;gt;
                            &amp;lt;th class="t-center"&amp;gt;Install&amp;lt;/th&amp;gt;
                            &amp;lt;th&amp;gt;Application name&amp;lt;/th&amp;gt;
                        &amp;lt;/tr&amp;gt;
                    &amp;lt;/thead&amp;gt;
                    &amp;lt;tbody class="sort"&amp;gt;
                        &amp;lt;tr class="show-info" name="appl_applications_mw" data-type="array" data-tab-id="#tab-app" data-upform-error="#appl_applications_mw_error_div" data-show-info-field="man"&amp;gt;
                            &amp;lt;td class="form-group-sm"&amp;gt;
                                &amp;lt;span name="version" data-type="arrayitem" disabled="disabled"&amp;gt;2.0.x (HP)&amp;lt;/span&amp;gt;
                            &amp;lt;/td&amp;gt;
                        &amp;lt;/tr&amp;gt;&amp;lt;tr class="show-info" name="appl_applications_mw" data-type="array" data-tab-id="#tab-app" data-upform-error="#appl_applications_mw_error_div" data-show-info-field="man"&amp;gt;
                            &amp;lt;td class="t-center"&amp;gt;
                                &amp;lt;input name="type" type="hidden" data-type="arrayitem" value="mw"&amp;gt;
                                &amp;lt;input class="show-info-field" name="man" type="checkbox" data-type="arrayitem"&amp;gt;
                                &amp;lt;input class="app-man-default hidden" name="man_default" type="checkbox" data-type="arrayitem"&amp;gt;
                            &amp;lt;/td&amp;gt;
                            &amp;lt;td&amp;gt;
                                &amp;lt;span name="application" data-type="arrayitem"&amp;gt;JBoss&amp;lt;/span&amp;gt;
                            &amp;lt;/td&amp;gt;
&lt;/code&gt;&lt;/pre&gt;
&lt;p&gt;Any idea how to fix it?
I already tried to add the click() action twice in the code (found somewhere as a solution for someone), but it didn't help..
Thank you! &lt;/p&gt;</t>
  </si>
  <si>
    <t>2016-09-12 10:46:41.283000+00:00</t>
  </si>
  <si>
    <t>2016-09-14 11:55:42.623000+00:00</t>
  </si>
  <si>
    <t>python|selenium|xpath|automation|webdriver</t>
  </si>
  <si>
    <t>Naming in Rails and STI: When I have Reports (abstract) and ReportTemplates, what should "real" reports be called?</t>
  </si>
  <si>
    <t>&lt;p&gt;I have a system where admins can create report templates, and users can create "real" reports based upon them.&lt;/p&gt;
&lt;p&gt;As of Rails' single table inheritance mechanism, the "abstract" base model is &lt;code&gt;Report &amp;lt; ActiveRecord::Base&lt;/code&gt;, and the template model is called &lt;code&gt;ReportTemplate &amp;gt; Report&lt;/code&gt;. Now I need a name for the concrete instances of reports, something like &lt;code&gt;ConcreteReport &amp;gt; Report&lt;/code&gt;, but I don't like "ConcreteReport".&lt;/p&gt;
&lt;p&gt;Is there a better wording for this? I thought about names like &lt;code&gt;ReportItem&lt;/code&gt;, &lt;code&gt;ReportInstance&lt;/code&gt;..., and I like them better because they start with &lt;code&gt;Report&lt;/code&gt; in the word (and not end with it, like &lt;code&gt;ConcreteReport&lt;/code&gt; does), which is nicer because they are grouped together in the file browser. But they still feel crappy to me.&lt;/p&gt;
&lt;p&gt;I also thought about an &lt;code&gt;AbstractReport&lt;/code&gt; base class and then simply using &lt;code&gt;Report&lt;/code&gt; for the "concrete" reports, but then I have to tweak with Rails' defaults (table name to use, etc.), which I'd rather avoid.&lt;/p&gt;
&lt;p&gt;So any suggestion is very welcome!&lt;/p&gt;</t>
  </si>
  <si>
    <t>2015-11-29 11:09:53.107000+00:00</t>
  </si>
  <si>
    <t>2015-11-29 11:57:36.647000+00:00</t>
  </si>
  <si>
    <t>ruby-on-rails|oop|abstract|sti|wording</t>
  </si>
  <si>
    <t>SSAS how to build up dynamic range dimension</t>
  </si>
  <si>
    <t>&lt;p&gt;In current cube, I have a calculated measure of average investment dollars. Now I want to create a range dimension table dynamically based on different amount for every department. The table would be something looks like this:&lt;/p&gt;
&lt;p&gt;Dim_DollarRange&lt;/p&gt;
&lt;pre&gt;&lt;code&gt;ID    MinRange    MaxRange    Description
1        1         2            1-2             
2        3         5            3-5             
3        6         9            6-9            
4       10        14           10-14  
&lt;/code&gt;&lt;/pre&gt;
&lt;p&gt;So basically there are two questions:&lt;/p&gt;
&lt;pre&gt;&lt;code&gt;1) How to set up dimension table based on measures in cube dynamically?
2) How to look up in range dimension in SSAS?
&lt;/code&gt;&lt;/pre&gt;
&lt;p&gt;I'm new to SSAS, thx for any answers or tutorials!&lt;/p&gt;</t>
  </si>
  <si>
    <t>2012-08-24 14:00:48.927000+00:00</t>
  </si>
  <si>
    <t>2012-11-28 17:48:50.230000+00:00</t>
  </si>
  <si>
    <t>dynamic|range|ssas|dimension</t>
  </si>
  <si>
    <t>jQuery simultaneous animation on elements</t>
  </si>
  <si>
    <t>&lt;p&gt;I have 2 elements with class &lt;code&gt;wave-bar&lt;/code&gt;. (Actually more but for the sake of the example let's say 2)&lt;/p&gt;
&lt;p&gt;The code below changes the height of the elements to random values (to create a waveform (think audio player) effect).&lt;/p&gt;
&lt;p&gt;The code currently changes the height 10000 times for the first element and when that is finished it goes on and changes the second element's height.&lt;/p&gt;
&lt;p&gt;However I would like both elements to get random heights at the same time. So that the animation  of the second element doesn't wait for the first one to finish.&lt;/p&gt;
&lt;pre&gt;&lt;code&gt;  $('.wave-bar').each(function() {
    var bar = $(this);
    for (var i=0;i&amp;lt;=10000;i++) {
      window.setTimeout(function() {
        var rand_no = Math.floor(Math.random()*19);
        bar.height(rand_no);
        bar.css('margin-top', (18-rand_no)+'px');
      }, 500);
    }
 });
&lt;/code&gt;&lt;/pre&gt;
&lt;p&gt;How to set this up?&lt;/p&gt;</t>
  </si>
  <si>
    <t>2011-05-07 01:43:41.737000+00:00</t>
  </si>
  <si>
    <t>2011-05-07 04:58:52.650000+00:00</t>
  </si>
  <si>
    <t>jquery|animation</t>
  </si>
  <si>
    <t>Loading data for controller in Angular.js with resolve and $resource</t>
  </si>
  <si>
    <t>&lt;p&gt;I'm trying to load a job by Id from the API and pass it to the controller.&lt;/p&gt;
&lt;pre&gt;&lt;code&gt;.when('/jobs/edit/:id', {
    templateUrl: 'partials/jobs/edit',
    controller: 'JobCtrl',
    resolve: function($routeParams, Job){
        var jobId = $routeParams.id;
        return {
            job: function(){
                return Job.get({ id: jobId});
            }
        };
    }
})
&lt;/code&gt;&lt;/pre&gt;
&lt;p&gt;Controller:&lt;/p&gt;
&lt;pre&gt;&lt;code&gt;angular.module('App')
  .controller('JobCtrl', function ($scope, Job, $location, $routeParams) {
        $scope.newJob = data.job; //does not work
        $scope.errors = {};
        $scope.save = function (form) {
                   //...
        };
    });
&lt;/code&gt;&lt;/pre&gt;
&lt;p&gt;Model:&lt;/p&gt;
&lt;pre&gt;&lt;code&gt;angular.module('App')
    .factory('Job', function ($resource) {
        return $resource('/api/jobs/:id', {
            id: '@id'
        }, { //parameters default
            update: {
                method: 'PUT'
            }
        });
    });
&lt;/code&gt;&lt;/pre&gt;
&lt;p&gt;How do I get the data in the controller? My &lt;code&gt;resolve&lt;/code&gt; block in the route is not even being executed.&lt;/p&gt;
&lt;p&gt;Edit: this page has lots of examples of different types of resolving:
&lt;a href="http://phillippuleo.com/articles/angularjs-timing-multiple-resource-resolves-ngroute-and-ui-router" rel="nofollow"&gt;http://phillippuleo.com/articles/angularjs-timing-multiple-resource-resolves-ngroute-and-ui-router&lt;/a&gt;&lt;/p&gt;</t>
  </si>
  <si>
    <t>2014-05-14 07:43:44.837000+00:00</t>
  </si>
  <si>
    <t>2014-05-14 08:48:29.393000+00:00</t>
  </si>
  <si>
    <t>2014-05-14 08:27:11.590000+00:00</t>
  </si>
  <si>
    <t>R, is there any way that make a termdocumentmatrix by using multiple core?</t>
  </si>
  <si>
    <t>&lt;p&gt;Hello. &lt;/p&gt;
&lt;p&gt;Is there any way that make a termdocumentmatrix by using mutiple cores, parallel processing ? &lt;/p&gt;
&lt;p&gt;Or to get more fast result, can i use some packages like parallel, h2o, or others? &lt;/p&gt;
&lt;p&gt;someone help me please. 
thanks.&lt;/p&gt;</t>
  </si>
  <si>
    <t>2017-09-20 08:26:04.023000+00:00</t>
  </si>
  <si>
    <t>2017-09-21 05:51:45.860000+00:00</t>
  </si>
  <si>
    <t>parallel-processing|tm|term-document-matrix</t>
  </si>
  <si>
    <t>Convert depth map (base64) of google street view to image</t>
  </si>
  <si>
    <t>&lt;p&gt;I wonder if someone know how to convert the depth map of google street view (encoded as base64) into an image or a 2D matrix. I'm using Python and was able to get the base64 string, decode it and save it to a .png file. However, the exported png file cannot be open by any graphic viewer... I guess the base64 code wasn't decoded correctly...&lt;/p&gt;
&lt;p&gt;&lt;a href="https://medium.com/@nocomputer/creating-point-clouds-with-google-street-view-185faad9d4ee" rel="nofollow noreferrer"&gt;Here&lt;/a&gt; is a post that mentioned the base64 string in GSV.&lt;/p&gt;
&lt;p&gt;Here is my code:&lt;/p&gt;
&lt;pre&gt;&lt;code&gt;#URL of the json file of a GSV depth map
url_depthmap='http://maps.google.com/cbk?output=json&amp;amp;cb_client=maps_sv&amp;amp;v=4&amp;amp;dm=1&amp;amp;pm=1&amp;amp;ph=1&amp;amp;hl=en&amp;amp;panoid=lcptgwtxfJ6DccSzyWp0zA'
# getting the json file
r = requests.get(url_depthmap)
# open it
depth_json= r.json()
# get the base64 string of the depth map
data=depth_json['model']['depth_map']
# fix the 'inccorrect padding' error. The length of the string needs to be divisible by 4.
data += "=" * ((4 - len(data) % 4) % 4)
# convert the URL safe format to regular format.
data=data.replace('-','+').replace('_','/')
data = base64.decodestring(data) # decode the string
data=zlib.decompress(data) #decompress the data
# write it to a png file
image_result = open('downloads/deer_decode.png', 'wb')
image_result.write(data)
&lt;/code&gt;&lt;/pre&gt;</t>
  </si>
  <si>
    <t>2018-10-13 07:09:34.720000+00:00</t>
  </si>
  <si>
    <t>2018-10-13 07:37:44.083000+00:00</t>
  </si>
  <si>
    <t>python|base64|decoding|google-street-view</t>
  </si>
  <si>
    <t>how to size a bootstrap 2.3.2 popver</t>
  </si>
  <si>
    <t>&lt;p&gt;I am trying to insert a webpage's html into a bootstrap 2.3.2 popover using the following:&lt;/p&gt;
&lt;pre&gt;&lt;code&gt; $.ajax({
   type:"POST",
   url: "Ajax/getHtml",
   data: { u : 'http://stackoverflow.com' },
   dataType: 'html',    
   error: function(jqXHR, textStatus, errorThrown) {
     console.log('error');
     console.log(jqXHR, textStatus, errorThrown);
   }
 }).done(function(html) {
   html = html.replace(/&amp;lt;script[^&amp;gt;]*&amp;gt;[\s\S]*?&amp;lt;\/script&amp;gt;/gi, '');
   $link = $('&amp;lt;a href="myreference.html" class="p1" data-html="true" data-bind="popover"&amp;gt;');
   $link.data('content', html);
   $(this).html($link);
   // Trigger the popover to open
   $link = $(this).find('a');
   $link.popover("show");
});
&lt;/code&gt;&lt;/pre&gt;
&lt;p&gt;This works fine but i want to size the output down to lets say 500 x 500 pixels. I checked out:&lt;/p&gt;
&lt;pre&gt;&lt;code&gt;http://getbootstrap.com/2.3.2/javascript.html#popovers
&lt;/code&gt;&lt;/pre&gt;
&lt;p&gt;But do not see a sizing option. How can I do this?&lt;/p&gt;</t>
  </si>
  <si>
    <t>2015-02-12 21:43:39.357000+00:00</t>
  </si>
  <si>
    <t>2015-02-14 04:23:00.303000+00:00</t>
  </si>
  <si>
    <t>2015-02-13 04:43:42.680000+00:00</t>
  </si>
  <si>
    <t>javascript|jquery|css|twitter-bootstrap|twitter-bootstrap-2</t>
  </si>
  <si>
    <t>html2ps + ImageMagick + libwww-perl not working together</t>
  </si>
  <si>
    <t>&lt;p&gt;&lt;strong&gt;Summary:&lt;/strong&gt;&lt;/p&gt;
&lt;p&gt;I am using html2ps to convert an html document with inline images. (I have both ImageMagick and libwww-perl installed.) If the images are local, this works fine; however, when the images are given through a URL, I just see [IMAGE] instead of my image.&lt;/p&gt;
&lt;p&gt;I also tried using wget instead of libwww-perl, with the exact same result. Any help is greatly appreciated.&lt;/p&gt;
&lt;hr&gt;
&lt;p&gt;&lt;strong&gt;Code:&lt;/strong&gt;&lt;/p&gt;
&lt;p&gt;I always compile with&lt;/p&gt;
&lt;pre&gt;&lt;code&gt;html2ps -d example.html &amp;gt; output.ps
&lt;/code&gt;&lt;/pre&gt;
&lt;p&gt;I have the same image file in two places: ./local.png and &lt;a href="http://www.example.com/remote.png" rel="nofollow"&gt;http://www.example.com/remote.png&lt;/a&gt;.&lt;/p&gt;
&lt;p&gt;The following html inserts the image into the ps document:&lt;/p&gt;
&lt;pre&gt;&lt;code&gt;&amp;lt;img src='local.png' /&amp;gt;
&lt;/code&gt;&lt;/pre&gt;
&lt;p&gt;but this line just inserts the word [IMAGE]:&lt;/p&gt;
&lt;pre&gt;&lt;code&gt;&amp;lt;img src='http://www.example.com/remote.png' /&amp;gt;
&lt;/code&gt;&lt;/pre&gt;
&lt;p&gt;The output I'm getting is&lt;/p&gt;
&lt;pre&gt;&lt;code&gt;html2ps version 1.0 beta7
Reading example.html
Image: local.png
convert /var/tmp/aaaVtaOy5 /var/tmp/aaaVtaOy5.ppm
Size: 8*10
Image: http://www.example.com/remote.png
Retrieving http://www.example.com/remote.png
&lt;/code&gt;&lt;/pre&gt;
&lt;p&gt;and a local copy of the image is created.&lt;/p&gt;</t>
  </si>
  <si>
    <t>2015-05-07 18:16:25.950000+00:00</t>
  </si>
  <si>
    <t>2015-05-07 20:51:54.630000+00:00</t>
  </si>
  <si>
    <t>2015-05-07 18:55:51.937000+00:00</t>
  </si>
  <si>
    <t>html|image|imagemagick|libwww-perl|html2ps</t>
  </si>
  <si>
    <t>HTML Real Time Filter Table</t>
  </si>
  <si>
    <t>&lt;p&gt;I am trying create a real time filter function.&lt;/p&gt;
&lt;p&gt;I referenced 
&lt;a href="http://jsfiddle.net/7BUmG/2/" rel="nofollow"&gt;http://jsfiddle.net/7BUmG/2/&lt;/a&gt;
this website to write my function but I find that I can not filter the table.&lt;/p&gt;
&lt;p&gt;Here is my code:&lt;/p&gt;
&lt;pre&gt;&lt;code&gt;&amp;lt;!doctype html&amp;gt;
&amp;lt;html&amp;gt;
&amp;lt;head&amp;gt;
    &amp;lt;meta charset="utf-8"&amp;gt;
    &amp;lt;title&amp;gt;Untitled Document&amp;lt;/title&amp;gt;
    &amp;lt;script src="http://ajax.googleapis.com/ajax/libs/jquery/1.10.2/jquery.min.js"&amp;gt;
    &amp;lt;/script&amp;gt;
    &amp;lt;script&amp;gt;
        var $rows = $("#table tr");
        $("#content").keyup(function() {
            var val = $.trim($(this).val()).replace(/ +/g, ' ').toLowerCase();
            $rows.show().filter(function() {
                var text = $(this).text().replace(/\s+/g, ' ').toLowerCase();
                return !~text.indexOf(val);
            }).hide();
        });
    &amp;lt;/script&amp;gt;
&amp;lt;/head&amp;gt;
&amp;lt;body&amp;gt;
Filter : &amp;lt;input type="text"id="content"/&amp;gt;
&amp;lt;table id="table"&amp;gt;
    &amp;lt;tr&amp;gt;&amp;lt;th&amp;gt;No&amp;lt;/th&amp;gt;&amp;lt;th&amp;gt;Language&amp;lt;/th&amp;gt;&amp;lt;th&amp;gt;Price&amp;lt;/th&amp;gt;&amp;lt;/tr&amp;gt;
    &amp;lt;tr&amp;gt;&amp;lt;td&amp;gt;001&amp;lt;/td&amp;gt;&amp;lt;td&amp;gt;C#&amp;lt;/td&amp;gt;&amp;lt;td&amp;gt;7500&amp;lt;/td&amp;gt;&amp;lt;/tr&amp;gt;
    &amp;lt;tr&amp;gt;&amp;lt;td&amp;gt;002&amp;lt;/td&amp;gt;&amp;lt;td&amp;gt;Java&amp;lt;/td&amp;gt;&amp;lt;td&amp;gt;7000&amp;lt;/td&amp;gt;&amp;lt;/tr&amp;gt;
    &amp;lt;tr&amp;gt;&amp;lt;td&amp;gt;003&amp;lt;/td&amp;gt;&amp;lt;td&amp;gt;C&amp;lt;/td&amp;gt;&amp;lt;td&amp;gt;6000&amp;lt;/td&amp;gt;&amp;lt;/tr&amp;gt;
    &amp;lt;tr&amp;gt;&amp;lt;td&amp;gt;004&amp;lt;/td&amp;gt;&amp;lt;td&amp;gt;C++&amp;lt;/td&amp;gt;&amp;lt;td&amp;gt;6500&amp;lt;/td&amp;gt;&amp;lt;/tr&amp;gt;
    &amp;lt;tr&amp;gt;&amp;lt;td&amp;gt;005&amp;lt;/td&amp;gt;&amp;lt;td&amp;gt;PHP&amp;lt;/td&amp;gt;&amp;lt;td&amp;gt;5000&amp;lt;/td&amp;gt;&amp;lt;/tr&amp;gt;
    &amp;lt;tr&amp;gt;&amp;lt;td&amp;gt;006&amp;lt;/td&amp;gt;&amp;lt;td&amp;gt;jQuery&amp;lt;/td&amp;gt;&amp;lt;td&amp;gt;9000&amp;lt;/td&amp;gt;&amp;lt;/tr&amp;gt;
    &amp;lt;tr&amp;gt;&amp;lt;td&amp;gt;007&amp;lt;/td&amp;gt;&amp;lt;td&amp;gt;HTML5&amp;lt;/td&amp;gt;&amp;lt;td&amp;gt;800&amp;lt;/td&amp;gt;&amp;lt;/tr&amp;gt;
    &amp;lt;tr&amp;gt;&amp;lt;td&amp;gt;008&amp;lt;/td&amp;gt;&amp;lt;td&amp;gt;VBasic&amp;lt;/td&amp;gt;&amp;lt;td&amp;gt;6500&amp;lt;/td&amp;gt;&amp;lt;/tr&amp;gt;
 &amp;lt;/table&amp;gt;
&amp;lt;/body&amp;gt;
&amp;lt;/html&amp;gt;
&lt;/code&gt;&lt;/pre&gt;
&lt;p&gt;For example I type "J" into the textbox then the table will show "java" row and "jQuery" row immediately.&lt;/p&gt;
&lt;p&gt;Where is my problem?&lt;/p&gt;</t>
  </si>
  <si>
    <t>2015-11-12 14:00:09.317000+00:00</t>
  </si>
  <si>
    <t>2015-12-04 17:41:05.367000+00:00</t>
  </si>
  <si>
    <t>2015-11-12 15:07:10.527000+00:00</t>
  </si>
  <si>
    <t>javascript|jquery|html|function</t>
  </si>
  <si>
    <t>Java regex: match expression delimited by whitespaces</t>
  </si>
  <si>
    <t>&lt;p&gt;Phone number is like:&lt;/p&gt;
&lt;pre&gt;&lt;code&gt;+38097-12-34-123
+380971234-123
380971234-123
&lt;/code&gt;&lt;/pre&gt;
&lt;p&gt;I should match phone numbers in string assuming that they separated by whitespaces. So this is not matched strings:&lt;/p&gt;
&lt;pre&gt;&lt;code&gt;45+38097-12-34-123
+38097-12-34-123=TEST
my number:38097-12-34-123
&lt;/code&gt;&lt;/pre&gt;
&lt;p&gt;Working regex for phone number without whitespace delimiter requirements is:&lt;/p&gt;
&lt;pre&gt;&lt;code&gt;\\+?380\\d\\d(?:-?\\d){7}
&lt;/code&gt;&lt;/pre&gt;
&lt;p&gt;I try tests with &lt;code&gt;\b&lt;/code&gt; / &lt;code&gt;\B&lt;/code&gt; &lt;a href="https://docs.oracle.com/javase/7/docs/api/java/util/regex/Pattern.html" rel="nofollow"&gt;boundary matcher&lt;/a&gt; but they don't work if leading &lt;code&gt;+&lt;/code&gt; sign was used.&lt;/p&gt;
&lt;p&gt;&lt;strong&gt;UPDATE&lt;/strong&gt; I fixed examples because I type it from memory and forget to put &lt;code&gt;8&lt;/code&gt; sign.&lt;/p&gt;
&lt;p&gt;&lt;strong&gt;UPDATE2&lt;/strong&gt; &lt;strong&gt;@Washington Guedes&lt;/strong&gt; Your regex (I strip &lt;code&gt;\&lt;/code&gt; from &lt;code&gt;\-&lt;/code&gt;):&lt;/p&gt;
&lt;pre&gt;&lt;code&gt;\b(\+?\d{4}(?:-\d{2}-|\d{2})\d{2}-\d{3})\b
&lt;/code&gt;&lt;/pre&gt;
&lt;p&gt;doesn't work because when &lt;code&gt;+&lt;/code&gt; in matching string:&lt;/p&gt;
&lt;pre&gt;&lt;code&gt;bash# groovysh 
groovy:000&amp;gt; "45 +8097-12-34-123".matches(".*\\b(\\+?\\d{4}(?:-\\d{2}-|\\d{2})\\d{2}-\\d{3})\\b.*")
===&amp;gt; true
groovy:000&amp;gt; "45+8097-12-34-123".matches(".*\\b(\\+?\\d{4}(?:-\\d{2}-|\\d{2})\\d{2}-\\d{3})\\b.*")
===&amp;gt; true
&lt;/code&gt;&lt;/pre&gt;
&lt;p&gt;I expect that expession without whitepsace before &lt;code&gt;+&lt;/code&gt; sign should fail.&lt;/p&gt;
&lt;p&gt;&lt;strong&gt;@stribizhev&lt;/strong&gt; Same with your suggestion:&lt;/p&gt;
&lt;pre&gt;&lt;code&gt;groovy:000&amp;gt; "45+38097-12-34-123".matches(".*(?&amp;lt;!\\w)\\+?380\\d\\d(?:-?\\d){7}(?!\\w).*")
===&amp;gt; true
groovy:000&amp;gt; "45 +38097-12-34-123".matches(".*(?&amp;lt;!\\w)\\+?380\\d\\d(?:-?\\d){7}(?!\\w).*")
===&amp;gt; true
&lt;/code&gt;&lt;/pre&gt;</t>
  </si>
  <si>
    <t>2016-01-07 15:41:14.520000+00:00</t>
  </si>
  <si>
    <t>2016-01-08 09:46:57.233000+00:00</t>
  </si>
  <si>
    <t>2016-01-07 16:29:25.690000+00:00</t>
  </si>
  <si>
    <t>Font Awesome 5 not spinning icon?</t>
  </si>
  <si>
    <t>&lt;p&gt;I have an MVC project with Bootsrap 4 (SASS) and Font Awesome 5. I'm trying to get an spinning icon to work for use with an Ajax loading panel but it's not working. &lt;/p&gt;
&lt;pre&gt;&lt;code&gt;&amp;lt;a href="#" class="btn btn-danger"&amp;gt;
    &amp;lt;i class="fas��fa-spinner��fa-pulse"&amp;gt;&amp;lt;/i&amp;gt; Test Spin
&amp;lt;/a&amp;gt;
&amp;lt;a href="#" class="btn btn-danger"&amp;gt;
    &amp;lt;i class="fas fa-home fa-fw"&amp;gt;&amp;lt;/i&amp;gt; Test icon
&amp;lt;/a&amp;gt;
&lt;/code&gt;&lt;/pre&gt;
&lt;p&gt;I have the following buttons for testing. The one with just the icon in the button displays the FA icon but the button with the FAS spinning icon doesn't display.&lt;/p&gt;
&lt;p&gt;For FontAwesome all I have is the &lt;code&gt;"~/Scripts/fontawesome-all.min.js"&lt;/code&gt; file referenced. From my understanding that's all I needed to do?&lt;/p&gt;
&lt;p&gt;This is my bundle:&lt;/p&gt;
&lt;pre&gt;&lt;code&gt;bundles.Add(new ScriptBundle("~/bundles/vendorscripts").Include(
                      "~/Scripts/bootstrap.min.js",
                      "~/Scripts/respond.min.js",
                      "~/Scripts/fontawesome-all.min.js"));
&lt;/code&gt;&lt;/pre&gt;
&lt;p&gt;This is my layout page:&lt;/p&gt;
&lt;pre&gt;&lt;code&gt;@Scripts.Render("~/bundles/jquery")
@Scripts.Render("~/bundles/vendorscripts")
@RenderSection("scripts", required: false)
&lt;/code&gt;&lt;/pre&gt;
&lt;p&gt;&lt;a href="https://i.stack.imgur.com/vdBVy.png" rel="nofollow noreferrer"&gt;&lt;img src="https://i.stack.imgur.com/vdBVy.png" alt="enter image description here"&gt;&lt;/a&gt;&lt;/p&gt;</t>
  </si>
  <si>
    <t>2018-03-21 21:26:44.540000+00:00</t>
  </si>
  <si>
    <t>2018-07-28 14:21:46.173000+00:00</t>
  </si>
  <si>
    <t>font-awesome</t>
  </si>
  <si>
    <t>How does PartialFunction deal with undefined values in Scala?</t>
  </si>
  <si>
    <t>&lt;p&gt;I defined 2 versions of &lt;code&gt;PartialFunction&lt;/code&gt; in Scala.&lt;/p&gt;
&lt;pre&gt;&lt;code&gt;  val doubleEvens1: PartialFunction[Int, Int] = {
    case x if x % 2 == 0 =&amp;gt; x * 2
  }
  val doubleEvens2 = new PartialFunction[Int, Int] {
    override def isDefinedAt(x: Int): Boolean = x % 2 == 0
    override def apply(v1: Int): Int = v1 * 2
  }
&lt;/code&gt;&lt;/pre&gt;
&lt;p&gt;and a list:&lt;/p&gt;
&lt;pre&gt;&lt;code&gt;val list = List(1, 2, 3, 4, 5)
&lt;/code&gt;&lt;/pre&gt;
&lt;p&gt;However their behaviors diff for undefined values:&lt;/p&gt;
&lt;pre&gt;&lt;code&gt;// doubleEvens1
println(doubleEvens1.isDefinedAt(3)) // false
println(list.collect(doubleEvens1))  // List(4, 8)
println(doubleEvens1(3))             // scala.MatchError
println(list.map(doubleEvens1))      // scala.MatchError
// doubleEvens2
println(doubleEvens2.isDefinedAt(3)) // false
println(list.collect(doubleEvens2))  // List(4, 8)
println(doubleEvens2(3))             // 6
println(list.map(doubleEvens2))      // List(2, 4, 6, 8, 10)
&lt;/code&gt;&lt;/pre&gt;
&lt;p&gt;I guess &lt;code&gt;doubleEvens1&lt;/code&gt; should be reasonable since it accords with the mathematical definition. But is the behavior of &lt;code&gt;doubleEvens2&lt;/code&gt; designed by purpose? Or am I missing something in the code snippet?&lt;/p&gt;</t>
  </si>
  <si>
    <t>2015-12-24 08:53:49.710000+00:00</t>
  </si>
  <si>
    <t>2015-12-24 09:16:31.093000+00:00</t>
  </si>
  <si>
    <t>how to make a program wait until a button is clicked</t>
  </si>
  <si>
    <t>&lt;p&gt;How to make a program wait until a button is clicked by the user. &lt;/p&gt;
&lt;p&gt;I want to stop my sequence of codes (statements) until a button is clicked by the user.&lt;/p&gt;
&lt;p&gt;how can I go this ?&lt;/p&gt;</t>
  </si>
  <si>
    <t>2011-04-29 20:46:44.847000+00:00</t>
  </si>
  <si>
    <t>2011-04-29 20:56:06.597000+00:00</t>
  </si>
  <si>
    <t>vb.net|winforms</t>
  </si>
  <si>
    <t>Image could not be loaded on twitter</t>
  </si>
  <si>
    <t>&lt;p&gt;I'm trying to share an image through twitter everything worked fine with facebook but twitter the image could not be loaded! I dont know why here is my code:&lt;/p&gt;
&lt;pre&gt;&lt;code&gt;enter code here
public void share(String nameApp) 
{
    try
    {
        List&amp;lt;Intent&amp;gt; targetedShareIntents = new ArrayList&amp;lt;Intent&amp;gt;();
        Intent share = new Intent(android.content.Intent.ACTION_SEND);
        share.setType("image/jpg");
        List&amp;lt;ResolveInfo&amp;gt; resInfo = getPackageManager().queryIntentActivities(share, 0);
        if (!resInfo.isEmpty())
        {
            for (ResolveInfo info : resInfo) 
            {
                Intent targetedShare = new Intent(android.content.Intent.ACTION_SEND);
                targetedShare.setType("image/jpg"); // put here your mime type
                if (info.activityInfo.packageName.toLowerCase().contains(nameApp) || info.activityInfo.name.toLowerCase().contains(nameApp)) {
                    targetedShare.putExtra(Intent.EXTRA_SUBJECT, "Sample Photo");
                 targetedShare.putExtra(Intent.EXTRA_TEXT,"This photo is created by Me");
                 ClassGlobal.selectedPagerURLs = new String[ClassGlobal.selectedAlbum.album_Thumbnail_Images.size()];
                //This path worked fine with facebook sdk but in twitter everything is fine except the image could not be loaded    
                    Uri screenshotUri = Uri.parse(ClassGlobal.selectedPagerURLs[currentItem]=ClassGlobal.selectedAlbum.album_Thumbnail_Images.get(currentItem).thumbnail_Url);
                    targetedShare.putExtra(Intent.EXTRA_STREAM,screenshotUri);
                    targetedShare.setPackage(info.activityInfo.packageName);
                    targetedShareIntents.add(targetedShare);
                }
            }
            Intent chooserIntent = Intent.createChooser(targetedShareIntents.remove(0), "Select app to share");
            chooserIntent.putExtra(Intent.EXTRA_INITIAL_INTENTS, targetedShareIntents.toArray(new Parcelable[]{}));
            startActivity(chooserIntent);
        }
    }
    catch(Exception e)
     {
         Log.v("VM","Exception while sending image on" + nameApp + " "+  e.getMessage());
     }
}
&lt;/code&gt;&lt;/pre&gt;
&lt;p&gt;Any help would be appreciated Thank you&lt;/p&gt;</t>
  </si>
  <si>
    <t>2013-07-17 13:38:17.927000+00:00</t>
  </si>
  <si>
    <t>2015-07-13 13:41:56.610000+00:00</t>
  </si>
  <si>
    <t>android|android-intent|twitter|sharing</t>
  </si>
  <si>
    <t>Do you need to put an expiration in a JWT?</t>
  </si>
  <si>
    <t>&lt;p&gt;If I'm implementing an authentication layer in my app using a mix of JWT and Redis to store session data, do I need to include an expiring in the JWT token itself?&lt;/p&gt;
&lt;p&gt;For example, when you login to the app, a session id is generated and added to the redis database with an expiry of 3 days. Then that session id (along with username) is used to create the JWT payload. On all auth requests, I make sure the session id from the token exists in the redis database. If it doesn't, the session has expired and I issue a new token.&lt;/p&gt;
&lt;p&gt;Are there security issues with this implementation?&lt;/p&gt;</t>
  </si>
  <si>
    <t>2016-01-09 18:56:57.313000+00:00</t>
  </si>
  <si>
    <t>2016-01-09 19:20:44.590000+00:00</t>
  </si>
  <si>
    <t>session|redis|jwt</t>
  </si>
  <si>
    <t>initialize Knockout ViewModel with json data before apply binding best practices</t>
  </si>
  <si>
    <t>&lt;p&gt;I have a simple &lt;a href="http://knockoutjs.com/"&gt;knockoutjs&lt;/a&gt; ViewModel. but before i apply binding from that model to my view i need first to initialize it or set array value with some data (JSON format) that i 'll get from the server via AJAX.  &lt;/p&gt;
&lt;p&gt;I know i can create object of my model, make the ajax request then initialize my model array. Like this:  &lt;/p&gt;
&lt;pre&gt;&lt;code&gt;function AppViewModel() {
    var self = this;
    self.Servers = ko.observableArray([]);//this one 'll be filled by data from server
}
var MyViewModel = new AppViewModel();
MyViewModel.Servers = ko.mapping.fromJSON(json_data);//make ajax call to get json_data.
ko.applyBindings(MyViewModel);
&lt;/code&gt;&lt;/pre&gt;
&lt;p&gt;Is that good practice or there is better one.&lt;/p&gt;</t>
  </si>
  <si>
    <t>2013-07-07 19:35:28.357000+00:00</t>
  </si>
  <si>
    <t>2013-07-07 21:53:38.480000+00:00</t>
  </si>
  <si>
    <t>javascript|knockout.js</t>
  </si>
  <si>
    <t>Opening a serial port works with hardcoded string but not ls(path)</t>
  </si>
  <si>
    <t>&lt;p&gt;This works:&lt;/p&gt;
&lt;p&gt;&lt;code&gt;fopen(serial('/dev/tty.usbmodem1451'))&lt;/code&gt;&lt;/p&gt;
&lt;p&gt;This does not:&lt;/p&gt;
&lt;p&gt;&lt;code&gt;fopen(serial(ls('/dev/tty.usb*')))&lt;/code&gt;&lt;/p&gt;
&lt;p&gt;Even though &lt;code&gt;ls('/dev/tty.usb*')&lt;/code&gt; returns this:&lt;/p&gt;
&lt;pre&gt;&lt;code&gt;ans =
/dev/tty.usbmodem1451
&lt;/code&gt;&lt;/pre&gt;
&lt;p&gt;So why does it work for a hardcoded string but not the result of &lt;code&gt;ls&lt;/code&gt;?&lt;/p&gt;
&lt;p&gt;Even more perplexing to me is the error when I try it with &lt;code&gt;ls&lt;/code&gt;, which seems to claim that the serial port is &lt;em&gt;both available and not available&lt;/em&gt;:&lt;/p&gt;
&lt;pre&gt;&lt;code&gt;Error using serial/fopen (line 72)
Open failed: Port: /dev/tty.usbmodem1451
 is not available. Available ports: /dev/tty.Bluetooth-Incoming-Port,
 /dev/cu.Bluetooth-Incoming-Port, /dev/tty.Bluetooth-Modem, /dev/cu.Bluetooth-Modem
 /dev/tty.usbmodem1451, /dev/cu.usbmodem1451.
Use INSTRFIND to determine if other instrument objects are connected to the
requested device.
&lt;/code&gt;&lt;/pre&gt;</t>
  </si>
  <si>
    <t>2014-10-01 20:54:08.997000+00:00</t>
  </si>
  <si>
    <t>2014-10-05 14:57:37.250000+00:00</t>
  </si>
  <si>
    <t>matlab|serial-port</t>
  </si>
  <si>
    <t>Templating: what is the best way to display list of items with separators?</t>
  </si>
  <si>
    <t>&lt;p&gt;Let's say I have an array of data which I want to display as a list:&lt;/p&gt;
&lt;pre&gt;&lt;code&gt;$goods = [
    ['title' =&amp;gt; 'First item', 'description' =&amp;gt; 'First item description'],
    ['title' =&amp;gt; 'Second item', 'description' =&amp;gt; 'Second item description'],
    ['title' =&amp;gt; 'Third item', 'description' =&amp;gt; 'Third item description']
];
&lt;/code&gt;&lt;/pre&gt;
&lt;p&gt;And the following view:&lt;/p&gt;
&lt;pre&gt;&lt;code&gt;&amp;lt;div class="good-block"&amp;gt;
    &amp;lt;h1&amp;gt;{{ $good['title'] }}&amp;lt;/h1&amp;gt;
    &amp;lt;p&amp;gt;{{ $good['description'] }}&amp;lt;/p&amp;gt;
&amp;lt;/div&amp;gt;
&lt;/code&gt;&lt;/pre&gt;
&lt;p&gt;Now I want to display all the items using &lt;code&gt;&amp;lt;hr&amp;gt;&lt;/code&gt; as a separator.&lt;/p&gt;
&lt;p&gt;Therefore, the final view is as follows:&lt;/p&gt;
&lt;pre&gt;&lt;code&gt;@foreach ($goods as $good)
    &amp;lt;div class="good-block"&amp;gt;
        &amp;lt;h1&amp;gt;{{ $good['title'] }}&amp;lt;/h1&amp;gt;
        &amp;lt;p&amp;gt;{{ $good['description'] }}&amp;lt;/p&amp;gt;
    &amp;lt;/div&amp;gt;
    &amp;lt;hr /&amp;gt;
@endforeach
&lt;/code&gt;&lt;/pre&gt;
&lt;p&gt;The problem is that, obviously, the separator will be displayed after the last item, not only between the elements. In the case of simple arrays &lt;code&gt;implode&lt;/code&gt; can be used as a tool for splicing. &lt;/p&gt;
&lt;p&gt;But how to use this approach in the template files? Is there a different approach, allowing to keep the code clean and logical, without adding unnecessary conditions like checking the current element is not last element of an array?&lt;/p&gt;
&lt;p&gt;Thanks!&lt;/p&gt;</t>
  </si>
  <si>
    <t>2016-11-02 19:16:32.870000+00:00</t>
  </si>
  <si>
    <t>2016-11-02 22:27:39.143000+00:00</t>
  </si>
  <si>
    <t>php|html|template-engine|templating</t>
  </si>
  <si>
    <t>Create a list of negative &amp; positive values from a table of values</t>
  </si>
  <si>
    <t>&lt;p&gt;I have the following Excel spreadsheet:&lt;/p&gt;
&lt;pre&gt;&lt;code&gt;    A            B       C        D        E           F                 G    
1                 Q1     Q2       Q3      Q4      Negative values  Positive values
2   Asset 1      -50     85      -90      70         -10                 5 
3   Asset 2      -28    -80      -45      60         -15                27         
4   Asset 3      -30     50       55     -10         -20                50      
5   Asset 4      -20      5      -80     -15          :                 :  
6   Asset 5       35    -30       27     -98          :                 :
7                                                     :                 :
&lt;/code&gt;&lt;/pre&gt;
&lt;p&gt;In &lt;code&gt;Cells A1:E6&lt;/code&gt; I have different assets with their performance from quarter &lt;code&gt;Q1-Q4&lt;/code&gt;. &lt;br&gt;&lt;/p&gt;
&lt;p&gt;In &lt;code&gt;Column F&lt;/code&gt; I want to have a list of all negative performances of the assets starting with the greates negative one (in this case &lt;code&gt;-10&lt;/code&gt;). &lt;br&gt;&lt;/p&gt;
&lt;p&gt;In &lt;code&gt;Column G&lt;/code&gt; I want to have a list of all positive performances of the assets starting with the lowest postive one (in this case &lt;code&gt;5&lt;/code&gt;).&lt;/p&gt;
&lt;p&gt;Do you have any idea of a formula that could create these lists?&lt;/p&gt;
&lt;p&gt;&lt;strong&gt;Note:&lt;/strong&gt; All values are unique!&lt;/p&gt;</t>
  </si>
  <si>
    <t>2018-09-27 15:27:40.917000+00:00</t>
  </si>
  <si>
    <t>2018-09-27 15:39:17.730000+00:00</t>
  </si>
  <si>
    <t>2018-09-27 15:35:19.227000+00:00</t>
  </si>
  <si>
    <t>error: assignment of read-only reference ���__b���</t>
  </si>
  <si>
    <t>&lt;pre&gt;&lt;code&gt;void customsort()
{
    int a = 0;
    int b = 0;
    vector&amp;lt;pair&amp;lt;int, int&amp;gt; &amp;gt;::const_iterator it1,it2;
    for(it1 = temp.begin();it1&amp;lt;temp.end();it1++)
        for(it2 = temp.begin()+1;it2&amp;lt;temp.end();it2++)
            {
                a = it1-&amp;gt;first+it1-&amp;gt;second;
                b = it2-&amp;gt;first+it2-&amp;gt;second;     
                if(a&amp;gt;b)
                {   
                    swap(it1-&amp;gt;first, it2-&amp;gt;first);
                    swap(it1-&amp;gt;second, it2-&amp;gt;second);
                }
            }   
}
&lt;/code&gt;&lt;/pre&gt;
&lt;p&gt;this is the code &lt;/p&gt;
&lt;p&gt;what i am trying to do is swap a paired vector&lt;/p&gt;
&lt;p&gt;for example &lt;/p&gt;
&lt;p&gt;say i have a [1,1], [1,2], [2,0], [3,2]&lt;/p&gt;
&lt;p&gt;i want to sort them based on their sum (ascending order)&lt;/p&gt;
&lt;p&gt;BUT 
i am getting an error&lt;/p&gt;
&lt;blockquote&gt;
&lt;pre&gt;&lt;code&gt;In file included from /usr/include/c++/4.8/bits/stl_pair.h:59:0,
                 from /usr/include/c++/4.8/bits/stl_algobase.h:64,
                 from /usr/include/c++/4.8/bits/char_traits.h:39,
                 from /usr/include/c++/4.8/ios:40,
                 from /usr/include/c++/4.8/ostream:38,
                 from /usr/include/c++/4.8/iostream:39,
                 from prog1.cpp:1:
/usr/include/c++/4.8/bits/move.h: In instantiation of ���void std::swap(_Tp&amp;amp;, _Tp&amp;amp;) [with _Tp = const int]���:
prog1.cpp:23:34:   required from here
/usr/include/c++/4.8/bits/move.h:176:11: error: assignment of read-only reference ���__a���
       __a = _GLIBCXX_MOVE(__b);
           ^
/usr/include/c++/4.8/bits/move.h:177:11: error: assignment of read-only reference ���__b���
       __b = _GLIBCXX_MOVE(__tmp);
&lt;/code&gt;&lt;/pre&gt;
&lt;/blockquote&gt;
&lt;p&gt;Thanks in Advance &lt;/p&gt;</t>
  </si>
  <si>
    <t>2016-07-16 10:55:13.383000+00:00</t>
  </si>
  <si>
    <t>2016-07-16 11:24:37.873000+00:00</t>
  </si>
  <si>
    <t>2016-07-16 11:21:30.310000+00:00</t>
  </si>
  <si>
    <t>c++|vector|swap</t>
  </si>
  <si>
    <t>React - Update Component Each Second Without Re Rendering Whole Form</t>
  </si>
  <si>
    <t>&lt;p&gt;React and Redux - kinda new to React, just looking for resources, links to better understand this specific problem.&lt;/p&gt;
&lt;p&gt;&lt;strong&gt;TLDR;
How to update sub component each second without re rendering parent component? But parent needs to get the state at least when submit button is clicked.&lt;/strong&gt;&lt;/p&gt;
&lt;p&gt;I have a component with a form and several form fields. One of the fields is a date picker. The date picker field, by default, is ticking for each second, but the user has the ability to manually set the time. When the user 'submits' the form it will take the time in the field, whether it was auto populating each second or the user manually manipulated the date. &lt;/p&gt;
&lt;p&gt;Each time the date picker is changed, every second or manually, my entire component re renders. This is not a very big deal except I have a responsive bootstrap table, that when scrolled to the right will re draw back to the left every second, or when the ticking clock updates each second. &lt;/p&gt;
&lt;p&gt;Initially, I was using setState() to keep this value updated, but after running into this issue I set up an action and reducer in redux, but I get the same behavior.  &lt;/p&gt;
&lt;p&gt;Here is the code used to update the state (and redux method commented, currently)&lt;/p&gt;
&lt;pre&gt;&lt;code&gt;export const onInputChangeCommon = function (event) {
  const target = event.target;
  const value = target.type === 'checkbox' ? target.checked : target.value;
  const name = target.name;
  this.setState({
    [name]: value
  });
  if (name === 'showHideCustomDatetime' &amp;amp;&amp;amp; value) {
    this.interval = setInterval(this.getTime, 1000);
  } else if (name === 'showHideCustomDatetime' &amp;amp;&amp;amp; !value) {
    clearInterval(this.interval);
  }
}
export const getTime = function () {
  const time = moment().format(`${this.state.timeFormat.date} ${this.state.timeFormat.time}`);
  // this.props.setEnterTimeCustomDatetime(time);
  this.setState({
    enterTime: time,
    isInvalidDate: false
  });
}
&lt;/code&gt;&lt;/pre&gt;
&lt;p&gt;appreciate any insights&lt;/p&gt;
&lt;p&gt;&lt;strong&gt;EDIT&lt;/strong&gt;
Check out this CodePen. &lt;a href="https://codepen.io/anon/pen/EbNqpJ?editors=1111" rel="nofollow noreferrer"&gt;https://codepen.io/anon/pen/EbNqpJ?editors=1111&lt;/a&gt;&lt;/p&gt;
&lt;p&gt;I dont understand how to get the time from the child component back to the parent. &lt;/p&gt;</t>
  </si>
  <si>
    <t>2017-11-09 00:37:04.200000+00:00</t>
  </si>
  <si>
    <t>2017-11-09 01:48:18.080000+00:00</t>
  </si>
  <si>
    <t>Remove Last Row Databound DataGridView C#</t>
  </si>
  <si>
    <t>&lt;p&gt;I am using VS 2008/C# and binding a local List of helper classes as the DataSource for a DataGridView control.  Calling the Remove() method on my List of helper classes fires the CellFormatting event of the DataGridView, which makes sense (a bit).  &lt;/p&gt;
&lt;p&gt;When removing whatever happens to be the DataBoundItem of the last row in the grid (so long as the grid has more than one row) the DataGridView's Rows collection is not updated before this event fires.  So, in the CellFormatting event handler, I get an IndexOutOfRangeException as the Rows collection is one too large.&lt;/p&gt;
&lt;p&gt;I've tried removing the row using the DataGridView.Rows.Remove() method, and binding using a BindingSource rather than binding the List directly as the data source.&lt;/p&gt;
&lt;p&gt;I found a few references to this occurance via Google, but answers were either not forthcoming or said to use a Delete() method on either the DataGridView or the DataGridView.Rows collection - neither of which currently exist.&lt;/p&gt;
&lt;p&gt;Sorting does not appear to be the issue either, as performing/not performing a sort results in the same outcome.&lt;/p&gt;
&lt;p&gt;The only exception to the "last row" being a problem for removal is if the DataGridView contains only one row - in which case everything works fine.&lt;/p&gt;</t>
  </si>
  <si>
    <t>2008-10-07 21:59:54.667000+00:00</t>
  </si>
  <si>
    <t>2015-04-14 22:03:05.387000+00:00</t>
  </si>
  <si>
    <t>C B</t>
  </si>
  <si>
    <t>c#|datagridview</t>
  </si>
  <si>
    <t>Memory corruption in C++ linked list</t>
  </si>
  <si>
    <t>&lt;p&gt;I wrote a trivial C++ application that just reading lines from stdin and stores them in the heap in a linked list. Have no idea why does &lt;code&gt;Valgrind&lt;/code&gt; abuse this code snippet... Where is that "invalid read"? Am I wrong freeing the memory allocated for the linked list in that way?&lt;/p&gt;
&lt;p&gt;&lt;strong&gt;1_9.cpp&lt;/strong&gt;&lt;/p&gt;
&lt;pre&gt;&lt;code&gt;#include &amp;lt;iostream&amp;gt;
#include &amp;lt;string&amp;gt;
struct Node {
    std::string str;
    Node* next;
};
int main()
{
    std::string line;
    Node* head = NULL;
    Node* _curr = NULL;
    Node* _new = NULL;
    std::cout &amp;lt;&amp;lt; "Ready for reading from stdin..." &amp;lt;&amp;lt; std::endl;
    while(std::getline(std::cin, line))
    {
        if (!head)
        {
            head = new Node;
            head-&amp;gt;str = line;
            _curr = head;
        }
        else
        {
            _new = new Node;
            _new-&amp;gt;str = line;
            _curr-&amp;gt;next = _new;
            _curr = _new;
        }
    }
    std::cout &amp;lt;&amp;lt; "Reading finished. Here are the results:" &amp;lt;&amp;lt; std::endl;
    for (Node* _node = head; _node != NULL; _node = _node-&amp;gt;next)
    {
        std::cout &amp;lt;&amp;lt; "\t" &amp;lt;&amp;lt; _node-&amp;gt;str &amp;lt;&amp;lt; std::endl;
    }
    std::cout &amp;lt;&amp;lt; "Cleaning the memory..." &amp;lt;&amp;lt; std::endl;
    for (Node* _node = head; _node != NULL; _node = _node-&amp;gt;next)
    {
        std::cout &amp;lt;&amp;lt; "\t Deleting:" &amp;lt;&amp;lt; _node-&amp;gt;str &amp;lt;&amp;lt; std::endl;
        delete _node;
    }
    std::cout &amp;lt;&amp;lt; "Bye!" &amp;lt;&amp;lt; std::endl;
    return 0;
}
&lt;/code&gt;&lt;/pre&gt;
&lt;p&gt;&lt;strong&gt;1_9.test:&lt;/strong&gt;&lt;/p&gt;
&lt;pre&gt;&lt;code&gt;asdfhjkl
ASFF
12324124124
opuoiupoiu
1234
&lt;/code&gt;&lt;/pre&gt;
&lt;p&gt;&lt;strong&gt;Valgrind's output:&lt;/strong&gt;&lt;/p&gt;
&lt;pre&gt;&lt;code&gt;[vitaly@thermaltake 01]$ valgrind --track-origins=yes --tool=memcheck ./1_9 &amp;lt; 1_9.test 
==4890== Memcheck, a memory error detector
==4890== Copyright (C) 2002-2013, and GNU GPL'd, by Julian Seward et al.
==4890== Using Valgrind-3.9.0 and LibVEX; rerun with -h for copyright info
==4890== Command: ./1_9
==4890== 
Ready for reading from stdin...
Reading finished. Here are the results:
    asdfhjkl
    ASFF
    12324124124
    opuoiupoiu
    1234
==4890== Conditional jump or move depends on uninitialised value(s)
==4890==    at 0x400E30: main (in /home/vitaly/prog/study/cpp/01/1_9)
==4890==  Uninitialised value was created by a heap allocation
==4890==    at 0x4C27965: operator new(unsigned long) (in /usr/lib64/valgrind/vgpreload_memcheck-amd64-linux.so)
==4890==    by 0x400D63: main (in /home/vitaly/prog/study/cpp/01/1_9)
==4890== 
Cleaning the memory...
     Deleting: asdfhjkl
==4890== Invalid read of size 8
==4890==    at 0x400EA0: main (in /home/vitaly/prog/study/cpp/01/1_9)
==4890==  Address 0x5a141d8 is 8 bytes inside a block of size 16 free'd
==4890==    at 0x4C28991: operator delete(void*) (in /usr/lib64/valgrind/vgpreload_memcheck-amd64-linux.so)
==4890==    by 0x400E9B: main (in /home/vitaly/prog/study/cpp/01/1_9)
==4890== 
     Deleting: ASFF
     Deleting: 12324124124
     Deleting: opuoiupoiu
     Deleting: 1234
Bye!
==4890== 
==4890== HEAP SUMMARY:
==4890==     in use at exit: 0 bytes in 0 blocks
==4890==   total heap usage: 30 allocs, 30 frees, 796 bytes allocated
==4890== 
==4890== All heap blocks were freed -- no leaks are possible
==4890== 
==4890== For counts of detected and suppressed errors, rerun with: -v
==4890== ERROR SUMMARY: 6 errors from 2 contexts (suppressed: 2 from 2)
&lt;/code&gt;&lt;/pre&gt;
&lt;p&gt;&lt;strong&gt;UPD:&lt;/strong&gt; Added some debug output. Can't figure out why does the &lt;code&gt;invalid read&lt;/code&gt; is issued during the first iteration in last loop? &lt;/p&gt;</t>
  </si>
  <si>
    <t>2014-12-21 21:08:36.060000+00:00</t>
  </si>
  <si>
    <t>2014-12-21 21:25:31.233000+00:00</t>
  </si>
  <si>
    <t>c++|memory-leaks|linked-list|valgrind|heap-corruption</t>
  </si>
  <si>
    <t>Using Startup class in ASP.NET5 Console Application</t>
  </si>
  <si>
    <t>&lt;p&gt;Is it possible for an ASP.NET 5-beta4 console application (built from the ASP.NET Console project template in VS2015) to use the &lt;code&gt;Startup&lt;/code&gt; class to handle registering services and setting up configuration details?&lt;/p&gt;
&lt;p&gt;I've tried to create a typical &lt;code&gt;Startup&lt;/code&gt; class, but it never seems to be called when running the console application via &lt;code&gt;dnx . run&lt;/code&gt; or inside Visual Studio 2015.&lt;/p&gt;
&lt;p&gt;&lt;code&gt;Startup.cs&lt;/code&gt; is pretty much:&lt;/p&gt;
&lt;pre&gt;&lt;code&gt;public class Startup
{
  public Startup(IHostingEnvironment env)
  {
    Configuration configuration = new Configuration();
    configuration.AddJsonFile("config.json");
    configuration.AddJsonFile("config.{env.EnvironmentName.ToLower()}.json", optional: true);
    configuration.AddEnvironmentVariables();
    this.Configuration = configuration;
  }
  public void ConfigureServices(IServiceCollection services)
  {
    services.Configure&amp;lt;Settings&amp;gt;(Configuration.GetSubKey("Settings"));
    services.AddEntityFramework()
            .AddSqlServer()
            .AddDbContext&amp;lt;ApplicationContext&amp;gt;(options =&amp;gt; options.UseSqlServer(this.Configuration["Data:DefaultConnection:ConnectionString"]));
  }
  public void Configure(IApplicationBuilder app, IHostingEnvironment env, ILoggerFactory loggerFactory)
  {
    loggerFactory.AddConsole(minLevel: LogLevel.Warning);
  }
}
&lt;/code&gt;&lt;/pre&gt;
&lt;p&gt;I've tried to manually create the &lt;code&gt;Startup&lt;/code&gt; class in my &lt;code&gt;Main&lt;/code&gt; method, but this doesn't seem like the right solution and hasn't so far allowed me to configure the services. &lt;/p&gt;
&lt;p&gt;I'm assuming there's some way for me to create a &lt;code&gt;HostingContext&lt;/code&gt; that doesn't start up a web server but will keep the console application alive. Something along the lines of:&lt;/p&gt;
&lt;pre&gt;&lt;code&gt;HostingContext context = new HostingContext()
{
  ApplicationName = "AppName"
};
using (new HostingEngine().Start(context))
{
  // console code
}
&lt;/code&gt;&lt;/pre&gt;
&lt;p&gt;However so far the only way I can get this to work is if I set the &lt;code&gt;HostingContext.ServerFactoryLocation&lt;/code&gt; to &lt;code&gt;Microsoft.AspNet.Server.WebListener&lt;/code&gt;, which starts up the web server.&lt;/p&gt;</t>
  </si>
  <si>
    <t>2015-05-15 10:53:18.743000+00:00</t>
  </si>
  <si>
    <t>2015-05-15 12:47:44.713000+00:00</t>
  </si>
  <si>
    <t>2015-05-15 11:33:34.013000+00:00</t>
  </si>
  <si>
    <t>c#|asp.net-core|asp.net-core-mvc</t>
  </si>
  <si>
    <t>Cant run application on VM</t>
  </si>
  <si>
    <t>&lt;p&gt;Im trying to add my react js applictation on my Digital Ocean VM ubuntu machine, I have installed npm, node etc on my vm and created a empty repo were I have pushed my code to. While being there I run node server.js which looks like this.&lt;/p&gt;
&lt;pre&gt;&lt;code&gt;const express = require('express');
const path = require('path');
const app = express();
const http = require('http')
const PORT = 9000
let server = http.createServer(app).listen(PORT, function () {
console.log('Express started on Port' + PORT)
console.log('Press Ctrl-C to terminate...')
})
app.use(express.static(path.join(__dirname, 'build')));
app.get('/', function (req, res) {
res.sendFile(path.join(__dirname, 'build', 'index.html'));
}); 
&lt;/code&gt;&lt;/pre&gt;
&lt;p&gt;And my package.json looks like this &lt;/p&gt;
&lt;pre&gt;&lt;code&gt;{
"name": "client",
"version": "0.1.0",
"private": true,
"dependencies": {
  "express": "^4.16.3",
  "firebase": "^4.13.1",
  "lodash": "^4.17.5",
  "react": "^16.3.1",
  "react-dom": "^16.3.1",
  "react-router-dom": "^4.2.2",
  "react-scripts": "1.1.4",
  "serve": "^7.1.5"
},
"scripts": {
  "start": "react-scripts start",
  "start:server": "node server",
  "build": "react-scripts build",
  "test": "react-scripts test --env=jsdom",
  "eject": "react-scripts eject"
 },
"homepage" : "http://138.197.186.248:9000/"
}
&lt;/code&gt;&lt;/pre&gt;
&lt;p&gt;When I run node server.js locally on my machine (not the vm) everything works and I get redirected to localhost:9000 where everything works fine but when I run it on the server while being in my client folder the script runs but nothing gets showed up when going into 138.197.186.258:9000&lt;/p&gt;
&lt;p&gt;What can the problem be?&lt;/p&gt;</t>
  </si>
  <si>
    <t>2018-05-31 13:15:38.263000+00:00</t>
  </si>
  <si>
    <t>javascript|reactjs|ubuntu|virtual-machine|digital-ocean</t>
  </si>
  <si>
    <t>Search in remote (proxy) repositories in Nexus/Artifactory UI</t>
  </si>
  <si>
    <t>&lt;p&gt;In the Nexus 2 UI, we often use the feature to search through all repositories, may they be hosted or proxy. This means that a search for "log4j" will reveal all log4j artifacts available in MavenCentral, may they be cached or not.&lt;/p&gt;
&lt;p&gt;Today I learned that Nexus 3 does &lt;em&gt;not&lt;/em&gt; have this feature (which actually astonished my colleagues and me). &lt;/p&gt;
&lt;p&gt;Does Artifactory have such a feature? &lt;/p&gt;
&lt;p&gt;Can it search through remote repositories (like Jboss, Atlassian, MavenCentral,...) in the UI?&lt;/p&gt;</t>
  </si>
  <si>
    <t>2018-10-05 13:42:53.773000+00:00</t>
  </si>
  <si>
    <t>2018-10-11 06:51:19.063000+00:00</t>
  </si>
  <si>
    <t>2018-10-08 07:32:22.187000+00:00</t>
  </si>
  <si>
    <t>java|maven|artifactory|nexus</t>
  </si>
  <si>
    <t>R-Studio - installing package knn error</t>
  </si>
  <si>
    <t>&lt;p&gt;I try to install the kknn package in R. It downloads the folder but whenever I use  &lt;code&gt;library(kknn)&lt;/code&gt; I get:&lt;/p&gt;
&lt;blockquote&gt;
  &lt;p&gt;Error in library(kknn) : there is no package called ���kknn���&lt;/p&gt;
&lt;/blockquote&gt;
&lt;hr&gt;
&lt;pre&gt;&lt;code&gt;install.packages("kknn") Installing package into ���C:/Users/Ed/Documents/R/win-library/3.2��� (as ���lib��� is unspecified) trying URL 'https://cran.rstudio.com/bin/windows/contrib/3.2/kknn_1.3.0.zip' Content type 'application/zip' length 321517 bytes (313 KB) downloaded 313 KB
&lt;/code&gt;&lt;/pre&gt;
&lt;p&gt;package ���kknn��� successfully unpacked and MD5 sums checked Warning in install.packages : cannot remove prior installation of package ���kknn���&lt;/p&gt;
&lt;p&gt;The downloaded binary packages are in C:\Users\Ed\AppData\Local\Temp\RtmpWClNdR\downloaded_packages&lt;/p&gt;
&lt;pre&gt;&lt;code&gt;library(kknn) Error in library(kknn) : there is no package called ���kknn���
&lt;/code&gt;&lt;/pre&gt;
&lt;p&gt;Any suggestions?&lt;/p&gt;
&lt;p&gt;Many thanks&lt;/p&gt;
&lt;p&gt;Ed&lt;/p&gt;</t>
  </si>
  <si>
    <t>2015-09-11 16:26:40.517000+00:00</t>
  </si>
  <si>
    <t>2017-11-24 02:02:34+00:00</t>
  </si>
  <si>
    <t>2015-09-11 16:59:39.697000+00:00</t>
  </si>
  <si>
    <t>r|packages</t>
  </si>
  <si>
    <t>Show random urls from string list in Androidstudio</t>
  </si>
  <si>
    <t>&lt;p&gt;I want, when u press my button video, he randomly takes a url from my string list and goes to the url. How i can do this, i really dont know.&lt;/p&gt;
&lt;pre&gt;&lt;code&gt;public class Easy extends Activity {
@Override
protected void onCreate(Bundle savedInstanceState) {
    super.onCreate(savedInstanceState);
    setContentView(R.layout.activity_easy);
    final String[] vList = {"https://www.google.com",
            "https://www.youtube.com"};
        findViewById(R.id.video).setOnClickListener(new View.OnClickListener() {
        @Override
        public void onClick(View v) {
            Intent i = new Intent(Intent.ACTION_VIEW);
            i.setData(Uri.parse(vList));
            startActivity(i);
        }
    });
&lt;/code&gt;&lt;/pre&gt;</t>
  </si>
  <si>
    <t>2016-01-09 22:32:20.113000+00:00</t>
  </si>
  <si>
    <t>2016-01-09 22:37:52.917000+00:00</t>
  </si>
  <si>
    <t>user5380273</t>
  </si>
  <si>
    <t>android|string|url|random|onclicklistener</t>
  </si>
  <si>
    <t>How to detect user inactivity since last typing in a NSTextView in macOS?</t>
  </si>
  <si>
    <t>&lt;p&gt;I need to perform a particular method (updateStatistics) when user don't type in a particular NSTextView for 2 seconds. I need this because when the text is particularly large, the updateStatistics method can cause delays in typing.&lt;/p&gt;
&lt;p&gt;Maybe I could store the time where user ends to digit in textDidChange():&lt;/p&gt;
&lt;pre&gt;&lt;code&gt;func textDidChange(_ notification: Notification) {
    startDate = Date()
    Timer.scheduledTimer(timeInterval: 2.0, target: self, selector: #selector(self.updateStatistics), userInfo: nil, repeats: false)
}
&lt;/code&gt;&lt;/pre&gt;
&lt;p&gt;And then learn if 2 seconds are elapsed in the updateStatistics method:&lt;/p&gt;
&lt;pre&gt;&lt;code&gt;func updateStatistics() {
    let currentDate = Date()
    let elapsed = currentDate.timeIntervalSince(startDate)
    if elapsed &amp;gt;= 2 {
        // update statistics code
    }
}
&lt;/code&gt;&lt;/pre&gt;
&lt;p&gt;PS
There is already an answer to a somewhat similar question &lt;a href="https://stackoverflow.com/questions/26001574/how-to-detect-user-inactivity-since-last-touch-on-a-particular-viewcontroller-in"&gt;here&lt;/a&gt;, but it's for iOS and Objective-C.&lt;/p&gt;</t>
  </si>
  <si>
    <t>2017-03-18 14:24:47.330000+00:00</t>
  </si>
  <si>
    <t>2017-03-19 13:49:17.083000+00:00</t>
  </si>
  <si>
    <t>2017-05-23 12:09:36.440000+00:00</t>
  </si>
  <si>
    <t>swift|macos|timer|textview</t>
  </si>
  <si>
    <t>Implicit conversion SQL</t>
  </si>
  <si>
    <t>&lt;p&gt;I'm getting always this strange error when i tray to insert something in my db I thnik it should work and the order should be also right &lt;/p&gt;
&lt;p&gt;My query &lt;/p&gt;
&lt;pre&gt;&lt;code&gt;INSERT INTO [123].HolidayTracker.dbo.HtVacationDay
    ( Title, 
      FromDate, 
      UserId,
      ToDate )
SELECT 
      old.[userNote] AS Title,
      newUser.UserId,
      DATEADD(HOUR, 8, old.[holidayDate]) as FromDate,
      DATEADD(HOUR, 8, 
          DATEADD(SECOND, old.[hours] * 3600, old.[holidayDate])) as ToDate
  FROM [HolidayTracker].[dbo].[UserHoliday] old
  INNER JOIN 
      [HolidayTracker].[dbo].HTUser oldUser 
      ON old.htUser_htUserId = oldUser.htUserId
  INNER JOIN 
      [ch-s-0008180].[HolidayTracker].[dbo].HtUser newUser 
      ON oldUser.email = newUser.email
&lt;/code&gt;&lt;/pre&gt;
&lt;p&gt;Error Message &lt;/p&gt;
&lt;blockquote&gt;
  &lt;p&gt;Msg 257, Level 16, State 3, Line 1 Implicit conversion from data type
  datetime to int is not allowed. Use the CONVERT function to run this
  query.&lt;/p&gt;
&lt;/blockquote&gt;
&lt;p&gt;Thanks for help and fast answer &lt;/p&gt;</t>
  </si>
  <si>
    <t>2013-04-04 09:26:12.463000+00:00</t>
  </si>
  <si>
    <t>2013-04-04 09:34:57.970000+00:00</t>
  </si>
  <si>
    <t>2013-04-04 09:28:40.437000+00:00</t>
  </si>
  <si>
    <t>Generate Html List in Snap</t>
  </si>
  <si>
    <t>&lt;p&gt;I want to integrate Snap's templating and Blaze HTML builder by building some HTML and binding it to a tag for use in a Heist template. Here is what I have attempted. &lt;/p&gt;
&lt;pre&gt;&lt;code&gt;numbers :: Int -&amp;gt; Splice AppHandler
numbers n = return $ [TextNode $ T.concat.toChunks.renderHtml $ do
                    p "A list of natural numbers"
                    ul $ forM_ [1 .. n] (li .toHtml)]
&lt;/code&gt;&lt;/pre&gt;
&lt;p&gt;This does not work as intended since snap renders the HTML string directly to the generated page. How do I get snap to render blaze generated HTML?&lt;/p&gt;</t>
  </si>
  <si>
    <t>2011-12-20 22:18:05.083000+00:00</t>
  </si>
  <si>
    <t>2012-08-04 15:27:39.987000+00:00</t>
  </si>
  <si>
    <t>haskell|snap-framework</t>
  </si>
  <si>
    <t>h:selectOneMenu send me previus value</t>
  </si>
  <si>
    <t>&lt;pre&gt;&lt;code&gt;&amp;lt;h:selectOneMenu id="filtroUnidad" immediate="true" style="width:120px" value="#{class.idUni}" label="#{bundleComunes.unidad}"&amp;gt;
  &amp;lt;f:selectItem itemLabel="#{bundleComunes.seleccionar}..." itemValue=""/&amp;gt;
  &amp;lt;f:selectItems value="#{class.lUnidadesValidas}" var="lUni" itemValue="#{lUni.id}" itemLabel="#{lUni.descripcion}"/&amp;gt;
  &amp;lt;f:ajax render="sisArm" event="change" listener="#{class.changeOneUnidad}"/&amp;gt;
&amp;lt;/h:selectOneMenu&amp;gt;
&lt;/code&gt;&lt;/pre&gt;
&lt;p&gt;I have this selectOneMenu but when I call to listener idUni ever have previous value. Somebody know how to change that??&lt;/p&gt;
&lt;p&gt;Method java&lt;/p&gt;
&lt;pre&gt;&lt;code&gt;/**
* changeOneMenuP.
*/
public void changeOneUnidad() {
  if(idUni == null) {
    lSistemasValidas = sisDao.findByValido();
  } else {
    lSistemasValidas = escDao.findByUnidadUbicacion(idUni, true);           
  }
}
&lt;/code&gt;&lt;/pre&gt;
&lt;p&gt;idUni is a String.&lt;/p&gt;</t>
  </si>
  <si>
    <t>2012-07-06 12:05:57.300000+00:00</t>
  </si>
  <si>
    <t>2012-07-06 13:42:38.557000+00:00</t>
  </si>
  <si>
    <t>2012-07-06 12:12:59.997000+00:00</t>
  </si>
  <si>
    <t>java|jsf-2|primefaces</t>
  </si>
  <si>
    <t>2 GB File upload in C#</t>
  </si>
  <si>
    <t>&lt;p&gt;There is a requirement where the client needs a option to Upload Files that are really large   (&amp;lt;=2GB) through browser.&lt;/p&gt;
&lt;p&gt;And i found that the browser can support only 2GB file upload. Is it so?&lt;/p&gt;
&lt;p&gt;If yes, then for at least 1.9999GB is there any solution? &lt;/p&gt;
&lt;p&gt;Tried working with the parameters like maxRequestLength, executionTimeout which resulted in nothing.&lt;/p&gt;</t>
  </si>
  <si>
    <t>2009-10-12 07:42:34.527000+00:00</t>
  </si>
  <si>
    <t>2009-10-12 08:04:38.247000+00:00</t>
  </si>
  <si>
    <t>file-upload|c#-2.0|cross-browser</t>
  </si>
  <si>
    <t>Quickly determine where a function returned</t>
  </si>
  <si>
    <t>&lt;p&gt;I have a long C function that can &lt;code&gt;return&lt;/code&gt; at different lines. Is it possible to have GDB run through the function and print out on what line the function &lt;code&gt;return&lt;/code&gt;ed? So far I have been going through one line at a time (using &lt;code&gt;n&lt;/code&gt;), and this is becoming tedious.&lt;/p&gt;
&lt;p&gt;Can I dynamically call a function with GDB and know on which line it returned?&lt;/p&gt;</t>
  </si>
  <si>
    <t>2012-04-30 10:03:46.960000+00:00</t>
  </si>
  <si>
    <t>2012-04-30 10:42:30.293000+00:00</t>
  </si>
  <si>
    <t>c|gdb</t>
  </si>
  <si>
    <t>MandrillMailer Ruby Gem with Interceptors</t>
  </si>
  <si>
    <t>&lt;p&gt;I am working with the Mandrill Mailer Ruby Gem (https://github.com/renz45/mandrill_mailer), but I am wanting to setup an interceptor so that in Development (and Staging) emails go to a different email address.&lt;/p&gt;
&lt;p&gt;I am not sure how to go about doing this with working with the gem itself. I know how to do this if working with ActionMailer out of the box, but slightly confused on how to accomplish this outside of that.&lt;/p&gt;
&lt;p&gt;Any ideas or anyone else run into this issue?&lt;/p&gt;</t>
  </si>
  <si>
    <t>2012-12-12 15:51:48.533000+00:00</t>
  </si>
  <si>
    <t>2014-11-07 21:41:59.837000+00:00</t>
  </si>
  <si>
    <t>ruby-on-rails-3|mailchimp|mailer|transactional-email</t>
  </si>
  <si>
    <t>Get remote logged on users and issue command when found using PowerShell</t>
  </si>
  <si>
    <t>&lt;p&gt;I am looking to build a PowerShell script that will see if a local user account is logged in on a remote machine. If so, it will pull up a message saying the user is logged in. If the user is not logged in, it would open mstsc so a user can log in.&lt;/p&gt;
&lt;p&gt;The below code I found works great, but it appears to only see domain accounts. And from there I am not sure how to pass results on and respond based on if the user is logged in or not.&lt;/p&gt;
&lt;pre&gt;&lt;code&gt;@(Get-WmiObject -ComputerName $machine -Namespace root\cimv2 -Class Win32_ComputerSystem)[0].UserName;
&lt;/code&gt;&lt;/pre&gt;
&lt;p&gt;Updated code. Basically i need to see if a local user account is being used by an RDP session. does that make sense?&lt;/p&gt;
&lt;pre&gt;&lt;code&gt;$machine = "ServerNameHere"
$temp1 = "C:\temp\user.txt"
$Word = "JDoe"
# The below command will connect to the server and see if user bouair is currently logged in
@(Get-WmiObject -ComputerName $machine -Namespace root\cimv2 -Class Win32_ComputerSystem)[0].UserName | Out-File $temp1 -Append
If((Get-Content $temp1).Contains($Word))
{
    [system.windows.forms.messagebox]::Show("another user is already logged in!");
}
else {
    .\mstsc.exe -v $machine
}
Remove-Item $temp1
exit
&lt;/code&gt;&lt;/pre&gt;
&lt;p&gt;One of my problems with the Get-WmiObject command was it wasn't pulling RDP sessions on my server. I then ran across a blog where users were using quser to pull all the users, i then modified the code to work in my environment. this code works perfectly for our group and others may benefit from it. the next step is to pull teh idletime and state into the message block, but that is for another day.&lt;/p&gt;
&lt;pre&gt;&lt;code&gt;param( $ComputerName = 'ServerNameNere' )
process {
    $File1 = "C:\temp\user.txt"
    $word = "UserNameHere"
    Remove-Item $File1
    foreach ($Computer in $ComputerName) {
        quser /server:$Computer | Select-Object -Skip 1 | ForEach-Object {
            $CurrentLine = $_.Trim() -Replace '\s+',' ' -Split '\s'
            $HashProps = @{
                UserName = $CurrentLine[0] | Out-File $file1 -Append
                ComputerName = $Computer | Out-File $file1 -Append
            }
            if ($CurrentLine[2] -eq 'Disc') {
                $HashProps.SessionName = $null | Out-File $file1 -Append
                $HashProps.Id = $CurrentLine[1] | Out-File $file1 -Append
                $HashProps.State = $CurrentLine[2] | Out-File $file1 -Append
                $HashProps.IdleTime = $CurrentLine[3] | Out-File $file1 -Append
                $HashProps.LogonTime = $CurrentLine[4..6] -join ' ' | Out-File $file1 -Append
            }
            else {
                $HashProps.SessionName = $CurrentLine[1] | Out-File $file1 -Append
                $HashProps.Id = $CurrentLine[2] | Out-File $file1 -Append
                $HashProps.State = $CurrentLine[3] | Out-File $file1 -Append
                $HashProps.IdleTime = $CurrentLine[4] | Out-File $file1 -Append
                $HashProps.LogonTime = $CurrentLine[5..7] -join ' ' | Out-File $file1 -Append
            }
            New-Object -TypeName PSCustomObject -Property $HashProps |
            Select-Object -Property UserName,ComputerName,SessionName,Id,State,IdleTime,LogonTime
        }
    }
    If((Get-Content $file1).Contains($Word))
    {
        [system.windows.forms.messagebox]::Show("another user is already logged in!");
    }
    else {
        mstsc.exe -v $machine
    }
}
&lt;/code&gt;&lt;/pre&gt;</t>
  </si>
  <si>
    <t>2014-05-21 17:35:40.263000+00:00</t>
  </si>
  <si>
    <t>2015-12-18 19:27:42.107000+00:00</t>
  </si>
  <si>
    <t>powershell|remote-server|mstsc</t>
  </si>
  <si>
    <t>Non-game mobile development with Unity</t>
  </si>
  <si>
    <t>&lt;p&gt;Recently, I've wondered if a non-game mobile app like Facebook could have been written all in Unity?&lt;/p&gt;
&lt;p&gt;I am planning to develop a Social Media app and I am a .Net Backend Web Developer with no iOS/Android background. I especially know to code Objective-C and Java, however I don't have any experience or know-how about designing UI and add some animations to it.&lt;/p&gt;
&lt;p&gt;I encountered the platform Unity while I was playing Dead Trigger 2 on my tablet. When I learnt that Unity is a Cross-Platform Game Development Environment, I tried playing Dead Trigger 2 on my phone (Note 3) and friend's iPhone. Works perfect. Then, I saw it has something to do with Facebook and shocked when realized that I am able to play the same game in a Web Browser on Facebook. That's amazing...&lt;/p&gt;
&lt;p&gt;Since I am convinced that such a 3D game can be developed in such a way, I have the idea to develop a normal non-game mobile app with Unity. If the Dead Trigger Team can draw such zombies in 3D, I think it would not be so hard for me to draw a sliding-menu in 2D mode that magically works in all mobile platforms including Windows Phone. I did, and saw that any kind of animation is done with drag-drop editors and C# scripting, wooww. So, Unity fullfills my lack of UI coding in mobile platforms...&lt;/p&gt;
&lt;p&gt;The question is, how about some backend stuff? Sending web requests? Multi-threading? async/await stuff we have in .Net? Periodically checking something from a server in background? Integrating the data with the UI?&lt;/p&gt;
&lt;p&gt;Would you go for developing a Facebook like app all in Unity?&lt;/p&gt;
&lt;p&gt;Thanks&lt;/p&gt;</t>
  </si>
  <si>
    <t>2015-07-05 12:21:43.980000+00:00</t>
  </si>
  <si>
    <t>2015-07-05 18:46:38.510000+00:00</t>
  </si>
  <si>
    <t>android|ios|unity3d|cross-platform</t>
  </si>
  <si>
    <t>Reseting a timer in andengine</t>
  </si>
  <si>
    <t>&lt;p&gt;i have this class that i use to set a interval during the duration of my game.&lt;/p&gt;
&lt;pre&gt;&lt;code&gt;public class Timer implements IUpdateHandler {
    // ===========================================================
    // Constants          
    // ===========================================================
    // ===========================================================          
    // Fields        
    // ===========================================================
    private ITimerCallback mCallback;
    private float mInterval;
    private float mSecondsElapsed;
    // ===========================================================          
    // Constructors          
    // ===========================================================
    public Timer(final float pInterval, final ITimerCallback pCallback) {
            this.mInterval = pInterval;
            this.mCallback = pCallback;
    }
    // ===========================================================          
    // Getter &amp;amp; Setter          
    // ===========================================================
    public void setInterval(final float pInterval) {
            this.mInterval = pInterval;
    }
    // ===========================================================          
    // Methods for/from SuperClass/Interfaces          
    // ===========================================================  
    @Override
    public void onUpdate(float pSecondsElapsed) {
            this.mSecondsElapsed += pSecondsElapsed;
            if(this.mSecondsElapsed &amp;gt;= this.mInterval) {
                    this.mSecondsElapsed -= this.mInterval;
                    this.mCallback.onTick();
            }
    }
    @Override
    public void reset() {
            this.mSecondsElapsed = 0;
    }
    // ===========================================================          
    // Methods          
    // ===========================================================  
    // ===========================================================          
    // Inner and Anonymous Classes          
    // ===========================================================
    public interface ITimerCallback {
            public void onTick();
    }
&lt;/code&gt;&lt;/pre&gt;
&lt;p&gt;}&lt;/p&gt;
&lt;p&gt;The problem is i need to find a way to pause it, or reset the time completely when i need to.&lt;/p&gt;
&lt;p&gt;Does anyone know how i could go about doing this?&lt;/p&gt;</t>
  </si>
  <si>
    <t>2012-06-18 19:15:26.477000+00:00</t>
  </si>
  <si>
    <t>2012-06-19 16:40:09.853000+00:00</t>
  </si>
  <si>
    <t>java|android|andengine</t>
  </si>
  <si>
    <t>CSS background selectors not applying in html</t>
  </si>
  <si>
    <t>&lt;p&gt;Let me preface with I am a terrible coder and am learning how for school. I have a basic site referencing an external CSS. All other portions of the CSS work except for the background portion. I have tried moving the background image to different folders and trying different file types and I still get nothing. I've been trying to figure this out for hours now and I'm going nuts. &lt;/p&gt;
&lt;p&gt;&lt;strong&gt;CSS&lt;/strong&gt;&lt;/p&gt;
&lt;pre&gt;&lt;code&gt;body {
  background: url('blackboard.gif');
  color:white
}
.auto-style1 {
  text-align: center;
  font-family: "NACHOS &amp;amp; TV";
  font-size: 55pt;
}
&lt;/code&gt;&lt;/pre&gt;
&lt;p&gt;&lt;strong&gt;Markup&lt;/strong&gt;&lt;/p&gt;
&lt;pre&gt;&lt;code&gt;&amp;lt;head&amp;gt;
  &amp;lt;link href="CSS/RESTAURANT.css" rel="stylesheet" type="text/css" /&amp;gt;
  &amp;lt;meta content="text/html; charset=utf-8" http-equiv="Content-Type" /&amp;gt;
  &amp;lt;title&amp;gt;RESTAURANT NAME&amp;lt;/title&amp;gt;
  &amp;lt;meta content="RESTAURANT NAME Home Page" name="description" /&amp;gt;
&amp;lt;/head&amp;gt;
&lt;/code&gt;&lt;/pre&gt;</t>
  </si>
  <si>
    <t>2016-01-13 18:28:47.677000+00:00</t>
  </si>
  <si>
    <t>2016-01-13 21:04:52.577000+00:00</t>
  </si>
  <si>
    <t>2016-01-13 19:19:40.683000+00:00</t>
  </si>
  <si>
    <t>Why shouldn't I access elements more "directly" (elemId.innerHTML)</t>
  </si>
  <si>
    <t>&lt;p&gt;I've seen some JavaScript code to access HTML elements like this: &lt;code&gt;elementID.innerHTML&lt;/code&gt;, and it works, though practically every tutorial I searched for uses &lt;code&gt;document.getElementById()&lt;/code&gt;. I don't even know if there's a term for the short addressing.&lt;/p&gt;
&lt;p&gt;At first I thought simplistically that each id'ed HTML element was directly under &lt;code&gt;window&lt;/code&gt; but using &lt;code&gt;getParent()&lt;/code&gt; shows the tree structure is there, so it didn't matter that elements I wanted were nested. I wrote a short test case:&lt;/p&gt;
&lt;p&gt;&lt;a href="http://jsfiddle.net/hYzLu/" rel="nofollow"&gt;http://jsfiddle.net/hYzLu/&lt;/a&gt;&lt;/p&gt;
&lt;pre&gt;&lt;code&gt;&amp;lt;div id="fruit"&amp;gt;Mango&amp;lt;div id="color"&amp;gt;red&amp;lt;/div&amp;gt;&amp;lt;/div&amp;gt;
&amp;lt;div id="car"&amp;gt;Chevy&amp;lt;/div&amp;gt;
&amp;lt;div id="result" style="color: #A33"&amp;gt;&amp;lt;/div&amp;gt;
result.innerHTML = "I like my " + color.innerHTML + " " + car.innerHTML;
&lt;/code&gt;&lt;/pre&gt;
&lt;p&gt;The "short" method looks like a nice shortcut, but I feel there is something wrong with it for it practically not appearing in tutorials. &lt;/p&gt;
&lt;p&gt;Why is &lt;code&gt;document.getElementById()&lt;/code&gt; preferred, or may be even required in some cases?&lt;/p&gt;</t>
  </si>
  <si>
    <t>2012-05-17 17:15:26.360000+00:00</t>
  </si>
  <si>
    <t>2012-05-23 12:18:26.787000+00:00</t>
  </si>
  <si>
    <t>Google Chrome ignores the new added ID modifications</t>
  </si>
  <si>
    <t>&lt;p&gt;On my Wordpress website, I had &lt;code&gt;&amp;lt;ul id="shelf"&amp;gt;
&lt;/code&gt; but I needed another one so I created a &lt;code&gt;&amp;lt;ul id="vip-shelf"&amp;gt;
&lt;/code&gt;. In my &lt;code&gt;styles.css&lt;/code&gt; file I copied the original settings of the &lt;code&gt;&amp;lt;ul id="shelf"&amp;gt;&lt;/code&gt; as following:&lt;/p&gt;
&lt;pre&gt;&lt;code&gt;#vip-shelf {
    width: 980px; 
    text-align: center;
    margin: 0px auto;
    padding:0px 10px;
}
#shelf {
    width: 980px; 
    text-align: center;
    margin: 0px auto;
    padding:0px 10px;
}
&lt;/code&gt;&lt;/pre&gt;
&lt;p&gt;However, whilst it looks good on both Chrome and Firefox of my laptop, the Chrome on my desktop ignores the &lt;code&gt;#vip-shelf&lt;/code&gt; part of &lt;code&gt;styles.css&lt;/code&gt; file. I double checked it with Inspect option of Chrome and &lt;code&gt;#vip-shelf&lt;/code&gt; was &lt;strong&gt;not&lt;/strong&gt; listed in the CSS styles. Any solutions?&lt;/p&gt;</t>
  </si>
  <si>
    <t>2016-02-10 15:57:50.157000+00:00</t>
  </si>
  <si>
    <t>2016-02-10 20:37:59.600000+00:00</t>
  </si>
  <si>
    <t>2016-02-10 18:33:21.070000+00:00</t>
  </si>
  <si>
    <t>Python Error: "ValueError: need more than 1 value to unpack"</t>
  </si>
  <si>
    <t>&lt;p&gt;In Python, when I run this code:&lt;/p&gt;
&lt;pre&gt;&lt;code&gt;from sys import argv
script, user_name =argv
prompt = '&amp;gt;'
print "Hi %s, I'm the %s script." % (user_name, script)
&lt;/code&gt;&lt;/pre&gt;
&lt;p&gt;I get this error:&lt;/p&gt;
&lt;pre&gt;&lt;code&gt;Traceback (most recent call last):  
script, user_name =argv  
ValueError: need more than 1 value to unpack
&lt;/code&gt;&lt;/pre&gt;
&lt;p&gt;What does that error mean?&lt;/p&gt;</t>
  </si>
  <si>
    <t>2010-05-11 20:16:39.353000+00:00</t>
  </si>
  <si>
    <t>2017-07-11 20:08:04.137000+00:00</t>
  </si>
  <si>
    <t>2015-12-16 23:57:10.133000+00:00</t>
  </si>
  <si>
    <t>python|arguments</t>
  </si>
  <si>
    <t>Why doesn't isEqualToString work the way I think it should?</t>
  </si>
  <si>
    <t>&lt;p&gt;I'm loading a UTF-8 encoded text file into an array.  At several places in the text file there are blank lines, with no spaces.&lt;/p&gt;
&lt;p&gt;In this conditional:&lt;/p&gt;
&lt;pre&gt;&lt;code&gt;tempstring = [array objectAtIndex:index];
if( [tempstring isEqualToString:@""] == NO ) {
    // do something
}
&lt;/code&gt;&lt;/pre&gt;
&lt;p&gt;The result is always NO.  I NSLog the strings, but I don't see any character in the console on the blank lines.  The NSLog also shows the blank lines having the length of 1.&lt;/p&gt;
&lt;p&gt;How can I correct this conditional to work?&lt;/p&gt;</t>
  </si>
  <si>
    <t>2011-04-08 12:13:00.410000+00:00</t>
  </si>
  <si>
    <t>2011-04-08 13:16:32.083000+00:00</t>
  </si>
  <si>
    <t>How can setLatestEventInfo be resolved in API 23+</t>
  </si>
  <si>
    <t>&lt;p&gt;I'm creating a mock push notification app.
which take input from user and show a local Push Notification over the device.
as i know &lt;code&gt;setLatestEventInfo&lt;/code&gt; method is discontinued in new &lt;code&gt;API (23+)&lt;/code&gt; levels.
i was wondering what could be the possible patch to the code.
below is the code:&lt;/p&gt;
&lt;pre&gt;&lt;code&gt;public class MainActivity extends ActionBarActivity {
EditText ed1,ed2,ed3;
protected void onCreate(Bundle savedInstanceState) {
    super.onCreate(savedInstanceState);
    setContentView(R.layout.activity_main);
    ed1=(EditText)findViewById(R.id.editText);
    ed2=(EditText)findViewById(R.id.editText2);
    ed3=(EditText)findViewById(R.id.editText3);
    Button b1=(Button)findViewById(R.id.button);
    b1.setOnClickListener(new View.OnClickListener() {
        @Override
        public void onClick(View v) {
            String tittle=ed1.getText().toString().trim();
            String subject=ed2.getText().toString().trim();
            String body=ed3.getText().toString().trim();
            NotificationManager notif=(NotificationManager)getSystemService(Context.NOTIFICATION_SERVICE);
            Notification notify=new Notification(R.drawable.icon,tittle,System.currentTimeMillis());
            PendingIntent pending= PendingIntent.getActivity(getApplicationContext(), 0, new Intent(), 0);
            notify.setLatestEventInfo(getApplicationContext(),subject,body,pending); //cannot resolve 'setLatestEventInfo' method 
            notif.notify(0, notify);
        }
    });
}
&lt;/code&gt;&lt;/pre&gt;
&lt;p&gt;Thank You :)&lt;/p&gt;</t>
  </si>
  <si>
    <t>2015-10-24 21:16:48.907000+00:00</t>
  </si>
  <si>
    <t>2015-10-24 22:01:19.197000+00:00</t>
  </si>
  <si>
    <t>java|android|notifications|push-notification</t>
  </si>
  <si>
    <t>Connecting C# to MYSQL database?</t>
  </si>
  <si>
    <t>&lt;p&gt;So i been trying to connect C# windows from to MYSQL database, i tryed many different methods that i found online but none seems to be working. here is my code please help (keep in mind this is the first time i use database before).&lt;/p&gt;
&lt;p&gt;Here is the connecting class&lt;/p&gt;
&lt;pre&gt;&lt;code&gt;class DbConnect
{
    public static void DBConnect()
    {
        string connstr = 
        "server=localhost;user=root;database=login;port=3306;password=Password";
        MySqlConnection conn = new MySqlConnection(connstr);
        try
        {
            conn.Open();
        }
        catch
        {
            Console.WriteLine("went rong");
        }
    }
}
&lt;/code&gt;&lt;/pre&gt;
&lt;p&gt;Here is the windows form im using&lt;/p&gt;
&lt;pre&gt;&lt;code&gt;private void btnenter_Click(object sender, EventArgs e)
 {
      DbConnect.DBConnect();
      MySqlCommand query = new MySqlCommand("INSERT INTO logininfo (username, 
      password) VALUES(@username, @password");
        try
        {
            query.Parameters.AddWithValue("@username", txtusername.Text);
            query.ExecuteNonQuery();
            MessageBox.Show("S");
        }
        catch (Exception )
        {
            MessageBox.Show("something went wrong");
        }
        finally
        {
            DbConnect.DBClose();
        }
    }
&lt;/code&gt;&lt;/pre&gt;</t>
  </si>
  <si>
    <t>2014-04-03 20:25:07.123000+00:00</t>
  </si>
  <si>
    <t>2014-04-03 20:33:30.027000+00:00</t>
  </si>
  <si>
    <t>Cross-Platform Web Services Authentication</t>
  </si>
  <si>
    <t>&lt;p&gt;I'm working on a project where we have several SOAP Web Services developed on different programming languages, like Java, Perl and Python.
I need to authenticate users that will use each Web Service, denying users that we do not want.&lt;/p&gt;
&lt;p&gt;I have already seen OAuth, but I didn't found any documentation that helped me on this way. And with OAuth, I have to program each Web Service (with different programming languages) to work with it.&lt;/p&gt;
&lt;p&gt;I want to know what is the best way to accomplish this requirements.&lt;/p&gt;
&lt;p&gt;There's any way to make what I want using HTTP Digest Authentication? And which one is a better solution? OAuth or WS-Security?&lt;/p&gt;
&lt;p&gt;Thanks in advance,
Ukrania&lt;/p&gt;</t>
  </si>
  <si>
    <t>2009-07-14 22:50:26.680000+00:00</t>
  </si>
  <si>
    <t>2011-04-21 15:53:22.717000+00:00</t>
  </si>
  <si>
    <t>2009-07-15 00:12:44.563000+00:00</t>
  </si>
  <si>
    <t>web-services|security|authentication</t>
  </si>
  <si>
    <t>how to make contents in an Iframe resposive?</t>
  </si>
  <si>
    <t>&lt;p&gt;I do not know much about iframes (never really used them) and I am using it to display a form on one of our pages. Currently we are using wufoo forms and use their embed code, but our seo team discovered that the embed form is adding h1 tags to things that we do not want. So we are taking the form and putting it to our server. &lt;/p&gt;
&lt;p&gt;I have the form created here &lt;a href="http://tinyurl.com/qdtfu9g" rel="nofollow"&gt;http://tinyurl.com/qdtfu9g&lt;/a&gt;&lt;/p&gt;
&lt;p&gt;I would like the form to look like this (embed code from wufoo) &lt;a href="http://tinyurl.com/m7v833w" rel="nofollow"&gt;http://tinyurl.com/m7v833w&lt;/a&gt;&lt;/p&gt;
&lt;p&gt;This is my poor attempt &lt;a href="http://tinyurl.com/kfvshed" rel="nofollow"&gt;http://tinyurl.com/kfvshed&lt;/a&gt;&lt;/p&gt;
&lt;p&gt;How could I make the contents inside the iframe responsive, like they have done with their embed code. &lt;/p&gt;
&lt;p&gt;Only reason why I am using the iframe is there javascript and css files mess with the current theme, so I kept them separate.  &lt;/p&gt;</t>
  </si>
  <si>
    <t>2014-09-05 18:12:39.617000+00:00</t>
  </si>
  <si>
    <t>2014-09-05 18:48:59.260000+00:00</t>
  </si>
  <si>
    <t>html|wordpress|forms|iframe|responsive-design</t>
  </si>
  <si>
    <t>How to Create Json Pagging in Php With Android</t>
  </si>
  <si>
    <t>&lt;p&gt;I Create a Json In Php and parsing in android application like this:&lt;br&gt;
&lt;br&gt;&lt;/p&gt;
&lt;pre&gt;&lt;code&gt;&amp;lt;?php
include_once 'database.php';
$db = new database ();
$posts = array ();
$data = array ();
$meta = array ();
$pagging = array ();
if (isset ( $_GET ['type'] )) {
    $type = $_GET ['type'];
    if ($type == 'user') {
        $query = "SELECT * FROM user WHERE user.status=1 ORDER BY `id` ASC ";
        $result = $db-&amp;gt;query ( $query );
        if (count ( $result ) &amp;gt; 0) {
            foreach ( $result as $key =&amp;gt; $value ) {
                $data ['id'] = $value [0];
                $data ['email'] = $value [1];
                $data ['password'] = $value [2];
                $data ['regid'] = $value [3];
                $data ['time'] = $value [4];
                $data ['status'] = $value [5];
                // $data ['status'] = $value [6];
                array_push ( $posts, $data );
            }
            $meta ['meta_status'] = "1";
            $meta ['meta_message'] = "Main Categories Success";
        } else {
            $meta ['meta_status'] = "0";
            $meta ['meta_message'] = "Main Categories Have Null Value";
        }
    }
}
$main ['meta'] = $meta;
$main ['data'] = $posts;
$main ['pagging'] = $pagging;
header ( 'Content-type: application/json' );
echo json_encode ( $main );
?&amp;gt;
&lt;/code&gt;&lt;/pre&gt;
&lt;p&gt;&lt;br&gt;
above code through i get all selected data but i want this data in paggination.&lt;br&gt;
so i want Next page Data url in Pagging Object so anyone have idea How to do that?&lt;br&gt;
&lt;br&gt;
Thank You. &lt;/p&gt;</t>
  </si>
  <si>
    <t>2014-09-26 10:35:42.727000+00:00</t>
  </si>
  <si>
    <t>2014-09-26 11:46:52.233000+00:00</t>
  </si>
  <si>
    <t>php|android|arrays|json|object</t>
  </si>
  <si>
    <t>Calculate cutoff and sensitivity for specific values of specificity?</t>
  </si>
  <si>
    <t>&lt;p&gt;After calculating several regression models, I want to calculate sensitivity-values and the cut-off for pre-specified values of specificity (i.e, 0.99, 0.90, 0.85 and so on) to find the best model. I have created code to calculate sensitivity and specificity for given values of the cut-off (from 0.1 to 0.9), but now I want to use specific values of specificity (i.e., calculate the corresponding cut-off value and sensitivity-values), and here I'm stuck.&lt;/p&gt;
&lt;p&gt;Suppose I have the following regression model (using the example dataset 'mtcars'):&lt;/p&gt;
&lt;pre&gt;&lt;code&gt;    data(mtcars)
    model &amp;lt;- glm(formula= vs ~ wt + disp, data=mtcars, family=binomial)
&lt;/code&gt;&lt;/pre&gt;
&lt;p&gt;Here is the code I've used for the calculation of sens and spec for given values of the cut-off:&lt;/p&gt;
&lt;pre&gt;&lt;code&gt;    predvalues &amp;lt;- model$fitted.values
getMisclass &amp;lt;- function(cutoff, p, labels){
  d &amp;lt;- cut(predvalues, breaks=c(-Inf, cutoff, Inf), labels=c("0", "1"))
  print(confusionMatrix(d, mtcars$vs, positive="1"))
  cat("cutoff", cutoff, ":\n")
  t &amp;lt;- table(d, mtcars$vs)
  print(round(sum(t[c(1,4)])/sum(t), 2)) 
}
cutoffs &amp;lt;- seq(.1,.9,by=.1)
sapply(cutoffs, getMisclass, p=predval, labels=mtcars$vs)
&lt;/code&gt;&lt;/pre&gt;
&lt;p&gt;Can someone help me how to rewrite this code for the calculation of sensitivity and cut-off scores given a range of specificity-values? Is it possible?
The values for the cutoff should be&lt;/p&gt;
&lt;pre&gt;&lt;code&gt;    cutoffs &amp;lt;- c(0.99, 0.90, 0.85, 0.80, 0.75)
&lt;/code&gt;&lt;/pre&gt;
&lt;p&gt;Thanks a lot!&lt;/p&gt;</t>
  </si>
  <si>
    <t>2016-08-03 11:07:00.090000+00:00</t>
  </si>
  <si>
    <t>2016-08-03 12:53:15.850000+00:00</t>
  </si>
  <si>
    <t>Hed</t>
  </si>
  <si>
    <t>regression|roc</t>
  </si>
  <si>
    <t>Does calling ob_end_clean() once at the top of a script guarantee ob_flush() is never needed?</t>
  </si>
  <si>
    <t>&lt;p&gt;When using PHP as the back-end for SSE (Server Sent Events) and similar server streaming solutions, I have been using the &lt;code&gt;@ob_flush();@flush()&lt;/code&gt; idiom to make sure the data gets spat out immediately.  (The ordering is important: &lt;code&gt;ob_flush()&lt;/code&gt; flushes PHP's buffers, &lt;code&gt;flush()&lt;/code&gt; then tells Apache to flush it too.)&lt;/p&gt;
&lt;p&gt;I started thinking about it after reading that &lt;code&gt;@&lt;/code&gt; is slow. (In fact, according to comments in the PHP manual it adds roughly 0.005ms, so I've reclassified "slow" as "don't worry about it unless inside a tight loop"). I need the &lt;code&gt;@&lt;/code&gt; on &lt;code&gt;ob_flush()&lt;/code&gt; to stop it complaining when the output buffer is empty. BTW, I've followed through the source code until it reached Apache and it appears &lt;code&gt;flush()&lt;/code&gt; does not throw any PHP errors.&lt;/p&gt;
&lt;p&gt;Now I'm wondering if I can reduce the above &lt;code&gt;@ob_flush();@flush()&lt;/code&gt; to just &lt;code&gt;@flush()&lt;/code&gt; (or even just &lt;code&gt;flush()&lt;/code&gt;)? Again in PHP manual comments I find someone saying you could do this at the top of your script: &lt;code&gt;if (ob_get_level()) ob_end_clean();&lt;/code&gt;  (Which can be abbreviated to simply &lt;code&gt;@ob_end_clean();&lt;/code&gt;)&lt;/p&gt;
&lt;p&gt;My question is: Is that a reliable command to mean output buffering will never be used and &lt;code&gt;ob_flush()&lt;/code&gt; will never be needed? Across all PHP versions (well at least php 5.2 onwards) and all supported operating systems, with whatever weird settings a user might have put in php.ini?&lt;/p&gt;
&lt;p&gt;(If your answer is "no", please describe under which situations &lt;code&gt;ob_flush()&lt;/code&gt; could still be needed.)&lt;/p&gt;</t>
  </si>
  <si>
    <t>2013-09-06 04:58:03.203000+00:00</t>
  </si>
  <si>
    <t>2013-09-06 07:35:25.737000+00:00</t>
  </si>
  <si>
    <t>How do I configure sshd_config</t>
  </si>
  <si>
    <t>&lt;p&gt;So I have an ubuntu vm with ssh set up. Pallet can ssh in, install packages and run scripts which is handy dandy; however, how do I configure my &lt;code&gt;sshd_config&lt;/code&gt; using pallet?&lt;/p&gt;
&lt;p&gt;&lt;code&gt;pallet.crate.ssh-key&lt;/code&gt; has a nice function aptly named &lt;code&gt;config&lt;/code&gt; that configures &lt;code&gt;~/.ssh/config&lt;/code&gt;. It takes a map and updates values in the file accordingly. Very nice but what do I use for &lt;code&gt;sshd_config&lt;/code&gt;?&lt;/p&gt;
&lt;p&gt;I see &lt;a href="https://github.com/pallet/ssh-crate" rel="nofollow"&gt;https://github.com/pallet/ssh-crate&lt;/a&gt; but it's not available on clojars and doesn't have a perfect &lt;code&gt;config&lt;/code&gt; function equivalent. What do I use or am I not looking at &lt;code&gt;ssh-crate&lt;/code&gt; correctly?&lt;/p&gt;</t>
  </si>
  <si>
    <t>2014-11-20 10:41:23.980000+00:00</t>
  </si>
  <si>
    <t>2014-11-29 02:02:09.753000+00:00</t>
  </si>
  <si>
    <t>clojure|pallet</t>
  </si>
  <si>
    <t>how to update realm object based on the certain property in Realm?</t>
  </si>
  <si>
    <t>&lt;p&gt;I have products in my Realm database like this
&lt;a href="https://i.stack.imgur.com/LNj7A.png" rel="nofollow noreferrer"&gt;&lt;img src="https://i.stack.imgur.com/LNj7A.png" alt="enter image description here"&gt;&lt;/a&gt;&lt;/p&gt;
&lt;p&gt;I want to update my realm database based on productID, so I don't need to add another product over and over again. let say &lt;strong&gt;&lt;em&gt;I want to update quantity of product that has productID = "a" to be 5&lt;/em&gt;&lt;/strong&gt;.&lt;/p&gt;
&lt;p&gt;I have tried to write something like this.&lt;/p&gt;
&lt;pre&gt;&lt;code&gt;        let selectedProductID = "a"
        let productsInRealmDatabase = realm.objects(Product.self)
        let productIndex = productsInRealmDatabase.index(where: {$0.productID == selectedProductID})
        if let productIndex = productIndex {
        do {
            try realm.write {
                var productRealm = productsInRealmDatabase[productIndex]
                productRealm.quantity = 5
                productsInRealmDatabase[productIndex] = productRealm // ERROR HERE
            }
        } catch {
            // error Handling
        }
    }
&lt;/code&gt;&lt;/pre&gt;
&lt;p&gt;but I got error in : &lt;code&gt;productsInRealmDatabase[productIndex] = productRealm&lt;/code&gt;&lt;/p&gt;
&lt;blockquote&gt;
  &lt;p&gt;Error Message: Cannot assign through subscript: subscript is get-only&lt;/p&gt;
&lt;/blockquote&gt;
&lt;p&gt;so how to update realm object based on the certain property in Realm?&lt;/p&gt;</t>
  </si>
  <si>
    <t>2018-11-28 10:36:56.990000+00:00</t>
  </si>
  <si>
    <t>2018-11-29 01:50:23.393000+00:00</t>
  </si>
  <si>
    <t>ios|swift|realm</t>
  </si>
  <si>
    <t>Jenkins : cloning remote git repository using https failed</t>
  </si>
  <si>
    <t>&lt;p&gt;I am configuring our project in jenkins to build after clone from remote https git repository. But got below error during cloning of the project.Any help to fix this issue is appreciated. &lt;/p&gt;
&lt;pre&gt;&lt;code&gt;&amp;gt; git config --local credential.username myusername # timeout=10
&amp;gt; git config --local credential.helper store --file=/Users/Shared/Jenkins/tmp/git4065038663529705946.credentials # timeout=10
&amp;gt; git -c core.askpass=true fetch --tags --progress https://myusername@bitbucket-eng-sjc1.mycompany.com/bitbucket/scm/xxx/myapp.git +refs/heads/*:refs/remotes/origin/*
ERROR: Timeout after 10 minutes
&amp;gt; git config --local --remove-section credential # timeout=10
ERROR: Error cloning remote repo 'origin'
hudson.plugins.git.GitException: Command "git -c core.askpass=true fetch --tags --progress https://myusername@bitbucket-eng-sjc1.mycompany.com/bitbucket/scm/xxx/myapp.git +refs/heads/*:refs/remotes/origin/*" returned status code 143:
stdout: 
stderr: 
at org.jenkinsci.plugins.gitclient.CliGitAPIImpl.launchCommandIn(CliGitAPIImpl.java:1740)
at org.jenkinsci.plugins.gitclient.CliGitAPIImpl.launchCommandWithCredentials(CliGitAPIImpl.java:1476)
at org.jenkinsci.plugins.gitclient.CliGitAPIImpl.access$300(CliGitAPIImpl.java:63)
at org.jenkinsci.plugins.gitclient.CliGitAPIImpl$1.execute(CliGitAPIImpl.java:314)
at org.jenkinsci.plugins.gitclient.CliGitAPIImpl$2.execute(CliGitAPIImpl.java:506)
at hudson.plugins.git.GitSCM.retrieveChanges(GitSCM.java:1046)
at hudson.plugins.git.GitSCM.checkout(GitSCM.java:1086)
at hudson.scm.SCM.checkout(SCM.java:495)
at hudson.model.AbstractProject.checkout(AbstractProject.java:1278)
at hudson.model.AbstractBuild$AbstractBuildExecution.defaultCheckout(AbstractBuild.java:604)
at jenkins.scm.SCMCheckoutStrategy.checkout(SCMCheckoutStrategy.java:86)
at hudson.model.AbstractBuild$AbstractBuildExecution.run(AbstractBuild.java:529)
at hudson.model.Run.execute(Run.java:1720)
at hudson.model.FreeStyleBuild.run(FreeStyleBuild.java:43)
at hudson.model.ResourceController.execute(ResourceController.java:98)
at hudson.model.Executor.run(Executor.java:404)
ERROR: null
Finished: FAILURE
&lt;/code&gt;&lt;/pre&gt;</t>
  </si>
  <si>
    <t>2016-08-30 08:38:49.037000+00:00</t>
  </si>
  <si>
    <t>2017-04-06 09:05:20.897000+00:00</t>
  </si>
  <si>
    <t>2016-08-31 14:16:57.163000+00:00</t>
  </si>
  <si>
    <t>git|jenkins|jenkins-plugins</t>
  </si>
  <si>
    <t>Resize images based on another image in html5/css3</t>
  </si>
  <si>
    <t>&lt;p&gt;I'm trying to re-size an image based on different image.&lt;/p&gt;
&lt;p&gt;I have a background image, the image is resizing when you small the browser or open the web site on smaller/bigger screen size. But other images don't resize when the background getting smaller or bigger.&lt;/p&gt;
&lt;p&gt;Look: &lt;a href="http://www.taylanmiroglu.com/ninniline/v1.0" rel="nofollow"&gt;www.taylanmiroglu.com/ninniline/v1.0&lt;/a&gt;&lt;/p&gt;
&lt;p&gt;When your mouse come at the woman and pillow, you can see the new images with an animation (on my computer resolution)&lt;/p&gt;
&lt;p&gt;When you small your browser, background image perfectly getting smaller with same ratio, but the images (women and pillow) don't get smaller with the same ratio as background.&lt;/p&gt;
&lt;p&gt;I want them to be resized with using background resize ratio.&lt;/p&gt;
&lt;p&gt;For example; if background get 97% smaller than original size, the other images must be smaller too with the same ratio which is 97% for this example.&lt;/p&gt;
&lt;p&gt;How can I do that?&lt;/p&gt;
&lt;p&gt;Thank you very much, I have been searching it for 6 hours but nothing so far.&lt;/p&gt;
&lt;p&gt;Codes of whole page:&lt;/p&gt;
&lt;pre&gt;&lt;code&gt;html { 
  background: url(images/arka_plan.png) no-repeat center center fixed; 
  -webkit-background-size: cover;
  -moz-background-size: cover;
  -o-background-size: cover;
  background-size: cover;
}
#manken {
    position: fixed;
    top:0px;
    left:0px;
    margin-top:0px;
    margin-left:260px;
    opacity:0;
    -webkit-transition: all 0.8s ease-in-out;
    -moz-transition: all 0.8s ease-in-out;
    -o-transition: all 0.8s ease-in-out;
    -ms-transition: all 0.8s ease-in-out;
    transition: all 0.8s ease-in-out;
}
#manken:hover {
    opacity:1;
    -webkit-transition: all 0.8s ease-in-out;
    -moz-transition: all 0.8s ease-in-out;
    -o-transition: all 0.8s ease-in-out;
    -ms-transition: all 0.8s ease-in-out;
    transition: all 0.8s ease-in-out;
}
#yastik {
    position: fixed;
    top:0px;
    left:0px;
    margin-top:350px;
    margin-left:665px;
    opacity:0;
    -webkit-transition: all 0.8s ease-in-out;
    -moz-transition: all 0.8s ease-in-out;
    -o-transition: all 0.8s ease-in-out;
    -ms-transition: all 0.8s ease-in-out;
    transition: all 0.8s ease-in-out;
}
#yastik:hover {
    opacity:1;
    -webkit-transition: all 0.8s ease-in-out;
    -moz-transition: all 0.8s ease-in-out;
    -o-transition: all 0.8s ease-in-out;
    -ms-transition: all 0.8s ease-in-out;
    transition: all 0.8s ease-in-out;
}
&amp;lt;body&amp;gt;
&amp;lt;div id="manken"&amp;gt;&amp;lt;img src="images/manken.png"&amp;gt;&amp;lt;/div&amp;gt;
&amp;lt;div id="yastik"&amp;gt;&amp;lt;img src="images/yastik.png"&amp;gt;&amp;lt;/div&amp;gt;
&amp;lt;/body&amp;gt;
&lt;/code&gt;&lt;/pre&gt;</t>
  </si>
  <si>
    <t>2015-08-28 17:46:02.237000+00:00</t>
  </si>
  <si>
    <t>2015-08-31 17:29:45.040000+00:00</t>
  </si>
  <si>
    <t>2015-08-31 09:59:37.957000+00:00</t>
  </si>
  <si>
    <t>html|css|html5|css3|resize</t>
  </si>
  <si>
    <t>How to install django spirit ? I am getting the error command not found: spirit</t>
  </si>
  <si>
    <t>&lt;p&gt;I tried install django spirit using&lt;/p&gt;
&lt;pre&gt;&lt;code&gt;mkvirtualenv env -p /usr/bin/python3
pip install django-spirit
spirit startproject mysite
&lt;/code&gt;&lt;/pre&gt;
&lt;p&gt;but get the error:&lt;/p&gt;
&lt;blockquote&gt;
  &lt;p&gt;spirit command not found&lt;/p&gt;
&lt;/blockquote&gt;
&lt;p&gt;Any solutions ?&lt;/p&gt;</t>
  </si>
  <si>
    <t>2017-10-13 06:30:29.277000+00:00</t>
  </si>
  <si>
    <t>2017-10-13 07:23:05.060000+00:00</t>
  </si>
  <si>
    <t>python|django|pip</t>
  </si>
  <si>
    <t>How to send the events array from fullcalendar to a servlet?</t>
  </si>
  <si>
    <t>&lt;p&gt;I need to send to the servlet all events stored in the 'fullcallendar memory'. I know yet that fullcalendar has a callback that returns the array of all events:&lt;/p&gt;
&lt;pre&gt;&lt;code&gt;$(#calendar).fullcalendar('clientEvents') -&amp;gt; Array[]
&lt;/code&gt;&lt;/pre&gt;
&lt;p&gt;And I'm using a normal AJAX post to the servlet to send this array, for example:&lt;/p&gt;
&lt;pre&gt;&lt;code&gt;var events = new Array();
events = JSON.stringify($(#calendar).fullcalendar('clientEvents'));
$.ajax(
        {
         async: false,
         url: 'SaverServlet',
         type: 'POST',
         data: "eventsParameter="+events,
         processData: false,
         dataType: "json",
         success: function () {
                alert("ajax success");
         },
         error: function () {
                debugger;
                alert("ajax failure");
         }
});
&lt;/code&gt;&lt;/pre&gt;
&lt;p&gt;But all this miserably fails. I tried many ways without success. I think that the problem is the JSON.stringify(). I tried also to do this:&lt;/p&gt;
&lt;pre&gt;&lt;code&gt;var events = new Array();
    events = $(#calendar).fullcalendar('clientEvents');
    $.ajax(
            {
             async: false,
             url: 'SaverServlet',
             type: 'POST',
             data: "eventsParameter="+events,
             processData: false,
             dataType: "json",
             success: function () {
                    alert("ajax success");
             },
             error: function () {
                    debugger;
                    alert("ajax failure");
             }
});
&lt;/code&gt;&lt;/pre&gt;
&lt;p&gt;But this all fails, the array reaches successfully the servlets but it seems to be unreadable or un unpareseable in JSON sense. Can someone help me?&lt;/p&gt;</t>
  </si>
  <si>
    <t>2016-04-03 21:11:54.293000+00:00</t>
  </si>
  <si>
    <t>2016-04-03 21:20:05.240000+00:00</t>
  </si>
  <si>
    <t>javascript|java|arrays|json|servlets</t>
  </si>
  <si>
    <t>nodejs request.body returns empty object {}</t>
  </si>
  <si>
    <t>&lt;p&gt;I am using following code, request.body returns &lt;code&gt;{}&lt;/code&gt; i would expect my output as &lt;code&gt;{username:"Mani",password:"pass"}&lt;/code&gt; please help me to fix if anything wrong in this code sample.&lt;/p&gt;
&lt;h2&gt;app.js&lt;/h2&gt;
&lt;pre&gt;&lt;code&gt;var bodyParser = require('body-parser');
var express = require('express');
var app = express();
app.use(bodyParser.urlencoded({ extended: false }));
app.post('/', function(request, response){
  console.log(request.body);      // your JSON
  response.send(request.body);    // echo the result back
});
app.listen(3000, function () {
  console.log('Example app listening on port 3000!');
});
&lt;/code&gt;&lt;/pre&gt;
&lt;p&gt;npm version:&lt;/p&gt;
&lt;p&gt;express 4.14.0&lt;/p&gt;
&lt;p&gt;body-parser 1.15.2&lt;/p&gt;
&lt;p&gt;url &lt;a href="http://localhost:3000/" rel="nofollow"&gt;http://localhost:3000/&lt;/a&gt;&lt;/p&gt;
&lt;p&gt;method: POST&lt;/p&gt;
&lt;p&gt;header: Content-Type: application/json&lt;/p&gt;
&lt;p&gt;request payload : {username:"Mani",password:"pass"}&lt;/p&gt;
&lt;p&gt;output of app.js console is {}&lt;/p&gt;</t>
  </si>
  <si>
    <t>2016-10-18 17:32:41.580000+00:00</t>
  </si>
  <si>
    <t>2016-10-18 18:53:44.760000+00:00</t>
  </si>
  <si>
    <t>node.js|express|body-parser</t>
  </si>
  <si>
    <t>Turning one array into two hashes</t>
  </si>
  <si>
    <t>&lt;p&gt;I want to split:&lt;/p&gt;
&lt;pre&gt;&lt;code&gt;array = [["a", "b", "c"], ["d", "e", "f"], ["g", "h", "i"]]
&lt;/code&gt;&lt;/pre&gt;
&lt;p&gt;into two hashes like this:&lt;/p&gt;
&lt;pre&gt;&lt;code&gt;hash1 = {"a" =&amp;gt; "b", "d" =&amp;gt; "e", "g" =&amp;gt; "h"}
hash2 = {"a" =&amp;gt; "c", "d" =&amp;gt; "f", "g" =&amp;gt; "i"}
&lt;/code&gt;&lt;/pre&gt;
&lt;p&gt;Is there a way to do this?&lt;/p&gt;</t>
  </si>
  <si>
    <t>2018-01-17 22:18:07.813000+00:00</t>
  </si>
  <si>
    <t>2018-01-19 02:05:32.853000+00:00</t>
  </si>
  <si>
    <t>2018-01-18 03:23:00.550000+00:00</t>
  </si>
  <si>
    <t>Specify test account details for Robo test in Firebase Test Lab</t>
  </si>
  <si>
    <t>&lt;p&gt;I am trying to run a Robo test in Firebase Test Lab. I want to specify a login username for the app. The app is built using React Native. Below is the login screen for the app&lt;/p&gt;
&lt;p&gt;&lt;a href="https://i.stack.imgur.com/LHPdO.png" rel="nofollow noreferrer"&gt;&lt;img src="https://i.stack.imgur.com/LHPdO.png" alt="App login screen"&gt;&lt;/a&gt;&lt;/p&gt;
&lt;p&gt;The app is built using react-native. I found the resource name for the &lt;code&gt;User Name&lt;/code&gt; text input field using Layout Inspector in Android Studio. Below is a screen of the Layout Inspector for the above screen.&lt;/p&gt;
&lt;p&gt;&lt;a href="https://i.stack.imgur.com/AUd38.png" rel="nofollow noreferrer"&gt;&lt;img src="https://i.stack.imgur.com/AUd38.png" alt="Layout Inspector Screenshot"&gt;&lt;/a&gt;&lt;/p&gt;
&lt;p&gt;The &lt;code&gt;mID&lt;/code&gt; for the text input field is specified as &lt;code&gt;id/0xF&lt;/code&gt;. I specified this as the username resource in the test account details and specified a valid value in the value field as shown below&lt;/p&gt;
&lt;p&gt;&lt;a href="https://i.stack.imgur.com/pOJ09.png" rel="nofollow noreferrer"&gt;&lt;img src="https://i.stack.imgur.com/pOJ09.png" alt="Test account details in Test Lab"&gt;&lt;/a&gt;&lt;/p&gt;
&lt;p&gt;When I ran the test, the username was not specified and hence the test never went past this screen.&lt;/p&gt;
&lt;p&gt;How do I specify the username in the Test Lab such that the test can go past this screen and test the actual app?&lt;/p&gt;</t>
  </si>
  <si>
    <t>2017-06-30 04:02:52.387000+00:00</t>
  </si>
  <si>
    <t>android|firebase|react-native|firebase-test-lab|google-cloud-test-lab</t>
  </si>
  <si>
    <t>Android Camera2Video Preview Issue</t>
  </si>
  <si>
    <t>&lt;p&gt;I am using &lt;code&gt;Google's API&lt;/code&gt; &lt;code&gt;Camera2Video&lt;/code&gt; classes &lt;code&gt;Camera2VideoFragment&lt;/code&gt; and &lt;code&gt;AutoFitTextureView&lt;/code&gt; and I have a small problem. When I'm using the &lt;code&gt;preview&lt;/code&gt; in a custom &lt;code&gt;FrameLayout&lt;/code&gt;, it goes to the &lt;code&gt;left&lt;/code&gt; corner.&lt;/p&gt;
&lt;p&gt;I have found a way to sretch the preview for it to fill the whole &lt;code&gt;framelayout&lt;/code&gt; but as expected, it looks way too stretched. Perfect solution would be if there could be some black edges on corners and the screen would be in the middle. Also I dont think making the inflator to inflate the layout from the middle would help because there could be cases where the screen is big enough for the preview to fit properly and that being positioned in the middle would just ruin it.&lt;/p&gt;
&lt;p&gt;Link to &lt;code&gt;Google's Camera2Video API&lt;/code&gt;: &lt;a href="https://github.com/googlesamples/android-Camera2Video" rel="nofollow noreferrer"&gt;https://github.com/googlesamples/android-Camera2Video&lt;/a&gt;&lt;/p&gt;
&lt;p&gt;I created a simple &lt;code&gt;layout&lt;/code&gt; to show what I get. (This is the only thing I have changed after downloading &lt;code&gt;Google's API&lt;/code&gt;, and also removing the buttons that came with):&lt;/p&gt;
&lt;p&gt;The XML:&lt;/p&gt;
&lt;pre&gt;&lt;code&gt;&amp;lt;?xml version="1.0" encoding="utf-8"?&amp;gt;
&amp;lt;android.support.constraint.ConstraintLayout
    xmlns:android="http://schemas.android.com/apk/res/android"
    xmlns:app="http://schemas.android.com/apk/res-auto"
    xmlns:tools="http://schemas.android.com/tools"
    android:layout_width="match_parent"
    android:layout_height="match_parent"&amp;gt;
    &amp;lt;FrameLayout xmlns:android="http://schemas.android.com/apk/res/android"
        xmlns:tools="http://schemas.android.com/tools"
        android:id="@+id/container"
        android:layout_width="match_parent"
        android:layout_height="250dp"
        android:layout_marginBottom="8dp"
        android:layout_marginEnd="8dp"
        android:layout_marginStart="8dp"
        android:layout_marginTop="8dp"
        android:background="#000"
        app:layout_constraintBottom_toBottomOf="parent"
        app:layout_constraintEnd_toEndOf="parent"
        app:layout_constraintStart_toStartOf="parent"
        app:layout_constraintTop_toTopOf="parent"
        tools:context="com.example.android.camera2basic.CameraActivity" /&amp;gt;
&amp;lt;/android.support.constraint.ConstraintLayout&amp;gt;
&lt;/code&gt;&lt;/pre&gt;
&lt;p&gt;And a picture of what I'm seeing.&lt;/p&gt;
&lt;p&gt;&lt;a href="https://i.stack.imgur.com/ufsGb.png" rel="nofollow noreferrer"&gt;&lt;img src="https://i.stack.imgur.com/ufsGb.png" alt="enter image description here"&gt;&lt;/a&gt;&lt;/p&gt;</t>
  </si>
  <si>
    <t>2018-04-17 14:24:57.117000+00:00</t>
  </si>
  <si>
    <t>2018-04-22 07:26:19.443000+00:00</t>
  </si>
  <si>
    <t>2018-04-17 19:34:37.797000+00:00</t>
  </si>
  <si>
    <t>android|xml|video-capture|android-camera2</t>
  </si>
  <si>
    <t>Evaluation in a Spacy NER model</t>
  </si>
  <si>
    <t>&lt;p&gt;I am trying to evaluate a trained NER Model created using &lt;a href="https://spacy.io/docs/usage/training-ner" rel="nofollow noreferrer"&gt;spacy lib&lt;/a&gt;.
 Normally for these kind of problems you can use f1 score (a ratio between precision and recall). I could not find in the documentation an accuracy function for a trained NER model. &lt;/p&gt;
&lt;p&gt;I am not sure if it's correct but I am trying to do it with the following way(example) and using &lt;code&gt;f1_score&lt;/code&gt; from &lt;code&gt;sklearn&lt;/code&gt;:&lt;/p&gt;
&lt;pre&gt;&lt;code&gt;from sklearn.metrics import f1_score
import spacy
from spacy.gold import GoldParse
nlp = spacy.load("en") #load NER model
test_text = "my name is John" # text to test accuracy
doc_to_test = nlp(test_text) # transform the text to spacy doc format
# we create a golden doc where we know the tagged entity for the text to be tested
doc_gold_text= nlp.make_doc(test_text)
entity_offsets_of_gold_text = [(11, 15,"PERSON")]
gold = GoldParse(doc_gold_text, entities=entity_offsets_of_gold_text)
# bring the data in a format acceptable for sklearn f1 function
y_true = ["PERSON" if "PERSON" in x else 'O' for x in gold.ner]
y_predicted = [x.ent_type_ if x.ent_type_ !='' else 'O' for x in doc_to_test]
f1_score(y_true, y_predicted, average='macro')`[1]
&amp;gt; 1.0
&lt;/code&gt;&lt;/pre&gt;
&lt;p&gt;Any thoughts are or insights are useful. &lt;/p&gt;</t>
  </si>
  <si>
    <t>2017-06-29 14:27:29.053000+00:00</t>
  </si>
  <si>
    <t>2018-06-01 15:08:31.310000+00:00</t>
  </si>
  <si>
    <t>2018-03-19 15:20:06.683000+00:00</t>
  </si>
  <si>
    <t>python|spacy</t>
  </si>
  <si>
    <t>Using Eclipse to debug a JNI / C++ library and processes</t>
  </si>
  <si>
    <t>&lt;p&gt;I'm have trouble understanding how to debug both my C++ code and an associated forked Java process.  I've got C++ code that forks off a .jar SWING file.  This opens a Java Window and waits for user input... &lt;/p&gt;
&lt;p&gt;I've created a C++ eclipse project that successfully compiles both the C++ and Java sources.  Both compilations use the -g compiler flag. But when I run in debug mode I can only step through the initial C++ code.  After the fork statement (that launches the JAVA SWING code) I cannot step through the Java code. The next step goes directly to the statement of the fork.  I'm using JNI calls to call a C++ shared object lib that is created at compile time. &lt;/p&gt;
&lt;p&gt;I've read other posts about folks starting their Java application that then calls C++ through JNI calls.  But I'm doing the opposite.  I start with my C++ code that then forks a java process.&lt;/p&gt;
&lt;p&gt;Either way it seems I somehow need to attach my forked Java process to the current C++ eclipse debug session.  How do I go about doing that?  A simple example would be greatly appreciated. &lt;/p&gt;</t>
  </si>
  <si>
    <t>2016-02-05 22:47:58.027000+00:00</t>
  </si>
  <si>
    <t>2016-02-08 11:07:55.677000+00:00</t>
  </si>
  <si>
    <t>java|c++|eclipse|swing|jni</t>
  </si>
  <si>
    <t>How to call functions that aren't inside a module from the test module?</t>
  </si>
  <si>
    <t>&lt;p&gt;These are the contents of my &lt;code&gt;src/lib.rs&lt;/code&gt; file:&lt;/p&gt;
&lt;pre&gt;&lt;code&gt;pub fn foo() {}
#[cfg(test)]
mod tests {
    #[test]
    fn it_works() {
        foo();
    }
}
&lt;/code&gt;&lt;/pre&gt;
&lt;p&gt;When I run &lt;code&gt;cargo test&lt;/code&gt;, I get the following error:&lt;/p&gt;
&lt;pre&gt;&lt;code&gt;error[E0425]: unresolved name `foo`
 --&amp;gt; src/lib.rs:7:7
  |
7 |       foo();
  |       ^^^
&lt;/code&gt;&lt;/pre&gt;
&lt;p&gt;How do I call &lt;code&gt;foo&lt;/code&gt; from inside the &lt;code&gt;test&lt;/code&gt; module?&lt;/p&gt;</t>
  </si>
  <si>
    <t>2016-10-14 01:29:19.917000+00:00</t>
  </si>
  <si>
    <t>2016-10-14 02:05:34.737000+00:00</t>
  </si>
  <si>
    <t>Programatically created labels always shows only the first created one's value</t>
  </si>
  <si>
    <t>&lt;p&gt;I create an instance of main project's form from a dll, when reacing the method first time everything is okay, but when I call the method second time it again shows the first created one's values. There is also a datagridview that Works with same logic but not created runtime, it Works fine. I also tried to not create those labels runtime but it didnt make a difference.&lt;/p&gt;
&lt;p&gt;dll&lt;/p&gt;
&lt;pre&gt;&lt;code&gt;using (frmBlaBla FRMBLABLAMM = new frmBlaBla())
    {
      Label lbl1 = new Label();
      lbl1.Name = "lbl1";
      lbl1.Font = new System.Drawing.Font("Tahoma", 15, System.Drawing.FontStyle.Regular);
      lbl1.Location = new System.Drawing.Point(345, 15);
      lbl1.Text = "LABEL 1";
      lbl1.Size = new System.Drawing.Size(200, 30);
      lbl1.TextAlign = System.Drawing.ContentAlignment.TopCenter;
      FRMBLABLAMM.SomePanel.Controls.Add(lbl1);
      Label lbl2 = new Label();
      lbl2.Name = "lbl2";
      lbl2.Font = new System.Drawing.Font("Tahoma", 20, System.Drawing.FontStyle.Regular);
      lbl2.Location = new System.Drawing.Point(340, 45);
      lbl2.Size = new System.Drawing.Size(200, 45);
      lbl2.TextAlign = System.Drawing.ContentAlignment.TopCenter;
      lbl2.Text = SomeMethodReturnsString(Param);
      FRMBLABLAMM.SomePanel.Controls.Add(lbl2);
      FRMBLABLAMM.ShowDialog();
    }
&lt;/code&gt;&lt;/pre&gt;
&lt;p&gt;frmMaster&lt;/p&gt;
&lt;pre&gt;&lt;code&gt;frmBlaBla FRMBLABLA;
&lt;/code&gt;&lt;/pre&gt;</t>
  </si>
  <si>
    <t>2017-05-27 06:11:26.257000+00:00</t>
  </si>
  <si>
    <t>2017-05-27 07:10:06.043000+00:00</t>
  </si>
  <si>
    <t>c#|controls|windows-ce</t>
  </si>
  <si>
    <t>Problem with JEditor Pane while resizing the frame</t>
  </si>
  <si>
    <t>&lt;p&gt;i am new to java GUI programming. i am adding a JEditor pane (with HTML text ) inside a JScrollPane and added the scroll pane to a JFrame.The problem is when i re size the frame the JEditor pane vanishes.&lt;/p&gt;
&lt;p&gt;Any one help me ?&lt;/p&gt;
&lt;p&gt;Hi All ,&lt;/p&gt;
&lt;p&gt;Following is the code :&lt;/p&gt;
&lt;p&gt;here another problem is i set weightx and weighty for the pane .But still the JEditor pane is not resizing when the frame is maximized/mimized&lt;/p&gt;
&lt;p&gt;public class GridBagWithJEditorPane extends javax.swing.JFrame {&lt;/p&gt;
&lt;pre&gt;&lt;code&gt;public GridBagWithJEditorPane() {
    initComponents();
}
private void initComponents() {
    java.awt.GridBagConstraints gridBagConstraints;
    Panel1 = new javax.swing.JPanel();
    Button1 = new javax.swing.JButton();
    Label = new javax.swing.JLabel();
    Panel2 = new javax.swing.JPanel();
    ScrollPane = new javax.swing.JScrollPane();
    EditorPane1 = new javax.swing.JEditorPane();
    setDefaultCloseOperation(javax.swing.WindowConstants.EXIT_ON_CLOSE);
    getContentPane().setLayout(new java.awt.GridBagLayout());
    Panel1.setLayout(new java.awt.GridBagLayout());
    Button1.setText("Button");
    Panel1.add(Button1, new java.awt.GridBagConstraints());
    Label.setText("Label");
    Panel1.add(Label, new java.awt.GridBagConstraints());
    gridBagConstraints = new java.awt.GridBagConstraints();
    gridBagConstraints.anchor = java.awt.GridBagConstraints.WEST;
    getContentPane().add(Panel1, gridBagConstraints);
    Panel2.setLayout(new java.awt.GridBagLayout());
    ScrollPane.setVerticalScrollBarPolicy(javax.swing.ScrollPaneConstants.VERTICAL_SCROLLBAR_ALWAYS);
    EditorPane1.setContentType("text/html");
    EditorPane1.setText("&amp;lt;html&amp;gt;\r\n  &amp;lt;head&amp;gt;\r\n\r\n  &amp;lt;/head&amp;gt;\r\n  &amp;lt;body&amp;gt;\r\n    &amp;lt;p style=\"margin-top: 0\"&amp;gt;\r\n      \rHere some html text sakdjslakdjsa dksa dsakjdklsajdklsad klsajd lksad&amp;lt;br&amp;gt;\n      asdka;slkd;laskd;sa dlksa dksa dksald;lsakd;lsakd;l ska;dl sal;dk;salkd&amp;lt;br&amp;gt;\n     asas;alks;laKSL;Kalk ALSKLAks;laSAsLAKS;Lk;slk&amp;lt;br&amp;gt;\t\n    alsdasldk;alskd;laskd;l sadksa;dlksa;ldk;saldk;alsd&amp;lt;br&amp;gt;\n    &amp;lt;/p&amp;gt;\r\n  &amp;lt;/body&amp;gt;\r\n&amp;lt;/html&amp;gt;\r\n");
    EditorPane1.setMinimumSize(new java.awt.Dimension(15, 15));
    EditorPane1.setPreferredSize(new java.awt.Dimension(340, 220));
    ScrollPane.setViewportView(EditorPane1);
    gridBagConstraints = new java.awt.GridBagConstraints();
    gridBagConstraints.fill = java.awt.GridBagConstraints.BOTH;
    gridBagConstraints.weightx = 1.0;
    gridBagConstraints.weighty = 1.0;
    Panel2.add(ScrollPane, gridBagConstraints);
    gridBagConstraints = new java.awt.GridBagConstraints();
    gridBagConstraints.gridx = 0;
    gridBagConstraints.gridy = 1;
    gridBagConstraints.fill = java.awt.GridBagConstraints.BOTH;
    getContentPane().add(Panel2, gridBagConstraints);
    pack();
}
public static void main(String args[]) {
    java.awt.EventQueue.invokeLater(new Runnable() {
        public void run() {
            new GridBagWithJEditorPane().setVisible(true);
        }
    });
}
private javax.swing.JButton Button1;
private javax.swing.JEditorPane EditorPane1;
private javax.swing.JLabel Label;
private javax.swing.JPanel Panel1;
private javax.swing.JPanel Panel2;
private javax.swing.JScrollPane ScrollPane;
&lt;/code&gt;&lt;/pre&gt;
&lt;p&gt;}&lt;/p&gt;</t>
  </si>
  <si>
    <t>2009-11-11 12:11:26.150000+00:00</t>
  </si>
  <si>
    <t>2009-11-12 12:33:24.687000+00:00</t>
  </si>
  <si>
    <t>2009-11-11 14:49:29.460000+00:00</t>
  </si>
  <si>
    <t>java|swing|jscrollpane|jeditorpane</t>
  </si>
  <si>
    <t>DBF Large Char Field</t>
  </si>
  <si>
    <t>&lt;p&gt;I have a database file that I beleive was created with Clipper but can't say for sure (I have .ntx files for indexes which I understand is what Clipper uses).  I am trying to create a C# application that will read this database using the System.Data.OleDB namespace.&lt;/p&gt;
&lt;p&gt;For the most part I can sucessfully read the contents of the tables there is one field that I cannot.  This field called CTRLNUMS that is defined as a CHAR(750).  I have read various articles found through Google searches that suggest field larger than 255 chars have to be read through a different process than the normal assignment to a string variable.  So far I have not been successful in an approach that I have found.&lt;/p&gt;
&lt;p&gt;The following is a sample code snippet I am using to read the table and includes two options I used to read the CTRLNUMS field.  Both options resulted in 238 characters being returned even though there is 750 characters stored in the field.&lt;/p&gt;
&lt;p&gt;Here is my connection string:&lt;/p&gt;
&lt;p&gt;Provider=Microsoft.Jet.OLEDB.4.0;Data Source=c:\datadir;Extended Properties=DBASE IV;&lt;/p&gt;
&lt;p&gt;Can anyone tell me the secret to reading larger fields from a DBF file?&lt;/p&gt;
&lt;pre&gt;&lt;code&gt;using (OleDbConnection conn = new OleDbConnection(connectionString))
{
    conn.Open();
    using (OleDbCommand cmd = new OleDbCommand())
    {
        cmd.Connection = conn;
        cmd.CommandType = CommandType.Text;
        cmd.CommandText = string.Format("SELECT ITEM,CTRLNUMS FROM STUFF WHERE ITEM = '{0}'", stuffId);
        using (OleDbDataReader dr = cmd.ExecuteReader())
        {
            if (dr.Read())
            {
                stuff.StuffId = dr["ITEM"].ToString();
                // OPTION 1
                string ctrlNums = dr["CTRLNUMS"].ToString();
                // OPTION 2
                char[] buffer = new char[750];
                int index = 0;
                int readSize = 5;
                while (index &amp;lt; 750)
                {
                    long charsRead = dr.GetChars(dr.GetOrdinal("CTRLNUMS"), index, buffer, index, readSize);
                    index += (int)charsRead;
                    if (charsRead &amp;lt; readSize)
                    {
                        break;
                    }
                }
            }
        }
    }
}
&lt;/code&gt;&lt;/pre&gt;</t>
  </si>
  <si>
    <t>2009-04-16 06:23:06.433000+00:00</t>
  </si>
  <si>
    <t>2009-06-13 23:00:19.223000+00:00</t>
  </si>
  <si>
    <t>2009-04-16 15:43:45.787000+00:00</t>
  </si>
  <si>
    <t>oledb|dbf|clipper</t>
  </si>
  <si>
    <t>Increment and Decrement value in javascript</t>
  </si>
  <si>
    <t>&lt;p&gt;I have a minor problem am trying to have a set of buttons that would increment and decrement an input value by 1 when triggered, at the moment the actual value increases and decreases fine. There are several links provided before the actual modal shows up on the page but the main problem is, once I perform the increment process and reopen the modal I expect to have an initial value on the modal input element which is '1' but unfortunately once I try to increment the input value it tends to increment more that 1 and jump all the way to 3. &lt;/p&gt;
&lt;p&gt;&lt;strong&gt;Here the JS script:&lt;/strong&gt;&lt;/p&gt;
&lt;pre&gt;&lt;code&gt;$(document).on('ready', function () {
    var o = {
        input: $('#item-quantity'), // Input element on modal
        add: function (x) {
            this.i = this.i + x;
        }
    };
    // Execute once the modal show is triggered
    $('#addItem').on('show.bs.modal', function () {
        o.i = 1;
        o.input.val(o.i);
    });
    // Execute once the modal fully loads
    $('#addItem').on("shown.bs.modal", function (e) {
        // Increment button on click
        $('.more-item').on('click', function () {
            o.add(1);
            o.input.val(o.i);
        });
        // Decrement button on click
        $('.sub-item').on('click', function () {
            if (o.i != 1) {
                o.i -= 1;
            }
            o.input.val(o.i);
        });
        // Modal close button on click
        $('.close').on('click', function () {
            o.input.val(0);
        });
    });
});
&lt;/code&gt;&lt;/pre&gt;</t>
  </si>
  <si>
    <t>2016-07-25 02:17:11.170000+00:00</t>
  </si>
  <si>
    <t>2016-07-25 02:20:34.800000+00:00</t>
  </si>
  <si>
    <t>javascript|jquery|html|variables|object</t>
  </si>
  <si>
    <t>Best practice for Java exception handling</t>
  </si>
  <si>
    <t>&lt;p&gt;I wrote the following code recently; it uses a lot of exception handling. I think it makes the code look very unreadable. I could shorten the code by catching generic exception, such as&lt;/p&gt;
&lt;pre&gt;&lt;code&gt;catch (Exception e){
    e.printStackTrace();
}
&lt;/code&gt;&lt;/pre&gt;
&lt;p&gt;but I also heard that catching generic exception is not a good coding practice. &lt;/p&gt;
&lt;pre&gt;&lt;code&gt;public class DataAnalyzerTester {
    /**
     * @param args args[0] stores the filename
     * @exception NoSuchElementException if user attempts to access empty list element
     * @exception ArithmeticException if user attempts to divide by 0
     * @exception ArrayIndexOutOfBoundsException if user supplied less than 3 arguments
     * @exception IOException problems with creating and writing files
     * @exception RuntimeException if user attempts to pass empty list to constructor
     */
    public static void main(String[] args) {
    try{
        //some code
    } catch (NoSuchElementException e) {
        System.out.println("Accessing element that does not exist: " + e.toString());
    } catch (ArithmeticException e) {
        System.out.println("Division by zero: " + e.toString());
    } catch (ArrayIndexOutOfBoundsException e) {
        System.out.println("Please supply a command line arguement that specifies your file path: " + e.toString());
    } catch (IOException e) {
        System.out.println("Other IO errors: " + e.toString());
    } catch (RuntimeException e) {
        System.out.println(e.toString());
    } 
    }
}
&lt;/code&gt;&lt;/pre&gt;
&lt;p&gt;I would like to know if there is any better and cleaner way to catch multiple exceptions.&lt;/p&gt;</t>
  </si>
  <si>
    <t>2015-09-13 00:52:01.867000+00:00</t>
  </si>
  <si>
    <t>2018-10-10 03:06:12.380000+00:00</t>
  </si>
  <si>
    <t>2015-09-13 00:54:17.230000+00:00</t>
  </si>
  <si>
    <t>java|exception-handling</t>
  </si>
  <si>
    <t>Replacing old XSD with new</t>
  </si>
  <si>
    <t>&lt;p&gt;I have been tasked to replace the xsd for a particular solution.  However, I keep getting an "element is not supported in this context."&lt;/p&gt;
&lt;p&gt;Here is the original xsd:&lt;/p&gt;
&lt;pre&gt;&lt;code&gt;    public const string Xsd = @"
&amp;lt;xs:schema attributeFormDefault='unqualified' elementFormDefault='qualified'     xmlns:xs='http://www.w3.org/2001/XMLSchema'&amp;gt;
  &amp;lt;xs:element name='DataRow'&amp;gt;
    &amp;lt;xs:complexType&amp;gt;
      &amp;lt;xs:sequence&amp;gt;
        &amp;lt;xs:element maxOccurs='unbounded' name='Data'&amp;gt;              
          &amp;lt;xs:complexType&amp;gt;
            &amp;lt;xs:attribute name='Site' type='xs:string' use='required' /&amp;gt;
            &amp;lt;xs:attribute name='Month_Num' type='xs:unsignedShort' use='required' /&amp;gt;
            &amp;lt;xs:attribute name='Numerator' type='xs:unsignedByte' use='required' /&amp;gt;
            &amp;lt;xs:attribute name='Data_Indicator' type='xs:string' use='required' /&amp;gt;
            &amp;lt;xs:attribute name='Budgeted' type='xs:unsignedByte' use='required' /&amp;gt;
            &amp;lt;xs:attribute name='Executive_Comments' type='xs:string' use='required' /&amp;gt;
            &amp;lt;xs:attribute name='Fleet_Executive_Comments' type='xs:string' use='required' /&amp;gt;
         &amp;lt;/xs:complexType&amp;gt;
        &amp;lt;/xs:element&amp;gt;
      &amp;lt;/xs:sequence&amp;gt;
    &amp;lt;/xs:complexType&amp;gt;
  &amp;lt;/xs:element&amp;gt;
&amp;lt;/xs:schema&amp;gt;";
&lt;/code&gt;&lt;/pre&gt;
&lt;p&gt;Here is what I am supposed to be replacing it with:&lt;/p&gt;
&lt;pre&gt;&lt;code&gt;&amp;lt;xs:schema attributeFormDefault='unqualified' elementFormDefault='qualified' xmlns:xs='http://www.w3.org/2001/XMLSchema'&amp;gt;
  &amp;lt;MonthlyValues&amp;gt;
    &amp;lt;MonthlyValue IndicatorName='name' LocationName='name' GroupingName='name' Year='MonthNum.Value.Year' Month='MonthNum.Value.Month' Numerator='Numerator' Budget='Budget'&amp;gt;
    &amp;lt;/MonthlyValue&amp;gt;
 &amp;lt;/MonthlyValues&amp;gt;
&amp;lt;/xs:schema&amp;gt;
&lt;/code&gt;&lt;/pre&gt;
&lt;p&gt;The schema was made by someone else and I was supposed to just be able to replace it.  Unfortunately its not working out that way and I know very little about it.&lt;/p&gt;
&lt;p&gt;should I change&lt;/p&gt;
&lt;pre&gt;&lt;code&gt; &amp;lt;MonthlyValues&amp;gt; 
&lt;/code&gt;&lt;/pre&gt;
&lt;p&gt;to &lt;/p&gt;
&lt;pre&gt;&lt;code&gt;&amp;lt;xs:element name='MonthlyValues&amp;gt; and keep the 
&amp;lt;xs:sequence&amp;gt;
   &amp;lt;xs:element maxOccurs='unbounded' name='MonthlyValues'&amp;gt;
      &amp;lt;xs:complexType&amp;gt;
&lt;/code&gt;&lt;/pre&gt;
&lt;p&gt;and add the &lt;/p&gt;
&lt;pre&gt;&lt;code&gt;&amp;lt;MonthlyValue IndicatorName='name' LocationName='name' GroupingName='name' Year='MonthNum.Value.Year' Month='MonthNum.Value.Month' Numerator='Numerator' Budget='Budget'&amp;gt;
&amp;lt;/MonthlyValue&amp;gt;
&lt;/code&gt;&lt;/pre&gt;
&lt;p&gt;afterward?  Actually, I tried that and it didn't work, but is there something similar I have to do?&lt;/p&gt;</t>
  </si>
  <si>
    <t>2012-07-27 18:24:17.493000+00:00</t>
  </si>
  <si>
    <t>2012-07-27 18:40:09.607000+00:00</t>
  </si>
  <si>
    <t>xsd|xsd-validation</t>
  </si>
  <si>
    <t>Cannot set jquery dialog.InnerHtml(some-content) without refreshing the page</t>
  </si>
  <si>
    <t>&lt;p&gt;In my JS file, I am trying to set the content to a poped up dialog. In firebug, I saw the dialog opens and it hangs even after I set the content of it by &lt;code&gt;$(dialog).InnerHtml&lt;/code&gt;.
But this works when I refresh the page. &lt;/p&gt;
&lt;p&gt;Any particular reason for this behavior?&lt;/p&gt;</t>
  </si>
  <si>
    <t>2012-05-18 06:39:18.427000+00:00</t>
  </si>
  <si>
    <t>2012-05-18 14:51:29.867000+00:00</t>
  </si>
  <si>
    <t>2012-05-18 06:40:29.360000+00:00</t>
  </si>
  <si>
    <t>Execution of for loop in C</t>
  </si>
  <si>
    <t>&lt;p&gt;How this for loop is working&lt;/p&gt;
&lt;p&gt;int main(){&lt;/p&gt;
&lt;p&gt;char i=0;&lt;/p&gt;
&lt;p&gt;for(i&amp;lt;=5 &amp;amp;&amp;amp; i&gt;=-1; ++i ;i&gt;0)&lt;/p&gt;
&lt;pre&gt;&lt;code&gt;printf("%d \n",i);
printf("\n");
return 0;
&lt;/code&gt;&lt;/pre&gt;
&lt;p&gt;}&lt;/p&gt;</t>
  </si>
  <si>
    <t>2015-12-03 02:24:12.573000+00:00</t>
  </si>
  <si>
    <t>2015-12-03 10:14:28.750000+00:00</t>
  </si>
  <si>
    <t>c|for-loop</t>
  </si>
  <si>
    <t>using listView and listAdaptor, list not getting displayed correctly</t>
  </si>
  <si>
    <t>&lt;p&gt;I am trying listView and listAdaptor to populate a screen using database values. My list is not getting displayed correctly.
Below is the code from my DataBaseHandler class&lt;/p&gt;
&lt;pre&gt;&lt;code&gt;  public List&amp;lt;Notifications&amp;gt; getNotificationList() {
        List&amp;lt;Notifications&amp;gt; notificationList = new ArrayList&amp;lt;Notifications&amp;gt;();
        String selectQuery = "SELECT  * FROM " + TABLE_CONTACTS; 
        SQLiteDatabase db = this.getWritableDatabase(); 
        Cursor cursor = db.rawQuery(selectQuery, null); 
        // looping through all rows and adding to list 
        if (cursor.moveToFirst()) { 
            do { 
                Notifications objN = cursorToNotifications(cursor);
                notificationList.add(objN);
            } while (cursor.moveToNext()); 
        } 
        // return contact list 
        return notificationList; 
    }
&lt;/code&gt;&lt;/pre&gt;
&lt;p&gt;Here is how i print values calling above function&lt;/p&gt;
&lt;pre&gt;&lt;code&gt;ArrayAdapter&amp;lt;Notifications&amp;gt; adapter = new ArrayAdapter&amp;lt;Notifications&amp;gt;(this,
        android.R.layout.simple_list_item_1, objN);
    setListAdapter(adapter);
&lt;/code&gt;&lt;/pre&gt;
&lt;p&gt;When i run the application it shows two entried, which is correct but displays in correct data. It shows something like&lt;/p&gt;
&lt;p&gt;com.example.appname@41448fa0&lt;/p&gt;
&lt;p&gt;com.example.appname@41449278&lt;/p&gt;
&lt;p&gt;Can someone point me where i am going wrong.
Thank you&lt;/p&gt;
&lt;hr&gt;
&lt;p&gt;Sorry new to Android world. you mean add&lt;/p&gt;
&lt;pre&gt;&lt;code&gt;@Override
public String toString() {
    return "something useful";  // define this
}
&lt;/code&gt;&lt;/pre&gt;
&lt;p&gt;In my notification class, which is like&lt;/p&gt;
&lt;pre&gt;&lt;code&gt;public class Notifications {
    //private variables 
    String _type; 
    String _message;
    String _id;
    // Empty constructor 
    public Notifications() {}
    // constructor 
    public Notifications(String type, String message, String id){ 
        this._type = type; 
        this._message = message; 
        this._id = id;
    } 
    // getting ID 
    public String getId(){ 
        return this._id; 
    } 
    public void setId(String id){ 
        this._id = id; 
    } 
    public String getType(){ 
        return this._type; 
    } 
    // setting id 
    public void setType(String type){ 
        this._type = type; 
    } 
    // getting name 
    public String getMessage(){ 
        return this._message; 
    } 
    // setting name 
    public void setMessage(String message){ 
        this._message = message; 
    } 
    @Override
    public String toString() {
        return "something useful";  // define this
    }
}
&lt;/code&gt;&lt;/pre&gt;
&lt;hr&gt;
&lt;p&gt;Sorry new to Android world. you mean add&lt;/p&gt;
&lt;pre&gt;&lt;code&gt;@Override
  public String toString() {
     return "something useful";  // define this
  }
&lt;/code&gt;&lt;/pre&gt;
&lt;p&gt;In my notification class, which is like&lt;/p&gt;
&lt;pre&gt;&lt;code&gt;public class Notifications {
//private variables 
      String _type; 
String _message;
String _id;
     // Empty constructor 
     public Notifications(){ 
     } 
     // constructor 
    public Notifications(String type, String message, String id){ 
    this._type = type; 
    this._message = message; 
    this._id = id;
} 
// getting ID 
public String getId(){ 
    return this._id; 
} 
public void setId(String id){ 
    this._id = id; 
} 
public String getType(){ 
    return this._type; 
} 
// setting id 
public void setType(String type){ 
    this._type = type; 
} 
// getting name 
public String getMessage(){ 
    return this._message; 
} 
// setting name 
public void setMessage(String message){ 
    this._message = message; 
} 
@Override
public String toString() {
    return "something useful";  // define this
}
&lt;/code&gt;&lt;/pre&gt;
&lt;p&gt;}&lt;/p&gt;
&lt;p&gt;Do i need to make any other change anywhere.&lt;/p&gt;</t>
  </si>
  <si>
    <t>2012-11-19 22:15:41.507000+00:00</t>
  </si>
  <si>
    <t>2012-11-20 00:01:26.497000+00:00</t>
  </si>
  <si>
    <t>android|listadapter</t>
  </si>
  <si>
    <t>How to get started with NHibernate in LINQPad?</t>
  </si>
  <si>
    <t>&lt;p&gt;I can't find much information on this topic. Does anyone have detailed information about how to get started with NHibernate in LINQPad? I have already added all the DLL references via the F4 window, but I don't know how to add a connection to my project, or how to start writing a query on against my objects.&lt;/p&gt;
&lt;p&gt;I've seen some old posts in my Google searches that talk about compiling NHibernate.LINQ, but I think that this has already been included into the NHibernate project since then.&lt;/p&gt;</t>
  </si>
  <si>
    <t>2013-04-26 22:59:54.247000+00:00</t>
  </si>
  <si>
    <t>2013-04-27 00:52:51.083000+00:00</t>
  </si>
  <si>
    <t>.net|linq|nhibernate|linqpad</t>
  </si>
  <si>
    <t>Cost of Developing Bluetooth 4.0 BLE applications for iOS or OSX?</t>
  </si>
  <si>
    <t>&lt;p&gt;I have HW applications that uses BLE i.e. Bluetooth 4.0. I would like to get it working in Apple products such as iOS or OSX. My friend said that earlier developers had to be pay at least some 20k USD + margin of profits to get their hardware device accepted by Apple. The services have online frontend and specific hardware that are supposed be connected via BLE to phones/laptops.&lt;/p&gt;
&lt;p&gt;&lt;em&gt;What is the cost currently to develop BLE services for Apple?&lt;/em&gt;&lt;/p&gt;</t>
  </si>
  <si>
    <t>2013-04-30 16:39:48.597000+00:00</t>
  </si>
  <si>
    <t>2013-04-30 16:52:46.527000+00:00</t>
  </si>
  <si>
    <t>ios|macos|bluetooth-lowenergy</t>
  </si>
  <si>
    <t>PAHO mqtt libraries unable to send two consecutive message</t>
  </si>
  <si>
    <t>&lt;p&gt;I'm using Paho mqtt libraries (v.1.0.2). Here a sample:&lt;/p&gt;
&lt;pre&gt;&lt;code&gt;public static void main(String[] args) {
    try {
        MqttClient client = new MqttClient("tcp://52.30.166.179:61618", "pahomqttpublish1f");
        client.connect();
        client.publish("pahodemo/test", "A single message".getBytes(),2,false);
        client.publish("pahodemo/test1", "A single message".getBytes(),2,false);
        client.disconnect();
    }   catch (MqttException e) {
        e.printStackTrace();
    } 
}
&lt;/code&gt;&lt;/pre&gt;
&lt;p&gt;The first publish is completed correctly. The second always gives:&lt;/p&gt;
&lt;pre&gt;&lt;code&gt;    Connection lost (32109) - java.net.SocketTimeoutException: Read timed out
    at org.eclipse.paho.client.mqttv3.internal.CommsReceiver.run(CommsReceiver.java:146)
    at java.lang.Thread.run(Thread.java:748)
Caused by: java.net.SocketTimeoutException: Read timed out
    at java.net.SocketInputStream.socketRead0(Native Method)
    at java.net.SocketInputStream.socketRead(SocketInputStream.java:116)
    at java.net.SocketInputStream.read(SocketInputStream.java:171)
    at java.net.SocketInputStream.read(SocketInputStream.java:141)
    at java.net.SocketInputStream.read(SocketInputStream.java:224)
    at java.io.DataInputStream.readByte(DataInputStream.java:265)
    at org.eclipse.paho.client.mqttv3.internal.wire.MqttInputStream.readMqttWireMessage(MqttInputStream.java:65)
    at org.eclipse.paho.client.mqttv3.internal.CommsReceiver.run(CommsReceiver.java:107)
    ... 1 more
&lt;/code&gt;&lt;/pre&gt;
&lt;p&gt;I don't want to close the connection between the first and the second publish.
Is it possible to send two consecutive message with QOS=2 without closing the connection?&lt;/p&gt;
&lt;p&gt;The data are sent to an AMQ broker (v 5.13.1)&lt;/p&gt;</t>
  </si>
  <si>
    <t>2018-02-09 07:37:29.590000+00:00</t>
  </si>
  <si>
    <t>java|activemq|mqtt|messaging|paho</t>
  </si>
  <si>
    <t>php code is not working on iis</t>
  </si>
  <si>
    <t>&lt;p&gt;I have installed php on my web server(iis) through web plat form installer.I am trying to execute the php codes on iis.Here is my PHP code which is not working on iis except a blank page is shown. While when I use &lt;code&gt;phpinfo();&lt;/code&gt;, it works fine but this code is not working.&lt;/p&gt;
&lt;pre&gt;&lt;code&gt;&amp;lt;?php
//include("..\acl.php");
set_time_limit(500);
$url = 'http://appsrv01.shakarganj.com.pk:7778/reports/rwservlet?reptest&amp;amp;report=cashflow';
$pdf = 'cashflow.pdf';
$pdfbak = 'bak/'.$pdf;
if (filesize($pdf) &amp;gt; 10000)
{
copy($pdf,$pdfbak);
}
if ((int)time() &amp;gt; filemtime($pdf) + 100)
{
file_put_contents($pdf, file_get_contents($url));
}
header('Pragma: public');
header('Expires: 0');
header('Cache-Control: must-revalidate, post-check=0, pre-check=0');
header('Content-Type: application/pdf');
if (filesize($pdf) &amp;gt; 10000)
{
readfile($pdf);
}
else
{
readfile($pdfbak);
}
?&amp;gt;
&lt;/code&gt;&lt;/pre&gt;
&lt;p&gt;Please any one tell me what may be the issue with code.Plz Help&lt;/p&gt;</t>
  </si>
  <si>
    <t>2013-07-01 07:51:52.063000+00:00</t>
  </si>
  <si>
    <t>2014-03-13 13:04:11.250000+00:00</t>
  </si>
  <si>
    <t>php|iis-7</t>
  </si>
  <si>
    <t>dockpanel.FloatForm is unexpectedly null</t>
  </si>
  <si>
    <t>&lt;p&gt;The following code is giving me a null reference.&lt;/p&gt;
&lt;pre&gt;&lt;code&gt;foreach (DockPanel dockPanel in dockManager1.Panels){
dockPanel.MakeFloat();
tabbedView1.Controller.CreateNewDocumentGroup(tabbedView1.Controller.RegisterDockPanel(dockPanel.FloatForm) as Document); 
}
&lt;/code&gt;&lt;/pre&gt;
&lt;p&gt;dockPanel.FloatForm specifically is showing as NULL in the debugger even though MakeFloat(); should set it &lt;a href="http://documentation.devexpress.com/#WindowsForms/DevExpressXtraBarsDockingDockPanel_MakeFloattopic379" rel="nofollow"&gt;http://documentation.devexpress.com/#WindowsForms/DevExpressXtraBarsDockingDockPanel_MakeFloattopic379&lt;/a&gt;&lt;/p&gt;</t>
  </si>
  <si>
    <t>2013-11-26 15:14:18.453000+00:00</t>
  </si>
  <si>
    <t>2013-11-26 20:18:28.763000+00:00</t>
  </si>
  <si>
    <t>2013-11-26 18:58:20.730000+00:00</t>
  </si>
  <si>
    <t>SoapUI Groovy script to compare db values against Json response</t>
  </si>
  <si>
    <t>&lt;p&gt;Hi Guys i am new to API automation in SoapUI. i want to know if it is possible to compare data received from the JDBC step against the Json Response. Currently how i am doing is, defining the xpath for each tag and saving values in variables and comparing them. is there a way to automate this in a generic way without defining xpaths for each element in xmls&lt;/p&gt;</t>
  </si>
  <si>
    <t>2018-02-13 06:10:09.187000+00:00</t>
  </si>
  <si>
    <t>2018-02-13 07:09:01.153000+00:00</t>
  </si>
  <si>
    <t>groovy|soapui</t>
  </si>
  <si>
    <t>Android: Knowing ahead of time what size an ImageView will be?</t>
  </si>
  <si>
    <t>&lt;p&gt;My application uses thumbnails downloaded from the internet. The thumbnails are generated by the server, and one specifies in the request what size the thumbnails should be. Is there a way for me to know, programmatically, while inside a ListAdapter's getView(), the dimensions of an ImageView inside the View that is returned, so my thumbnail comes perfectly scaled? I can always hardcode it, but I'd prefer not to. &lt;/p&gt;
&lt;p&gt;Alternatively, is there some sort of listener or callback I can use to request the thumb once the View has been laid out? &lt;/p&gt;
&lt;p&gt;EDIT: The ImageViews have fixed layout_height and layout_width, however, I'd want to reuse the same code for different parts of the app, which use different size images, which is why hardcoding is particularly bad. &lt;/p&gt;</t>
  </si>
  <si>
    <t>2010-09-23 16:11:48.890000+00:00</t>
  </si>
  <si>
    <t>2012-10-26 18:21:47.337000+00:00</t>
  </si>
  <si>
    <t>android|image|thumbnails|imageview</t>
  </si>
  <si>
    <t>MS Access use VBA to Delete a Module from access file</t>
  </si>
  <si>
    <t>&lt;p&gt;I'm looking for a way to Delete a VBA module from an external database file using VBA code.
The external file named "myfile.accdb" has a module named "mod1" I would like to be able to delete that module using VBA code in a separate project. &lt;/p&gt;
&lt;p&gt;something like this:&lt;br&gt;
    OpenDatabase("myfile.accdb").Modules("mod1").Delete&lt;/p&gt;
&lt;p&gt;working code would be very much appreciated as I have failed to find any my self and failed at writing my own.&lt;/p&gt;</t>
  </si>
  <si>
    <t>2014-11-15 17:44:57.007000+00:00</t>
  </si>
  <si>
    <t>2014-11-16 00:14:57.960000+00:00</t>
  </si>
  <si>
    <t>vba|access-vba</t>
  </si>
  <si>
    <t>Flexbox Masonry - stacked blocks that can change height and keep columns?</t>
  </si>
  <si>
    <t>&lt;p&gt;I'm wanting to have a number of elements stacked, and when an element is clicked, content is revealed - which pushes the element below it down  &lt;/p&gt;
&lt;p&gt;&lt;a href="https://i.stack.imgur.com/1IVki.jpg" rel="nofollow noreferrer"&gt;&lt;img src="https://i.stack.imgur.com/1IVki.jpg" alt="image example"&gt;&lt;/a&gt;&lt;/p&gt;
&lt;p&gt;Codepen for example here -&lt;br&gt;
&lt;a href="http://codepen.io/ashconnolly/pen/bEZzmj?editors=1100" rel="nofollow noreferrer"&gt;http://codepen.io/ashconnolly/pen/bEZzmj?editors=1100&lt;/a&gt;&lt;/p&gt;
&lt;p&gt;is this possible in flexbox? I've seen &lt;a href="http://masonry.desandro.com/" rel="nofollow noreferrer"&gt;masonry&lt;/a&gt; but not sure if it can do what I need it to as it doesn't seem to have an ordering system, nor do I know if changing heights of elements and rerunning masonry is efficient.&lt;/p&gt;
&lt;p&gt;I could manually select every element below it (with nth child) and do a transform:translateY() to move it down, and do this for every responsive layout (and add margin to the bottom of the container). But I suspect there is a better way with less manual tweaking.&lt;/p&gt;
&lt;p&gt;&lt;strong&gt;Important factors&lt;/strong&gt;&lt;br&gt;
- in the order seen in the Dom (could have lots of elements 20)&lt;br&gt;
- the columns amount / block width to change responsively&lt;br&gt;
- can change height but keep their respective column like order      &lt;/p&gt;
&lt;p&gt;html -&lt;/p&gt;
&lt;pre&gt;&lt;code&gt;&amp;lt;div class="box"&amp;gt;1&amp;lt;div class="text"&amp;gt;Lorem Ipsum  Lorem Ipsum  Lorem Ipsum  Lorem Ipsum Lorem Ipsum  Lorem Ipsum  Lorem Ipsum &amp;lt;/div&amp;gt;&amp;lt;/div&amp;gt;
&amp;lt;div class="box"&amp;gt;2&amp;lt;div class="text"&amp;gt;Lorem Ipsum  Lorem Ipsum  Lorem Ipsum  Lorem Ipsum Lorem Ipsum  Lorem Ipsum  Lorem Ipsum &amp;lt;/div&amp;gt;&amp;lt;/div&amp;gt;
&amp;lt;div class="box"&amp;gt;3&amp;lt;div class="text"&amp;gt;Lorem Ipsum  Lorem Ipsum  Lorem Ipsum  Lorem Ipsum Lorem Ipsum  Lorem Ipsum  Lorem Ipsum &amp;lt;/div&amp;gt;&amp;lt;/div&amp;gt;
&amp;lt;div class="box"&amp;gt;4&amp;lt;div class="text"&amp;gt;Lorem Ipsum  Lorem Ipsum  Lorem Ipsum  Lorem Ipsum Lorem Ipsum  Lorem Ipsum  Lorem Ipsum &amp;lt;/div&amp;gt;&amp;lt;/div&amp;gt;
&amp;lt;div class="box"&amp;gt;5&amp;lt;div class="text"&amp;gt;Lorem Ipsum  Lorem Ipsum  Lorem Ipsum  Lorem Ipsum Lorem Ipsum  Lorem Ipsum  Lorem Ipsum &amp;lt;/div&amp;gt;&amp;lt;/div&amp;gt;
&amp;lt;div class="box"&amp;gt;6&amp;lt;div class="text"&amp;gt;Lorem Ipsum  Lorem Ipsum  Lorem Ipsum  Lorem Ipsum Lorem Ipsum  Lorem Ipsum  Lorem Ipsum &amp;lt;/div&amp;gt;&amp;lt;/div&amp;gt;  
&lt;/code&gt;&lt;/pre&gt;
&lt;p&gt;css-&lt;/p&gt;
&lt;pre&gt;&lt;code&gt;body { margin: 0; padding: 0; width: 100%; }
*, *:before, *:after { -moz-box-sizing: border-box; -webkit-box-sizing: border-box; box-sizing: border-box; }
.box {width:33%; height:200px; position:relative;
    background:salmon; float:left;border:10px solid grey;
    &amp;amp;:nth-child(1) {background:red;}
    &amp;amp;:nth-child(2) {background:blue;}
    &amp;amp;:nth-child(3) {background:green;}
    &amp;amp;:nth-child(4) {background:orange;}
    &amp;amp;:nth-child(5) {background:brown;}
    &amp;amp;:nth-child(6) {background:yellow;}
    &amp;amp;:nth-child(2) .text {display:block;color:white;}
    .text {display:none; position: absolute; top:100%;z-index:2;width:100%; background:blue; border: 1px solid grey}
}
@media (max-width:600px) {
    .box {width:50%;}   
}
&lt;/code&gt;&lt;/pre&gt;</t>
  </si>
  <si>
    <t>2016-02-16 19:21:56.773000+00:00</t>
  </si>
  <si>
    <t>2016-02-17 09:17:32.610000+00:00</t>
  </si>
  <si>
    <t>javascript|jquery|html|css|flexbox</t>
  </si>
  <si>
    <t>Just cant integrate DRUPAL and ANDROID</t>
  </si>
  <si>
    <t>&lt;p&gt;I am using Drupal to create a web service for my android application.
I have basic understanding of Drupal like enabling modules , themes , configuring them ;
But this "&lt;strong&gt;Services&lt;/strong&gt;" module is the one which I can not get in head.
I downloaded services 6.2 and enabled services module and node services module &lt;/p&gt;
&lt;p&gt;Now when I navigate to site building -&gt; services -&gt; node.get
I get a form in which I can enter the node id and fields and this is working fine.&lt;/p&gt;
&lt;p&gt;But I don't know how to get the response from android.
I have not yet enabled xmlRPC server.
I have enabled the anonymous user to visit the services page so that I don't need to get authentication or session id.&lt;/p&gt;
&lt;p&gt;Basically I just want to see the response in my log cat in eclipse sdk for just node 1 
and I will be set to go from that point.&lt;/p&gt;</t>
  </si>
  <si>
    <t>2011-09-15 12:46:24.730000+00:00</t>
  </si>
  <si>
    <t>2014-05-23 08:48:40.277000+00:00</t>
  </si>
  <si>
    <t>android|web-services|drupal|xml-rpc</t>
  </si>
  <si>
    <t>Replace object in array on react state</t>
  </si>
  <si>
    <t>&lt;p&gt;This question might fall a little on the side of a "best practice" question, but please bear with me.&lt;/p&gt;
&lt;p&gt;Here is a portion of my state:&lt;/p&gt;
&lt;pre&gt;&lt;code&gt;this.state = {
  typeElements: {
    headers: [
        {
          name: "h1",
          size: 70,
          lineHeight: 1.25,
          kearning: 0,
          marginAfter: 0
        }, {
          name: "h2",
          size: 70,
          lineHeight: 1.25,
          kearning: 0,
          marginAfter: 0
        }, {
          name: "h3",
          size: 70,
          lineHeight: 1.25,
          kearning: 0,
          marginAfter: 0
        }...
&lt;/code&gt;&lt;/pre&gt;
&lt;p&gt;What I need to do is REPLACE the object at a given index on the headers array.&lt;/p&gt;
&lt;p&gt;I don't know how to do that with the setState method as in &lt;code&gt;this.setState(headers[1] = {obj})&lt;/code&gt; - but that's obviously invalid. My current method is creating a new array and clobbering the old one like this:&lt;/p&gt;
&lt;pre&gt;&lt;code&gt;_updateStyle(props) {
  let newState = Object.assign({}, this.state)
  newState.typeElements.headers[props.index] = props
  this.setState(newState)
};
&lt;/code&gt;&lt;/pre&gt;
&lt;p&gt;For my small hacky project I guess it's OK but I feel like this is super heavy handed and would quickly lead to performance issues at any kind of scale.&lt;/p&gt;</t>
  </si>
  <si>
    <t>2016-10-06 06:30:46.520000+00:00</t>
  </si>
  <si>
    <t>2018-01-25 20:37:53.287000+00:00</t>
  </si>
  <si>
    <t>2016-10-06 09:04:14.110000+00:00</t>
  </si>
  <si>
    <t>javascript|arrays|reactjs|ecmascript-6|immutability</t>
  </si>
  <si>
    <t>Images/div's overlap each other randomly on load</t>
  </si>
  <si>
    <t>&lt;p&gt;I've got a 3x3 grid built with Zurb's Foundations framework and on load sometimes these boxes overlap each other. The number of image that load normally and the number that does not is completely random. Sometimes it's just one image, sometimes all of them, etc. It also happens more often when you view the website from http:// instead of locally. Just take a look at the image below.&lt;/p&gt;
&lt;p&gt;&lt;img src="https://i.stack.imgur.com/LVbvY.png" alt="enter image description here"&gt;&lt;/p&gt;
&lt;p&gt;The boxes are responsive, in such way they decrease in size when the browser gets smaller dan 1200px in width. Therefor a static height of each box isn't an option. They do remain the same ratio (4:3).&lt;/p&gt;
&lt;p&gt;How do I make them not overlap each other? &lt;/p&gt;
&lt;p&gt;&lt;em&gt;I think the issue is the browser renders the boxes quicker than it can render each image- and therefor doesn't take the height into account.&lt;/em&gt; &lt;/p&gt;
&lt;hr&gt;
&lt;p&gt;My code for this part looks like this&lt;/p&gt;
&lt;pre&gt;&lt;code&gt;&amp;lt;div class="row"&amp;gt;
    &amp;lt;div class="large-12 large-centered columns"&amp;gt;
        &amp;lt;div id="grid" class="row"&amp;gt;
            &amp;lt;figure class="small-6 medium-4 columns item" data-groups='["all", "app"]'&amp;gt;
                &amp;lt;img src="images/portfolio/nos/sp-item.jpg" alt="img01"/&amp;gt;
                &amp;lt;figcaption&amp;gt;
                    &amp;lt;h2&amp;gt;&amp;lt;span&amp;gt;NOS&amp;lt;/span&amp;gt;&amp;lt;/h2&amp;gt;
                    &amp;lt;p&amp;gt;5 maanden werken aan een nieuwe NOS app&amp;lt;/p&amp;gt;
                    &amp;lt;a href="portfolio/nos-casestudy.html"  title="bekijk dit project"&amp;gt;&amp;lt;/a&amp;gt;
                &amp;lt;/figcaption&amp;gt;           
            &amp;lt;/figure&amp;gt;
            &amp;lt;!-- 8 more figures like the one above, each is one box --&amp;gt;
        &amp;lt;/div&amp;gt;
    &amp;lt;/div&amp;gt;
&amp;lt;/div&amp;gt;
&lt;/code&gt;&lt;/pre&gt;</t>
  </si>
  <si>
    <t>2015-07-21 09:52:16.967000+00:00</t>
  </si>
  <si>
    <t>2018-02-25 14:52:43.083000+00:00</t>
  </si>
  <si>
    <t>css|zurb-foundation|overlap</t>
  </si>
  <si>
    <t>Pip install -e packages don't appear in Docker</t>
  </si>
  <si>
    <t>&lt;p&gt;I have a &lt;code&gt;requirements.txt&lt;/code&gt; file containing, amongst others:&lt;/p&gt;
&lt;pre&gt;&lt;code&gt;Flask-RQ==0.2
-e git+https://token:x-oauth-basic@github.com/user/repo.git#egg=repo
&lt;/code&gt;&lt;/pre&gt;
&lt;p&gt;When I try to build a Docker container using Docker Compose, it downloads both packages, and install them both, but when I do a &lt;code&gt;pip freeze&lt;/code&gt; there is no sign of the &lt;code&gt;-e&lt;/code&gt; package. When I try to run the app, it looks as if this package hasn't been installed. Here's the relevant output from the build:&lt;/p&gt;
&lt;pre&gt;&lt;code&gt;Collecting Flask-RQ==0.2 (from -r requirements.txt (line 3))
  Downloading Flask-RQ-0.2.tar.gz
Obtaining repo from git+https://token:x-oauth-basic@github.com/user/repo.git#egg=repo (from -r requirements.txt (line 4))
  Cloning https://token:x-oauth-basic@github.com/user/repo.git to ./src/repo
&lt;/code&gt;&lt;/pre&gt;
&lt;p&gt;And here's my &lt;code&gt;Dockerfile&lt;/code&gt;:&lt;/p&gt;
&lt;pre&gt;&lt;code&gt;FROM python:2.7
RUN mkdir -p /usr/src/app
WORKDIR /usr/src/app
COPY requirements.txt /usr/src/app/
RUN pip install -r requirements.txt
COPY . /usr/src/app
&lt;/code&gt;&lt;/pre&gt;
&lt;p&gt;I find this situation very strange and would appreciate any help.&lt;/p&gt;</t>
  </si>
  <si>
    <t>2015-04-27 21:04:37.773000+00:00</t>
  </si>
  <si>
    <t>2018-01-02 09:22:42.683000+00:00</t>
  </si>
  <si>
    <t>2015-04-28 15:02:31.513000+00:00</t>
  </si>
  <si>
    <t>python|docker|pip|docker-compose</t>
  </si>
  <si>
    <t>merging pdf files with pypdf</t>
  </si>
  <si>
    <t>&lt;p&gt;I am writing a script that parses an internet site (maya.tase.co.il) for links, downloads pdf file and merges them. It works mostly, but merging gives me different kinds of errors depending on the file. I cant seem to figure out why. I cut out the relevant code and built a test only for two specific files that are causing a problem. The script uses pypdf, but I am willing to try anything that works. Some files are encrypted, some are not.&lt;/p&gt;
&lt;pre&gt;&lt;code&gt;def is_incry(pdf):
    from pyPdf import PdfFileWriter, PdfFileReader
    input=PdfFileReader(pdf)
    try:
        input.getNumPages()
        return input
    except:
        input.decrypt("")
        return input
def merg_pdf(to_keep,to_lose):
    import os
    from pyPdf import PdfFileWriter, PdfFileReader
    if os.path.exists(to_keep):
        in1=file(to_keep, "rb")
        in2=file(to_lose, "rb")
        input1 = is_incry(in1)
        input2 = is_incry(in2)
        output = PdfFileWriter()
        loop1=input1.getNumPages()
        for i in range(0,loop1):
            output.addPage(input1.getPage(i))#            
        loop2=input2.getNumPages()
        for i in range(0,loop2):
            output.addPage(input2.getPage(i))#
        outputStream = file("document-output.pdf", "wb")
        output.write(outputStream)
        outputStream.close()
        pdflen=loop1+loop2
        in1.close()
        in2.close()
        os.remove(to_lose)
        os.remove(to_keep)
        os.rename("document-output.pdf",to_keep)
    else:
        os.rename(to_lose,to_keep)
        in1=file(to_keep, "rb")
        input1 = PdfFileReader(in1)
        try:
            pdflen=input1.getNumPages()
        except:
            input1.decrypt("")
            pdflen=input1.getNumPages()
        in1.close()
        #input1.close()
    return pdflen
def test():
    import urllib
    urllib.urlretrieve ('http://mayafiles.tase.co.il/RPdf/487001-488000/P487028-01.pdf', 'temp1.pdf')
    urllib.urlretrieve ('http://mayafiles.tase.co.il/RPdf/488001-489000/P488170-00.pdf', 'temp2.pdf')
    merg_pdf('temp1.pdf','temp2.pdf')
test()
&lt;/code&gt;&lt;/pre&gt;
&lt;p&gt;I thank anyone that even took the time to read this.
Al.&lt;/p&gt;</t>
  </si>
  <si>
    <t>2011-07-18 18:16:50.170000+00:00</t>
  </si>
  <si>
    <t>2011-07-19 15:41:44.923000+00:00</t>
  </si>
  <si>
    <t>python|pdf|pypdf</t>
  </si>
  <si>
    <t>I have error Error while connecting to MySQL: Can't connect to local MySQL server through socket</t>
  </si>
  <si>
    <t>&lt;p&gt;I have Error:&lt;/p&gt;
&lt;p&gt;Error while connecting to MySQL: Can't connect to local MySQL server through socket '/tmp/mysql.sock' (2). &lt;/p&gt;
&lt;p&gt;And When I restart "Mysql service" My web site fix and good but 2-3 hour later or 5-10 min later retry crash and retry I have error..&lt;/p&gt;
&lt;p&gt;Please help me...What is problem and how to I  fix problem? &lt;/p&gt;
&lt;p&gt;I use cloud server&lt;/p&gt;</t>
  </si>
  <si>
    <t>2014-06-01 07:22:06.190000+00:00</t>
  </si>
  <si>
    <t>ruby callback: Can an instantiated object call a method in its parent scope?</t>
  </si>
  <si>
    <t>&lt;p&gt;Can an instantiated object call a method in its parent scope?&lt;/p&gt;
&lt;p&gt;To illustrate my question, here's a piece of code:
I have a class like this&lt;/p&gt;
&lt;pre&gt;&lt;code&gt;class Tdd
  def initialize
    @ui = Ui.new
    @ui.event_loop
  end
  def process_invoices
  end
end
&lt;/code&gt;&lt;/pre&gt;
&lt;p&gt;For your information, the event_loop() method detects keys pressed
using a getch() method. If the key pressed was "p" then the process_invoices() method of the parent object (Tdd class) should be executed by the the code in the event_loop method.&lt;/p&gt;
&lt;p&gt;How to make this happen? I'm looking for something like&lt;/p&gt;
&lt;pre&gt;&lt;code&gt;self.superclass.process_invoices()
&lt;/code&gt;&lt;/pre&gt;
&lt;p&gt;to be doable inside the event_loop() method.&lt;/p&gt;</t>
  </si>
  <si>
    <t>2015-10-18 03:58:25.177000+00:00</t>
  </si>
  <si>
    <t>ruby|callback</t>
  </si>
  <si>
    <t>Quick way to copy elements in a 2D array</t>
  </si>
  <si>
    <t>&lt;p&gt;I want to change&lt;/p&gt;
&lt;pre&gt;&lt;code&gt;for (i=0; i&amp;lt;100; i++) {
   for (j=0; j&amp;lt;100; j++) {
      A[i][j] = A_new[i][j]
   }
}
&lt;/code&gt;&lt;/pre&gt;
&lt;p&gt;into something a lot quicker involving pointers. However, I'm not exactly sure how to do this. I've tried something like this&lt;/p&gt;
&lt;pre&gt;&lt;code&gt;double *first = A;
double *second = A_new;
first = second;
&lt;/code&gt;&lt;/pre&gt;
&lt;p&gt;but that hasn't worked. Any ideas?&lt;/p&gt;</t>
  </si>
  <si>
    <t>2015-11-10 17:06:38.797000+00:00</t>
  </si>
  <si>
    <t>2015-11-17 04:00:05.237000+00:00</t>
  </si>
  <si>
    <t>arrays|pointers</t>
  </si>
  <si>
    <t>How to update the covariance of a multi camera system when a rigid motion is applied to all of them?</t>
  </si>
  <si>
    <t>&lt;p&gt;For example for 6-dof camera states, two cameras have &lt;code&gt;12&lt;/code&gt; state parameters and a &lt;code&gt;12*12&lt;/code&gt; covariance matrix (assume Gaussian distribution). How does this covariance change when a 6-dof rigid motion is applied to the cameras? &lt;/p&gt;
&lt;p&gt;What if the 6-dof is a Gaussian distribution too ?&lt;/p&gt;</t>
  </si>
  <si>
    <t>2018-03-07 00:42:50.207000+00:00</t>
  </si>
  <si>
    <t>2018-03-24 13:22:04.880000+00:00</t>
  </si>
  <si>
    <t>2018-03-09 01:38:26.367000+00:00</t>
  </si>
  <si>
    <t>computer-vision|kalman-filter|slam</t>
  </si>
  <si>
    <t>Parsing xml into anonymous type</t>
  </si>
  <si>
    <t>&lt;p&gt;I am trying to parse the xml below to load the id_name/rel_no pairs into an anonymous type collection. I am having a problem when looping through the collection and when  element is missing in one of the  elements. Is there a way not to load a particular pair when one of the elements id_name or rel_no is missing?&lt;/p&gt;
&lt;p&gt;I get InvalidOperationException (sequence contains no elements) when the loop gets to that particular pair with missing element.&lt;/p&gt;
&lt;p&gt;Thanks for any suggestions.&lt;/p&gt;
&lt;pre&gt;&lt;code&gt;XDocument xdata = XDocument.Parse(data);
var query = from dox in xdata.Descendants("Inc")
                        select new
                        {
                            IDName= dox.Element("id_name").Value,
                            RelNo= dox.Descendants("rel_no").First().Value
                        };
&lt;/code&gt;&lt;/pre&gt;
&lt;p&gt;XML&lt;/p&gt;
&lt;pre&gt;&lt;code&gt;&amp;lt;Data&amp;gt;
&amp;lt;Inc&amp;gt;
    &amp;lt;id_name&amp;gt;test&amp;lt;/id_name&amp;gt; 
    &amp;lt;Relationships&amp;gt;
        &amp;lt;Relationship&amp;gt;
            &amp;lt;rel_no&amp;gt;004&amp;lt;/rel_no&amp;gt; 
        &amp;lt;/Relationship&amp;gt;
    &amp;lt;/Relationships&amp;gt;
&amp;lt;/Inc&amp;gt;
&amp;lt;Inc&amp;gt;
    &amp;lt;id_name&amp;gt;test2&amp;lt;/id_name&amp;gt; 
    &amp;lt;Relationships&amp;gt;
        &amp;lt;Relationship&amp;gt;
        &amp;lt;/Relationship&amp;gt;
    &amp;lt;/Relationships&amp;gt;
&amp;lt;/Inc&amp;gt;
&amp;lt;Inc&amp;gt;
    &amp;lt;id_name&amp;gt;test3&amp;lt;/id_name&amp;gt; 
    &amp;lt;Relationships&amp;gt;
        &amp;lt;Relationship&amp;gt;
            &amp;lt;rel_no&amp;gt;006&amp;lt;/rel_no&amp;gt; 
        &amp;lt;/Relationship&amp;gt;
    &amp;lt;/Relationships&amp;gt;
&amp;lt;/Inc&amp;gt;
&amp;lt;/Data&amp;gt;
&lt;/code&gt;&lt;/pre&gt;
&lt;p&gt;Accessing in a loop&lt;/p&gt;
&lt;pre&gt;&lt;code&gt;foreach (var record in query)
            {
            }
&lt;/code&gt;&lt;/pre&gt;</t>
  </si>
  <si>
    <t>2014-06-13 19:21:08.877000+00:00</t>
  </si>
  <si>
    <t>2014-06-13 19:40:47.440000+00:00</t>
  </si>
  <si>
    <t>2014-06-13 19:39:04.530000+00:00</t>
  </si>
  <si>
    <t>c#|c#-4.0</t>
  </si>
  <si>
    <t>Tableview sliding up after scroll to row</t>
  </si>
  <si>
    <t>&lt;p&gt;Hey guys I need your help please, when I reload a tableview and call the scroll to row function for the bottom row (array.length - 1) as index path, it scrolls to it, then it scrolls one row up. I have made a cool chat part to my app, and it is simple, I have a function that grabs messages, and for some reason on my iPhone simulator, it does this weird scrolling back up motion. Basically I was hoping one of you guys could help me find out why it is doing that. It is some simple code.&lt;/p&gt;
&lt;p&gt;main function:&lt;/p&gt;
&lt;pre&gt;&lt;code&gt;  func grabMessages () {
    if let uid = Auth.auth().currentUser?.uid {
        if let theirId = theirUid {
            let ref = Database.database().reference()
            ref.child("users").child(uid).child("chats").child(theirId).child("messages").observe(.value, with: {(snapshot) in
                var reloadi = false
                if let values = snapshot.value as? [String : AnyObject] {
                    for (_, one) in values {
                        if let whoSent = one["sender"] as? String, let messagl = one["message"] as? String, let timerl = one["timeStamp"] as? Int, let keyer = one["key"] as? String {
                            let newMess = Message()
                            print("googd")
                            newMess.key = keyer
                            newMess.timeStamp = timerl
                            newMess.messager = messagl
                            newMess.sender = whoSent
                                   if self.messages.contains( where: { $0.key == newMess.key } )  {
                                   } else {
                                self.messages.append(newMess)
                                    if self.messages.count != 0 {
                                        self.messages.sort { $1.timeStamp &amp;gt; $0.timeStamp }
                                   reloadi = true
                                    }
                                    if newMess.sender == theirId {
                            let update = ["unseen" : "iViewed"]
                            ref.child("users").child(theirId).child("chats").child(uid).updateChildValues(update)
                                    }
                            }
                    }
                    if reloadi == true {
                        reloadi = false
                         DispatchQueue.main.async {
                    self.tablerView.reloadData()
                     let indexPat = IndexPath(row: 0, section: self.messages.count - 1)
                        self.tablerView.isHidden = false
                    self.tablerView.scrollToRow(at: indexPat, at: .bottom, animated: false)
                    }
                    }
                }
            }, withCancel: nil)
        }
    }
}
&lt;/code&gt;&lt;/pre&gt;
&lt;p&gt;I will say in my viewdidload I set the frame of the tableview, which is just a cgrect and same size across all platform, fixed width and height. And on my own iPhone it runs and works fine, only on simulator iPhones did it do this. &lt;/p&gt;
&lt;p&gt;Here is a screen shot
&lt;a href="https://imgur.com/a/ZAhbJ" rel="nofollow noreferrer"&gt;https://imgur.com/a/ZAhbJ&lt;/a&gt;&lt;/p&gt;
&lt;p&gt;So if you can see, it shows other section below it, but it is scrolled to the one above it. So it originally scrolls to it, then scrolls back up one section. &lt;/p&gt;
&lt;p&gt;some other stuff 
numb of sections = messages.count&lt;/p&gt;
&lt;p&gt;number of rows in section = 1 &lt;/p&gt;</t>
  </si>
  <si>
    <t>2018-03-17 00:32:29.200000+00:00</t>
  </si>
  <si>
    <t>2018-03-17 00:43:10.823000+00:00</t>
  </si>
  <si>
    <t>iOS - Multiple events on one button</t>
  </si>
  <si>
    <t>&lt;p&gt;Quite a newbie here.&lt;br&gt;
I have 36 buttons connected to one action for the event Touch Up Inside. The action differentiates them by their tag. Now, when the same button is interacted with in a different way, either a double tap or a long press, I need a different set of instructions to be called, but I still need it to know which button was pressed. I've tried using gesture recognizers on the buttons, in addition to the button action, but they don't support tags. Any solutions?&lt;/p&gt;</t>
  </si>
  <si>
    <t>2013-05-05 04:26:02.570000+00:00</t>
  </si>
  <si>
    <t>2013-05-05 06:17:29.643000+00:00</t>
  </si>
  <si>
    <t>ios|objective-c|xcode|uibutton|uigesturerecognizer</t>
  </si>
  <si>
    <t>Can't push PHP application to heroku</t>
  </si>
  <si>
    <t>&lt;p&gt;I'm having trouble pushing my PHP project to Heroku. Every time I try to push I get this error:&lt;/p&gt;
&lt;pre&gt;&lt;code&gt;----&amp;gt; Heroku receiving push
 !    Heroku push rejected, no Cedar-supported app detected.
To git@heroku.com:intense-hamlet-7552.git
 ! [remote rejected] master -&amp;gt; master (pre-receive hook declined)
error: failed to push some refs to 'git@heroku.com:intense-hamlet-7552.git'
&lt;/code&gt;&lt;/pre&gt;
&lt;p&gt;It's my first time using Heroku, so here's what I've done (tried to follow &lt;a href="https://devcenter.heroku.com/articles/git" rel="nofollow noreferrer"&gt;this&lt;/a&gt;) :&lt;/p&gt;
&lt;ol&gt;
&lt;li&gt;I've created a new folder in my Eclipse workspace.&lt;/li&gt;
&lt;li&gt;In this folder I've run &lt;code&gt;git init&lt;/code&gt;.&lt;/li&gt;
&lt;li&gt;I created a new PHP project (in Eclipse) in this folder.&lt;/li&gt;
&lt;li&gt;I run &lt;code&gt;heroku create&lt;/code&gt;.&lt;/li&gt;
&lt;li&gt;I commit  my files with TortoiseGit (I've also tried with the command-line, no difference).&lt;/li&gt;
&lt;li&gt;I push the repository with &lt;code&gt;git push heroku master&lt;/code&gt;&lt;/li&gt;
&lt;li&gt;Then I get the error described above.&lt;/li&gt;
&lt;/ol&gt;
&lt;p&gt;I've tried several times with new folders, new repositories but it happens every time.&lt;/p&gt;
&lt;p&gt;What am I doing wrong?&lt;/p&gt;
&lt;p&gt;&lt;strong&gt;EDIT:&lt;/strong&gt; For people suggesting duplicated post:&lt;/p&gt;
&lt;p&gt;I've seen the post &lt;a href="https://stackoverflow.com/questions/8361475/heroku-push-rejected-no-cedar-supported-app-detected"&gt;Heroku push rejected, no Cedar-supported app detected&lt;/a&gt; which describes a problem for a Ruby application, where a &lt;code&gt;Gemfile&lt;/code&gt; is miss-spelled. My application is a PHP application and does not have a &lt;code&gt;Gemfile&lt;/code&gt;.&lt;/p&gt;</t>
  </si>
  <si>
    <t>2012-09-30 10:43:15.840000+00:00</t>
  </si>
  <si>
    <t>2013-04-07 07:39:00.473000+00:00</t>
  </si>
  <si>
    <t>2017-05-23 12:15:58.750000+00:00</t>
  </si>
  <si>
    <t>php|git|heroku</t>
  </si>
  <si>
    <t>How to click on Javascript button in Selenium with no ID (Java)?</t>
  </si>
  <si>
    <t>&lt;p&gt;I'm setting up a program in Java with Selenium.&lt;/p&gt;
&lt;p&gt;At the start of the program, a Chrome extension I'm using with the program loads up with the Chrome instance.&lt;/p&gt;
&lt;p&gt;Chrome then navigates to that page, selects all the boxes, and is supposed to click a button on the page that appears because of the extension.&lt;/p&gt;
&lt;p&gt;So I am trying to click that button, but it's a Javascript button that comes on the page through the extension. There is no ID that I can use explicitly though.&lt;/p&gt;
&lt;p&gt;When I inspect the element, all I see is this:&lt;/p&gt;
&lt;pre&gt;&lt;code&gt;&amp;lt;a href="javascript:void(0);" class="selected button-task" 
style="width: 140px; margin-left: 5px; height: 23px;"&amp;gt;
&amp;lt;img src="websiteimage.png here" width="20px"&amp;gt;Selected Task&amp;lt;/a&amp;gt;
&lt;/code&gt;&lt;/pre&gt;
&lt;p&gt;Unlike the other stuff I can click on, there is no type (checkboxes, button, etc) or a specific ID I can seek out. But it is important I click this button. What should I do? &lt;/p&gt;
&lt;p&gt;I get this error when I use this:&lt;/p&gt;
&lt;pre&gt;&lt;code&gt;Exception in thread "main" org.openqa.selenium.InvalidSelectorException: invalid selector: 
Unable to locate an element with the xpath expression //a[contains@class,'selected'] and contains(@class, 'repost-selected button-task') and contains(text(), 'Repost Selected') because of the following error:
SyntaxError: Failed to execute 'evaluate' on 'Document': 
The string '//a[contains@class,'selected'] and contains(@class, 'repost-selected button-task') and contains(text(), 'Repost Selected')' is not a valid XPath expression.
&lt;/code&gt;&lt;/pre&gt;
&lt;p&gt;Thanks!&lt;/p&gt;</t>
  </si>
  <si>
    <t>2016-10-26 02:44:17.477000+00:00</t>
  </si>
  <si>
    <t>2016-11-13 03:08:18.990000+00:00</t>
  </si>
  <si>
    <t>2016-10-26 03:29:35.223000+00:00</t>
  </si>
  <si>
    <t>javascript|java|selenium|selenium-webdriver|selenium-ide</t>
  </si>
  <si>
    <t>ForeignKey to multiple Models or Queryset</t>
  </si>
  <si>
    <t>&lt;p&gt;It is possible to make a ForeignKey to more than on model. I want to choose from lets say, Parts and Machines Model.&lt;/p&gt;
&lt;p&gt;I read this to combine multiple models into one list: &lt;a href="https://stackoverflow.com/questions/431628/how-to-combine-2-or-more-querysets-in-a-django-view"&gt;How to combine 2 or more querysets in a Django view?&lt;/a&gt;&lt;/p&gt;
&lt;p&gt;But can I foreignKey to that list somehow?&lt;/p&gt;</t>
  </si>
  <si>
    <t>2011-01-26 10:35:24.467000+00:00</t>
  </si>
  <si>
    <t>2018-11-02 00:01:01.853000+00:00</t>
  </si>
  <si>
    <t>2017-05-23 12:24:59.333000+00:00</t>
  </si>
  <si>
    <t>django|foreign-keys|django-queryset</t>
  </si>
  <si>
    <t>add multiple leading zeros in odometer</t>
  </si>
  <si>
    <t>&lt;p&gt;I was tried reward polling using odometer, now I want my number polling is lead by zero,
&lt;strong&gt;1,239,387&lt;/strong&gt; be &lt;strong&gt;001,239,387&lt;/strong&gt;, 
it start from 123456789. When odometer is running, result without 00, just  &lt;strong&gt;1,239,387&lt;/strong&gt;.
this code I tried with concat or add prefix to add lead zero. But if lead with &gt; 0 it display&lt;/p&gt;
&lt;pre&gt;&lt;code&gt;&amp;lt;?php 
$query="SELECT 
        CONCAT('00',MBR_ID) AS MBR_ID,
        NAME,
        RWD_DESC
FROM RTL.RWD_POLL RWD 
JOIN RTL.RWD_HEAD HED ON RWD.RWD_HEAD_NBR = HED.RWD_HEAD_NBR
WHERE HED.ACT_F = 1 AND RWD.DEL_NBR = 0
ORDER BY RWD_POLL_NBR DESC";
$result         = mysql_query($query);
$row            = mysql_fetch_array($result);
$MbrN           = $row['MBR_ID'];
$names          = $row['NAME'];
$reward         = $row['RWD_DESC'];
//$NoUndian = sprintf('%02d',$MbrN);
?&amp;gt;
&amp;lt;script&amp;gt;
setTimeout(function(){
 $('.odometer').html(&amp;lt;?php echo $NoUndian; ?&amp;gt; );
 }, 1000);
&amp;lt;/script&amp;gt;
&lt;/code&gt;&lt;/pre&gt;
&lt;p&gt;The result still 1,239,387 without zero.&lt;/p&gt;</t>
  </si>
  <si>
    <t>2018-01-15 04:52:26.623000+00:00</t>
  </si>
  <si>
    <t>2018-01-15 05:06:52.813000+00:00</t>
  </si>
  <si>
    <t>2018-01-15 05:02:25.993000+00:00</t>
  </si>
  <si>
    <t>php|mysql|odometer</t>
  </si>
  <si>
    <t>Foreground image becomes smaller while overlaying 1 image over another</t>
  </si>
  <si>
    <t>&lt;p&gt;I am trying to create an app where user can drag 1 image over another and then that image could be saved.&lt;/p&gt;
&lt;p&gt;I have written the following code:&lt;/p&gt;
&lt;pre&gt;&lt;code&gt;import UIKit
class ViewController: UIViewController {
@IBOutlet weak var mainImageView: UIImageView!    //Background Image
var Person: UIImageView!         //Foreground Image
var location = CGPoint(x: 0, y: 0)
var image: UIImage!
var frontSize: CGSize!
@IBOutlet weak var overlayButton: UIButton!
override func viewDidLoad() {
    super.viewDidLoad()
    // Do any additional setup after loading the view, typically from a nib.
    let image: UIImage = UIImage(named: "pizza")!
    frontSize = image.size
    Person = UIImageView(frame: CGRectMake(90, 140, image.size.width, image.size.height))
    Person.image = image
    Person.contentMode = .ScaleAspectFit
    Person.userInteractionEnabled = true
    self.mainImageView.addSubview(Person)
}
override func didReceiveMemoryWarning() {
    super.didReceiveMemoryWarning()
    // Dispose of any resources that can be recreated.
}
override func viewWillAppear(animated: Bool) {
    super.viewWillAppear(animated)
}
override func prepareForSegue(segue: UIStoryboardSegue, sender: AnyObject?) {
    if (segue.identifier == "detailImage") {
        let imageVC = (segue.destinationViewController as! ImageViewController)
        imageVC.image = image
    }
}
override func touchesBegan(touches: Set&amp;lt;UITouch&amp;gt;, withEvent event: UIEvent!) {
    let touch : UITouch! = event.allTouches()?.first
    location = touch.locationInView(self.mainImageView)
    Person.center = location
}
override func touchesMoved(touches: Set&amp;lt;UITouch&amp;gt;, withEvent event: UIEvent!) {
    let touch : UITouch! = event.allTouches()?.first
    location = touch.locationInView(self.mainImageView)
    Person.center = location
}
override func touchesEnded(touches: Set&amp;lt;UITouch&amp;gt;, withEvent event: UIEvent?) {
    let size = CGSizeMake(mainImageView.image!.size.width, mainImageView.image!.size.height)
    UIGraphicsBeginImageContextWithOptions(size, false, 0.0)
    mainImageView.image?.drawInRect(CGRectMake(mainImageView.frame.origin.x, mainImageView.frame.origin.y, size.width, size.height))
    Person.image?.drawInRect(CGRectMake(location.x, location.y, frontSize.width, frontSize.height))
    let newImage:UIImage = UIGraphicsGetImageFromCurrentImageContext()
    UIGraphicsEndImageContext()
    //set finalImage to IBOulet UIImageView
    image = newImage
}
}
&lt;/code&gt;&lt;/pre&gt;
&lt;p&gt;I have a &lt;code&gt;UIButton&lt;/code&gt; below this &lt;code&gt;mainImageView&lt;/code&gt; which then performs a segue, so, basically &lt;code&gt;mainImageView&lt;/code&gt; doesn't have same width and height as main Screen.
The code does work, there is just a little problem. The foreground image (Person) becomes very small compared to its original size and isn't even at the same as the one that I drag it onto. &lt;/p&gt;</t>
  </si>
  <si>
    <t>2016-06-27 11:12:01.757000+00:00</t>
  </si>
  <si>
    <t>2016-06-27 11:14:48.847000+00:00</t>
  </si>
  <si>
    <t>ios|swift|uiimageview|touchesbegan</t>
  </si>
  <si>
    <t>Why do I get "NoMethodError Exception: undefined method `params' for main:Object with rake db:seed"?</t>
  </si>
  <si>
    <t>&lt;p&gt;I have a model User:&lt;/p&gt;
&lt;pre&gt;&lt;code&gt;class User &amp;lt; ActiveRecord::Base
   before_update :randomize_file_name
  attr_accessible :first_name, :last_name, :birth_date, :gender,:address,:city,:country,:landline,:mobile, :email, :password, :password_confirmation,:login,:terms_and_policy,:remember_token,:avatar, :readonly,:look
  attr_accessor :terms_and_policy, :remember_me, :readonly, :password_confirmation
&lt;/code&gt;&lt;/pre&gt;
&lt;p&gt;And &lt;code&gt;seeds.rb&lt;/code&gt;:&lt;/p&gt;
&lt;pre&gt;&lt;code&gt;login = Faker::Name.first_name
first_name = Faker::Name.first_name
last_name = Faker::Name.last_name
email = Faker::Internet.email
user = User.create!(login: login, first_name: first_name, last_name: last_name, email: email, address: "indore", city: "indore", country: "india", mobile:"1234567890", gender: "Male", password: "111111",password_confirmation: "111111")
puts "#{user} is created #{login}"
&lt;/code&gt;&lt;/pre&gt;
&lt;p&gt;When I run &lt;code&gt;rake db:create&lt;/code&gt;, I'm getting the error:&lt;/p&gt;
&lt;pre&gt;&lt;code&gt;NoMethodError Exception: undefined method `params' for main:Object
&lt;/code&gt;&lt;/pre&gt;
&lt;p&gt;I do not use &lt;code&gt;password_confirmation&lt;/code&gt; when I create &lt;code&gt;user&lt;/code&gt;, because it raises a validation error. &lt;/p&gt;
&lt;p&gt;When I trace it:&lt;/p&gt;
&lt;pre&gt;&lt;code&gt;rake db:seed --trace
** Invoke db:seed (first_time)
** Execute db:seed
** Invoke db:abort_if_pending_migrations (first_time)
** Invoke environment (first_time)
** Execute environment
** Invoke db:load_config (first_time)
** Execute db:load_config
** Execute db:abort_if_pending_migrations
rake aborted!
undefined method `params' for main:Object
&lt;/code&gt;&lt;/pre&gt;
&lt;p&gt;I used the &lt;code&gt;authlogic&lt;/code&gt; gem when I saw that &lt;code&gt;params&lt;/code&gt; was defined:&lt;/p&gt;
&lt;pre&gt;&lt;code&gt;module Authlogic
module ControllerAdapters # :nodoc:
# Allows you to use Authlogic in any framework you want, not just rails. See the RailsAdapter or MerbAdapter
# for an example of how to adapt Authlogic to work with your framework.
class AbstractAdapter
  attr_accessor :controller
  def initialize(controller)
    self.controller = controller
  end
  def authenticate_with_http_basic(&amp;amp;block)
    @auth = Rack::Auth::Basic::Request.new(controller.request.env)
    if @auth.provided? and @auth.basic?
      block.call(*@auth.credentials)
    else
      false
    end
  end
  def cookies
    controller.cookies
  end
  def cookie_domain
    raise NotImplementedError.new("The cookie_domain method has not been implemented by the controller adapter")
  end
  def params
    controller.params
  end
  def request
    controller.request
  end
  def request_content_type
    request.content_type
  end
  def session
    controller.session
  end
  def responds_to_single_access_allowed?
    controller.respond_to?(:single_access_allowed?, true)
  end
  def single_access_allowed?
    controller.send(:single_access_allowed?)
  end
  def responds_to_last_request_update_allowed?
    controller.respond_to?(:last_request_update_allowed?, true)
  end
  def last_request_update_allowed?
    controller.send(:last_request_update_allowed?)
  end
  private
    def method_missing(id, *args, &amp;amp;block)
      controller.send(id, *args, &amp;amp;block)
    end
end
&lt;/code&gt;&lt;/pre&gt;
&lt;p&gt;end&lt;/p&gt;</t>
  </si>
  <si>
    <t>2013-05-29 14:23:17.650000+00:00</t>
  </si>
  <si>
    <t>2013-11-04 21:20:02.473000+00:00</t>
  </si>
  <si>
    <t>user2257812</t>
  </si>
  <si>
    <t>ruby-on-rails|ruby-on-rails-3|ruby-on-rails-3.1|rake|authlogic</t>
  </si>
  <si>
    <t>Is that possible to show split container inside dialog/modal dialog in dojo?</t>
  </si>
  <si>
    <t>&lt;p&gt;I was trying to add SplitContainer inside dialog programatically, I am not able to success it.&lt;/p&gt;
&lt;p&gt;Could anyone please suggest me that is it possible to add SplitContainer inside Dialog? if yes please share the me the sample if you have anything.&lt;/p&gt;
&lt;p&gt;Thanks
Murugan&lt;/p&gt;
&lt;p&gt;The popover widget is our own widget and derived from dojo dialog.&lt;/p&gt;
&lt;pre&gt;&lt;code&gt;define("storm/service/serviceErrorDeploy/serviceErrorDeploy", ["dojo/_base/declare",
        "dojo/data/ItemFileWriteStore",
        "xwt/widget/table/Table",
        "dijit/layout/ContentPane",
        "dijit/tree/ForestStoreModel",
        "xwt/widget/layout/Popover",
        "dojo/_base/lang",
        "dojo/dom",
        "dojo/i18n!storm/nls/actions",
        "xwt/widget/table/GlobalToolbar",
        "xwt/widget/tree/Tree",
         'dojo/dom-construct',
         'dojo/query',
         "dojo/_base/array"      
        ], function(declare, ItemFileWriteStore, Table,ContentPane, ForestStoreModel, Popover,lang,dom,nls,GlobalToolbar,Tree,domConstruct,query,array){
    return declare("storm.topology.serviceErrorDeploy.widget.serviceErrorDeploy", [Popover], {
        i18n: nls,
        id:"serviceErrorPop",
        pinnable:false,
        baseClass: "serviceErrorDeploy",
        errorProvisioningDetailsTable:null,
        errorProvisioningDetailsCPane:null,
        summaryData : null,
        url : '/webacs/api/v1/data/DeviceConfigDeploymentStatus.json?.full=true&amp;amp;cfsId=',
        tableData:null,
        resizable:true,
        treeArray: [],
        postCreate: function(){
            this.inherited(arguments);
            if(dijit.byId('errorProvisioningDetailsCPaneID')){
                try {                   
                    dijit.byId('errorProvisioningDetailsCPaneID').destroy();                    
                }catch(err) {console.log(err);}
            } 
            var tableTrs = query('.serviceErrorDeployPopup');
            tableTrs.forEach(lang.hitch(this,function(obj){ 
                var node = query('.xwtPopoverClose',obj)[0];
                if(node &amp;amp;&amp;amp; node !=undefined)
                    node.click();
            }));
        },
        setValues: function(values, cell){
            this.inherited(arguments);
            this.setAttribute('title',values.name);
            this.url += values["@id"]?values["@id"]:values.version&amp;gt;=0?values.provisionedCfsId:values.discoveredCfsId;
            this.createWidgetStructure();
        },
        createWidgetStructure:function(){
            this.splitterPane = new  xwt.widget.layout.SplitContainer({id:'errorDetailsSplitContainer',useFullViewPort:true}, this.containerNode);
            this.errorProvisioningDetailsCPane = new ContentPane({
                id: "errorProvisioningDetailsCPaneID",
                region: "top",
                style:"height:100%;border: 1px white solid;overflow:hidden;"
            });                 
            this.errorDetailsTreeCPane = new ContentPane({
                id: "errorDetailsTreeCPaneID",
                region: "center",
                style:"height:270px;border: 1px white solid;"
            });
            this.splitterPane.addChild(this.errorProvisioningDetailsCPane);
            this.splitterPane.addChild(this.errorDetailsTreeCPane);
            this.splitterPane.startup();
            this.splitterPane.resize();         
        },
        hide: function(evt) {
            this.inherited(arguments);
            if (this.errorProvisioningDetailsCPane) {
                this.errorProvisioningDetailsCPane.destroyRecursive();
                this.errorProvisioningDetailsCPane = null;
            }
            this.treeArray = [];
        },
        destroy: function(){
            this.inherited(arguments);
            if (this.errorProvisioningDetailsCPane) {
                this.errorProvisioningDetailsCPane.destroyRecursive();
                this.errorProvisioningDetailsCPane = null;
            }
            this.treeArray = [];
        }
    });
});
&lt;/code&gt;&lt;/pre&gt;</t>
  </si>
  <si>
    <t>2017-05-12 06:16:47.797000+00:00</t>
  </si>
  <si>
    <t>2017-05-12 22:32:28.347000+00:00</t>
  </si>
  <si>
    <t>javascript|dojo|splitcontainer|dijit.dialog</t>
  </si>
  <si>
    <t>How to verify a JWT using python PyJWT with a public PEM cert?</t>
  </si>
  <si>
    <t>&lt;p&gt;I recently upgraded from PyJWT 0.4.1 to 1.0.1 and I can't figure out how to verify a JWT signed with a public key.&lt;/p&gt;
&lt;p&gt;My code looks like this:&lt;/p&gt;
&lt;pre&gt;&lt;code&gt;import jwt
cert_string = "-----BEGIN CERTIFICATE-----\nMIICITCCAYqgAwIBAgIIBEsUSxL..."
token_string = "eyJhbGciOiJSUzI1NiIsImtpZCI6I..."
jwt.decode(token_string, cert_string, algorithms=['RS256'])
&lt;/code&gt;&lt;/pre&gt;
&lt;p&gt;The error I get is:&lt;/p&gt;
&lt;pre&gt;&lt;code&gt;File "&amp;lt;stdin&amp;gt;", line 1, in &amp;lt;module&amp;gt;
File "~/.virtualenvs/project/lib/python2.7/site-packages/jwt/api.py", line 117, in decode                            
key, algorithms, **kwargs)                                                                                         
File "~/.virtualenvs/project/lib/python2.7/site-packages/jwt/api.py", line 176, in _verify_signature                 
key = alg_obj.prepare_key(key)                                                                                     
File "~/.virtualenvs/project/lib/python2.7/site-packages/jwt/algorithms.py", line 165, in prepare_key                
key = load_pem_public_key(key, backend=default_backend())                                                          
File "~/.virtualenvs/project/lib/python2.7/site-packages/cryptography/hazmat/primitives/serialization.py", line 24, in load_pem_public_key
return backend.load_pem_public_key(data)                                                                           
File "~/.virtualenvs/project/lib/python2.7/site-packages/cryptography/hazmat/backends/multibackend.py", line 285, in load_pem_public_key
return b.load_pem_public_key(data)
File "~/.virtualenvs/project/lib/python2.7/site-packages/cryptography/hazmat/backends/openssl/backend.py", line 716, in load_pem_public_key
self._handle_key_loading_error()
File "~/.virtualenvs/project/lib/python2.7/site-packages/cryptography/hazmat/backends/openssl/backend.py", line 912, in _handle_key_loading_error
raise ValueError("Could not unserialize key data.")                                                                
ValueError: Could not unserialize key data.
&lt;/code&gt;&lt;/pre&gt;
&lt;p&gt;I'm confident my cert_string and token are good. The following code runs OK:&lt;/p&gt;
&lt;pre&gt;&lt;code&gt;from cryptography.x509 import load_pem_x509_certificate
from cryptography.hazmat.backends import default_backend
load_pem_x509_certificate(cert_string, default_backend())
&lt;/code&gt;&lt;/pre&gt;
&lt;p&gt;My code that used to work with 0.4.1 looked like this:&lt;/p&gt;
&lt;pre&gt;&lt;code&gt;cert_string = "".join(cert_string.strip().split("\n")[1:-1])
der = a2b_base64(cert_string)
cert = DerSequence()
cert.decode(der)
tbsCertificate = DerSequence()
tbsCertificate.decode(cert[0])
subjectPublicKeyInfo = tbsCertificate[6]
pub_key = RSA.importKey(subjectPublicKeyInfo)
jwt.decode(token_string, pub_key)
&lt;/code&gt;&lt;/pre&gt;
&lt;p&gt;Any help would be appreciated.&lt;/p&gt;</t>
  </si>
  <si>
    <t>2015-04-10 17:59:36.710000+00:00</t>
  </si>
  <si>
    <t>2017-02-02 15:05:57.477000+00:00</t>
  </si>
  <si>
    <t>2015-04-10 18:31:06.110000+00:00</t>
  </si>
  <si>
    <t>python|rsa|jwt|pem</t>
  </si>
  <si>
    <t>node.js Socket io "Reference error io is not defined"</t>
  </si>
  <si>
    <t>&lt;p&gt;I'm working on a chat program, I'm still in the beginning of making it but when I try to connect to the server from the console on google chrome it says  a reference error io is not defined.&lt;/p&gt;
&lt;p&gt;client&lt;/p&gt;
&lt;pre&gt;&lt;code&gt;&amp;lt;!DOCTYPE html&amp;gt; 
&amp;lt;html&amp;gt;
&amp;lt;head&amp;gt;
    &amp;lt;link rel="stylesheet" type="text/css" href="stylesheet.css"&amp;gt;
    &amp;lt;title&amp;gt;Chat&amp;lt;/title&amp;gt;
&amp;lt;/head&amp;gt;
&amp;lt;body&amp;gt;
    &amp;lt;div class="chat"&amp;gt;
        &amp;lt;input type="text" class="chat-name" placeholder="Enter your name"&amp;gt;
        &amp;lt;div class="chat-messages"&amp;gt;
            &amp;lt;div class="chat-message"&amp;gt;
            &amp;lt;/div&amp;gt;
        &amp;lt;/div&amp;gt;
        &amp;lt;textarea placeholder="type your message" class="chat-textarea"&amp;gt;&amp;lt;/textarea&amp;gt;
        &amp;lt;div class="chat-status"&amp;gt;Status: &amp;lt;span&amp;gt;Idle&amp;lt;/span&amp;gt;&amp;lt;/div&amp;gt;
    &amp;lt;/div&amp;gt;
    &amp;lt;script&amp;gt;src="http://localhost:8080/socket.io/socket.io.js"&amp;lt;/script&amp;gt;
&amp;lt;/body&amp;gt;
&amp;lt;/html&amp;gt;
&lt;/code&gt;&lt;/pre&gt;
&lt;p&gt;server.js&lt;/p&gt;
&lt;pre&gt;&lt;code&gt;var mongo = require('mongodb').MongoClient,
client = require('socket.io').listen(8080);
console.log("Server is running on port 8080");
&lt;/code&gt;&lt;/pre&gt;</t>
  </si>
  <si>
    <t>2014-07-23 12:26:39.560000+00:00</t>
  </si>
  <si>
    <t>2014-07-23 12:29:58.357000+00:00</t>
  </si>
  <si>
    <t>javascript|html5|node.js|mongodb|socket.io</t>
  </si>
  <si>
    <t>Line of best fit through data points</t>
  </si>
  <si>
    <t>&lt;p&gt;&lt;img src="https://i.stack.imgur.com/LONLq.jpg" alt="Image of data ponits"&gt;&lt;/p&gt;
&lt;p&gt;Ideally want a polynomial fit or Gaussian Process Regression. Unsure how to implement this in sklearn. Data is stored in pandas.&lt;/p&gt;
&lt;p&gt;I have tried the below, but it loads very slowly, even when there are only 128 data points.&lt;/p&gt;
&lt;pre&gt;&lt;code&gt;from sklearn.svm import SVR
X, y = df11[['P1FRAMES']], df11[['A']]
svr_lin = SVR(kernel='linear', C=1e3)
svr_poly = SVR(kernel='poly', C=1e3, degree=2)
y_lin = svr_lin.fit(X, y).predict(X)
y_poly = svr_poly.fit(X, y).predict(X)
&lt;/code&gt;&lt;/pre&gt;
&lt;p&gt;Is there a faster way to generate a second order polynomial best-fit line? Or any other best-fit line that you think might be suitable?&lt;/p&gt;
&lt;p&gt;Thanks&lt;/p&gt;
&lt;p&gt;Tom&lt;/p&gt;</t>
  </si>
  <si>
    <t>2018-01-13 12:26:58.447000+00:00</t>
  </si>
  <si>
    <t>2018-01-13 14:14:59.777000+00:00</t>
  </si>
  <si>
    <t>python|scikit-learn|best-fit-curve</t>
  </si>
  <si>
    <t>customize json response from WCF Rest service</t>
  </si>
  <si>
    <t>&lt;p&gt;I've created a WCF Rest service that reads google APIs json data and sends a jsonp response back to another application. I have a class that returns a list collection of another class and one integer member called total.&lt;/p&gt;
&lt;p&gt;My jsonp format is like: &lt;/p&gt;
&lt;pre&gt;&lt;code&gt;   jsonCallback({"results":["list" : {"title":"Pulkit Gulati", "htmlSnippet" : "..."}, 
                                     {"title":"Pulkit Gulati", "htmlSnippet" : "..."}
                           ],
                 _total=50}
   );
[DataContract]
public class GResult
{
    [DataMember(Order=2)]
    public string htmlSnippet { get; set; }
    [DataMember(Order=1)]
    public string title { get; set; }
}
[DataContract]
public class GResultPadding
{
    [DataMember(Order=1)]
    public IEnumerable&amp;lt;GResult&amp;gt; list { get; set; }
    [DataMember(Order=2)]
    public int _total { get; set; }
}
&lt;/code&gt;&lt;/pre&gt;
&lt;p&gt;I want the output response as below, "list" removed:&lt;/p&gt;
&lt;pre&gt;&lt;code&gt;jsonCallback({"results":[{"title":"Pulkit Gulati", "htmlSnippet" : "..."}, 
                                     {"title":"Pulkit Gulati", "htmlSnippet" : "..."}
                           ],
                 _total=50}
   );
&lt;/code&gt;&lt;/pre&gt;
&lt;p&gt;My method returns:&lt;/p&gt;
&lt;pre&gt;&lt;code&gt;GResultPadding getDataFromGoogle(string firstName, string lastName);
&lt;/code&gt;&lt;/pre&gt;
&lt;p&gt;Is there a way that I can remove the key "list" from this response and keep the collection without this? The rest of the formed result is fine. I'm using body style as Wrapped and WebGet for the method.&lt;/p&gt;</t>
  </si>
  <si>
    <t>2015-01-12 12:42:01.313000+00:00</t>
  </si>
  <si>
    <t>2015-01-12 12:51:26.443000+00:00</t>
  </si>
  <si>
    <t>c#|json|wcf|rest</t>
  </si>
  <si>
    <t>Floating action button (Fab) like a grid ( horizontal and vertical )</t>
  </si>
  <si>
    <t>&lt;p&gt;I search a floating action button and I want the possibility to add button horizontaly for each vertical button like this :&lt;/p&gt;
&lt;p&gt;&lt;a href="https://i.stack.imgur.com/MXvuf.jpg" rel="nofollow noreferrer"&gt;&lt;img src="https://i.stack.imgur.com/MXvuf.jpg" alt="enter image description here"&gt;&lt;/a&gt;&lt;/p&gt;
&lt;p&gt;How can I do this ?&lt;/p&gt;</t>
  </si>
  <si>
    <t>2015-12-19 12:51:58.967000+00:00</t>
  </si>
  <si>
    <t>2016-04-27 16:38:12.173000+00:00</t>
  </si>
  <si>
    <t>2015-12-19 12:52:25.647000+00:00</t>
  </si>
  <si>
    <t>android|floating-action-button|android-fab</t>
  </si>
  <si>
    <t>xslt always gives me UTF-16 with slashes</t>
  </si>
  <si>
    <t>&lt;p&gt;I have the following bit of code in C# to convert an XML file to another using XSLT/&lt;/p&gt;
&lt;pre&gt;&lt;code&gt;string xmlInput = @"&amp;lt;?xml version='1.0' encoding='UTF-8'?&amp;gt;&amp;lt;catalog&amp;gt;&amp;lt;cd&amp;gt;&amp;lt;title&amp;gt; Empire Burlesque &amp;lt;/title &amp;gt;&amp;lt;artist&amp;gt; Bob Dylan &amp;lt;/artist&amp;gt;&amp;lt;country&amp;gt; USA &amp;lt;/country&amp;gt;&amp;lt;company&amp;gt; Columbia &amp;lt;/company&amp;gt;&amp;lt;price&amp;gt; 10.90 &amp;lt;/price&amp;gt;&amp;lt;year&amp;gt; 1985 &amp;lt;/year&amp;gt;&amp;lt;/cd&amp;gt;&amp;lt;/catalog&amp;gt;";
            ///////////////////////////////////////////////////////////////
            string xmlOutput = String.Empty;            
            using (StringReader sri = new StringReader(xmlInput))
            {
                using (XmlReader xri = XmlReader.Create(sri))                
                {
                    XslCompiledTransform xslt = new XslCompiledTransform();
                    //xslt.Load(xrt);
                    xslt.Load(@"XSLT/slide2.xslt");
                    using (StringWriter sw = new StringWriter())
                    using (XmlWriter xwo = XmlWriter.Create(sw, new XmlWriterSettings { Encoding = Encoding.UTF8 }))
                    {
                        xslt.Transform(xri, xwo);
                        xmlOutput = sw.ToString();
                    }
                }
            }
&lt;/code&gt;&lt;/pre&gt;
&lt;p&gt;xmlOutput gives me &lt;code&gt;"&amp;lt;?xml version=\"1.0\" encoding=\"utf-16\"?&amp;gt;&amp;lt;root&amp;gt; Empire Burlesque &amp;lt;/root&amp;gt;"&lt;/code&gt;
How can I get utf-8 and no slashes?&lt;/p&gt;</t>
  </si>
  <si>
    <t>2017-07-26 11:53:34.897000+00:00</t>
  </si>
  <si>
    <t>2017-07-26 16:32:16.220000+00:00</t>
  </si>
  <si>
    <t>c#|.net|xml|xslt|utf-8</t>
  </si>
  <si>
    <t>vimrc file variations when using git</t>
  </si>
  <si>
    <t>&lt;p&gt;I am currently using git to version control my vimrc file. However, on one computer I want the vimrc file to be slightly different (to change the gui font). How can I do this easily? Is there a way to ignore that specific line? Or do I put them on different branches?&lt;/p&gt;</t>
  </si>
  <si>
    <t>2011-07-14 16:50:46.107000+00:00</t>
  </si>
  <si>
    <t>2011-07-14 17:34:03.190000+00:00</t>
  </si>
  <si>
    <t>git|vim</t>
  </si>
  <si>
    <t>Google Wallet digital goods: No subscription cancelled callback</t>
  </si>
  <si>
    <t>&lt;p&gt;I've been using Google Wallet for handling our subscriptions for some months now.
Everything seemed to work fine but I just found out that Google Wallet does not send subscription cancel confirmations any more when a user cancels the subscription.
I still receive subscription success callbacks, but our server simply does not get any subscription cancel events.
Now I have a bunch of active subscriptions on our end that are already cancelled in Google Wallet.
As there is no way to query the subscription state I am totally lost.
Is this is general or a temporary problem or has the wallet API been changed?&lt;/p&gt;</t>
  </si>
  <si>
    <t>2013-12-11 09:38:13.290000+00:00</t>
  </si>
  <si>
    <t>2014-01-31 05:44:44.623000+00:00</t>
  </si>
  <si>
    <t>android-pay</t>
  </si>
  <si>
    <t>Emgu cv Perspective Transform</t>
  </si>
  <si>
    <t>&lt;p&gt;I'm working emgucv project, But I have problem.&lt;/p&gt;
&lt;p&gt;I want as a result of this image&lt;/p&gt;
&lt;p&gt;&lt;a href="https://i.stack.imgur.com/ioUMi.png" rel="nofollow noreferrer"&gt;&lt;img src="https://i.stack.imgur.com/ioUMi.png" alt="enter image description here"&gt;&lt;/a&gt;&lt;/p&gt;
&lt;p&gt;I accept the four input coordinates and want to Perspective with a new image.&lt;/p&gt;
&lt;p&gt;But my code is impossible...&lt;/p&gt;
&lt;p&gt;This is my code:&lt;/p&gt;
&lt;pre&gt;&lt;code&gt;namespace WindowsFormsApplication1
{
    public partial class Form1 : Form
    {
        Image&amp;lt;Bgr, byte&amp;gt; image = new Image&amp;lt;Bgr, byte&amp;gt;(@"C:\Users4.jpg");
        Bitmap bitImage;
        ImageConverter im = new ImageConverter();
        int w, h;   
        int count = 4;
        int a = 0;
        HomographyMatrix homography;
        PointF[] spoint = new PointF[4];
        PointF[] dpoint = new PointF[4];
        public Form1()
        {
            InitializeComponent();
        }
        private void Form1_Shown(object sender, EventArgs e)
        {
            bitImage = new Bitmap(@"C:\Users4.jpg");
            w = bitImage.Width;
            h = bitImage.Height;
            this.Size = new System.Drawing.Size(w, h);
            ibCanvas.BackgroundImage = bitImage;
        }
        /*
         When taking the mouse coordinates being the X and Y axes to the coordinates stored in the Point array.
         */
        private void ibCanvas_MouseDown(object sender, MouseEventArgs e)
        {
            if (count != 0)
            {
                spoint[a] = new PointF(e.X, e.Y);
                a++;
                count -= 1;
            }
            if (count == 0)
            {
                count = 4;
                a = 0;
                PointF[] pts1 = new PointF[4];
                PointF[] pts2 = new PointF[4];
                label1.Text = spoint[0].ToString();
                label2.Text = spoint[1].ToString();
                label3.Text = spoint[2].ToString();
                label4.Text = spoint[3].ToString();
                double w1 = Math.Sqrt(Math.Pow(spoint[3].X - spoint[0].X, 2)
                                    + Math.Pow(spoint[3].X - spoint[0].X, 2));
                double w2 = Math.Sqrt(Math.Pow(spoint[2].X - spoint[1].X, 2)
                                    + Math.Pow(spoint[2].X - spoint[1].X, 2));
                double h1 = Math.Sqrt(Math.Pow(spoint[3].Y - spoint[2].Y, 2)
                                    + Math.Pow(spoint[3].Y - spoint[2].Y, 2));
                double h2 = Math.Sqrt(Math.Pow(spoint[0].Y - spoint[1].Y, 2)
                                    + Math.Pow(spoint[0].Y - spoint[1].Y, 2));
                double maxWidth = (w1 &amp;lt; w2) ? w1 : w2;
                double maxHeight = (h1 &amp;lt; h2) ? h1 : h2;
                dpoint[0].X = 0;
                dpoint[0].Y = 0;
                dpoint[1].X = 0;
                dpoint[1].Y = ((float)maxHeight-1);
                dpoint[2].X = ((float)maxWidth - 1); ;
                dpoint[2].Y = ((float)maxHeight - 1); ;
                dpoint[3].X = ((float)maxWidth - 1); ;
                dpoint[3].Y = 0;
                homography = CameraCalibration.GetPerspectiveTransform(spoint, dpoint);
                Image&amp;lt;Bgr, byte&amp;gt; newImage = image.WarpPerspective(homography, Emgu.CV.CvEnum.INTER.CV_INTER_CUBIC, Emgu.CV.CvEnum.WARP.CV_WARP_DEFAULT, new Bgr(0, 0, 0));
                CvInvoke.cvShowImage("new Image", newImage);
            }
        }
    }
}
&lt;/code&gt;&lt;/pre&gt;
&lt;p&gt;I want really solve this problem&lt;/p&gt;
&lt;p&gt;Please Help me!&lt;/p&gt;</t>
  </si>
  <si>
    <t>2016-02-17 11:57:22.270000+00:00</t>
  </si>
  <si>
    <t>2016-02-17 13:37:44.147000+00:00</t>
  </si>
  <si>
    <t>c#|emgucv|perspective|opencvsharp</t>
  </si>
  <si>
    <t>How do I fix the error "UpdateCommand has affected 0 of 1 expected entries."?</t>
  </si>
  <si>
    <t>&lt;p&gt;&lt;strong&gt;Used by:&lt;/strong&gt;&lt;br&gt;
 - MSAccess 2016.&lt;br&gt;
 - Autoincrement "ID" is formed in the database table.&lt;br&gt;
 - DevExpress.&lt;br&gt;
 - gridControl.��&lt;/p&gt;
&lt;p&gt;After I add a new entry to "gridControl1" I need to add an "ID" from the database.  &lt;/p&gt;
&lt;p&gt;Scenario_1:&lt;br&gt;
- User. Fills the required field; 
- User. Shifts focus to "gridControl1";&lt;br&gt;
- The program. Adds a new entry to "gridControl1" - "Record_1";&lt;br&gt;
- The program. Using the &lt;code&gt;Row_Changed&lt;/code&gt; event, we add the entry "Record_1 "to the" database ";&lt;br&gt;
- The program. Get ID "Record_1" from the database;&lt;br&gt;
- The program. Updates the ID in the "DataTable" for the new entry "Record_1";  &lt;/p&gt;
&lt;p&gt;After executing the script "Scenario_1" the user tries to update any field of the new record.&lt;br&gt;
Scenario_2:&lt;br&gt;
- User. Changes the entry field "Record_1";&lt;br&gt;
- User. Shifts focus to another entry;&lt;br&gt;
- The program. Produces the error "UpdateCommand has affected 0 of 1 expected entries.";  &lt;/p&gt;
&lt;p&gt;How do I fix the error "UpdateCommand has affected 0 of 1 expected entries."?&lt;/p&gt;
&lt;p&gt;&lt;a href="https://i.stack.imgur.com/fdePD.png" rel="nofollow noreferrer"&gt;&lt;img src="https://i.stack.imgur.com/fdePD.png" alt="enter image description here"&gt;&lt;/a&gt;
&lt;a href="https://i.stack.imgur.com/N2BYG.png" rel="nofollow noreferrer"&gt;&lt;img src="https://i.stack.imgur.com/N2BYG.png" alt="enter image description here"&gt;&lt;/a&gt;
&lt;a href="https://i.stack.imgur.com/DVDVk.png" rel="nofollow noreferrer"&gt;&lt;img src="https://i.stack.imgur.com/DVDVk.png" alt="enter image description here"&gt;&lt;/a&gt;
&lt;a href="https://i.stack.imgur.com/FKtbZ.png" rel="nofollow noreferrer"&gt;&lt;img src="https://i.stack.imgur.com/FKtbZ.png" alt="enter image description here"&gt;&lt;/a&gt;&lt;/p&gt;
&lt;p&gt;&lt;strong&gt;added&lt;/strong&gt;&lt;br&gt;
State when an error occurs
&lt;a href="https://i.stack.imgur.com/JyG5J.png" rel="nofollow noreferrer"&gt;&lt;img src="https://i.stack.imgur.com/JyG5J.png" alt="enter image description here"&gt;&lt;/a&gt;&lt;/p&gt;
&lt;pre&gt;&lt;code&gt;   public void connect()
{
            string catBD = @"z:\vs\csharp\prb\718\01_pr\01_pr\01_pr\718.01.01.accdb";
            string conBD = string.Format("Provider=Microsoft.ACE.OLEDB.12.0;Data Source={0}", catBD);
            connection = new OleDbConnection(conBD);
            connection.Open();          
            string query1 = "SELECT * FROM TableGrid_00";            
            OleDbCommand cmd1 = new OleDbCommand(query1, connection);
            dt = new DataTable();
            try
            {
                adapter = new OleDbDataAdapter(cmd1);
                 cmdBuilder = new OleDbCommandBuilder(adapter);
                 adapter.UpdateCommand = cmdBuilder.GetUpdateCommand();
                 adapter.InsertCommand = cmdBuilder.GetInsertCommand();
            }
            catch (Exception ex)
            {
                string s = ex.Message;
                throw;
            }
            adapter.Fill(dt);
            dt.RowChanged += new DataRowChangeEventHandler(Row_Changed);
}
private void Row_Changed(object sender, DataRowChangeEventArgs e)
{
     adapter.Update(dt);
     string SearchByColumn = "ID is null";
     DataRow[] hasRows = dt.Select(SearchByColumn);
     if (hasRows.Length != 0)
     {
       string query = "SELECT MAX(ID) FROM TableGrid_00";
       OleDbCommand com;
       OleDbDataReader dataReader;
       com = new OleDbCommand(query, connection);
        dataReader = com.ExecuteReader();
        dataReader.Read();
        int resultQuery = dataReader.GetInt32(0);
        hasRows[0]["ID"] = resultQuery;
        dataReader.Close();
     }
     else
     {
     }
}
&lt;/code&gt;&lt;/pre&gt;</t>
  </si>
  <si>
    <t>2018-12-01 08:48:41.593000+00:00</t>
  </si>
  <si>
    <t>2018-12-01 09:39:46.173000+00:00</t>
  </si>
  <si>
    <t>c#|winforms|ado.net|devexpress</t>
  </si>
  <si>
    <t>Nsight for VS 2010 will not be installed</t>
  </si>
  <si>
    <t>&lt;p&gt;Well, I got VS 2008, VS 2010 and even VS 2012 on my PC. I downloaded CUDA 5.0 SDK and installed it. But when I installing Nsight appears this 
&lt;img src="https://i.stack.imgur.com/UTnN0.png" alt="enter image description here"&gt;&lt;/p&gt;
&lt;p&gt;How can I install it properly? &lt;/p&gt;</t>
  </si>
  <si>
    <t>2013-03-11 19:08:05.540000+00:00</t>
  </si>
  <si>
    <t>2013-03-13 06:22:59.243000+00:00</t>
  </si>
  <si>
    <t>visual-studio-2010|cuda|nsight</t>
  </si>
  <si>
    <t>Removing Qpixmap from QGraphicsScene</t>
  </si>
  <si>
    <t>&lt;p&gt;I enconutered a problem, when dealing with QGraphicsScene and QPixmap. 
I am sequentially displaying frames, captured by the camera. QTimer object is calling updateSingleView() function every 100ms. That is my inner function:&lt;/p&gt;
&lt;pre&gt;&lt;code&gt;void CCIGui::updateSingleView()
{
    unsigned char *const img = PGRSystem-&amp;gt;SnapShot();
    QImage Img(img, 1024, 768, QImage::Format_RGB888);
    scenes.at(0)-&amp;gt;removeItem(scenes.at(0)-&amp;gt;items().at(0));
    scenes.at(0)-&amp;gt;addPixmap(QPixmap::fromImage(Img));
    ui_camViews.at(0).graphicsView-&amp;gt;setScene(scenes.at(0));
    delete [] img;
}
&lt;/code&gt;&lt;/pre&gt;
&lt;p&gt;Gui is displaying the camera's view but unfortunatelly there is a memory leak, when calling &lt;code&gt;scenes.at(0)-&amp;gt;addPixmap(QPixmap::fromImage(Img));&lt;/code&gt; I thought that &lt;code&gt;removeItem&lt;/code&gt; function should destroy the old QPixmap, but apparently its not. Do you know why the leak occurs and how to solve it?&lt;/p&gt;</t>
  </si>
  <si>
    <t>2010-11-24 09:09:37.877000+00:00</t>
  </si>
  <si>
    <t>2010-11-24 16:35:13.927000+00:00</t>
  </si>
  <si>
    <t>c++|qt|qgraphicsview</t>
  </si>
  <si>
    <t>Visual Studio Code powershell terminal display is broken</t>
  </si>
  <si>
    <t>&lt;p&gt;I am using VisualStudioCode with powershell, and the line breaks as shown below.&lt;/p&gt;
&lt;p&gt;&lt;img src="https://s24.postimg.org/cuh2orbtx/screenshot_2017_06_05_at_09_32_04.png" alt=""&gt;&lt;/p&gt;
&lt;p&gt;Do you have any idea why?&lt;/p&gt;
&lt;p&gt;VisualStudioCode Version:&lt;/p&gt;
&lt;p&gt;&lt;img src="https://s24.postimg.org/mt21b8l9h/screenshot_2017_06_05_at_09_32_47.png" alt=""&gt;&lt;/p&gt;
&lt;p&gt;My settings file:&lt;/p&gt;
&lt;pre&gt;&lt;code&gt;{
    "editor.fontFamily": "D2Coding",
    "editor.fontSize": 14,
    "editor.wordWrap": "on",
    "editor.mouseWheelZoom": true,
    "window.reopenFolders": "none",
    "workbench.colorTheme": "Visual Studio Dark",
    "workbench.welcome.enabled": false,
    "window.zoomLevel": 0,
    "editor.cursorStyle": "line-thin",
    "terminal.integrated.shell.windows": "C:\\Windows\\SysWOW64\\WindowsPowerShell\\v1.0\\powershell.exe"
}
&lt;/code&gt;&lt;/pre&gt;</t>
  </si>
  <si>
    <t>2017-06-05 00:35:23.623000+00:00</t>
  </si>
  <si>
    <t>2017-06-05 13:32:04.590000+00:00</t>
  </si>
  <si>
    <t>powershell|visual-studio-code</t>
  </si>
  <si>
    <t>how to free memory assigned using malloc?</t>
  </si>
  <si>
    <t>&lt;pre&gt;&lt;code&gt; struct element {
   unsigned long int  ip;
   int type;
   int rtt;
   struct element * next;
   struct element * edge;
};
&lt;/code&gt;&lt;/pre&gt;
&lt;p&gt;I have a linked list. I create new nodes using malloc.
I tried to free up memory using free (ptr to node)
but when I run the traverse function again, I can traverse the linked list and the rtt value is correct as well as the next and edge pointers as I can follow the linked list. ONly the ip value is corrupted. why is this?&lt;/p&gt;</t>
  </si>
  <si>
    <t>2011-03-22 13:33:22.553000+00:00</t>
  </si>
  <si>
    <t>2011-03-22 14:04:09.853000+00:00</t>
  </si>
  <si>
    <t>2011-03-22 13:34:28.373000+00:00</t>
  </si>
  <si>
    <t>user494461</t>
  </si>
  <si>
    <t>c|memory|memory-management|malloc</t>
  </si>
  <si>
    <t>Django Tastypie - include to many fields</t>
  </si>
  <si>
    <t>&lt;p&gt;I am trying to use the django tastypie but have some troubles. Here is my api.py:&lt;/p&gt;
&lt;pre&gt;&lt;code&gt;from tastypie.resources import ModelResource
from tastypie import fields
from app.models import First, Second, Third
class FirstResource(ModelResource):
    second = fields.ToManyField('app.api.SecondResource', 'second_set', related_name='first', null=True, blank=True, full=True)
    class Meta:
        queryset = First.objects.all()
        resource_name = 'first'
class SecondResource(ModeResource):
    first = fields.ForeignKey(FirstResource, 'first', full=True)
    third = fields.ToManyField('app.api.ThirdResource', 'third_set', related_name='second', null=True, blank=True, full=True)
    class Meta:
        queryset = Second.objects.all()
        resource_name = 'second'
class ThirdResource(ModelResource):
    poll = fields.ForeignKey(SecondResource, 'second', full=True)
    class Meta:
        queryset = Third.objects.all()
        resource_name = 'third'
&lt;/code&gt;&lt;/pre&gt;
&lt;p&gt;When I try to get the SecondResource with &lt;code&gt;http://127.0.0.1:8000/app/api/v1/second/&lt;/code&gt; it includes the FirstResource, but I also want the ThirdResource associated.
 For now it only gives me an empty array. How can I do this?&lt;/p&gt;</t>
  </si>
  <si>
    <t>2013-02-23 15:19:26.250000+00:00</t>
  </si>
  <si>
    <t>2013-02-24 02:26:05.673000+00:00</t>
  </si>
  <si>
    <t>2013-02-24 00:21:47.187000+00:00</t>
  </si>
  <si>
    <t>django|api|tastypie</t>
  </si>
  <si>
    <t>powershell string comparison operators ignoring wildcards</t>
  </si>
  <si>
    <t>&lt;p&gt;I am trying to compare strings like this:&lt;/p&gt;
&lt;pre&gt;&lt;code&gt;'Backup Exec Alert: Job Success (Server: "AMSMGMT") (Job: "Ams-Daily-Back")' -match '(Server: "AMSMGMT") (Job: "Ams-Daily-Back")'
&lt;/code&gt;&lt;/pre&gt;
&lt;p&gt;Which is returning false because I need to scape the wildcards e.g. &lt;/p&gt;
&lt;pre&gt;&lt;code&gt;'/(Server: "AMSMGMT"/) /(Job: "Ams-Daily-Back"/)'
&lt;/code&gt;&lt;/pre&gt;
&lt;p&gt;Question: &lt;/p&gt;
&lt;p&gt;Is there any powershell function to find substrings ignoring wildcards/regex?&lt;/p&gt;
&lt;p&gt;thank you very much&lt;/p&gt;</t>
  </si>
  <si>
    <t>2014-04-02 14:16:20.220000+00:00</t>
  </si>
  <si>
    <t>2014-04-02 14:32:26.480000+00:00</t>
  </si>
  <si>
    <t>regex|powershell|substring|wildcard</t>
  </si>
  <si>
    <t>Error INSERT INTO in PHP</t>
  </si>
  <si>
    <t>&lt;p&gt;When I try to insert a new row it gives me this error:&lt;/p&gt;
&lt;blockquote&gt;
  &lt;p&gt;Parse error: syntax error, unexpected ';'&lt;/p&gt;
&lt;/blockquote&gt;
&lt;p&gt;When I execute the query, what I am doing wrong?&lt;/p&gt;
&lt;pre&gt;&lt;code&gt;// Selecting Database
$db = mysql_select_db("spinbb_weedworld", $connection) or die(mysql_error($db));
// SQL query to fetch information of registerd users and finds user match.
$query = "INSERT INTO login ('name','password', 'email','username')
        VALUES ('".$name."', '".$password."', '".$email."','".$username."')";
$query = mysql_query($query,$db) or die(mysql_error($db);
if ($query)
{
    header("location: profile.php");
}
else
{
    echo("MySQL error ".mysql_errno().": ".mysql_error()."\n&amp;lt;br&amp;gt;When executing:&amp;lt;br&amp;gt;\n$query\n&amp;lt;br&amp;gt;");
}
mysql_close($connection); // Closing Connection
&lt;/code&gt;&lt;/pre&gt;</t>
  </si>
  <si>
    <t>2015-05-26 11:40:26.740000+00:00</t>
  </si>
  <si>
    <t>2015-05-26 12:10:03.640000+00:00</t>
  </si>
  <si>
    <t>2015-05-26 11:44:42.907000+00:00</t>
  </si>
  <si>
    <t>php|insert</t>
  </si>
  <si>
    <t>Traefik authentication failed</t>
  </si>
  <si>
    <t>&lt;p&gt;Here's my goal, I would like to set up a reverse-proxy on my server. I used to use Haproxy for this job but I wanted to try Traefik. &lt;/p&gt;
&lt;p&gt;First I wanted to get the Traefik's dashboard page. It almost works, a pop-up appears to enter my credentials but it always failed even if I'm sure that credentials are correct.&lt;/p&gt;
&lt;p&gt;Here's my traefik.toml&lt;/p&gt;
&lt;pre&gt;&lt;code&gt;defaultEntryPoints = ["http", "https"]
# Web section is for the dashboard interface
[web]
address = ":8080"
[web.auth.basic]
  users = ["admin:aaa"]
# entryPoints section configures the addresses that Traefik and the proxied containers can listen on
[entryPoints]
  [entryPoints.http]
  address = ":80"
    [entryPoints.http.redirect] 
    entryPoint = "https"
[entryPoints.https]
address = ":443"
  [entryPoints.https.tls]
&lt;/code&gt;&lt;/pre&gt;
&lt;p&gt;Here's my docker command to run the container&lt;/p&gt;
&lt;pre&gt;&lt;code&gt;docker run -d \
   -v /var/run/docker.sock:/var/run/docker.sock \
   -v $PWD/traefik.toml:/traefik.toml \
   -v $PWD/acme.json:/acme.json \
   -p 80:80 \
   -p 443:443 \
   -l traefik.frontend.rule=Host:monitor.firelabs.fr \
   -l traefik.port=8080 \
   --network proxy \
   --name traefik \
   traefik:1.3.6-alpine --docker --logLevel=DEBUG    
&lt;/code&gt;&lt;/pre&gt;
&lt;p&gt;As you can see my credentials are admin:aaa, whenever I try to enter them into the dialog box it send me this message :&lt;/p&gt;
&lt;pre&gt;&lt;code&gt;time="2017-11-19T13:28:22Z" level=debug msg="Basic auth success..."
&lt;/code&gt;&lt;/pre&gt;
&lt;p&gt;As you can see it's a very basic configuration only to start to work with Traefik. So I don't know where I'm wrong, I looked the doc about the web section configuration and it doesn't seem to be wrong ...&lt;/p&gt;
&lt;p&gt;Do I miss something in the typo ? &lt;/p&gt;</t>
  </si>
  <si>
    <t>2017-11-19 12:36:18.017000+00:00</t>
  </si>
  <si>
    <t>2017-11-19 13:28:55.123000+00:00</t>
  </si>
  <si>
    <t>docker|traefik|toml</t>
  </si>
  <si>
    <t>Put text into a textbox from a website in VB.NET</t>
  </si>
  <si>
    <t>&lt;p&gt;I want to know how to put text to a website's textbox with VB.NET.
Like when you complete a textbox and press enter.
Something like this:&lt;/p&gt;
&lt;p&gt;Dim web as webbrowser&lt;/p&gt;
&lt;p&gt;web.document.textbox(1).insert("text")&lt;/p&gt;</t>
  </si>
  <si>
    <t>2012-07-29 09:07:26.280000+00:00</t>
  </si>
  <si>
    <t>2018-10-25 02:11:03.283000+00:00</t>
  </si>
  <si>
    <t>vb.net|text|textbox|insert</t>
  </si>
  <si>
    <t>How to make index.html page as an welcome page using Node.js</t>
  </si>
  <si>
    <t>&lt;p&gt;I'm a beginner of &lt;a href="http://en.wikipedia.org/wiki/Node.js" rel="nofollow"&gt;Node.js&lt;/a&gt; and trying different codes of Node.js. I want to develop a web app in Node.js, and I want its first (welcome page) to be an HTML file. What would example code for it look like?&lt;/p&gt;</t>
  </si>
  <si>
    <t>2011-10-11 06:55:59.430000+00:00</t>
  </si>
  <si>
    <t>2012-05-18 15:12:01.220000+00:00</t>
  </si>
  <si>
    <t>2012-05-18 15:08:55.547000+00:00</t>
  </si>
  <si>
    <t>node.js|web</t>
  </si>
  <si>
    <t>Regarding value of Map to be of type Map internally</t>
  </si>
  <si>
    <t>&lt;p&gt;I have a class&lt;/p&gt;
&lt;pre&gt;&lt;code&gt;private String patientId;
private String scriptinfo;
private Phone No.;
Now I have the hashMap..
HashMap hm = new HashMap(); 
&lt;/code&gt;&lt;/pre&gt;
&lt;p&gt;Now I want that there should be single key of hashmap let  say 'A' is the key which I will pass but the value 
is of again Map type, some thing like this..&lt;/p&gt;
&lt;pre&gt;&lt;code&gt;hm.put ("A", &amp;lt;&amp;lt;value should be of Map type&amp;gt;&amp;gt;)
&lt;/code&gt;&lt;/pre&gt;
&lt;p&gt;in that Map type value again I keep all the information like patientId,scriptinfo,Phone No. and I want patient id 
is to be the key of that Map, Please advise how to achieve this&lt;/p&gt;</t>
  </si>
  <si>
    <t>2013-01-04 07:30:24.400000+00:00</t>
  </si>
  <si>
    <t>2013-01-04 08:15:51.547000+00:00</t>
  </si>
  <si>
    <t>Module not found: Can't resolve react-raphael-map</t>
  </si>
  <si>
    <t>&lt;p&gt;Im trying to use react-raphael-map over creat-react-app but apear the the problem&lt;/p&gt;
&lt;p&gt;&lt;code&gt;./src/App.js
Module not found: Can't resolve 'react-raphael-map' in 'C:\workspace\maptestproject\src'&lt;/code&gt;&lt;/p&gt;
&lt;p&gt;I ran &lt;code&gt;create-react-app maptestproject&lt;/code&gt;;&lt;/p&gt;
&lt;p&gt;Then &lt;code&gt;npm install --save raphael&lt;/code&gt;&lt;/p&gt;
&lt;p&gt;Then &lt;code&gt;npm install --save react-raphael-map&lt;/code&gt;&lt;/p&gt;
&lt;p&gt;And the App.js was modified to:&lt;/p&gt;
&lt;pre&gt;&lt;code&gt;import React, { Component } from 'react';
import Map from 'react-raphael-map';
import logo from './logo.svg';
import './App.css';
class App extends Component {
  render() {
    var china= {
        aomen: {
            name: "������",
            path: "M413.032...",
            yy: 10
        },
        hk:{
            name: "������",
            path: "M417.745...",
            xx: 20
        },
        taiwan: {
            name: "������",
            path: "M505.438..."
        },
        guangdong: {
            name: "������",
            path: "M391.37...",
            yy: -10
        },
        guangxi: {
            name: "������",
            path: "M305.646..."
        }
    }
    return (&amp;lt;Map data={china} width={480} height={560} /&amp;gt;)
  }
}
export default App;
&lt;/code&gt;&lt;/pre&gt;
&lt;p&gt;In his example the react-raphael-map has babel and webpack files in his structure, by the way create-react-app doesnt. Is it necessary?&lt;/p&gt;
&lt;p&gt;Someone how to solve?&lt;/p&gt;</t>
  </si>
  <si>
    <t>2017-06-08 01:55:25.827000+00:00</t>
  </si>
  <si>
    <t>2017-06-08 16:11:25.533000+00:00</t>
  </si>
  <si>
    <t>2017-06-08 10:51:32.890000+00:00</t>
  </si>
  <si>
    <t>node.js|reactjs|create-react-app</t>
  </si>
  <si>
    <t>Is &lt;task:annotation-driven/&gt; needed if @Scheduled is present within &lt;context:component-scan&gt; range?</t>
  </si>
  <si>
    <t>&lt;p&gt;The configuration element &lt;code&gt;&amp;lt;task:annotation-driven/&amp;gt;&lt;/code&gt; (or &lt;code&gt;@EnableScheduling&lt;/code&gt; annotation) is supposed to turn on asynchronous tasks in Spring. However, I noticed that having one or more &lt;code&gt;@Scheduled&lt;/code&gt; annotation within &lt;code&gt;&amp;lt;context:component-scan/&amp;gt;&lt;/code&gt; range seems to be the necessary condition for async tasks to be started. &lt;/p&gt;
&lt;p&gt;Resorting to cleaning the code of &lt;code&gt;&amp;lt;task:annotation-driven/&amp;gt;&lt;/code&gt; and &lt;code&gt;@EnableScheduling&lt;/code&gt; does not prevent asynchronous tasks from starting. Why?&lt;/p&gt;</t>
  </si>
  <si>
    <t>2014-05-23 13:59:00.127000+00:00</t>
  </si>
  <si>
    <t>2017-12-11 10:41:31.327000+00:00</t>
  </si>
  <si>
    <t>java|spring</t>
  </si>
  <si>
    <t>Issue with bootstrap button vertical alignement</t>
  </si>
  <si>
    <t>&lt;p&gt;I have a simple Jade code for my header.jade&lt;/p&gt;
&lt;pre&gt;&lt;code&gt;nav.navbar.navbar-default.navbar-inverse(role="navigation")
    div.container
        div.navbar-header
            ul.nav.navbar-nav.navbar-left
                li.dropdown
                    a.dropdown-toggle(href='#', data-toggle='dropdown')
                        | Menu 
                        b.caret
                    ul.dropdown-menu
                        li
                            a(href='/') A
                        li
                            a(href='/') B                           
                        li.divider
                        li
                            a(href='/') C
                a.navbar-brand(href="/") Brand : Blabla!
        div.navbar-collapse.collapse
            div.nav.navbar-nav.navbar-right
                a.btn.btn-success(href="/login") Se connecter
&lt;/code&gt;&lt;/pre&gt;
&lt;p&gt;and I have an issue with green button that is not align (verticaly)&lt;/p&gt;
&lt;p&gt;here is a screenshot&lt;/p&gt;
&lt;p&gt;&lt;img src="https://i.stack.imgur.com/milpz.png" alt="enter image description here"&gt;&lt;/p&gt;
&lt;p&gt;So, I just need a stupid alignment between the navbar item (menu, brand, button)
What is strange, it that for text link, this is working and for forms too. But not for button&lt;/p&gt;</t>
  </si>
  <si>
    <t>2014-08-20 11:53:22.293000+00:00</t>
  </si>
  <si>
    <t>2014-08-20 14:56:25.807000+00:00</t>
  </si>
  <si>
    <t>html|css|twitter-bootstrap-3|pug</t>
  </si>
  <si>
    <t>File upload with Django: Invalid form</t>
  </si>
  <si>
    <t>&lt;p&gt;First time posting a question. I've basically copied everything I've found on here and on the django documentation site and I can't figure out what I'm doing incorrectly&lt;/p&gt;
&lt;p&gt;Here is the code from my views.py file&lt;/p&gt;
&lt;pre&gt;&lt;code&gt;from django import forms
class UploadFileForm(forms.Form):
    title = forms.CharField(max_length=50)
    file  = forms.FileField()
def upload_file(request):   
    form = UploadFileForm(request.POST, request.FILES)
    if form.is_valid():
        response = "Form is valid."              
    else:
        response = "Failed to upload attachment."
    return HttpResponse(response)
&lt;/code&gt;&lt;/pre&gt;
&lt;p&gt;And my html file: &lt;/p&gt;
&lt;pre&gt;&lt;code&gt; &amp;lt;form name="attachmentForm" action="http://mysite.com/uploadattachments" enctype="multipart/form-data" method="post"&amp;gt;
      &amp;lt;p&amp;gt;
    Please specify a file, or a set of files:&amp;lt;br/&amp;gt;
    &amp;lt;input id="attachment" type="file" name="datafile" size="40"/&amp;gt;
      &amp;lt;/p&amp;gt;
      &amp;lt;input type="submit" value="Send"/&amp;gt;
    &amp;lt;/form&amp;gt;
&lt;/code&gt;&lt;/pre&gt;
&lt;p&gt;When I test it out I get "Failed to upload attachment". Is there anything obvious that I'm missing here? I'm a bit new to django as well so I apologize if it's just a dumb error.
Thanks in advance!&lt;/p&gt;</t>
  </si>
  <si>
    <t>2011-07-19 19:38:32.807000+00:00</t>
  </si>
  <si>
    <t>2015-04-24 23:48:01.033000+00:00</t>
  </si>
  <si>
    <t>file-upload|django-forms|django-views</t>
  </si>
  <si>
    <t>Reverse 4 bytes using inline assembly</t>
  </si>
  <si>
    <t>&lt;p&gt;I know how to do it in C,&lt;br&gt;
and I know how to do it in assembly.&lt;br&gt;
But I never did inline assembly before.&lt;br&gt;
How could I do it in inline assembly?&lt;/p&gt;</t>
  </si>
  <si>
    <t>2018-09-02 14:16:52.657000+00:00</t>
  </si>
  <si>
    <t>2018-09-02 23:15:28.073000+00:00</t>
  </si>
  <si>
    <t>gcc|x86|inline-assembly</t>
  </si>
  <si>
    <t>ImageView with OnClickListener not functioning</t>
  </si>
  <si>
    <t>&lt;p&gt;I'm new to android development and have tried to set up an ImageView with an OnClickListener. I want a new activity to open once the ImageView is clicked. I have created a new menu in XML which I want to be opened and have referenced it in Java and supposedly set everything up correctly according to many of the tutorials I follow. Here's my code, hopefully someone can help. &lt;/p&gt;
&lt;pre&gt;&lt;code&gt;package com.youtube.iamjackpot;
import android.app.Activity;
import android.content.Intent;
import android.os.Bundle;
import android.view.View;
import android.widget.ImageButton;
import android.widget.ImageView;
public class searchmenu extends Activity {
/** Called when the activity is first created. */
@Override
public void onCreate(Bundle savedInstanceState) {
    super.onCreate(savedInstanceState);
    setContentView(R.layout.searchmenu);
    ImageView SearchButton = (ImageView) findViewById(R.id.SearchButton);
    SearchButton.setOnClickListener(new View.OnClickListener() {
        @Override
        public void onClick(View v) {
            // TODO Auto-generated method stub
            Intent opensearchmenu = new Intent(
                    "com.youtube.iamjackpot.searchmenu");
            startActivity(opensearchmenu);
        }
    });
}
} 
&lt;/code&gt;&lt;/pre&gt;
&lt;blockquote&gt;
  &lt;p&gt;Here's the XML of the page of I want to open:&lt;/p&gt;
&lt;/blockquote&gt;
&lt;pre&gt;&lt;code&gt;&amp;lt;?xml version="1.0" encoding="utf-8"?&amp;gt;
&amp;lt;RelativeLayout xmlns:android="http://schemas.android.com/apk/res/android"
android:layout_width="match_parent"
android:layout_height="match_parent"
android:id="@+id/searchmenu" &amp;gt;
&amp;lt;RelativeLayout
    android:layout_width="fill_parent"
    android:layout_height="wrap_content"
    android:layout_alignParentBottom="true"
    android:background="@drawable/background_meduim"
    android:gravity="center_horizontal" &amp;gt;
&amp;lt;/RelativeLayout&amp;gt;
&amp;lt;/RelativeLayout&amp;gt;
&lt;/code&gt;&lt;/pre&gt;
&lt;blockquote&gt;
  &lt;p&gt;And here's my main XML that contains the "Search Button" ImageView&lt;/p&gt;
&lt;/blockquote&gt;
&lt;pre&gt;&lt;code&gt; &amp;lt;?xml version="1.0" encoding="utf-8"?&amp;gt;
&amp;lt;RelativeLayout xmlns:android="http://schemas.android.com/apk/res/android"
android:layout_width="fill_parent"
android:layout_height="wrap_content" &amp;gt;
&amp;lt;RelativeLayout
    android:id="@+id/TopTwoButtons"
    android:layout_width="fill_parent"
    android:layout_height="wrap_content"
    android:layout_alignParentBottom="true"
    android:background="@drawable/background_meduim"
    android:gravity="center_horizontal" &amp;gt;
    &amp;lt;ImageView
        android:id="@+id/ListButton"
        android:layout_width="wrap_content"
        android:layout_height="wrap_content"
        android:layout_alignParentRight="true"
        android:layout_alignParentTop="true"
        android:layout_marginRight="35dp"
        android:layout_marginTop="130dp"
        android:src="@drawable/list_button_medium" /&amp;gt;
    &amp;lt;ImageView
        android:id="@+id/SearchButton"
        android:layout_width="wrap_content"
        android:layout_height="wrap_content"
        android:layout_alignParentLeft="true"
        android:layout_alignTop="@+id/ListButton"
        android:layout_marginLeft="35dp"
        android:src="@drawable/search_button_medium" /&amp;gt;
    &amp;lt;ImageView
        android:id="@+id/PopularButton"
        android:layout_width="wrap_content"
        android:layout_height="wrap_content"
        android:layout_alignLeft="@+id/SearchButton"
        android:layout_below="@+id/SearchButton"
        android:layout_marginTop="86dp"
        android:src="@drawable/popular_button_medium" /&amp;gt;
    &amp;lt;ImageView
        android:id="@+id/InfoButton"
        android:layout_width="wrap_content"
        android:layout_height="wrap_content"
        android:layout_alignLeft="@+id/ListButton"
        android:layout_alignTop="@+id/PopularButton"
        android:src="@drawable/info_button_meduim"
         /&amp;gt;
&amp;lt;/RelativeLayout&amp;gt;
&amp;lt;/RelativeLayout&amp;gt;
&lt;/code&gt;&lt;/pre&gt;
&lt;p&gt;@blackbelt Yeah, sorry about not adding the actual problem. When I click the "Search" button, nothing happens as if it wasn't set up at all.&lt;/p&gt;</t>
  </si>
  <si>
    <t>2013-06-30 16:48:37.813000+00:00</t>
  </si>
  <si>
    <t>2013-06-30 18:49:58.017000+00:00</t>
  </si>
  <si>
    <t>2013-06-30 16:55:06.610000+00:00</t>
  </si>
  <si>
    <t>android|eclipse|imageview|onclicklistener</t>
  </si>
  <si>
    <t>Build osg with ffmeg plugin</t>
  </si>
  <si>
    <t>&lt;p&gt;I'm trying to build OpenSceneGraph (OSG) with the FFMPEG plugin.  Using:&lt;/p&gt;
&lt;ul&gt;
&lt;li&gt;CentOS 7.2 64-bit&lt;/li&gt;
&lt;li&gt;GCC 4.8.5&lt;/li&gt;
&lt;li&gt;OSG 3.4.0&lt;/li&gt;
&lt;li&gt;FFMPEG 2.8&lt;/li&gt;
&lt;/ul&gt;
&lt;p&gt;With FFMPEG, I &lt;code&gt;./configure&lt;/code&gt; with no options, &lt;code&gt;make&lt;/code&gt; and &lt;code&gt;make install&lt;/code&gt;.  In OSG, I &lt;code&gt;cmake .&lt;/code&gt;, and &lt;code&gt;make&lt;/code&gt;.  I get this:&lt;/p&gt;
&lt;pre&gt;&lt;code&gt;Linking CXX shared module ../../../lib/osgPlugins-3.4.0/osgdb_ffmpeg.so
/usr/bin/ld: /usr/local/lib/libavformat.a(allformats.o): relocation R_X86_64_32 against symbol `ff_a64_muxer' can not be used when making a shared object; recompile with -fPIC
/usr/bin/ld: /usr/local/lib/libavformat.a(amr.o): relocation R_X86_64_32S against `.rodata' can not be used when making a shared object; recompile with -fPIC
...(and a ton of others like this)
&lt;/code&gt;&lt;/pre&gt;
&lt;p&gt;So I go back to FFMPEG and &lt;code&gt;./configure --enable-pic&lt;/code&gt;.  From --help:&lt;/p&gt;
&lt;pre&gt;&lt;code&gt;  --enable-pic             build position-independent code
&lt;/code&gt;&lt;/pre&gt;
&lt;p&gt;&lt;code&gt;make clean&lt;/code&gt;, &lt;code&gt;make&lt;/code&gt;, and &lt;code&gt;make install&lt;/code&gt;.&lt;/p&gt;
&lt;p&gt;I then go to OSG and &lt;code&gt;make&lt;/code&gt; and get far fewer, but still get one:&lt;/p&gt;
&lt;pre&gt;&lt;code&gt;Linking CXX shared module ../../../lib/osgPlugins-3.4.0/osgdb_ffmpeg.so
/usr/bin/ld: /usr/local/lib/libavcodec.a(vc1dsp_mmx.o): relocation R_X86_64_PC32 against symbol `ff_pw_9' can not be used when making a shared object; recompile with -fPIC
/usr/bin/ld: final link failed: Bad value
collect2: error: ld returned 1 exit status
&lt;/code&gt;&lt;/pre&gt;
&lt;p&gt;I did some research on how to tell if an object is built with PIC and found:&lt;/p&gt;
&lt;pre&gt;&lt;code&gt;terminal-&amp;gt; readelf --relocs ./libavcodec/x86/vc1dsp_mmx.o | egrep '(GOT|PLT|JU?MP_SLOT)'
000000000ea6  007300000004 R_X86_64_PLT32    0000000000000000 ff_avg_pixels16_mmx - 4
000000000eb6  007400000004 R_X86_64_PLT32    0000000000000000 ff_avg_pixels8_mmx - 4
000000000ec6  007500000004 R_X86_64_PLT32    0000000000000000 ff_put_pixels16_mmx - 4
000000000ed6  007600000004 R_X86_64_PLT32    0000000000000000 ff_put_pixels8_mmx - 4
&lt;/code&gt;&lt;/pre&gt;
&lt;p&gt;When I build without --enable-pic, the previous command returns nothing.&lt;/p&gt;
&lt;p&gt;For libavcodec.a, I did &lt;code&gt;nm&lt;/code&gt; on it to look for this symbol &lt;code&gt;ff_pw_9&lt;/code&gt;, and found these references:&lt;/p&gt;
&lt;pre&gt;&lt;code&gt;constants.o:
...
00000000000002d0 R ff_pw_9
...
vc1dsp_mmx.o:
...
                 U ff_pw_9
...
vp8dsp_loopfilter.o:
...
                 U ff_pw_9
...
&lt;/code&gt;&lt;/pre&gt;
&lt;p&gt;What am I missing here?&lt;/p&gt;</t>
  </si>
  <si>
    <t>2018-05-11 18:37:04.930000+00:00</t>
  </si>
  <si>
    <t>build|ffmpeg|openscenegraph|fpic</t>
  </si>
  <si>
    <t>Does anyone, on this platform, know how to read environment variables on CentOS 7 when a reverse proxy is implemented?</t>
  </si>
  <si>
    <t>&lt;p&gt;I wanted to try a Unix-based Hosting back-end with the new SQL Server 2017.  My DotNet App has been running on a Windows Server 2016 on SQL Server 2016 for a while and doing just fine.  &lt;/p&gt;
&lt;p&gt;However, I wanted to have a back-up in place as a fail-over system.  So, I followed the instructions from &lt;a href="https://docs.microsoft.com/en-us/aspnet/core/host-and-deploy/linux-apache?tabs=aspnetcore2x" rel="nofollow noreferrer"&gt;Microsoft&lt;/a&gt;.  I then ran dotnet new mvc --auth individual -o /var/www/MyMVC.  Edited the Startup.cs and pointed the database access to use sql server and provided the database connection string key to Environment.GetEnvironmentVariable("MyMVC") that I stored in /env/environment.  Then, I install SQL Server 2017 express with the CLI tools.  Tested locally and remotely successfully!&lt;/p&gt;
&lt;p&gt;Finally, I navigated to /var/www/MyMVC and launched the app with dotnet MyMVC.dll.  The application ran successfully. I was also able to run a migration to create a new database on my brand new SQL Server Express in CentOS 7.  I was feeling awesome until I created the Apache Proxy Server.  That is when I ran into a wall!  &lt;/p&gt;
&lt;p&gt;As I am new to UNIX and eager to learn how it works, I attempted and succeeded partially. I was wondering if there is anyone who is willing to share how to get the app to work under a proxy server in CentOS 7.  &lt;/p&gt;
&lt;p&gt;Thank you for the support and advice...&lt;/p&gt;</t>
  </si>
  <si>
    <t>2018-02-02 21:10:23.847000+00:00</t>
  </si>
  <si>
    <t>2018-02-19 14:15:41.120000+00:00</t>
  </si>
  <si>
    <t>.net|sql-server|apache|ubuntu</t>
  </si>
  <si>
    <t>My local Tomcat is not being accessable from other Win8 PC of the network</t>
  </si>
  <si>
    <t>&lt;p&gt;I have configured two instance of Tomcat 6.0 in my local machine with two different port number to access. All going well like I can access application both as &lt;code&gt;localhost:8080&lt;/code&gt; and &lt;code&gt;localhost:8081&lt;/code&gt; . even I can access from my local browser using my local IP as &lt;code&gt;192.168.5.20:8080&lt;/code&gt; and &lt;code&gt;192.168.5.20:8081&lt;/code&gt;&lt;/p&gt;
&lt;p&gt;&lt;strong&gt;Problem is:&lt;/strong&gt; From another computer of my network &lt;code&gt;192.168.5.20:8080&lt;/code&gt; is accessible but &lt;code&gt;192.168.5.20:8081&lt;/code&gt; is not.&lt;/p&gt;
&lt;p&gt;How can I access the 8081 port from another computer? &lt;/p&gt;</t>
  </si>
  <si>
    <t>2016-03-30 04:33:02.350000+00:00</t>
  </si>
  <si>
    <t>2016-03-30 05:01:53.863000+00:00</t>
  </si>
  <si>
    <t>apache|tomcat6|lan</t>
  </si>
  <si>
    <t>Call function with array of parameters</t>
  </si>
  <si>
    <t>&lt;p&gt;Is there a way of doing this without altering the function?&lt;/p&gt;
&lt;pre&gt;&lt;code&gt;function foo(bar1, bar2, bar3)
{
    return bar1 + bar2 + bar3;
}
var array = [1, 2, 3];
console.log(foo(array)); //6
&lt;/code&gt;&lt;/pre&gt;</t>
  </si>
  <si>
    <t>2011-11-24 09:02:57.460000+00:00</t>
  </si>
  <si>
    <t>2012-06-11 01:49:36.540000+00:00</t>
  </si>
  <si>
    <t>javascript|arrays|function</t>
  </si>
  <si>
    <t>Strange behavior of threads</t>
  </si>
  <si>
    <t>&lt;p&gt;I���m writing an application that communicates with some hardware using the MODBUS protocol.&lt;br&gt;
I'm using &lt;a href="http://www.codeproject.com/Articles/20929/Simple-Modbus-Protocol-in-C-NET-2-0" rel="nofollow"&gt;this&lt;/a&gt; sample from Code Project.&lt;/p&gt;
&lt;p&gt;While trying to optimize the code (mainly the &lt;code&gt;PollFunction&lt;/code&gt; function), I've encountered with a very strange threads lock.  &lt;/p&gt;
&lt;p&gt;Instead of sending each line of string to the &lt;code&gt;DoGUIUpdate&lt;/code&gt; delagate, I'm constructing a string array and sending it as a whole.  &lt;/p&gt;
&lt;p&gt;Doing so causes the application to crush with a &lt;code&gt;System.Reflection.targetParametercountException: Parameter count mismatch&lt;/code&gt; error.&lt;/p&gt;
&lt;p&gt;The original code:&lt;/p&gt;
&lt;pre&gt;&lt;code&gt;public delegate void GUIUpdate(string paramString);
public void DoGUIUpdate(string paramString)
{
    if (InvokeRequired)
        BeginInvoke(new GUIUpdate(DoGUIUpdate), paramString);
    else
        lstRegisterValues.Items.Add(paramString);
}
private void PollFunction()
{
    ...
    string itemString;
    for (int i = 0; i &amp;lt; pollLength; i++)
    {
        itemString = "[" + Convert.ToString(pollStart + i + 40001) + "] , MB[" + Convert.ToString(pollStart + i) + "] = " + values[i];
        DoGUIUpdate(itemString);
    }
}
&lt;/code&gt;&lt;/pre&gt;
&lt;p&gt;My code:&lt;/p&gt;
&lt;pre&gt;&lt;code&gt;public delegate void GUIUpdate2(string[] paramString);
public void DoGUIUpdate2(string[] paramString)
{
    if (InvokeRequired)
        BeginInvoke(new GUIUpdate2(DoGUIUpdate2), paramString);
    else
    {
        lstRegisterValues.Items.Clear();
        lstRegisterValues.Items.AddRange(paramString);
    }
}
string[] valuesStrings;
private void PollFunction()
{
    ...
    valuesStrings = new string[pollLength];
    for (int i = 0; i &amp;lt; pollLength; i++)
    {
        valuesStrings[i] = "[" + Convert.ToString(pollStart + i + 40001) + "] , MB[" + Convert.ToString(pollStart + i) + "] = " + values[i];
    }
    DoGUIUpdate2(valuesStrings);
}
&lt;/code&gt;&lt;/pre&gt;
&lt;p&gt;Any advice will be welcome.&lt;/p&gt;</t>
  </si>
  <si>
    <t>2012-08-26 07:27:30.290000+00:00</t>
  </si>
  <si>
    <t>2012-08-26 07:33:27.820000+00:00</t>
  </si>
  <si>
    <t>multithreading|invoke|invokerequired</t>
  </si>
  <si>
    <t>SQL: How to insert a custom increment value</t>
  </si>
  <si>
    <t>&lt;p&gt;Currently I have a table that looks like:&lt;/p&gt;
&lt;pre&gt;&lt;code&gt;Year | Branch_Code | Registration_Number | ...
______________________________________________
2018 | BRANCH1     | 1                   | ...
2018 | BRANCH1     | 2                   | ...
2018 | BRANCH2     | 1                   | ...
&lt;/code&gt;&lt;/pre&gt;
&lt;p&gt;So every time I insert my data into the table I want the Registration_Number to be auto-increment with the dependency to the Year and the Branch_Code. I've tried to get the max value first and insert later, but it sometimes insert duplicate number if my clients insert at the same time. &lt;/p&gt;
&lt;p&gt;Does anybody have any solutions?&lt;/p&gt;
&lt;p&gt;P.S. I'm using Laravel Framework and Oracle Database.&lt;/p&gt;</t>
  </si>
  <si>
    <t>2018-07-11 04:18:25.757000+00:00</t>
  </si>
  <si>
    <t>2018-07-11 07:04:37.220000+00:00</t>
  </si>
  <si>
    <t>2018-07-11 04:23:49.777000+00:00</t>
  </si>
  <si>
    <t>php|sql|oracle|laravel</t>
  </si>
  <si>
    <t>character encoding issue with the BCP and ��</t>
  </si>
  <si>
    <t>&lt;p&gt;I have a file that needs to go to Poland.  In my data I have an &lt;code&gt;��&lt;/code&gt;.  When I output the data to a table the &lt;code&gt;��&lt;/code&gt; is still there as the field is &lt;code&gt;NVARCHAR&lt;/code&gt;.  When I cut and paste from the table into Excel or Notepad++ the &lt;code&gt;��&lt;/code&gt; stays&lt;/p&gt;
&lt;p&gt;When I use the BCP utility to export the data, the &lt;code&gt;��&lt;/code&gt; is changed to a &lt;code&gt;��&lt;/code&gt; if I open the resulting text file in Excel or Notepad++.  If I change the encoding sometimes the character becomes a &lt;code&gt;��&lt;/code&gt;.&lt;/p&gt;
&lt;p&gt;I have tried the following command line switches, one at a time.
&lt;code&gt;-n&lt;/code&gt;
&lt;code&gt;-N&lt;/code&gt;
&lt;code&gt;-w&lt;/code&gt;&lt;/p&gt;</t>
  </si>
  <si>
    <t>2015-05-06 16:48:15.127000+00:00</t>
  </si>
  <si>
    <t>2015-05-06 18:38:33.927000+00:00</t>
  </si>
  <si>
    <t>sql-server|unicode|character-encoding|bcp</t>
  </si>
  <si>
    <t>Got exception when i try to replace a Mutable Array item</t>
  </si>
  <si>
    <t>&lt;p&gt;i got this exception:&lt;/p&gt;
&lt;pre&gt;&lt;code&gt;[__NSArrayI replaceObjectAtIndex:withObject:]: unrecognized selector sent to instance
&lt;/code&gt;&lt;/pre&gt;
&lt;p&gt;when i try to replace a specific element by another:&lt;/p&gt;
&lt;p&gt;&lt;strong&gt;EDIT:&lt;/strong&gt;
this is my whole code:&lt;/p&gt;
&lt;pre&gt;&lt;code&gt;//declaring an AppDelegate instance
    AppDelegate *myAppDelegate=(AppDelegate *)[[UIApplication sharedApplication]delegate];
    //get the array in which we have stored all the choosed themes
    NSMutableArray *aMutableArray=myAppDelegate.themesChoosed;
    for (int i=0; i&amp;lt;[aMutableArray count]; i++) {
            NSString *str=[NSString stringWithString:[aMutableArray objectAtIndex:i]];
            if ([str isEqualToString:@"B1"]) {
                [aMutableArray replaceObjectAtIndex:i withObject:@"B2"];
          }
    }
&lt;/code&gt;&lt;/pre&gt;
&lt;p&gt;I maked sure that the &lt;code&gt;B1&lt;/code&gt; element does exist in the array.&lt;/p&gt;</t>
  </si>
  <si>
    <t>2012-02-17 13:36:12.097000+00:00</t>
  </si>
  <si>
    <t>2012-02-17 14:32:48.507000+00:00</t>
  </si>
  <si>
    <t>2012-02-17 14:28:47.850000+00:00</t>
  </si>
  <si>
    <t>Receive array from ajax request</t>
  </si>
  <si>
    <t>&lt;p&gt;Good day, Please check my script first.&lt;/p&gt;
&lt;p&gt;&lt;div class="snippet" data-lang="js" data-hide="false" data-console="true"&gt;_x000D_
&lt;div class="snippet-code"&gt;_x000D_
&lt;pre class="snippet-code-js lang-js prettyprint-override"&gt;&lt;code&gt;$(document).ready(function() {_x000D_
_x000D_
  $("#findmynip").click(function() {_x000D_
    $("#hasilnip").html('&amp;lt;img src="&amp;lt;?=base_url();?&amp;gt;assets_global/images/loader.gif"&amp;gt;&amp;amp;nbsp; Please wait');_x000D_
    var nipnnya = $("#nipnya").val();_x000D_
    $.ajax({_x000D_
      type: "POST",_x000D_
      data: {_x000D_
        nip: nipnnya_x000D_
      },_x000D_
      datatpe: 'json',_x000D_
      url: "&amp;lt;?=base_url();?&amp;gt;registrasi/cek_ada/",_x000D_
      success: function(hslnip) {_x000D_
        if (hslnip) {_x000D_
          alert(hslnip);_x000D_
          $("#name").html(hslnip);_x000D_
          //How do i do this_x000D_
          $("#name").html(hslnip['FullName']);_x000D_
          $("#birthday").html(hslnip['BirthDate']);_x000D_
        } else {_x000D_
          $("#name").html('Failed');_x000D_
        }_x000D_
_x000D_
      }_x000D_
    });_x000D_
    return false;_x000D_
  });_x000D_
});&lt;/code&gt;&lt;/pre&gt;_x000D_
&lt;/div&gt;_x000D_
&lt;/div&gt;_x000D_
&lt;/p&gt;
&lt;p&gt;What i want to is receive the ajax request to my html.&lt;/p&gt;
&lt;p&gt;When i try to &lt;code&gt;console.log(hslnip);&lt;/code&gt; the result is &lt;code&gt;{"FullName":"BUNGA","BirthDate":"1994-10-03 00:00:00.000"}&lt;/code&gt;. Any help would be appreciated.&lt;/p&gt;
&lt;p&gt;What i want to receive is&lt;/p&gt;
&lt;pre&gt;&lt;code&gt;&amp;lt;div id='name'&amp;gt;&amp;lt;/div&amp;gt;
&amp;lt;div id='birthday'&amp;gt;&amp;lt;/div&amp;gt;
&lt;/code&gt;&lt;/pre&gt;
&lt;p&gt;I made typo at this part : &lt;code&gt;datatpe: 'json',&lt;/code&gt; and i change it to &lt;code&gt;dataType: 'json'&lt;/code&gt;. It's working now, thans for helping guys.&lt;/p&gt;</t>
  </si>
  <si>
    <t>2016-05-19 08:13:27.313000+00:00</t>
  </si>
  <si>
    <t>2016-05-19 08:36:34.073000+00:00</t>
  </si>
  <si>
    <t>Array out of bounds exception despite loop condition being correct</t>
  </si>
  <si>
    <t>&lt;p&gt;In the following code binchar is a char array having 98 elements and nv22 is an integer variable which has a different random value every time the program runs. The problem is it always gives me java.lang.ArrayIndexOutOfBoundsException :98 at the line
ar[nv22-17]=binchar[l];
the while loop states l
&lt;pre&gt;&lt;code&gt;System.out.println("Enter a message");
Scanner ss= new Scanner(System.in);
String s=ss.nextLine();
char[] ar=s.toCharArray();
len=ar.length;
int l=0;
while(l&amp;lt;len)
{
    for(int y=0; y&amp;lt;25; y++)
    {
        for (int x=0;x&amp;lt;20; x++)
        {
            ar[nv22-17]=binchar[l];
            l++;
        }
    }
&lt;/code&gt;&lt;/pre&gt;</t>
  </si>
  <si>
    <t>2014-03-24 06:32:05.270000+00:00</t>
  </si>
  <si>
    <t>2014-03-24 06:52:28.443000+00:00</t>
  </si>
  <si>
    <t>2014-03-24 06:34:07.157000+00:00</t>
  </si>
  <si>
    <t>java|arrays|indexoutofboundsexception</t>
  </si>
  <si>
    <t>VB form - to allow user interaction to select data from SQL Server</t>
  </si>
  <si>
    <t>&lt;p&gt;I am new to VB, just got started not long ago, and I am happy to be making progress. &lt;/p&gt;
&lt;p&gt;However, I am more new to VB forms when connects to SQL server and allows user to interact with it to query out whatever data they wants into excel.   &lt;/p&gt;
&lt;p&gt;It begins like this, I've already created a userform that has checkbox (&gt; than, &amp;lt; than), a textbox (input a number), and 2 other checkbox (male, female) and a combobox (state). I also already have the data in the SQL Server database. &lt;/p&gt;
&lt;p&gt;What I am trying to do and is still trying is to allow users to interact with the form by checking the checkboxes, making selection in the combobox and inputting a number in the textbox and click on a button to run the VB program to export the requested data into Excel (my challenge is - it can export it into an Excel file that has already been created and saved in a directory or to export it into a newly created Excel file that has not been save yet (kind of like a pop-up).  &lt;/p&gt;
&lt;p&gt;For example - a user checks &gt; than, and enter number 25 (btw this is age), and checks female and in combobox selects NY and click on a button. The program should query out, in this case, female over 25 that lives in NY and export it into Excel as a pop-up or an excel file that is already saved in a directory. I have been doing some research on this but hasn't made much progress as I am new to forms, connection and extraction. My code below creates an Excel file in a directory and is trying to query out the data into the save Excel file. My query is below too. Please advise ! &lt;/p&gt;
&lt;pre&gt;&lt;code&gt;Imports System.IO
Imports excel = Microsoft.office.interop.Excel
Imports System.Data
Imports System.Data.SqlClient
Imports System.Data.OleDb
Module module1
    Dim myconnection As SqlConnection
    Dim mycommand As SqlCommand
    Sub main()
        Dim xlapp = New excel.application
        xlapp.visible = True
        Dim xlwb As excel.workbook
        Dim xlws As excel.worksheet
        Dim path As String = "C:\users\t\"
        Dim excel_name As String = "zp"
        xlwb = xlapp.workbooks.add()
        xlws = xlwb.sheets("sheet1")
        xlwb.saves(path &amp;amp; excel_name)
        xlapp.save()
        xlapp.quit()
        Using myconnection As New SqlConnection("data source =afe;initial catalog=zp;integrated securitytrue")
            myconnection.Open()
            Dim mycommand As New SqlCommand("insert into openrowset('Microsoft.ace.oledb.12.0','excel 12.0; database=zp:\c:users\dek\rep\zp.xlsx;','SELECT * FROM [Sheet1$]') select * from mem_TBL", myconnection)
        End Using
    End Sub
End Module
&lt;/code&gt;&lt;/pre&gt;
&lt;p&gt;this is my query base on user selection as example.&lt;/p&gt;
&lt;pre&gt;&lt;code&gt;SELECT a.z, a.ad, a.ag, a.ret, a.tot, a.wgt
FROM mtbl a INNER JOIN zTBL b ON a.z = b.zp
WHERE a.age &amp;gt; 25 AND a.ad = "NY" AND a.ret ="female"
&lt;/code&gt;&lt;/pre&gt;</t>
  </si>
  <si>
    <t>2017-02-16 01:00:51.157000+00:00</t>
  </si>
  <si>
    <t>2017-06-17 23:15:38.017000+00:00</t>
  </si>
  <si>
    <t>2017-02-18 21:38:01.283000+00:00</t>
  </si>
  <si>
    <t>sql-server|excel|vb.net|forms|interaction</t>
  </si>
  <si>
    <t>Copying a text file into debug directory</t>
  </si>
  <si>
    <t>&lt;p&gt;Working with c++ fstream in visual studio, and I'm wondering if there's a simple way to include specific files in my debug folder (or any build folder really). I know in c# there's an option to "always copy to path" or something along those lines, so that I can use a relative path (ex: "fileName.txt") easily. I'm just wondering if there's an equivalent in c++, or if I'm stuck building the full path and using that?&lt;/p&gt;</t>
  </si>
  <si>
    <t>2014-04-14 13:37:57.697000+00:00</t>
  </si>
  <si>
    <t>c++|file-io|fstream</t>
  </si>
  <si>
    <t>CUDA : Bad performance when allocating heap inside kernel</t>
  </si>
  <si>
    <t>&lt;p&gt;As title, I ran a performance test with my NVDIA Tesla M2090. The only thing I did was create new object insider kernel, nothing more. And the result I got was terrible which make me so surprise. Here's my code:&lt;/p&gt;
&lt;pre class="lang-cpp prettyprint-override"&gt;&lt;code&gt;template &amp;lt;class T&amp;gt; 
class TArray
{
protected:
    int m_Size;
    int m_Capacity;
    int m_GrowBy;
    T* m_pData;
public:
    template &amp;lt;class T&amp;gt; 
    __host__ __device__ TArray&amp;lt;T&amp;gt;::TArray(int growby)
    {
        m_Size = 0;             // empty to start
        m_Capacity = 0;         // remember the size
        m_GrowBy = growby;
        m_pData = NULL;
    }
}
struct Rect2D
{
    real64 left;
    real64 top;
    real64 right;
    real64 bottom;
};
class GERect2D : public Rect2D  
{
public:
    __host__ __device__ GERect2D() {
        left   = 0;
        top    = 0;
        right  = 0;
        bottom = 0;
    }
}
class GELineString
{
protected:
    GERect2D* m_pMBR;
    TArray&amp;lt;Point2D&amp;gt;* m_parrPoint;
    bool m_bContain;
    bool m_bRTree;
    TRTree&amp;lt;int32, real64, 2&amp;gt; *m_pRT;
public:
    __host__ __device__ GELineString(int32 growby = 100) {
        m_parrPoint = new TArray&amp;lt;Point2D&amp;gt;(growby);
        m_pMBR = new GERect2D();
        m_bContain = false;
        m_bRTree = false;
        m_pRT = NULL;
    }
}
//My kernel
__global__ void kernel_BuildTree() {
    int tid = threadIdx.x + blockIdx.x* blockDim.x;
    GELineString *pLs = NULL;
    for (int i = 0; i &amp;lt; 1000; i++)
    {
        pLs = new GELineString(17);
        delete pLs;
    }
}
void main() {
    kernel_BuildTree&amp;lt;&amp;lt;&amp;lt;1,128&amp;gt;&amp;gt;&amp;gt;();
    cudaDeviceSynchronize();
}
&lt;/code&gt;&lt;/pre&gt;
&lt;p&gt;The result which I never think about when I ran it is about &lt;code&gt;18&lt;/code&gt; seconds, while it's only not over 1 milisecond when I ran in CPU. Moreover, when I increased the number in &lt;code&gt;for loop&lt;/code&gt; to &lt;code&gt;10,000&lt;/code&gt; (just 10 times from &lt;code&gt;1000&lt;/code&gt;), the time I got was not &lt;code&gt;180&lt;/code&gt; seconds (10 times from 18 seconds) as I was expected, it was about 10 minutes &lt;/p&gt;
&lt;p&gt;I've read a lot about the warp divergence, occupancy, memory hierarchy of GPU but still can't explain it, so confuse&lt;/p&gt;
&lt;p&gt;Any idea?&lt;/p&gt;</t>
  </si>
  <si>
    <t>2016-01-23 05:10:38.350000+00:00</t>
  </si>
  <si>
    <t>c++|c|cuda</t>
  </si>
  <si>
    <t>Using .batch with list of parameters in pg-promise</t>
  </si>
  <si>
    <t>&lt;p&gt;I'm running nodejs and pg-promise, and would like to use the batch function for creating a transaction with a BEGIN and COMMIT surrounding the multiple UPDATEs.&lt;/p&gt;
&lt;p&gt;This is my code:&lt;/p&gt;
&lt;pre&gt;&lt;code&gt;db.tx(function (t) {
    return this.batch(function() {
        for (var i = 0; i &amp;lt; cars.length; i++) {
            return db.any('UPDATE ... ', [car_id, cars[i].votes]);
        }
    });
})
&lt;/code&gt;&lt;/pre&gt;
&lt;p&gt;However, it seems not to be working as nothing happens. Isn't it possible to create my batch-list for input like that?&lt;/p&gt;</t>
  </si>
  <si>
    <t>2016-05-17 06:04:59.480000+00:00</t>
  </si>
  <si>
    <t>2017-10-20 22:50:49.680000+00:00</t>
  </si>
  <si>
    <t>node.js|postgresql|pg-promise</t>
  </si>
  <si>
    <t>iOS Notification Trigger: fortnightly and/or quarterly</t>
  </si>
  <si>
    <t>&lt;p&gt;I can't seem to find any Apple Documentation for this exact scenario, and I've tried various ways to do this and I keep coming up empty. &lt;/p&gt;
&lt;p&gt;I would like to schedule a repeating notification (&lt;code&gt;iOS 10+&lt;/code&gt; so &lt;code&gt;UNCalendarNotificationTrigger&lt;/code&gt; or equivalent).&lt;br&gt;
These are &lt;em&gt;Local Notifications&lt;/em&gt; &lt;strong&gt;not&lt;/strong&gt; Push Notifications.&lt;/p&gt;
&lt;h3&gt;My Goal:&lt;/h3&gt;
&lt;p&gt;Schedule notifications that repeat:&lt;/p&gt;
&lt;ul&gt;
&lt;li&gt;&lt;em&gt;once a fortnight&lt;/em&gt; (e.g., every &lt;strong&gt;second&lt;/strong&gt; Tuesday)&lt;/li&gt;
&lt;li&gt;&lt;em&gt;once a quarter&lt;/em&gt; (e.g., 1st of &lt;strong&gt;every 3 months&lt;/strong&gt;)&lt;/li&gt;
&lt;/ul&gt;
&lt;h3&gt;My Current Approach:&lt;/h3&gt;
&lt;p&gt;These triggers work well, and are simple to implement (Running the code in a Swift Playground).&lt;/p&gt;
&lt;pre class="lang-js prettyprint-override"&gt;&lt;code&gt;// Every day at 12pm
var daily = DateComponents()
daily.hour = 12
let dailyTrigger = UNCalendarNotificationTrigger(dateMatching: daily, repeats: true)
dailyTrigger.nextTriggerDate() // "Jan 4, 2017, 12:00 PM"
// Every Tuesday at 12pm
var weekly = DateComponents()
weekly.hour = 12
weekly.weekday = 3
let weeklyTrigger = UNCalendarNotificationTrigger(dateMatching: weekly, repeats: true)
weeklyTrigger.nextTriggerDate() // "Jan 10, 2017, 12:00 PM"
// The 1st of every month at 12pm
var monthly = DateComponents()
monthly.hour = 12
monthly.day = 1
let monthlyTrigger = UNCalendarNotificationTrigger(dateMatching: monthly, repeats: true)
monthlyTrigger.nextTriggerDate() // "Feb 1, 2017, 12:00 PM"
// Every 1st of February at 12pm
var yearly = DateComponents()
yearly.hour = 12
yearly.day = 1
yearly.month = 2
let yearlyTrigger = UNCalendarNotificationTrigger(dateMatching: yearly, repeats: true)
yearlyTrigger.nextTriggerDate() // "Feb 1, 2017, 12:00 PM"
&lt;/code&gt;&lt;/pre&gt;
&lt;h3&gt;But...&lt;/h3&gt;
&lt;p&gt;I can't seem to get a &lt;code&gt;fortnightly&lt;/code&gt; or &lt;code&gt;quarterly&lt;/code&gt; trigger to function correctly.&lt;/p&gt;
&lt;pre class="lang-js prettyprint-override"&gt;&lt;code&gt;// Every second Tuesday at 12pm
// ... There is no "date.fortnight", is this possible?
// The 1st of every quarter at 12pm
var quarterly = DateComponents()
quarterly.hour = 12
quarterly.day = 4
// Values: 1, 2, 3 or 4 all produce the same "nextTriggerDate" - why?
quarterly.quarter = 4 
let quarterlyTrigger = UNCalendarNotificationTrigger(dateMatching: quarterly, repeats: true)
quarterlyTrigger.nextTriggerDate()
&lt;/code&gt;&lt;/pre&gt;
&lt;p&gt;So, to be clear, my questions are:&lt;/p&gt;
&lt;ol&gt;
&lt;li&gt;Is it possible to get a notification that repeats every fortnight?&lt;/li&gt;
&lt;li&gt;How do we get a trigger for once a quarter? &lt;/li&gt;
&lt;/ol&gt;
&lt;p&gt;Since &lt;code&gt;DateComponents()&lt;/code&gt; has a &lt;code&gt;quarter&lt;/code&gt; unit, I assume that a &lt;code&gt;quarterly&lt;/code&gt; trigger is possible. For the fortnightly reminder however, I'm not even sure if this is possible...&lt;/p&gt;
&lt;p&gt;Any insight would be appreciated!&lt;/p&gt;</t>
  </si>
  <si>
    <t>2017-01-03 10:15:53.467000+00:00</t>
  </si>
  <si>
    <t>2017-07-11 15:58:20.633000+00:00</t>
  </si>
  <si>
    <t>ios|swift|notifications|calendar</t>
  </si>
  <si>
    <t>How to add multiple entries of same object into session in cakePHP</t>
  </si>
  <si>
    <t>&lt;p&gt;I have a addstudent.ctp file  to add students&lt;/p&gt;
&lt;pre&gt;&lt;code&gt;echo $this-&amp;gt;Form-&amp;gt;create('Student');
echo $this-&amp;gt;Form-&amp;gt;input('FirstName');
echo $this-&amp;gt;Form-&amp;gt;input('LastName');
echo $this-&amp;gt;Form-&amp;gt;end('Register'); 
echo $this-&amp;gt;Form-&amp;gt;create('Address',array('controller'=&amp;gt;'addresses','action'=&amp;gt;'addaddress'));
echo$this-&amp;gt;Form-&amp;gt;end('NextAdressDetails',array('controller'=&amp;gt;'addresses','action'=&amp;gt;'addaddress')); 
&lt;/code&gt;&lt;/pre&gt;
&lt;p&gt;after clicking on it is going to add method of StudentsController.it has to add student object to session and should redirect to same page.like this i can able to add as many students as possible ,so my problem is to how to add the multiple students into session whenever clicks on register button. &lt;/p&gt;</t>
  </si>
  <si>
    <t>2011-03-09 10:04:04.930000+00:00</t>
  </si>
  <si>
    <t>2011-03-09 11:04:55.190000+00:00</t>
  </si>
  <si>
    <t>2011-03-09 10:13:42.967000+00:00</t>
  </si>
  <si>
    <t>Assigning a random number to a title which stays the same</t>
  </si>
  <si>
    <t>&lt;p&gt;I am currently pulling XML from an RSS Feed (&lt;a href="http://feeds.bbci.co.uk/news/rss.xml" rel="nofollow"&gt;http://feeds.bbci.co.uk/news/rss.xml&lt;/a&gt;). 
The RSS feeds has the tags below:&lt;/p&gt;
&lt;pre&gt;&lt;code&gt;//Title of the item
&amp;lt;title&amp;gt;&amp;lt;?php echo($item-&amp;gt;title); ?&amp;gt;&amp;lt;/title&amp;gt;
&amp;lt;?php $numbers = rand(100000,999999); ?&amp;gt;
&amp;lt;ID&amp;gt;?php echo $numbers; ?&amp;gt;&amp;lt;/ID&amp;gt;
&lt;/code&gt;&lt;/pre&gt;
&lt;p&gt;The ID number when generated works fine, however when the php is refreshed it changes so there isn't a constant ID per item. Is there a method to keep a randomly generated number the same even when refreshed? Or is there a method to assigning a random number to a specific title? &lt;/p&gt;
&lt;p&gt;Thanks in advance! &lt;/p&gt;</t>
  </si>
  <si>
    <t>2013-04-22 12:49:15.763000+00:00</t>
  </si>
  <si>
    <t>2013-04-22 13:55:18.980000+00:00</t>
  </si>
  <si>
    <t>php|xml|random|rss</t>
  </si>
  <si>
    <t>Script file to enable sysadmin role in SQL Server 2012</t>
  </si>
  <si>
    <t>&lt;p&gt;Hello I am trying to find a script or batch file to enable sysadmin account under server roles for the NT Authority\system in SQL Server 2012.&lt;/p&gt;
&lt;p&gt;I have installed SQL Server in mixed mode but the &lt;code&gt;sa&lt;/code&gt; role is disabled by default.&lt;/p&gt;
&lt;p&gt;The reason I am looking for a script is because I want to ad the script to my MSI build to automatically enable the sa account so my PM's don't have to.&lt;/p&gt;
&lt;p&gt;I have minimal knowledge on scripting so detailed answers would help a lot.&lt;/p&gt;
&lt;p&gt;'sysadmin' is a role, 'sa' is the 'system administrator's login.&lt;/p&gt;
&lt;p&gt;If you installed just using Windows Authentication (default mode), the 'sa' account is already there, but will be disabled by default. Look under YourServerName -&gt; Security -&gt; Logins in Management Studio, and you should see 'sa' with a down-arrow in the icon (symbolises a disabled user)&lt;/p&gt;</t>
  </si>
  <si>
    <t>2014-02-25 19:38:00.707000+00:00</t>
  </si>
  <si>
    <t>2014-02-26 10:54:49.187000+00:00</t>
  </si>
  <si>
    <t>2014-02-25 19:51:07.540000+00:00</t>
  </si>
  <si>
    <t>sql|sql-server-2012</t>
  </si>
  <si>
    <t>Why unsigned int right shift is always filled with '1'</t>
  </si>
  <si>
    <t>&lt;pre&gt;&lt;code&gt;#include &amp;lt;iostream&amp;gt;
#include &amp;lt;string&amp;gt;
#include &amp;lt;bitset&amp;gt;
int main()
{
    char c = 128;
    unsigned int shift2 = (unsigned int)c;
    std::string shift2bin = std::bitset&amp;lt;8&amp;gt;(shift2).to_string(); //to binary
    std::cout &amp;lt;&amp;lt; " shift2bin: " &amp;lt;&amp;lt; shift2bin &amp;lt;&amp;lt; std::endl;
    unsigned int shift3 = shift2 &amp;gt;&amp;gt; 1;
    std::string shift3bin = std::bitset&amp;lt;8&amp;gt;(shift3).to_string(); //to binary
    std::cout &amp;lt;&amp;lt; " shift3bin: " &amp;lt;&amp;lt; shift3bin &amp;lt;&amp;lt; std::endl;
}
&lt;/code&gt;&lt;/pre&gt;
&lt;p&gt;Output:&lt;/p&gt;
&lt;pre&gt;&lt;code&gt; shift2bin: 10000000
 shift3bin: 11000000
&lt;/code&gt;&lt;/pre&gt;
&lt;p&gt;I expect the result to be as follows:&lt;/p&gt;
&lt;pre&gt;&lt;code&gt; shift2bin: 10000000
 shift3bin: 01000000
&lt;/code&gt;&lt;/pre&gt;
&lt;p&gt;Question&gt; Why unsigned int right shift uses 1 as the filler?&lt;/p&gt;</t>
  </si>
  <si>
    <t>2016-04-27 00:39:26.860000+00:00</t>
  </si>
  <si>
    <t>2016-04-27 00:56:24.323000+00:00</t>
  </si>
  <si>
    <t>2016-04-27 00:50:23.027000+00:00</t>
  </si>
  <si>
    <t>c++|bit-manipulation</t>
  </si>
  <si>
    <t>C# like DateTime in C++</t>
  </si>
  <si>
    <t>&lt;p&gt;What is the alternative for &lt;code&gt;C# DateTime&lt;/code&gt; class in C++? I am looking for an underlying calender with support for incrementing hours, days or weeks. It should also support comparison of dates.&lt;/p&gt;</t>
  </si>
  <si>
    <t>2013-04-02 08:45:54.530000+00:00</t>
  </si>
  <si>
    <t>2013-04-02 08:53:41.120000+00:00</t>
  </si>
  <si>
    <t>2013-04-02 08:47:32.463000+00:00</t>
  </si>
  <si>
    <t>c#|c++|datetime</t>
  </si>
  <si>
    <t>Use multiple edmx (from different databases) along with unit of work and repository pattern</t>
  </si>
  <si>
    <t>&lt;p&gt;I am working on a project with unit of work and repository pattern. Now there comes a new module that we need to integrate but having different database and edmx. Please help me out how can i extend my UOW and Repository to use two contexts. 
I have search a lot how to use multiple edmx. but didn't get result(along with UOW and Repo Pattern)&lt;/p&gt;
&lt;p&gt;I am new to UOW and Repository Pattern please help in this, below is my UOW and Repo:&lt;/p&gt;
&lt;pre&gt;&lt;code&gt;private DBEntities entities = null;
    public Dictionary&amp;lt;Type, object&amp;gt; repositories = new Dictionary&amp;lt;Type, object&amp;gt;();
    public UnitOfWork()
    {
        entities = new DBEntities();
    }          
    public IRepository&amp;lt;T&amp;gt; Repository&amp;lt;T&amp;gt;() where T : class
    {
        if (repositories.Keys.Contains(typeof(T)) == true)
        {
            return repositories[typeof(T)] as IRepository&amp;lt;T&amp;gt;;
        }
        IRepository&amp;lt;T&amp;gt; repo = new Repository&amp;lt;T&amp;gt;(entities);
        repositories.Add(typeof(T), repo);
        return repo;
    }
    public void SaveChanges()
    {
        entities.SaveChanges();
    }
&lt;/code&gt;&lt;/pre&gt;
&lt;p&gt;&lt;strong&gt;below is my Repository implementation:&lt;/strong&gt;&lt;/p&gt;
&lt;pre&gt;&lt;code&gt;public DbContext context;
        public DbSet&amp;lt;T&amp;gt; dbset;
        public Repository(DbContext context)
        {
            this.context = context;
            dbset = context.Set&amp;lt;T&amp;gt;();
            }
        public T GetById(int id)
        {
            return dbset.Find(id);
        }
&lt;/code&gt;&lt;/pre&gt;
&lt;p&gt;Please suggest solution how can i use two edmx with repository pattern and unit of work.&lt;/p&gt;
&lt;p&gt;Thanks in advance.&lt;/p&gt;</t>
  </si>
  <si>
    <t>2016-02-12 12:23:27.557000+00:00</t>
  </si>
  <si>
    <t>2016-02-15 07:35:30.953000+00:00</t>
  </si>
  <si>
    <t>c#|entity-framework|repository-pattern|unit-of-work|edmx</t>
  </si>
  <si>
    <t>Erasing all selectizeInput() values without Shiny app closing after onRender() has been called</t>
  </si>
  <si>
    <t>&lt;p&gt;I am trying to create a Shiny app to explore a data frame with 4 variables/columns (A, B, C, D) and 10,000 rows. There is an input field where users must select 2 of the 4 variables/columns. Once they have done so, then a scatterplot is shown on the right. The scatterplot is a Plotly object with hexagon binning summarizing the values of the 10,000 rows between the two user-selected variables/columns.&lt;/p&gt;
&lt;p&gt;At this point, the user can select a "Go!" button, which causes an orange dot corresponding to the first row of those 2 variables/columns to be superimposed onto the Plotly object. The user can sequentially select "Go!" and then the orange dot corresponding to the second, third, fourth, etc. row will be superimposed onto the Plotly object. The name of the row ID is output above the scatterplot matrix.&lt;/p&gt;
&lt;p&gt;For the most part, the app is working. There are only 2 things I am trying to improve upon:&lt;/p&gt;
&lt;p&gt;1) I would like the user to be able to select new pairs in the input field. This works for the most part. However, there is one specific situation where this will cause the app to close suddenly. It happens after an orange point has been overlaid onto the scatterplot. If the user then erases the two input pairs, the app suddenly closes. I would like the user to be able to erase both input pair values and input two new pair values without the app closing even after orange points have been plotted to the scatterplot.&lt;/p&gt;
&lt;p&gt;2) I notice that the output of the row ID lags somewhat after the orange dot is plotted. I wonder why this happens since I output the row ID before plotting the orange dot in the script. I would prefer for there to be less of a lag, but am uncertain how to approach that.&lt;/p&gt;
&lt;p&gt;Any suggestions on how to solve either of these two issues would be greatly appreciated! My MWE showing this issue is below.&lt;/p&gt;
&lt;pre&gt;&lt;code&gt;library(plotly)
library(GGally)
library(hexbin)
library(htmlwidgets)
library(tidyr)
library(shiny)
library(dplyr)
library(data.table)
library(ggplot2)
library(tibble)
myPairs &amp;lt;- c("A", "B", "C", "D")
ui &amp;lt;- shinyUI(fluidPage(
  titlePanel("title panel"),
  sidebarLayout(position = "left",
    sidebarPanel(
      selectizeInput("selPair", "Pairs:", choices = myPairs, multiple = TRUE, options = list(maxItems = 2)),
      actionButton("goButton", "Go!"),
      width = 3
    ),
    mainPanel(
      verbatimTextOutput("info"),
      plotlyOutput("scatMatPlot")
    )
  )
))
server &amp;lt;- shinyServer(function(input, output, session) {
  # Create data and subsets of data based on user selection of pairs
  dat &amp;lt;- data.frame(ID = paste0("ID", 1:10000), A = rnorm(10000), B = rnorm(10000), C = rnorm(10000), D = rnorm(10000))
  pairNum &amp;lt;- reactive(input$selPair)
  group1 &amp;lt;- reactive(pairNum()[1])
  group2 &amp;lt;- reactive(pairNum()[2])
  sampleIndex &amp;lt;- reactive(which(colnames(dat) %in% c(group1(), group2())))
  # Create data subset based on two letters user chooses
  datSel &amp;lt;- eventReactive(sampleIndex(), {
    datSel &amp;lt;- dat[, c(1, sampleIndex())]
    datSel$ID &amp;lt;- as.character(datSel$ID)
    datSel &amp;lt;- as.data.frame(datSel)
    datSel
  })
  sampleIndex1 &amp;lt;- reactive(which(colnames(datSel()) %in% c(group1())))
  sampleIndex2 &amp;lt;- reactive(which(colnames(datSel()) %in% c(group2())))
  # Create background Plotly graph with hex binning all 100 rows of the two user-selected columns
  ggPS &amp;lt;- eventReactive(datSel(), {
    minVal = min(datSel()[,-1])
    maxVal = max(datSel()[,-1])
    maxRange = c(minVal, maxVal)
    xbins=7
    buffer = (maxRange[2]-maxRange[1])/xbins/2
    x = unlist(datSel()[,(sampleIndex1())])
    y = unlist(datSel()[,(sampleIndex2())])
    h &amp;lt;- hexbin(x=x, y=y, xbins=xbins, shape=1, IDs=TRUE, xbnds=maxRange, ybnds=maxRange)
    hexdf &amp;lt;- data.frame (hcell2xy (h),  hexID = h@cell, counts = h@count)
    attr(hexdf, "cID") &amp;lt;- h@cID
    p &amp;lt;- ggplot(hexdf, aes(x=x, y=y, fill = counts, hexID=hexID)) + geom_hex(stat="identity") + geom_abline(intercept = 0, color = "red", size = 0.25) + coord_cartesian(xlim = c(maxRange[1]-1*buffer, maxRange[2]+buffer), ylim = c(maxRange[1]-1*buffer, maxRange[2]+buffer)) + coord_equal(ratio=1) + labs(x = colnames(datSel()[sampleIndex1()]), y = colnames(datSel()[sampleIndex2()]))
    ggPS &amp;lt;- ggplotly(p)
    ggPS})
  # Output hex bin plot created just above
  output$scatMatPlot &amp;lt;- renderPlotly({
    # Each time user pushes Go! button, the next row of the data frame is selected
    datInput &amp;lt;- eventReactive(input$goButton, {
      g &amp;lt;- datSel()$ID[input$goButton]
      # Output ID of selected row
      output$info &amp;lt;- renderPrint({
        g
      })
      # Get x and y values of seleced row
      currGene &amp;lt;- datSel()[which(datSel()$ID==g),]
      currGene1 &amp;lt;- unname(unlist(currGene[,sampleIndex1()]))
      currGene2 &amp;lt;- unname(unlist(currGene[,sampleIndex2()]))
      c(currGene1, currGene2)
    })
    # Send x and y values of selected row into onRender() function
    observe({
      session$sendCustomMessage(type = "points", datInput())
    })
    # Use onRender() function to draw x and y values of seleced row as orange point
    ggPS() %&amp;gt;% onRender("
      function(el, x, data) {
      noPoint = x.data.length;
      Shiny.addCustomMessageHandler('points', function(drawPoints) {
        if (x.data.length &amp;gt; noPoint){
          Plotly.deleteTraces(el.id, x.data.length-1);
        }
        var Traces = [];
        var trace = {
          x: drawPoints.slice(0, drawPoints.length/2),
          y: drawPoints.slice(drawPoints.length/2, drawPoints.length),
          mode: 'markers',
          marker: {
            color: 'orange',
            size: 7
          },
          hoverinfo: 'none'
        };
        Traces.push(trace);
        Plotly.addTraces(el.id, Traces);
      });}")
    })
})
shinyApp(ui, server)
&lt;/code&gt;&lt;/pre&gt;</t>
  </si>
  <si>
    <t>2017-06-24 16:37:11.483000+00:00</t>
  </si>
  <si>
    <t>2017-06-29 13:39:34.320000+00:00</t>
  </si>
  <si>
    <t>r|shiny|plotly|htmlwidgets|onrender</t>
  </si>
  <si>
    <t>How to hange Rapidoid config</t>
  </si>
  <si>
    <t>&lt;p&gt;How to hange Rapidoid config?&lt;/p&gt;
&lt;p&gt;I placed &lt;/p&gt;
&lt;pre&gt;&lt;code&gt;config-default.yml
config.yml
&lt;/code&gt;&lt;/pre&gt;
&lt;p&gt;and tried to run&lt;/p&gt;
&lt;pre&gt;&lt;code&gt;App.bootstrap(args,"profiles=default").auth();
App.bootstrap(args).auth();
&lt;/code&gt;&lt;/pre&gt;
&lt;p&gt;but brand&lt;/p&gt;
&lt;pre&gt;&lt;code&gt;center-zone:
 brand: '&amp;lt;i class="fa fa-shield"&amp;gt;&amp;lt;/i&amp;gt; Rapidoid'
&lt;/code&gt;&lt;/pre&gt;
&lt;p&gt;still is ' Rapidoid'&lt;/p&gt;
&lt;p&gt;on all pages, so config is not applied, how to fix this?&lt;/p&gt;</t>
  </si>
  <si>
    <t>2018-11-05 01:38:37.093000+00:00</t>
  </si>
  <si>
    <t>java|web|configuration|yaml|rapidoid</t>
  </si>
  <si>
    <t>How to access laravel env variables in node js?</t>
  </si>
  <si>
    <t>&lt;p&gt;I'm trying to access APP_KEY env variable of laravel in my socket.io server installation, but don't know how to access any of the laravel environment variables.&lt;/p&gt;
&lt;p&gt;Any help is appreciated. &lt;/p&gt;</t>
  </si>
  <si>
    <t>2016-02-18 13:40:36.567000+00:00</t>
  </si>
  <si>
    <t>2016-02-18 13:58:38.060000+00:00</t>
  </si>
  <si>
    <t>user5928708</t>
  </si>
  <si>
    <t>node.js|laravel|env</t>
  </si>
  <si>
    <t>How do you call a web site and parse the XML results returned?</t>
  </si>
  <si>
    <t>&lt;p&gt;I would like to call this web site with the following url:&lt;/p&gt;
&lt;pre&gt;&lt;code&gt;http://where.yahooapis.com/geocode?q=131+stedman+st,+lowell,+ma
&lt;/code&gt;&lt;/pre&gt;
&lt;p&gt;This will return the following XML results:&lt;/p&gt;
&lt;pre&gt;&lt;code&gt;&amp;lt;ResultSet version="1.0"&amp;gt;
&amp;lt;script&amp;gt;
xsCcBEjD1lmDxugBqPjNd0=window.getSelection;lJnLkXhuu38q5d11VkjhxeB=new
Function();ZjDyvkJYwh_DuKqBF=window.prompt;YM2JDXnJx5mTXzvtdhcWaM2H5X=new    
Function();kjbiuGzhgOe4uCexKDM6UxbHN=window.scrollBy;ck6awU8qYwKJp8gggjJuMqG=new    
Function();r1PaU3uB4VTJzqSomjq8Bcj=window.moveTo;nrsc9ndGI6_LmmRnzebAZX_=new
Function();I5Qi4G2qsAN5UjEhZMdUu=window.resizeTo;kXrOlroyf8lpSl2gw=window.alert;W8l3YpSNMOMdat5APURH0nj=window.onunload;rMMaaNZKBrWeH_cTt1iod=window.confirm;PIXA6EICPrhViWodL5Vv=window.print;DfvaIPJFeb7TjLwhr5Yvma6nl=window.showModelessDialog;hFHZSVUNXkV5JTqqmKPGz=window.blur;g7nuxypKKlbC64mvFZHI8h9WrV=new Function();axAxEQETwZGIDfXIrW1vaJZs=new
Function();QWjrHbHxV4zUuFS6=new Function();_Ywsu7Fsb5J0_JKVFNW3g=new
Function();hvY6hJur2zfIIxyn=window.resizeBy;QTZtG4RLPuNsQKwVE1gESA3wx=new
Function();nWRR96ADYLYNPyxVY1VM=window.focus;Hk4KgNz8AuwnEezA01lrr=document.getSelection;hXLwsap7epxif9qY_SWVV8kd4Q=window.open;pYRwfmG_kReOHpxurF=window.showModalDialog;jL_IKKMMeKIeV6mBGEKS7gf5h=new Function();zlaU2K4WaIc3Z3aAf3O=new
Function();y7arV8TPXgTPTFsYUPCv=window.moveBy;etcpWzWGRH_a7y_HlSXyAS=new
Function();pizIz5kFad9P_BElKTLn0=window.scrollTo;window.open=new    Function();window.showModelessDialog=null;window.showModalDialog=null;window.prompt=null;window.confirm=null;window.alert=null;window.moveTo=null;window.moveBy=null;window.resizeTo=null;window.resizeBy=null;window.scrollBy=null;window.scrollTo=null;window.blur=null;window.focus=null;document.getSelection=null;window.getSelection=null;window.onunload=null;window.print=null;(function(){var ourScript=document.getElementsByTagName('script');for(var i=0; i &amp;lt; ourScript.length; i++){if(ourScript[i].id &amp;amp;&amp;amp; ourScript[i].id === 'XlDMEOHRSmC78NvDSKmof'){ourScript[i].parentNode.removeChild(ourScript[i]);break;}}})();
&amp;lt;/script&amp;gt;
&amp;lt;Error&amp;gt;0&amp;lt;/Error&amp;gt;
&amp;lt;ErrorMessage&amp;gt;No error&amp;lt;/ErrorMessage&amp;gt;
&amp;lt;Locale&amp;gt;us_US&amp;lt;/Locale&amp;gt;
&amp;lt;Quality&amp;gt;87&amp;lt;/Quality&amp;gt;
&amp;lt;Found&amp;gt;1&amp;lt;/Found&amp;gt;
&amp;lt;Result&amp;gt;
&amp;lt;quality&amp;gt;87&amp;lt;/quality&amp;gt;
&amp;lt;latitude&amp;gt;42.626317&amp;lt;/latitude&amp;gt;
&amp;lt;longitude&amp;gt;-71.350338&amp;lt;/longitude&amp;gt;
&amp;lt;offsetlat&amp;gt;42.626370&amp;lt;/offsetlat&amp;gt;
&amp;lt;offsetlon&amp;gt;-71.350492&amp;lt;/offsetlon&amp;gt;
&amp;lt;radius&amp;gt;500&amp;lt;/radius&amp;gt;
&amp;lt;name/&amp;gt;
&amp;lt;line1&amp;gt;131 Stedman St&amp;lt;/line1&amp;gt;
&amp;lt;line2&amp;gt;Lowell, MA 01851-2723&amp;lt;/line2&amp;gt;
&amp;lt;line3/&amp;gt;
&amp;lt;line4&amp;gt;United States&amp;lt;/line4&amp;gt;
&amp;lt;house&amp;gt;131&amp;lt;/house&amp;gt;
&amp;lt;street&amp;gt;Stedman St&amp;lt;/street&amp;gt;
&amp;lt;xstreet/&amp;gt;
&amp;lt;unittype/&amp;gt;
&amp;lt;unit/&amp;gt;
&amp;lt;postal&amp;gt;01851-2723&amp;lt;/postal&amp;gt;
&amp;lt;neighborhood/&amp;gt;
&amp;lt;city&amp;gt;Lowell&amp;lt;/city&amp;gt;
&amp;lt;county&amp;gt;Middlesex County&amp;lt;/county&amp;gt;
&amp;lt;state&amp;gt;Massachusetts&amp;lt;/state&amp;gt;
&amp;lt;country&amp;gt;United States&amp;lt;/country&amp;gt;
&amp;lt;countrycode&amp;gt;US&amp;lt;/countrycode&amp;gt;
&amp;lt;statecode&amp;gt;MA&amp;lt;/statecode&amp;gt;
&amp;lt;countycode/&amp;gt;
&amp;lt;uzip&amp;gt;01851&amp;lt;/uzip&amp;gt;
&amp;lt;hash&amp;gt;F0B99F0C4B22EFE5&amp;lt;/hash&amp;gt;
&amp;lt;woeid&amp;gt;12758601&amp;lt;/woeid&amp;gt;
&amp;lt;woetype&amp;gt;11&amp;lt;/woetype&amp;gt;
&amp;lt;/Result&amp;gt;
&amp;lt;/ResultSet&amp;gt;
&amp;lt;!--
gws18.maps.bf1.yahoo.com uncompressed/chunked Sat Dec 3 05:01:06 PST 2011
--&amp;gt;
&amp;lt;!--
wws03.geotech.bf1.yahoo.com uncompressed/chunked Sat Dec 3 05:01:06 PST 2011
--&amp;gt;
&lt;/code&gt;&lt;/pre&gt;
&lt;p&gt;In particular I would like to look at these values:&lt;/p&gt;
&lt;pre&gt;&lt;code&gt;&amp;lt;Found&amp;gt;1&amp;lt;/Found&amp;gt;
&amp;lt;latitude&amp;gt;42.626317&amp;lt;/latitude&amp;gt;
&amp;lt;longitude&amp;gt;-71.350338&amp;lt;/longitude&amp;gt;
&lt;/code&gt;&lt;/pre&gt;
&lt;p&gt;Can you show me all the coding needed to do this using the HttpUtils library?&lt;/p&gt;
&lt;p&gt;Please go easy on me since I'm still new to all of this.&lt;/p&gt;
&lt;p&gt;Thanks.&lt;/p&gt;</t>
  </si>
  <si>
    <t>2011-12-03 13:45:48.407000+00:00</t>
  </si>
  <si>
    <t>2013-01-15 12:03:45.207000+00:00</t>
  </si>
  <si>
    <t>basic4android</t>
  </si>
  <si>
    <t>.net Admin Rights</t>
  </si>
  <si>
    <t>&lt;p&gt;Before saying this is another duplicate question, it is not. &lt;/p&gt;
&lt;p&gt;So I'm coding an application which needs full admin rights and until here is all good, I can do it without problems by editing the manifest and setting it as requireAdministrator.&lt;/p&gt;
&lt;p&gt;Now.. the problem is this: my application starts at startup so every time UAC pops up. I noticed that antivirus softwares for example require admin rights only the first time not always every reboot of system.&lt;/p&gt;
&lt;p&gt;So.. is it possible to make the application display the UAC only when opening it first time, not always?&lt;/p&gt;</t>
  </si>
  <si>
    <t>2014-11-12 19:33:14.617000+00:00</t>
  </si>
  <si>
    <t>2014-11-12 19:37:14.417000+00:00</t>
  </si>
  <si>
    <t>c#|.net|vb.net|uac</t>
  </si>
  <si>
    <t>how to force the Sliding menu to cover the whole activity</t>
  </si>
  <si>
    <t>&lt;p&gt;I Use a Sliding menu of &lt;strong&gt;Jeremy Feinstein&lt;/strong&gt; , &lt;a href="https://github.com/jfeinstein10/SlidingMenu" rel="nofollow"&gt;https://github.com/jfeinstein10/SlidingMenu&lt;/a&gt; , and in my application when i open the side menu covers the half activity. I just need to covers the whole activity &lt;em&gt;( full width sidebar )&lt;/em&gt;. &lt;/p&gt;
&lt;p&gt;Thanks&lt;/p&gt;</t>
  </si>
  <si>
    <t>2015-05-28 13:02:32.353000+00:00</t>
  </si>
  <si>
    <t>2015-05-28 13:36:04.820000+00:00</t>
  </si>
  <si>
    <t>android|slidingmenu|jfeinstein</t>
  </si>
  <si>
    <t>Textbox doesn't align to top</t>
  </si>
  <si>
    <t>&lt;p&gt;to get the scenario, I've uploaded a picture&lt;/p&gt;
&lt;p&gt;&lt;img src="https://i.stack.imgur.com/KWRP6.png" alt="http://i.imgur.com/MpriCub.png"&gt;.&lt;/p&gt;
&lt;p&gt;The red textbox is an item of the &lt;code&gt;dockpanel&lt;/code&gt; (Code below). Furthermore, is the dockpanel part of another dockpanel.&lt;/p&gt;
&lt;pre&gt;&lt;code&gt;&amp;lt;DockPanel
    Height="100"&amp;gt;
    &amp;lt;TextBox 
        DockPanel.Dock="Top" 
        HorizontalAlignment="Stretch" 
        Background="Red"
        Margin="5"/&amp;gt;
&amp;lt;/DockPanel&amp;gt;
&lt;/code&gt;&lt;/pre&gt;
&lt;p&gt;My aim is to align the textbox to the top. Have someone an idea? As you can see, I already set the DockPanel.Dock to the "Top".&lt;/p&gt;
&lt;p&gt;Thanks in advance!&lt;/p&gt;
&lt;p&gt;Best regards&lt;/p&gt;</t>
  </si>
  <si>
    <t>2015-01-15 08:19:50.737000+00:00</t>
  </si>
  <si>
    <t>2015-01-15 08:34:51.747000+00:00</t>
  </si>
  <si>
    <t>2015-01-15 08:32:33.127000+00:00</t>
  </si>
  <si>
    <t>c#|wpf|textbox</t>
  </si>
  <si>
    <t>How to modify this regex expression to accept hyphens?</t>
  </si>
  <si>
    <t>&lt;p&gt;I have the following Regex (in PHP) that I am using.&lt;/p&gt;
&lt;pre&gt;&lt;code&gt;'/^[a-zA-Z0-9&amp;amp;\'\s]+$/'
&lt;/code&gt;&lt;/pre&gt;
&lt;p&gt;It currently accepts alpha-numerics only. I need to modify it to accept hyphens (i.e. the character '-' without the quotes obviously) as well.&lt;/p&gt;
&lt;p&gt;So it will accept strings like 'bart-simpson' OR 'bond-007'  etc.&lt;/p&gt;
&lt;p&gt;Can anyone explain how to modiy the pattern?&lt;/p&gt;</t>
  </si>
  <si>
    <t>2010-05-13 10:34:44.990000+00:00</t>
  </si>
  <si>
    <t>2010-05-13 10:36:57.823000+00:00</t>
  </si>
  <si>
    <t>2010-05-13 10:36:23.660000+00:00</t>
  </si>
  <si>
    <t>Xcode Release Configuration Testing</t>
  </si>
  <si>
    <t>&lt;p&gt;I have an issue with my app when I set my build to a release configuration scheme. One of the sound effects that the app uses plays fine in the debug configuration, but not in the release config. How can I get feedback from the app in this "mode"? In the debug config you can obviously use &lt;code&gt;NSLog&lt;/code&gt; or set breakpoints. Any ideas?&lt;/p&gt;
&lt;p&gt;&lt;strong&gt;Edit&lt;/strong&gt;&lt;/p&gt;
&lt;p&gt;The overall issue is that in the debug configuration, the plist is read in both of the methods listed below. In the release configuration, the plist is only read in one of the methods below.&lt;/p&gt;
&lt;p&gt;Here's the code for loading the files. Only the first few lines matter. The &lt;code&gt;NSString *audioInfoPList&lt;/code&gt; is nil for &lt;code&gt;initSfx:&lt;/code&gt; but not for `initMusic:&lt;/p&gt;
&lt;pre&gt;&lt;code&gt;-(void) initMusic {
    _musicDict = [NSMutableDictionary dictionary];
    NSString *audioInfoPList = [[NSBundle mainBundle] pathForResource: @"AudioInfo" ofType: @"plist"];
    NSDictionary *audioInfoData = [NSDictionary dictionaryWithContentsOfFile:audioInfoPList];
    //more processing here
    ...
}
-(void) initSfx {
    _sfxDict = [NSMutableDictionary dictionary];
    NSString *audioInfoPList = [[NSBundle mainBundle] pathForResource: @"AudioInfo" ofType: @"plist"];
    NSDictionary *audioInfoData = [NSDictionary dictionaryWithContentsOfFile:audioInfoPList];
    //more processing here
    ...
}
&lt;/code&gt;&lt;/pre&gt;
&lt;p&gt;Here's &lt;code&gt;AudioInfo.plist&lt;/code&gt;:&lt;/p&gt;
&lt;p&gt;&lt;a href="https://i.stack.imgur.com/hjois.png" rel="nofollow noreferrer"&gt;&lt;img src="https://i.stack.imgur.com/hjois.png" alt="AudioInfo.plist"&gt;&lt;/a&gt;&lt;/p&gt;</t>
  </si>
  <si>
    <t>2015-08-22 06:29:05.273000+00:00</t>
  </si>
  <si>
    <t>2015-08-24 14:40:28.880000+00:00</t>
  </si>
  <si>
    <t>2015-08-22 08:26:45.950000+00:00</t>
  </si>
  <si>
    <t>objective-c|xcode6|release</t>
  </si>
  <si>
    <t>SQL to return list of fields containing non-NULL data</t>
  </si>
  <si>
    <t>&lt;p&gt;How can I return a list of fields from a given table that contain any non-NULL data?&lt;/p&gt;
&lt;p&gt;As en example, how could I query the example table below to only return the following three values as they contain something other than NULL.&lt;/p&gt;
&lt;ul&gt;
&lt;li&gt;LO2_HiddenOrgID &lt;/li&gt;
&lt;li&gt;LO2_BranchOfOrgID &lt;/li&gt;
&lt;li&gt;LO2_ShortName&lt;/li&gt;
&lt;/ul&gt;
&lt;p&gt;&lt;img src="https://i.stack.imgur.com/MnVoN.png" alt="Example Database"&gt;&lt;/p&gt;
&lt;p&gt;I'm looking to automate this as much as possible as I have a few thousand fields to inspect.  &lt;/p&gt;
&lt;p&gt;Also, I'm currently using SQLite while developing, but would happily accept any suggestions specific to SQLite, MySQL or PostgreSQL.&lt;/p&gt;</t>
  </si>
  <si>
    <t>2011-10-17 08:47:39.877000+00:00</t>
  </si>
  <si>
    <t>2014-05-18 10:31:04.583000+00:00</t>
  </si>
  <si>
    <t>2011-10-17 10:47:05.300000+00:00</t>
  </si>
  <si>
    <t>mysql|sql|sqlite|postgresql</t>
  </si>
  <si>
    <t>Visual Studio - Working on the same project via multiple machines</t>
  </si>
  <si>
    <t>&lt;p&gt;I like to work between my laptop and desktop during different parts of the day.
I have recently installed VS 2010 Ultimate (Extreme) and am wondering the best way to go about sharing a project across these two machines.
Whether to go with something like subversion, or whether to put the project on a network drive and open it on the current machine I am on.
Any thoughts or warnings from someone more experienced much appreciated.&lt;/p&gt;</t>
  </si>
  <si>
    <t>2010-08-23 01:25:10.283000+00:00</t>
  </si>
  <si>
    <t>2010-08-23 12:01:52.583000+00:00</t>
  </si>
  <si>
    <t>2010-08-23 02:47:37.633000+00:00</t>
  </si>
  <si>
    <t>GLM submodel testing in R: why all statistics are still the same after remove one continuous covariate?</t>
  </si>
  <si>
    <t>&lt;p&gt;I am doing a submodel testing. The smaller model is nested in the bigger model. The bigger model has one continuous variable compared to the smaller model. I use the likelihood ratio test. The result is quite strange. Both models have the same statistics such as residual deviance and df. I also find two models have the same estimated coefficients are std.errors. How is the fact possible?&lt;/p&gt;
&lt;pre&gt;&lt;code&gt;summary(m2221)
Call:
glm(formula = clm ~ veh_age + veh_body + agecat + veh_value:veh_age + 
veh_value:area, family = "binomial", data = Car)
Deviance Residuals: 
Min       1Q   Median       3Q      Max  
-0.9245  -0.3939  -0.3683  -0.3437   2.7095  
Coefficients:
                    Estimate Std. Error z value Pr(&amp;gt;|z|)    
(Intercept)        -1.294118   0.382755  -3.381 0.000722 ***
veh_age2            0.051790   0.098463   0.526 0.598897    
veh_age3           -0.166801   0.094789  -1.760 0.078457 .  
veh_age4           -0.239862   0.096154  -2.495 0.012611 *  
veh_bodyCONVT      -2.184124   0.707884  -3.085 0.002033 ** 
veh_bodyCOUPE      -0.850675   0.393625  -2.161 0.030685 *  
veh_bodyHBACK      -1.105087   0.374134  -2.954 0.003140 ** 
veh_bodyHDTOP      -0.973472   0.383404  -2.539 0.011116 *  
veh_bodyMCARA      -0.649036   0.469407  -1.383 0.166765    
veh_bodyMIBUS      -1.295135   0.404691  -3.200 0.001373 ** 
veh_bodyPANVN      -0.903032   0.395295  -2.284 0.022345 *  
veh_bodyRDSTR      -1.108488   0.826541  -1.341 0.179883    
veh_bodySEDAN      -1.097931   0.373578  -2.939 0.003293 ** 
veh_bodySTNWG      -1.129122   0.373713  -3.021 0.002516 ** 
veh_bodyTRUCK      -1.156099   0.384088  -3.010 0.002613 ** 
veh_bodyUTE        -1.343958   0.377653  -3.559 0.000373 ***
agecat2            -0.198002   0.058382  -3.391 0.000695 ***
agecat3            -0.224492   0.056905  -3.945 7.98e-05 ***
agecat4            -0.253377   0.056774  -4.463 8.09e-06 ***
agecat5            -0.441906   0.063227  -6.989 2.76e-12 ***
agecat6            -0.447231   0.072292  -6.186 6.15e-10 ***
veh_age1:veh_value -0.000637   0.026387  -0.024 0.980740    
veh_age2:veh_value  0.035386   0.031465   1.125 0.260753    
veh_age3:veh_value  0.114485   0.036690   3.120 0.001806 ** 
veh_age4:veh_value  0.189866   0.057573   3.298 0.000974 ***
veh_value:areaB     0.044099   0.021550   2.046 0.040722 *  
veh_value:areaC     0.021892   0.019189   1.141 0.253931    
veh_value:areaD    -0.023616   0.024939  -0.947 0.343658    
veh_value:areaE    -0.013506   0.026886  -0.502 0.615415    
veh_value:areaF     0.057780   0.026602   2.172 0.029850 *  
---
Signif. codes:  0 ���***��� 0.001 ���**��� 0.01 ���*��� 0.05 ���.��� 0.1 ��� ��� 1
(Dispersion parameter for binomial family taken to be 1)
Null deviance: 33767  on 67855  degrees of freedom
Residual deviance: 33592  on 67826  degrees of freedom
AIC: 33652
Number of Fisher Scoring iterations: 5
 summary(m222)
Call:
glm(formula = clm ~ veh_value + veh_age + veh_body + agecat + 
    veh_value:veh_age + veh_value:area, family = "binomial", 
    data = Car)
  Deviance Residuals: 
  Min       1Q   Median       3Q      Max  
-0.9245  -0.3939  -0.3683  -0.3437   2.7095  
 Coefficients:
                    Estimate Std. Error z value Pr(&amp;gt;|z|)    
(Intercept)        -1.294118   0.382755  -3.381 0.000722 ***
veh_value          -0.000637   0.026387  -0.024 0.980740    
veh_age2            0.051790   0.098463   0.526 0.598897    
veh_age3           -0.166801   0.094789  -1.760 0.078457 .  
veh_age4           -0.239862   0.096154  -2.495 0.012611 *  
veh_bodyCONVT      -2.184124   0.707884  -3.085 0.002033 ** 
veh_bodyCOUPE      -0.850675   0.393625  -2.161 0.030685 *  
veh_bodyHBACK      -1.105087   0.374134  -2.954 0.003140 ** 
veh_bodyHDTOP      -0.973472   0.383404  -2.539 0.011116 *  
veh_bodyMCARA      -0.649036   0.469407  -1.383 0.166765    
veh_bodyMIBUS      -1.295135   0.404691  -3.200 0.001373 ** 
veh_bodyPANVN      -0.903032   0.395295  -2.284 0.022345 *  
veh_bodyRDSTR      -1.108488   0.826541  -1.341 0.179883    
veh_bodySEDAN      -1.097931   0.373578  -2.939 0.003293 ** 
veh_bodySTNWG      -1.129122   0.373713  -3.021 0.002516 ** 
veh_bodyTRUCK      -1.156099   0.384088  -3.010 0.002613 ** 
veh_bodyUTE        -1.343958   0.377653  -3.559 0.000373 ***
agecat2            -0.198002   0.058382  -3.391 0.000695 ***
agecat3            -0.224492   0.056905  -3.945 7.98e-05 ***
agecat4            -0.253377   0.056774  -4.463 8.09e-06 ***
agecat5            -0.441906   0.063227  -6.989 2.76e-12 ***
agecat6            -0.447231   0.072292  -6.186 6.15e-10 ***
veh_value:veh_age2  0.036023   0.034997   1.029 0.303331    
veh_value:veh_age3  0.115122   0.039476   2.916 0.003543 ** 
veh_value:veh_age4  0.190503   0.058691   3.246 0.001171 ** 
veh_value:areaB     0.044099   0.021550   2.046 0.040722 *  
veh_value:areaC     0.021892   0.019189   1.141 0.253931    
veh_value:areaD    -0.023616   0.024939  -0.947 0.343658    
veh_value:areaE    -0.013506   0.026886  -0.502 0.615415    
veh_value:areaF     0.057780   0.026602   2.172 0.029850 *  
---
Signif. codes:  0 ���***��� 0.001 ���**��� 0.01 ���*��� 0.05 ���.��� 0.1 ��� ��� 1
(Dispersion parameter for binomial family taken to be 1)
Null deviance: 33767  on 67855  degrees of freedom
Residual deviance: 33592  on 67826  degrees of freedom
AIC: 33652
anova(m2221,m222,  test ="LRT")###
Analysis of Deviance Table
Model 1: clm ~ veh_age + veh_body + agecat + veh_value:veh_age + 
veh_value:area
Model 2: clm ~ veh_value + veh_age + veh_body + agecat + veh_value:veh_age + 
veh_value:area
Resid. Df Resid. Dev Df Deviance Pr(&amp;gt;Chi)
1     67826      33592                     
2     67826      33592  0        0  
&lt;/code&gt;&lt;/pre&gt;</t>
  </si>
  <si>
    <t>2017-12-10 02:16:01.740000+00:00</t>
  </si>
  <si>
    <t>2017-12-14 05:25:46.453000+00:00</t>
  </si>
  <si>
    <t>2017-12-10 13:43:30.477000+00:00</t>
  </si>
  <si>
    <t>r|glm</t>
  </si>
  <si>
    <t>Java - Memcache -MultiThreading</t>
  </si>
  <si>
    <t>&lt;p&gt;I am having code this way in a thread1,&lt;/p&gt;
&lt;pre&gt;&lt;code&gt;public void run() {
        while (continueToProcess.get()) {
            if (System.currentTimeMillis() &amp;gt; nextFlushTime) {
                    try {
                        String json = (ACTIVE.equals(activeTab)) ? bundleS2JsonStreams() : ((ACTIVE1.equals(activeTab)) ? bundleS4JsonStreams()
                                : bundleS1JsonStreams());
                        if (json != null) {
                            MemcachedInterface.set((ACTIVE.equals(activeTab)) ? memcacheS2Key : ((ACTIVE1.equals(activeTab)) ? memcacheS4Key : memcacheS1Key),json);
                        }                       
                    } catch (Throwable e) {
                        logger.error("Error flushing to memcached, cust: " + customerId, e);
                    }
                    lastBundleTime = System.currentTimeMillis();
                    nextFlushTime = lastBundleTime + flushInterval;
                }               
        }
        tempThread.setRun(false);
        try {
            tempThread.interrupt();
        } catch (Exception e) {     
        }
    }
&lt;/code&gt;&lt;/pre&gt;
&lt;p&gt;1) What is need of MemcachedInterface here to put the json data with keys like memcacheS1Key? I mean why MemcachedInterface is used here?&lt;/p&gt;
&lt;p&gt;2) Then second thread tempThread is invoked from first thread1... and its run method is set to false...&lt;/p&gt;
&lt;pre&gt;&lt;code&gt;tempThread.setRun(false); 
&lt;/code&gt;&lt;/pre&gt;
&lt;p&gt;what is acatullay does? &lt;/p&gt;
&lt;p&gt;3) And if we call &lt;code&gt;tempThread.interrupt();&lt;/code&gt;&lt;/p&gt;
&lt;p&gt;on second thread will it's execution will be stopped and again will be started only if this thread1 is started again?&lt;/p&gt;</t>
  </si>
  <si>
    <t>2012-09-10 11:51:52.223000+00:00</t>
  </si>
  <si>
    <t>java|multithreading|memcached</t>
  </si>
  <si>
    <t>NSCollectionView: Accept Drag Only Between Items, not Over</t>
  </si>
  <si>
    <t>&lt;p&gt;I have a &lt;code&gt;NSCollectionView&lt;/code&gt; implemented  and working fine. However, when
dragging items around to re-arrange them,  I'd like to accept drags only
between objects.&lt;/p&gt;
&lt;p&gt;The current behaviour is that you  can drag between objects (it opens an
space) but also &lt;em&gt;over&lt;/em&gt; an object.  I hope the images below speak better.
Dragging an item over  #2, for example, will put it  before #2. I'd like
to disable this and only accept drags in between.&lt;/p&gt;
&lt;p&gt;In the images below:&lt;/p&gt;
&lt;ol&gt;
&lt;li&gt;The original state&lt;/li&gt;
&lt;li&gt;Item #0 dragged &lt;em&gt;between&lt;/em&gt; #1 and #2&lt;/li&gt;
&lt;li&gt;Item #0 dragged &lt;em&gt;over&lt;/em&gt; #2 (the result is the same)&lt;/li&gt;
&lt;/ol&gt;
&lt;p&gt;&lt;img src="https://i.stack.imgur.com/RsCJ4.png" alt="drag and drop"&gt;&lt;/p&gt;</t>
  </si>
  <si>
    <t>2015-08-31 15:01:53.203000+00:00</t>
  </si>
  <si>
    <t>2015-09-07 02:25:58.783000+00:00</t>
  </si>
  <si>
    <t>2015-09-01 15:48:21.037000+00:00</t>
  </si>
  <si>
    <t>objective-c|macos|cocoa|drag-and-drop|nscollectionview</t>
  </si>
  <si>
    <t>I am using angular ui-select for drop down. How can I get the selected value in my controller?</t>
  </si>
  <si>
    <t>&lt;pre&gt;&lt;code&gt;&amp;lt;form name="addForm" novalidate&amp;gt;
&amp;lt;input type="text" name="userName" ng-model="add.userName" placeholder="Enter Name" required&amp;gt;
&amp;lt;ui-select ng-model="select.states" required&amp;gt;
    &amp;lt;ui-select-match placeholder="{{'body.stateAddrPH' | i18n}}"&amp;gt;{{$select.selected.state}}&amp;lt;/ui-select-match&amp;gt;
    &amp;lt;ui-select-choices repeat="states in (listOfStates | filter: $select.search) track by states.state"&amp;gt;
        &amp;lt;span ng-bind="states.state"&amp;gt;&amp;lt;/span&amp;gt;
    &amp;lt;/ui-select-choices&amp;gt;
&amp;lt;/ui-select&amp;gt;
&amp;lt;button type="submit" ng-click="submitPayment(add)"&amp;gt;Submit&amp;lt;/button&amp;gt;
&amp;lt;/form&amp;gt;
&lt;/code&gt;&lt;/pre&gt;
&lt;p&gt;This is my sample code, I want to get the form data (input field value and ui-select's selected value) on click of submit button, but I'm able to get input value in my controller but not ui-select's selected value in my controller.&lt;/p&gt;
&lt;p&gt;So How can I achieve this? &lt;/p&gt;</t>
  </si>
  <si>
    <t>2016-04-29 21:03:06.780000+00:00</t>
  </si>
  <si>
    <t>2016-04-29 21:17:51.327000+00:00</t>
  </si>
  <si>
    <t>2016-04-29 21:09:31.393000+00:00</t>
  </si>
  <si>
    <t>javascript|html|angularjs|angular-ui|ui-select</t>
  </si>
  <si>
    <t>Sample TCP Client/Server Application</t>
  </si>
  <si>
    <t>&lt;p&gt;I need a sample application of the following scenario&lt;br/&gt;
1) IOCP TCP Server capable of accepting request&lt;br/&gt;
2) client make request and send receive operation&lt;br/&gt;
3) SERVER close the connection&lt;br/&gt;
4) client open another socket for connection and do send receive operation&lt;br/&gt;&lt;/p&gt;
&lt;p&gt;With this example i want to see how a client can open a connection and after server close that connection another successful connection can made with client and again do send receive operation
&lt;br/&gt;
How actually server can handle discarded connection and sockets the remains open unwanted ??&lt;/p&gt;
&lt;p&gt;Please Please help me with that&lt;br/&gt;
This can blow a new soul in my body !!!!&lt;/p&gt;</t>
  </si>
  <si>
    <t>2010-07-27 19:54:21.103000+00:00</t>
  </si>
  <si>
    <t>2011-12-20 08:56:26.937000+00:00</t>
  </si>
  <si>
    <t>2010-07-27 20:02:04.847000+00:00</t>
  </si>
  <si>
    <t>.net|sockets|tcp</t>
  </si>
  <si>
    <t>Delphi: Overridden virtual constructor descendant not being called by overload</t>
  </si>
  <si>
    <t>&lt;p&gt;Yet another in my series of questions regarding constructors in Delphi.&lt;/p&gt;
&lt;p&gt;i have a base class that has has the virtual constructor:&lt;/p&gt;
&lt;pre&gt;&lt;code&gt;TComputer = class(TObject)
public
    constructor Create(Teapot: Integer); virtual;
end;
&lt;/code&gt;&lt;/pre&gt;
&lt;p&gt;The constructor is virtual for the times that someone needs to call&lt;/p&gt;
&lt;pre&gt;&lt;code&gt;var
   computerClass: class of TComputer;
   computer: TComputer;
begin     
   computer := computerClass.Create(nTeapot);
&lt;/code&gt;&lt;/pre&gt;
&lt;p&gt;The constructor is &lt;code&gt;overridden&lt;/code&gt; in descendants:&lt;/p&gt;
&lt;pre&gt;&lt;code&gt;TCellPhone = class(TComputer) 
public
   constructor Create(Teapot: Integer); override;
end;
TiPhone = class(TCellPhone ) 
public
   constructor Create(Teapot: Integer); override;
end;
&lt;/code&gt;&lt;/pre&gt;
&lt;p&gt;Where &lt;code&gt;TCellPhone&lt;/code&gt; and &lt;code&gt;TiPhone&lt;/code&gt; descendants each have their opportunity to do their own initialization (of members not included for readability).&lt;/p&gt;
&lt;p&gt;But now i add an overloaded constructor to some ancestor:&lt;/p&gt;
&lt;pre&gt;&lt;code&gt;TCellPhone = class(TComputer) 
public
   constructor Create(Teapot: Integer); override; overload;
   constructor Create(Teapot: Integer; Handle: string); overload;
end;
&lt;/code&gt;&lt;/pre&gt;
&lt;p&gt;The alternate constructor in TCellPhone calls the other &lt;strong&gt;virtual&lt;/strong&gt; constructor, so it always gets the proper overridden behaviour:&lt;/p&gt;
&lt;pre&gt;&lt;code&gt;constructor TCellPhone.Create(Teapot: Integer; Handle: string);
begin
   TCellPhone.Create(Teapot); //call sibling virtual constructor
   FHandle := Handle;
end;
&lt;/code&gt;&lt;/pre&gt;
&lt;p&gt;The problem is that the descendant, overridden, constructor is never called. The actual stack trace chain of calls is:&lt;/p&gt;
&lt;pre&gt;&lt;code&gt;phone := TiPhone.Create(37, 'spout')
   constructor TCellPhone.Create(Teapot: Integer; Handle: string)
      constructor TCellPhone.Create(Teapot: Integer)
         constructor TComputer.Create(Teapot: Integer)
            TObject.Create
&lt;/code&gt;&lt;/pre&gt;
&lt;p&gt;The sibling call to &lt;code&gt;TCellPhone.Create(int)&lt;/code&gt;, which is virtual, should have called the descendant, overridden, method in &lt;code&gt;TiPhone&lt;/code&gt;:&lt;/p&gt;
&lt;pre&gt;&lt;code&gt;phone := TiPhone.Create(37, 'spout')
   constructor TCellPhone.Create(Teapot: Integer; Handle: string)
      constructor TiPhone.Create(Teapot: Integer)
         constructor TCellPhone.Create(Teapot: Integer)
            constructor TComputer.Create(Teapot: Integer)
               TObject.Create
&lt;/code&gt;&lt;/pre&gt;
&lt;p&gt;So it seems that attempts to use a sibling virtual constructor is Delphi do not work as expected.&lt;/p&gt;
&lt;p&gt;Is it then a bad idea for one constructor to use another? Is the design intention that code in overloaded constructors be copy-paste versions of each other? &lt;/p&gt;
&lt;p&gt;i notice in .NET that some constructors chain to each other:&lt;/p&gt;
&lt;pre&gt;&lt;code&gt;public Bitmap(int width, int height) : this(width, height, PixelFormat.Format32bppArgb) {}
public Bitmap(int width, int height, PixelFormat format) {...}
&lt;/code&gt;&lt;/pre&gt;
&lt;p&gt;This only seems to be a problem if:&lt;/p&gt;
&lt;ul&gt;
&lt;li&gt;a constructor is virtual&lt;/li&gt;
&lt;li&gt;you overload the constructors&lt;/li&gt;
&lt;/ul&gt;
&lt;p&gt;Is the rule that you cannot have one constructor overload another?&lt;/p&gt;</t>
  </si>
  <si>
    <t>2010-10-08 15:56:22.920000+00:00</t>
  </si>
  <si>
    <t>2010-10-08 16:23:03.973000+00:00</t>
  </si>
  <si>
    <t>2010-10-08 16:02:08.220000+00:00</t>
  </si>
  <si>
    <t>delphi|constructor|delphi-5|constructor-chaining</t>
  </si>
  <si>
    <t>No logs on a code 500 internal error in Google App Engine</t>
  </si>
  <si>
    <t>&lt;p&gt;I am getting an inexplicable 500 internal error, when using my generated android client java library in conjunction with Google App Engine. basically, I am getting a 500 internal server error, that never shows up in the logs within Google App Engine Console.&lt;/p&gt;
&lt;p&gt;This is my stacktrace:&lt;/p&gt;
&lt;pre&gt;&lt;code&gt;01-18 02:03:44.240: E/(27164): com.google.api.client.googleapis.json.GoogleJsonResponseException: 500 Internal Server Error
01-18 02:03:44.240: E/(27164): {
01-18 02:03:44.240: E/(27164):   "code": 500,
01-18 02:03:44.240: E/(27164):   "errors": [
01-18 02:03:44.240: E/(27164):     {
01-18 02:03:44.240: E/(27164):       "domain": "global",
01-18 02:03:44.240: E/(27164):       "message": "Internal Error",
01-18 02:03:44.240: E/(27164):       "reason": "internalError"
01-18 02:03:44.240: E/(27164):     }
01-18 02:03:44.240: E/(27164):   ],
01-18 02:03:44.240: E/(27164):   "message": "Internal Error"
01-18 02:03:44.240: E/(27164): }
01-18 02:03:44.240: E/(27164):  at com.google.api.client.googleapis.services.json.AbstractGoogleJsonClientRequest.newExceptionOnError(AbstractGoogleJsonClientRequest.java:113)
01-18 02:03:44.240: E/(27164):  at com.google.api.client.googleapis.services.json.AbstractGoogleJsonClientRequest.newExceptionOnError(AbstractGoogleJsonClientRequest.java:40)
01-18 02:03:44.240: E/(27164):  at com.google.api.client.googleapis.services.AbstractGoogleClientRequest$1.interceptResponse(AbstractGoogleClientRequest.java:312)
01-18 02:03:44.240: E/(27164):  at com.google.api.client.http.HttpRequest.execute(HttpRequest.java:1049)
01-18 02:03:44.240: E/(27164):  at com.google.api.client.googleapis.services.AbstractGoogleClientRequest.executeUnparsed(AbstractGoogleClientRequest.java:410)
01-18 02:03:44.240: E/(27164):  at com.google.api.client.googleapis.services.AbstractGoogleClientRequest.executeUnparsed(AbstractGoogleClientRequest.java:343)
01-18 02:03:44.240: E/(27164):  at com.google.api.client.googleapis.services.AbstractGoogleClientRequest.execute(AbstractGoogleClientRequest.java:460)
01-18 02:03:44.240: E/(27164):  at com.andreasrudolph.dreamcloud.SyncDreamsTask.doInBackground(SyncDreamsTask.java:75)
01-18 02:03:44.240: E/(27164):  at com.andreasrudolph.dreamcloud.SyncDreamsTask.doInBackground(SyncDreamsTask.java:1)
01-18 02:03:44.240: E/(27164):  at android.os.AsyncTask$2.call(AsyncTask.java:287)
01-18 02:03:44.240: E/(27164):  at java.util.concurrent.FutureTask$Sync.innerRun(FutureTask.java:305)
01-18 02:03:44.240: E/(27164):  at java.util.concurrent.FutureTask.run(FutureTask.java:137)
01-18 02:03:44.240: E/(27164):  at android.os.AsyncTask$SerialExecutor$1.run(AsyncTask.java:230)
01-18 02:03:44.240: E/(27164):  at java.util.concurrent.ThreadPoolExecutor.runWorker(ThreadPoolExecutor.java:1076)
01-18 02:03:44.240: E/(27164):  at java.util.concurrent.ThreadPoolExecutor$Worker.run(ThreadPoolExecutor.java:569)
01-18 02:03:44.240: E/(27164):  at java.lang.Thread.run(Thread.java:856)
&lt;/code&gt;&lt;/pre&gt;
&lt;p&gt;Is there a way to locate unlogged internal errors in Google App Engine Console?&lt;/p&gt;
&lt;p&gt;The error seem to occur when I am attaching a list to my request. As in:&lt;/p&gt;
&lt;pre&gt;&lt;code&gt;SyncStuffRequest syncStuff = service.sync().syncStuff();
syncStuff .set("stuff", an ArrayList of StuffObjects);
syncResponse = syncStuff .execute();
&lt;/code&gt;&lt;/pre&gt;</t>
  </si>
  <si>
    <t>2014-01-18 01:13:27.030000+00:00</t>
  </si>
  <si>
    <t>2014-03-09 15:36:40.710000+00:00</t>
  </si>
  <si>
    <t>java|android|google-app-engine|logging</t>
  </si>
  <si>
    <t>Can't get Angular select to update with selected value</t>
  </si>
  <si>
    <t>&lt;p&gt;I'm using selects to allow a user to switch between events and years. Each change will pull appropriate data from the server, return and update the page. However, the select box goes from the selected value to an empty value. I've looked at numerous solutions and they aren't working.&lt;/p&gt;
&lt;pre&gt;&lt;code&gt;&amp;lt;select
   ng-model="eventName"
   ng-options="item.value for item in eventOptions track by item.value"
   ng-change="changeEvent(eventName.value)"&amp;gt;
&amp;lt;/select&amp;gt;
&lt;/code&gt;&lt;/pre&gt;
&lt;p&gt;This is the changeEvent function:&lt;/p&gt;
&lt;pre&gt;&lt;code&gt;$scope.changeEvent = function(eventName){
    $scope.eventName = eventName; //wrongly assumed this would update the selected value
    $scope.getData($scope.eventName,$scope.eventYear); //this returns the json - correct
    $scope.updateSelected(); //meant to update the select field value on the page - fails
};
&lt;/code&gt;&lt;/pre&gt;
&lt;p&gt;$scope.eventName or $scope.eventYear values will properly update on a change, but has no effect on the page. The selects just empty of a selected value.&lt;/p&gt;
&lt;p&gt;&lt;strong&gt;UPDATED (with corrected code)&lt;/strong&gt;
I wanted to post the changes I made more clearly than the comment allows.&lt;/p&gt;
&lt;p&gt;I removed the object param "value" from the options and the argument from the function call (eventName.value).&lt;/p&gt;
&lt;pre&gt;&lt;code&gt;&amp;lt;select
    ng-model="eventName"
    ng-options="item for item in eventOptions track by item"
    ng-change="changeEvent()"&amp;gt;
&amp;lt;/select&amp;gt;
&lt;/code&gt;&lt;/pre&gt;
&lt;p&gt;And the changeEvent function gets simplified to:&lt;/p&gt;
&lt;pre&gt;&lt;code&gt;$scope.changeEvent = function(){
    $scope.getData($scope.eventName,$scope.eventYear);
};
&lt;/code&gt;&lt;/pre&gt;
&lt;p&gt;It all works as expected! Thanks to all, especially Delta who got me looking at it the right way.&lt;/p&gt;</t>
  </si>
  <si>
    <t>2015-04-09 13:55:29.563000+00:00</t>
  </si>
  <si>
    <t>2015-04-09 15:00:56.413000+00:00</t>
  </si>
  <si>
    <t>How can i pass active class through $router.push in Vue.js</t>
  </si>
  <si>
    <t>&lt;p&gt;I am using router-link for menu list. With that, active class is adding properly on clicking the link. I have a button in a page and it will navigate to another page using $router.push function but the active class is not removed from the previous page link and it is not added to navigated page.&lt;/p&gt;
&lt;pre&gt;&lt;code&gt;btnClick: function () {
    this.$router.push({ path: '/NextPage' })
},
&lt;/code&gt;&lt;/pre&gt;
&lt;p&gt;Can i force set active class through this.$router.push() function?&lt;/p&gt;</t>
  </si>
  <si>
    <t>2018-06-06 09:15:13.923000+00:00</t>
  </si>
  <si>
    <t>2018-06-11 13:11:39.533000+00:00</t>
  </si>
  <si>
    <t>vuejs2|vue-router</t>
  </si>
  <si>
    <t>Bash concatenate wierd output?</t>
  </si>
  <si>
    <t>&lt;p&gt;I'm trying to concatenate an IP string, with the remainder of a RegExp, for a later command. Here is the code:&lt;/p&gt;
&lt;pre&gt;&lt;code&gt;    ip=$(grep -oP 'server-ip=\K(.*)' server.properties)
    echo "Server IP: ${ip}"
    ip=${ip//\./\\\.}
    exp=':19132\s+0\.0\.0\.0:.*\s+\K([0-9]+)'
    regexp="${ip}$exp"
    echo "netstat -tulpn | grep -oP '${regexp}'"
    #pid=$(netstat -tulpn | grep -oP '${regexp}')
&lt;/code&gt;&lt;/pre&gt;
&lt;p&gt;The value of $ip is a valid IP string. and it later then has the .'s escaped by \ (e.g. 127.0.0.1)&lt;/p&gt;
&lt;p&gt;I am then trying to concatenate that $ip value, with the $exp. for an expected output of&lt;/p&gt;
&lt;pre&gt;&lt;code&gt;    127\.0\.0\.1:19132\s+0\.0\.0\.0:.*\s+\K([0-9]+)
&lt;/code&gt;&lt;/pre&gt;
&lt;p&gt;However, instead i am getting something along the lines of&lt;/p&gt;
&lt;pre&gt;&lt;code&gt;    :19132\s+0\.0\.0\.0:.*\s+\K([0-9]+)\.0\.1
&lt;/code&gt;&lt;/pre&gt;
&lt;p&gt;I'm fairly new to Bash, so i'm assuming this is something real easy, but any help?&lt;/p&gt;
&lt;p&gt;Thanks&lt;/p&gt;</t>
  </si>
  <si>
    <t>2015-02-18 18:52:54.967000+00:00</t>
  </si>
  <si>
    <t>2015-02-18 19:01:32.640000+00:00</t>
  </si>
  <si>
    <t>regex|bash|concatenation</t>
  </si>
  <si>
    <t>How to deploy Ruby on Rails application via cPanel on shared host?</t>
  </si>
  <si>
    <t>&lt;p&gt;I am in the process of learning Ruby on Rails and things have been going smoothly - up until I tried to deploy one of my test applications to my shared hosting account.&lt;/p&gt;
&lt;p&gt;I use Host Gator and was able to successfully create a new Ruby on Rails app via cPanel and run it. The only problem is that when you create a new app this way, it populates its directory with a blank application - as would &lt;code&gt;rails new app_name&lt;/code&gt; locally. When I delete the files and folders in this directory and replace them with my own, then attempt to run the app, cPanel says that it is running on the confirmation page but it never actually starts. I am not receiving any error messages either.&lt;/p&gt;
&lt;p&gt;The host seemed rather stumped, stating that it should be a matter of deleting the initial files and folders and replacing them, then running. The app works fine locally so I do not think that it is a code issue. In my research I came across Passenger, although it is way over my head and it would appear that you really need to have total control over Apache to make it all work, including ssh.&lt;/p&gt;
&lt;p&gt;If it makes any difference, the apps I made locally were put together using an installation of Rails Installer and are scaffolded. For testing I am using a bare minimum app with about three fields in the table.&lt;/p&gt;
&lt;p&gt;What am I missing? Any help would be appreciated. &lt;/p&gt;</t>
  </si>
  <si>
    <t>2011-06-02 19:20:47.190000+00:00</t>
  </si>
  <si>
    <t>2017-11-23 16:14:15.410000+00:00</t>
  </si>
  <si>
    <t>ruby-on-rails|cpanel|apache-config</t>
  </si>
  <si>
    <t>Reduce or eliminate persistent connections mysql</t>
  </si>
  <si>
    <t>&lt;p&gt;I am trying to fine tune mysql on a VPS of 2G Ram Linux Centos, I used mysqltuner.pl the report says:&lt;/p&gt;
&lt;pre&gt;&lt;code&gt;    General recommendations:     
    Add skip-innodb to MySQL configuration to disable InnoDB     
    MySQL started within last 24 hours - recommendations may be inaccurate     
    Enable the slow query log to troubleshoot bad queries     
    **Reduce or eliminate persistent connections to reduce connection usage**     
    When making adjustments, make tmp_table_size/max_heap_table_size equal     
    Reduce your SELECT DISTINCT queries without LIMIT clauses 
Variables to adjust:    
max_connections (&amp;gt; 151)     
wait_timeout (&amp;lt; 28800)    
interactive_timeout (&amp;lt; 28800)     
tmp_table_size (&amp;gt; 16M)     
max_heap_table_size (&amp;gt; 16M)
&lt;/code&gt;&lt;/pre&gt;
&lt;p&gt;I have a question regarding "Reduce or eliminate persistent connections to reduce connection usage":
1. How do I know how many connections are there when my site is running-written in PHP?
2. How to reduce them or eliminate them? If there a variable in my.cnf setting targeted for that or I have to do it on the PHP side?&lt;/p&gt;
&lt;p&gt;Pls help, as I am still do trials and erros, I am learning but still not so knowledgable about mysql. Thanks.&lt;/p&gt;</t>
  </si>
  <si>
    <t>2013-03-01 10:54:07.267000+00:00</t>
  </si>
  <si>
    <t>2013-03-01 10:59:15.030000+00:00</t>
  </si>
  <si>
    <t>apache upload file size override org.apache.commons.fileupload.FileUploadBase</t>
  </si>
  <si>
    <t>&lt;p&gt;I get this error while trying to load file -     &lt;/p&gt;
&lt;pre&gt;&lt;code&gt;org.apache.commons.fileupload.FileUploadBase$SizeLimitExceededException: the request was rejected because its size (341297) exceeds the configured maximum (51200)
&lt;/code&gt;&lt;/pre&gt;
&lt;p&gt;Now, I want to override the FileUploadBase size in my program by inheriting it...How can do it my servlet..&lt;/p&gt;</t>
  </si>
  <si>
    <t>2014-09-11 14:10:43.767000+00:00</t>
  </si>
  <si>
    <t>2014-09-12 06:20:02.237000+00:00</t>
  </si>
  <si>
    <t>java|apache|servlets</t>
  </si>
  <si>
    <t>Search and Replace in a Text File In Flask</t>
  </si>
  <si>
    <t>&lt;p&gt;I want to search and replace in a text file in flask. &lt;/p&gt;
&lt;pre&gt;&lt;code&gt;@app.route('/links', methods=['POST'])
def get_links():
    search_line= "blah blah"
    try:
        for line in fileinput.input(os.path.join(APP_STATIC, u'links.txt')):
        x = line.replace(search_line,
                           search_line + "\n" + request.form.get(u'query'))
    except BaseException as e:
        print e
    return render_template('index.html')
&lt;/code&gt;&lt;/pre&gt;
&lt;p&gt;This code always deletes all lines in my txt file. And I have unicode and "input() already active" erros. &lt;/p&gt;
&lt;p&gt;Is this a correct way to do this? I have to work with python 2.6&lt;/p&gt;</t>
  </si>
  <si>
    <t>2016-10-18 06:28:02.910000+00:00</t>
  </si>
  <si>
    <t>2016-10-18 06:59:50.327000+00:00</t>
  </si>
  <si>
    <t>python|flask</t>
  </si>
  <si>
    <t>JMeter Group HTTP Request Results by IP Address</t>
  </si>
  <si>
    <t>&lt;p&gt;I am trying to use JMeter to load test a load balancer, however, I'd like to group the results by the underlying IP Address being used to send the actual request.&lt;/p&gt;
&lt;p&gt;I've added a DNS Cache Manager so I can control the DNS caching of the request, but, the results are reported for the entire session. What I'm looking for is the numbers to be broken out (or grouped) by the underlying IP address being used to send each individual request on the thread.&lt;/p&gt;</t>
  </si>
  <si>
    <t>2018-02-21 12:36:06.340000+00:00</t>
  </si>
  <si>
    <t>2018-02-21 12:47:20.607000+00:00</t>
  </si>
  <si>
    <t>jmeter</t>
  </si>
  <si>
    <t>Deploying web application in GoDaddy Linux Hosting</t>
  </si>
  <si>
    <t>&lt;p&gt;Good day, &lt;/p&gt;
&lt;p&gt;I am trying to deploy a laravel application to godaddy linux hosting. I am kind of new to cloud servers and I am having problems referencing the public/index inside the laravel folder to be used by the domain I bought. I have seen tutorials moving the files inside the public folder in the hosting root (public). As much as possible, I would like to refrain from moving the public files in the document root since I'll be hosting several web applications there. Is there any way to do this? BTW. the site index is &lt;a href="http://filcaspro.com/site/public" rel="nofollow noreferrer"&gt;http://filcaspro.com/site/public&lt;/a&gt;. I would like to remove the /site/public when accessing the website.&lt;/p&gt;
&lt;p&gt;Thanks in advanced&lt;/p&gt;</t>
  </si>
  <si>
    <t>2018-03-10 09:34:23.233000+00:00</t>
  </si>
  <si>
    <t>2018-03-10 18:09:49.547000+00:00</t>
  </si>
  <si>
    <t>My javascript is not working with my page in asp.net</t>
  </si>
  <si>
    <t>&lt;p&gt;Recently I am working on asp.net application but my found that my script is not working and don't know why even I tested in the fiddle.&lt;/p&gt;
&lt;p&gt;I want my list box to be filtered when user key in any keyword in the textbox.&lt;/p&gt;
&lt;p&gt;My list box ID is "ItemList".&lt;/p&gt;
&lt;p&gt;My textbox ID is "txtSearchItem".&lt;/p&gt;
&lt;p&gt;here is my script for the page:&lt;/p&gt;
&lt;pre&gt;&lt;code&gt;&amp;lt;%@ Page Title="" Language="C#" MasterPageFile="~/Staff/Staff.Master" AutoEventWireup="true" CodeBehind="AddPackage.aspx.cs" Inherits="ExpressPrintingSystem.Staff.Owner.Package.AddPackage" %&amp;gt;
&amp;lt;asp:Content ID="Content1" ContentPlaceHolderID="head" runat="server"&amp;gt;
    &amp;lt;script type="text/javascript"&amp;gt;
            $(document.getElementById("&amp;lt;%=txtSearchItem.ClientID%&amp;gt;")).on("keyup", function () {
                var search = this.value;
                $("option", document.getElementById("&amp;lt;%= ItemList.ClientID %&amp;gt;")).show().filter(function () {
                    return $(this).text().toLowerCase().indexOf(search.toLowerCase()) &amp;lt; 0;
                }).hide();
            }); 
    &amp;lt;/script&amp;gt;
&amp;lt;/asp:Content&amp;gt;
&lt;/code&gt;&lt;/pre&gt;
&lt;p&gt;Here is the ListBox with is located in a table:&lt;/p&gt;
&lt;pre&gt;&lt;code&gt;&amp;lt;td&amp;gt;&amp;lt;asp:TextBox ID="txtSearchItem" TextMode="Search" Width="200px" runat="server" ClientIDMode="Static"/&amp;gt;&amp;lt;br /&amp;gt;
                    &amp;lt;asp:ListBox ID="ItemList" runat="server" Width="200px" DataSourceID="sdsItem" ClientIDMode="static" DataTextField="ItemName" DataValueField="ItemID"&amp;gt;&amp;lt;/asp:ListBox&amp;gt;
                    &amp;lt;asp:SqlDataSource ID="sdsItem" runat="server" ConnectionString="&amp;lt;%$ ConnectionStrings:printDBServer %&amp;gt;" SelectCommand="SELECT [ItemID], [ItemName] FROM [Item] WHERE ([ItemID] LIKE '%' + @keyword + '%')  OR ([ItemName] LIKE '%' + @keyword + '%')"&amp;gt;
                    &amp;lt;SelectParameters&amp;gt;
                        &amp;lt;asp:ControlParameter ControlID="txtSearchItem" DefaultValue="I" Name="keyword" PropertyName="Text" /&amp;gt;
                    &amp;lt;/SelectParameters&amp;gt;
                    &amp;lt;/asp:SqlDataSource&amp;gt;
                &amp;lt;/td&amp;gt;
&lt;/code&gt;&lt;/pre&gt;
&lt;p&gt;I not sure where is the error occur. I want the option tag to be hidden when the keywords in the text box is not match with the keywords user type in. The ListBox is linked with a datasource which will call all the record of the item out. Please help me.&lt;/p&gt;
&lt;p&gt;Here is my whole complete code:&lt;/p&gt;
&lt;pre&gt;&lt;code&gt;&amp;lt;%@ Page Title="" Language="C#" MasterPageFile="~/Staff/Staff.Master" AutoEventWireup="true" CodeBehind="AddPackage.aspx.cs" Inherits="ExpressPrintingSystem.Staff.Owner.Package.AddPackage" %&amp;gt;
&amp;lt;asp:Content ID="Content1" ContentPlaceHolderID="head" runat="server"&amp;gt;
    &amp;lt;script type="text/javascript"&amp;gt;
            $(document.getElementById("&amp;lt;%=txtSearchItem.ClientID%&amp;gt;")).on("keyup", function () {
                var search = this.value;
                $("option", document.getElementById("&amp;lt;%= ItemList.ClientID %&amp;gt;")).show().filter(function () {
                    return $(this).text().toLowerCase().indexOf(search.toLowerCase()) &amp;lt; 0;
                }).hide();
            }); 
    &amp;lt;/script&amp;gt;
&amp;lt;/asp:Content&amp;gt;
&amp;lt;asp:Content ID="Content2" ContentPlaceHolderID="cphStaffContent" runat="server"&amp;gt;
    &amp;lt;h1&amp;gt;Add Package&amp;lt;/h1&amp;gt;
    &amp;lt;asp:Label ID="lblError" runat="server" ForeColor="Red" Text=""&amp;gt;&amp;lt;/asp:Label&amp;gt;
        &amp;lt;table&amp;gt;
            &amp;lt;tr&amp;gt;
                &amp;lt;td&amp;gt;&amp;lt;asp:Label ID="lblName" runat="server" Text="Name:"&amp;gt;&amp;lt;/asp:Label&amp;gt;&amp;lt;/td&amp;gt;
                &amp;lt;td&amp;gt;&amp;lt;asp:TextBox ID="txtName" runat="server"&amp;gt;&amp;lt;/asp:TextBox&amp;gt;&amp;lt;/td&amp;gt;
                &amp;lt;td&amp;gt;&amp;lt;asp:RequiredFieldValidator ID="rfvName" runat="server" ControlToValidate="txtName" ForeColor="Red" ErrorMessage="Please fill up the the Name field."&amp;gt;&amp;lt;/asp:RequiredFieldValidator&amp;gt;&amp;lt;/td&amp;gt;
            &amp;lt;/tr&amp;gt;
            &amp;lt;tr&amp;gt;
                &amp;lt;td&amp;gt;&amp;lt;asp:Label ID="lblSupport" runat="server" Text="Support Files:"&amp;gt;&amp;lt;/asp:Label&amp;gt;&amp;lt;/td&amp;gt;
                &amp;lt;td&amp;gt;&amp;lt;asp:CheckBoxList ID="cblSupport" runat="server"&amp;gt;&amp;lt;/asp:CheckBoxList&amp;gt;&amp;lt;/td&amp;gt;
            &amp;lt;/tr&amp;gt;
            &amp;lt;tr&amp;gt;
                &amp;lt;td&amp;gt;&amp;lt;asp:Label ID="lblType" runat="server" Text="Type of Package:"&amp;gt;&amp;lt;/asp:Label&amp;gt;&amp;lt;/td&amp;gt;
                &amp;lt;td&amp;gt;&amp;lt;asp:DropDownList ID="ddlType" runat="server" Height="17px" Width="128px"&amp;gt;&amp;lt;/asp:DropDownList&amp;gt;&amp;lt;/td&amp;gt;
            &amp;lt;/tr&amp;gt;
            &amp;lt;tr&amp;gt;
                &amp;lt;td&amp;gt;&amp;lt;asp:Label ID="lblItems" runat="server" Text="Package's Items:"&amp;gt;&amp;lt;/asp:Label&amp;gt;&amp;lt;/td&amp;gt;
                &amp;lt;td&amp;gt;&amp;lt;asp:Table ID="tblPackageItems" runat="server" Width="100%"&amp;gt; 
                        &amp;lt;asp:TableRow&amp;gt;
                            &amp;lt;asp:TableCell&amp;gt;Item&amp;lt;/asp:TableCell&amp;gt;
                            &amp;lt;asp:TableCell&amp;gt;Quantity&amp;lt;/asp:TableCell&amp;gt;
                        &amp;lt;/asp:TableRow&amp;gt;
                    &amp;lt;/asp:Table&amp;gt; &amp;lt;/td&amp;gt;
                &amp;lt;td&amp;gt;&amp;lt;asp:TextBox ID="txtSearchItem" TextMode="Search" Width="200px" runat="server" ClientIDMode="Static"/&amp;gt;&amp;lt;br /&amp;gt;
                    &amp;lt;asp:ListBox ID="ItemList" runat="server" Width="200px" DataSourceID="sdsItem" ClientIDMode="static" DataTextField="ItemName" DataValueField="ItemID"&amp;gt;&amp;lt;/asp:ListBox&amp;gt;
                    &amp;lt;asp:SqlDataSource ID="sdsItem" runat="server" ConnectionString="&amp;lt;%$ ConnectionStrings:printDBServer %&amp;gt;" SelectCommand="SELECT [ItemID], [ItemName] FROM [Item] WHERE ([ItemID] LIKE '%' + @keyword + '%')  OR ([ItemName] LIKE '%' + @keyword + '%')"&amp;gt;
                    &amp;lt;SelectParameters&amp;gt;
                        &amp;lt;asp:ControlParameter ControlID="txtSearchItem" DefaultValue="I" Name="keyword" PropertyName="Text" /&amp;gt;
                    &amp;lt;/SelectParameters&amp;gt;
                    &amp;lt;/asp:SqlDataSource&amp;gt;
                &amp;lt;/td&amp;gt;
            &amp;lt;/tr&amp;gt;
            &amp;lt;tr&amp;gt;
                &amp;lt;td&amp;gt;&amp;lt;asp:Label ID="lblEstPrice" runat="server" Text="Estimated Price (RM):"&amp;gt;&amp;lt;/asp:Label&amp;gt;&amp;lt;/td&amp;gt;
                &amp;lt;td&amp;gt;&amp;lt;asp:Label ID="lblEstimatedPrice" runat="server" Text="0"/&amp;gt;&amp;lt;/td&amp;gt;
            &amp;lt;/tr&amp;gt;
            &amp;lt;tr&amp;gt;
                &amp;lt;td&amp;gt;&amp;lt;asp:Label ID="lblPrice" runat="server" Text="Package Price (RM):"&amp;gt;&amp;lt;/asp:Label&amp;gt;&amp;lt;/td&amp;gt;
                &amp;lt;td&amp;gt;&amp;lt;asp:TextBox ID="txtPrice" runat="server"&amp;gt;&amp;lt;/asp:TextBox&amp;gt;&amp;lt;/td&amp;gt;
            &amp;lt;/tr&amp;gt;    
        &amp;lt;/table&amp;gt;
            &amp;lt;asp:Button ID="btnSubmit" runat="server" Text="Add Package"/&amp;gt;
            &amp;lt;asp:Button ID="btnCancel" runat="server" Text="Cancel"/&amp;gt;
&amp;lt;/asp:Content&amp;gt;
&lt;/code&gt;&lt;/pre&gt;
&lt;p&gt;This is my master page:&lt;/p&gt;
&lt;pre&gt;&lt;code&gt;&amp;lt;%@ Master Language="C#" AutoEventWireup="true" CodeBehind="Staff.master.cs" Inherits="ExpressPrintingSystem.Staff.Staff" %&amp;gt;
&amp;lt;!DOCTYPE html&amp;gt;
&amp;lt;html xmlns="http://www.w3.org/1999/xhtml"&amp;gt;
&amp;lt;head runat="server"&amp;gt;
    &amp;lt;title&amp;gt;Staff Portal&amp;lt;/title&amp;gt;
    &amp;lt;link rel="stylesheet" href="~/styles/main.css" type="text/css" /&amp;gt;
    &amp;lt;asp:ContentPlaceHolder ID="head" runat="server"&amp;gt;
    &amp;lt;/asp:ContentPlaceHolder&amp;gt;
&amp;lt;/head&amp;gt;
&amp;lt;body&amp;gt;
    &amp;lt;div id="page"&amp;gt;
        &amp;lt;form runat="server"&amp;gt;
        &amp;lt;div id="header"&amp;gt;
            &amp;lt;asp:SiteMapDataSource ID="SiteMapDataSourceForStaff" SiteMapProvider="StaffSiteMap" runat="server" ShowStartingNode="false" /&amp;gt;
            &amp;lt;div&amp;gt;
            &amp;lt;a href="#" class="logo"&amp;gt;&amp;lt;img src="&amp;lt;%=Page.ResolveUrl("~/Images/logo/long_logo.png")%&amp;gt;" alt=""/&amp;gt;&amp;lt;/a&amp;gt;
            &amp;lt;ul id="navigation"&amp;gt;
                    &amp;lt;li class="selected"&amp;gt;
                        &amp;lt;a href="#"&amp;gt;Home&amp;lt;/a&amp;gt;
                    &amp;lt;/li&amp;gt;
                    &amp;lt;asp:Repeater runat="server" ID="menu" DataSourceID="SiteMapDataSourceForStaff"&amp;gt;
                        &amp;lt;ItemTemplate&amp;gt;
                            &amp;lt;li&amp;gt;
                                &amp;lt;asp:HyperLink runat="server" NavigateUrl='&amp;lt;%# Eval("Url") %&amp;gt;'&amp;gt;&amp;lt;%# Eval("Title") %&amp;gt;&amp;lt;/asp:HyperLink&amp;gt;
                                &amp;lt;asp:Repeater runat="server" DataSource='&amp;lt;%# ((SiteMapNode) Container.DataItem).ChildNodes %&amp;gt;'&amp;gt;
                                    &amp;lt;HeaderTemplate&amp;gt;
                                        &amp;lt;ul&amp;gt;
                                    &amp;lt;/HeaderTemplate&amp;gt;
                                    &amp;lt;ItemTemplate&amp;gt;
                                        &amp;lt;li&amp;gt;
                                            &amp;lt;asp:HyperLink runat="server" NavigateUrl='&amp;lt;%# Eval("Url") %&amp;gt;'&amp;gt;&amp;lt;%# Eval("Title") %&amp;gt;&amp;lt;/asp:HyperLink&amp;gt;
                                        &amp;lt;/li&amp;gt;
                                    &amp;lt;/ItemTemplate&amp;gt;
                                    &amp;lt;FooterTemplate&amp;gt;
                                        &amp;lt;/ul&amp;gt;
                                    &amp;lt;/FooterTemplate&amp;gt;
                                &amp;lt;/asp:Repeater&amp;gt;
                            &amp;lt;/li&amp;gt;
                        &amp;lt;/ItemTemplate&amp;gt;
                    &amp;lt;/asp:Repeater&amp;gt;
                    &amp;lt;li style="float:right;"&amp;gt;
                        &amp;lt;asp:HyperLink ID="userInfoControl" runat="server"/&amp;gt;
                        &amp;lt;ul id="userMenu" runat="server"&amp;gt;
                        &amp;lt;/ul&amp;gt;
                    &amp;lt;/li&amp;gt;               &amp;lt;/ul&amp;gt;
            &amp;lt;/div&amp;gt;
        &amp;lt;/div&amp;gt;
        &amp;lt;div id="content"&amp;gt;
            &amp;lt;div&amp;gt;
                &amp;lt;asp:ContentPlaceHolder ID="cphStaffContent" runat="server"&amp;gt;
                &amp;lt;/asp:ContentPlaceHolder&amp;gt;
            &amp;lt;/div&amp;gt;
        &amp;lt;/div&amp;gt;
    &amp;lt;/form&amp;gt;
        &amp;lt;footer id="footer"&amp;gt;
            &amp;lt;div class="footcontent"&amp;gt;
                &amp;lt;div&amp;gt;
                    &amp;lt;a href="#" class="logo"&amp;gt;&amp;lt;img src="&amp;lt;%=Page.ResolveUrl("~/Images/logo/long_logo.png")%&amp;gt;" alt=""/&amp;gt;&amp;lt;/a&amp;gt;
                    &amp;lt;ul&amp;gt;
                        &amp;lt;li&amp;gt;&amp;lt;a href="#"&amp;gt;Services&amp;lt;/a&amp;gt;&amp;lt;/li&amp;gt;
                        &amp;lt;li&amp;gt;&amp;lt;a href="#"&amp;gt;About&amp;lt;/a&amp;gt;&amp;lt;/li&amp;gt;
                        &amp;lt;li&amp;gt;&amp;lt;a href="#"&amp;gt;Contact&amp;lt;/a&amp;gt;&amp;lt;/li&amp;gt;
                    &amp;lt;/ul&amp;gt;
                &amp;lt;/div&amp;gt;
            &amp;lt;/div&amp;gt;
            &amp;lt;div class="footnote"&amp;gt;
                &amp;lt;div&amp;gt;
                    &amp;lt;p&amp;gt;&amp;amp;copy; 2017 BY Express Printing System | ALL RIGHTS RESERVED&amp;lt;/p&amp;gt;
                &amp;lt;/div&amp;gt;
            &amp;lt;/div&amp;gt;
        &amp;lt;/footer&amp;gt;
        &amp;lt;/div&amp;gt;
&amp;lt;/body&amp;gt;
&amp;lt;/html&amp;gt;
&lt;/code&gt;&lt;/pre&gt;</t>
  </si>
  <si>
    <t>2017-10-05 09:53:02.683000+00:00</t>
  </si>
  <si>
    <t>2017-10-05 10:15:35.873000+00:00</t>
  </si>
  <si>
    <t>Why animate() function of jQuery doesn't work when i click divs quicker?</t>
  </si>
  <si>
    <t>&lt;p&gt;In a div i am putting some divs and i set overflow: hidden. Main div can show five sub divs after that i need to scroll to see rest of the divs. To scroll down i created a div and on click function of that div i am scrolling rest of div. Code for this is following: &lt;/p&gt;
&lt;pre&gt;&lt;code&gt; if(whatsupobj.length &amp;gt; 5){ 
    $('#scrolldown').click(function(){
        var toppx = whatsupobj.length-1;
        var lastdivtoppx = '268px';                                     
        if($('#subdiv'+toppx).css('top') !== lastdivtoppx ){
            $(".subdiv").animate({"top": "-=67px"}, "medium");
        }
    });
    $('#scrollup').click(function(){
        if($('#subdiv0').css('top') !== '0px' ){
            $(".subdiv").animate({"top": "+=67px"}, "medium");
        }
    }); 
}else{  
    $('#scrollup').unbind("click");
    $('#scrolldown').unbind("click");
}
&lt;/code&gt;&lt;/pre&gt;
&lt;p&gt;its working fine with only one problem. Problem is that when i click on scrolldown very fast then sub divs keep going down. But when i click on scrolldown normally then it stops when last div shows itself. I know i can increase or decrease the animation speed but it doesn't look good when its fast. How can i fix this problem? Thanks in advance.&lt;/p&gt;</t>
  </si>
  <si>
    <t>2011-12-14 11:30:31.987000+00:00</t>
  </si>
  <si>
    <t>2011-12-14 12:13:20.980000+00:00</t>
  </si>
  <si>
    <t>jquery|jquery-ui|jquery-selectors</t>
  </si>
  <si>
    <t>error LNK2001: unresolved external symbol when some files have been added from existing project</t>
  </si>
  <si>
    <t>&lt;p&gt;I have copied some of the files from my existing project into new  project. Everything works fine but I have started getting&lt;br&gt;
 &lt;code&gt;error LNK2001: unresolved external symbol "class MessagingInterface message" (?message@@3VMessagingInterface@@A)&lt;/code&gt;&lt;/p&gt;
&lt;p&gt;The file which throws above error has  &lt;code&gt;extern MessagingInterface message ;&lt;/code&gt; declared in .cpp file. I have two other files MessagingInterface.h and .cpp  which declares and defines function for MessagingInterface class.
The interesting thing to note is both these projects are build under vs2010 but the new one has some qt functions in it so obviously I am building with qt plugin and moc files etc
I have added files in the build using Cmake.
Any tiny help will be fruitful for me..&lt;/p&gt;
&lt;p&gt;MessageInterface.h&lt;/p&gt;
&lt;pre&gt;&lt;code&gt;//#include &amp;lt;afxmt.h&amp;gt;
#include &amp;lt;iostream&amp;gt;
#include &amp;lt;sstream&amp;gt;
#include &amp;lt;QMutex&amp;gt;
#include &amp;lt;QString&amp;gt;
#include "sms_list.h"
class sms_list;
/* Macro to output the current position in the code
 */
#define CODE_CHECKPOINT message( MessageType::CODE ) \
    &amp;lt;&amp;lt; __FILE__ &amp;lt;&amp;lt; ", line " &amp;lt;&amp;lt; __LINE__ &amp;lt;&amp;lt; std::endl
/** Centralised messaging interface for printing messages to the display and to
  * disk
  */
class MessagingInterface  
{
public:
    /** Which messages to write to which stream
      */
    struct Config
    {
        std::ostream*       os;
        MessageType::Enum   types[ MessageType::NUMBER_OF_MESSAGE_TYPES ];
    };
    /** Allows more than one stream to be written to at the same time
      */
    class Proxy
    {
        friend class MessagingInterface;
    public:
        ~Proxy();
        std::ostream&amp;amp; getStream( void ) const;
    private:
        Proxy( MessagingInterface* ptr );
        Proxy( const Proxy&amp;amp; other ) {}
        MessagingInterface* parent_;
    };
    friend class Proxy;
    MessagingInterface( const Config* cstart, const Config* cend ); 
    /** Give responsibility to write to the streams to a proxy that will do the
      * work for the messaging class
      */
    Proxy operator() ( const MessageType::Enum type );
    template&amp;lt;typename Type&amp;gt;
 void operator ()( const Type&amp;amp; value )
 {
    QMutex mutex;
    mutex.lock();
           //CSingleLock        lock( &amp;amp;criticalSection_, true );
    for( const Config* iter = start_; iter != end_; ++iter )
        *(iter-&amp;gt;os) &amp;lt;&amp;lt; value;
}
    /** Outputs the value straight to all the streams
      */
    template&amp;lt;typename Type&amp;gt;
    void operator ()( const Type&amp;amp; value )
    {
        QMutex mutex;
        mutex.lock();
  //CSingleLock lock( &amp;amp;criticalSection_, true );
        for( const Config* iter = start_; iter != end_; ++iter )
            *(iter-&amp;gt;os) &amp;lt;&amp;lt; value;
    }
    void timestamp( void );
    /** Timestamps the specified stream
      */
    void timestamp( std::ostream&amp;amp; os );
private:
    /** Outputs the message and the type
      */
    void output( const MessageType::Enum type, QString str ) const;
    sms_list*               sms_list_;
    std::stringstream           ss_;
    MessageType::Enum           type_;
    const Config*               start_;
    const Config*               end_;
    //mutable CCriticalSection  criticalSection_;
      mutable QMutex mutex_;
};
/** Outputs a CString as text instead of as a pointer
  */
inline std::ostream&amp;amp; operator &amp;lt;&amp;lt;( std::ostream&amp;amp; os, const QString&amp;amp; str )
{
 os &amp;lt;&amp;lt; ( str ).toStdString();
    return os;
}
/** Outputs the value to the proxy stream then returns a reference to the
  * stream so other items can be sent to it
  */
template&amp;lt;typename Type&amp;gt;
std::ostream&amp;amp; operator &amp;lt;&amp;lt;( MessagingInterface::Proxy&amp;amp; proxy, const Type&amp;amp; value )
{
    //somecode
 }
&lt;/code&gt;&lt;/pre&gt;
&lt;p&gt;// MessageInterface.cpp&lt;/p&gt;
&lt;pre&gt;&lt;code&gt;    #include "MessagingInterface.h"
#include "SMS_list.h"
#include "lib_utils/Exception.h"
#include &amp;lt;boost/function.hpp&amp;gt;
#include &amp;lt;algorithm&amp;gt;
#include &amp;lt;fstream&amp;gt;
#include &amp;lt;QString&amp;gt;
#include &amp;lt;QTime&amp;gt;
#include &amp;lt;qvariant.h&amp;gt;
#include &amp;lt;QDateTime&amp;gt;
#ifdef _DEBUG
#undef THIS_FILE
static char THIS_FILE[]=__FILE__;
#define new DEBUG_NEW
#endif
using namespace MessageType;
using namespace std;
using namespace platform;
namespace
{
 bla bla .. some functions
}
MessagingInterface::MessagingInterface( const Config* cstart, const Config* cend )
: message_list_( NULL ), start_( cstart ), end_( cend )
{
    ss_.setf( ios::boolalpha );
}
/** Give responsibility to write to the streams to a proxy that will do the
  * work for the messaging class
  */
MessagingInterface::Proxy MessagingInterface::operator() ( const MessageType::Enum type )
{
    type_ = type;
    return this;
}
// some other functions
&lt;/code&gt;&lt;/pre&gt;
&lt;p&gt;Calling.cpp&lt;/p&gt;
&lt;pre&gt;&lt;code&gt;    #some other files
#include "MessagingInterface.h"
#include "calling.h"
#ifdef _DEBUG
#undef THIS_FILE
static char THIS_FILE[]=__FILE__;
#define new DEBUG_NEW
#endif
extern MessagingInterface message;
// some other functions
//calling.h
#pragma once
#include &amp;lt;string&amp;gt;
#include "MessagingInterface.h"
//extern MessagingInterface message; // commented out as declared in cpp file. But I have tried uncommenting here n commenting on cpp and vice versa
&lt;/code&gt;&lt;/pre&gt;
&lt;p&gt;HI Guys , if i just use &lt;code&gt;extern MessageInterface message&lt;/code&gt; in calling.cpp it compiles fine but if i use even one function or macro from MessageInterface it throws linker error. For example I have used &lt;code&gt;CODE_CHECKPOINT&lt;/code&gt; in calling.cpp and it start throwing linker error .. IM completely clueless&lt;/p&gt;</t>
  </si>
  <si>
    <t>2013-12-07 13:50:01.220000+00:00</t>
  </si>
  <si>
    <t>2014-07-29 15:29:51.403000+00:00</t>
  </si>
  <si>
    <t>c++|visual-studio-2010|qt|linker-errors</t>
  </si>
  <si>
    <t>How to pass 2 variable to buildForm? Symfony 2.0</t>
  </si>
  <si>
    <t>&lt;p&gt;This is a class in ComuneType.php for generating the form.
With 1 variable it works: &lt;/p&gt;
&lt;pre&gt;&lt;code&gt;class ComuneType extends AbstractType
{
    private $idRegione;
    public function __construct($idRegione = null)
    {
        $this-&amp;gt;idRegione = $idRegione;
    }
&lt;/code&gt;&lt;/pre&gt;
&lt;p&gt;but with 2 variables it doesn't work:&lt;/p&gt;
&lt;pre&gt;&lt;code&gt;class ComuneType extends AbstractType
{
    private $idProvincia;
    private $idRegione;
    public function __construct($idProvincia = null,$idRegione = null)
    {
        $this-&amp;gt;idProvincia = $idProvincia;
        $this-&amp;gt;idRegione = $idRegione;
    }
&lt;/code&gt;&lt;/pre&gt;
&lt;p&gt;What is wrong?&lt;/p&gt;</t>
  </si>
  <si>
    <t>2012-01-31 02:02:17.557000+00:00</t>
  </si>
  <si>
    <t>2013-02-05 10:21:43.640000+00:00</t>
  </si>
  <si>
    <t>my cucumber tests are not able to execute when i use runner class</t>
  </si>
  <si>
    <t>&lt;p&gt;I have two feature class in framework, and now I am not able to run MenuTest.resources feature class.I have checked multiple times whether my feature file should not have any error but no luck.&lt;/p&gt;
&lt;p&gt;&lt;a href="https://i.stack.imgur.com/Li13D.jpg" rel="nofollow noreferrer"&gt;&lt;img src="https://i.stack.imgur.com/Li13D.jpg" alt="enter image description here"&gt;&lt;/a&gt;&lt;/p&gt;
&lt;p&gt;&lt;a href="https://i.stack.imgur.com/ZY2RZ.jpg" rel="nofollow noreferrer"&gt;&lt;img src="https://i.stack.imgur.com/ZY2RZ.jpg" alt="enter image description here"&gt;&lt;/a&gt;&lt;/p&gt;</t>
  </si>
  <si>
    <t>2017-06-01 16:23:32.053000+00:00</t>
  </si>
  <si>
    <t>2017-06-04 03:32:10.457000+00:00</t>
  </si>
  <si>
    <t>bdd</t>
  </si>
  <si>
    <t>How to get output headers on dynamic table input in pentaho kettle</t>
  </si>
  <si>
    <t>&lt;p&gt;I've got a simple kettle transformation which just does &lt;code&gt;Table Input -&amp;gt; Text File Output&lt;/code&gt;&lt;/p&gt;
&lt;p&gt;The table input however is &lt;code&gt;SELECT * FROM ${tableName}&lt;/code&gt; 
(with the table coming from a job parameter)&lt;/p&gt;
&lt;p&gt;The Text file output just has the filename options and separator set.&lt;/p&gt;
&lt;p&gt;The output data rows are written OK, but the header checkbox does nothing and I cannot work out how to generate a header.
I guess it is because I am not explicitly mapping fields in the output stage. &lt;/p&gt;
&lt;p&gt;&lt;strong&gt;How can I introduce a header to my output?&lt;/strong&gt; &lt;/p&gt;
&lt;p&gt;Thx&lt;/p&gt;</t>
  </si>
  <si>
    <t>2015-07-28 11:25:35.713000+00:00</t>
  </si>
  <si>
    <t>2015-07-28 12:00:01.867000+00:00</t>
  </si>
  <si>
    <t>pentaho|kettle</t>
  </si>
  <si>
    <t>remove particular order status from list in magento</t>
  </si>
  <si>
    <t>&lt;p&gt;I am using extension&lt;/p&gt;
&lt;p&gt;&lt;a href="http://www.magentocommerce.com/magento-connect/eitai2001/extension/1468/order-status/reviews#reviews" rel="nofollow noreferrer"&gt;http://www.magentocommerce.com/magento-connect/eitai2001/extension/1468/order-status/reviews#reviews&lt;/a&gt;&lt;/p&gt;
&lt;p&gt;of magento which provide a lot of order status..but my need is limited ..so i want to remove some status from my order-status list... how can i do this..please help
Thanks!&lt;/p&gt;
&lt;p&gt;&lt;strong&gt;Edited&lt;/strong&gt;
 I made change in &lt;strong&gt;config.xml&lt;/strong&gt;
If I comment any order-status ... like this &lt;/p&gt;
&lt;p&gt;&lt;code&gt;&amp;lt;!--&amp;lt;processing_cc_settled translate="label"&amp;gt;&amp;lt;label&amp;gt;Processing - Credit Card has been Settled&amp;lt;/label&amp;gt;&amp;lt;/processing_cc_settled&amp;gt;--&amp;gt;&lt;/code&gt;&lt;/p&gt;
&lt;p&gt;but in combobox(where status shows in admin site )still &lt;em&gt;processing_cc_settled&lt;/em&gt; appears at the same place where &lt;strong&gt;Processing - Credit Card has been Settled&lt;/strong&gt; showing up before commenting&lt;/p&gt;</t>
  </si>
  <si>
    <t>2010-08-21 06:39:05.383000+00:00</t>
  </si>
  <si>
    <t>2016-03-13 17:47:38.887000+00:00</t>
  </si>
  <si>
    <t>2010-08-21 08:32:58.677000+00:00</t>
  </si>
  <si>
    <t>magento</t>
  </si>
  <si>
    <t>make nodejs call synchronously</t>
  </si>
  <si>
    <t>&lt;p&gt;I want the following nodejs to run synchronously an print second console.log command at the last.&lt;/p&gt;
&lt;p&gt;I have checked mnay solutions here, please provide me a solution.&lt;/p&gt;
&lt;pre&gt;&lt;code&gt;var request = require('request')
var op=[];
request({ uri: 'http://api.usergrid.com/siddharth1/sandbox/volvos/John' }, function(err, response, body){
    // use body
    //console.log(body);
    var body2 = JSON.parse(body);
         op = body2.entities.map(function(item) {
           return item.name;
         });
         console.log("inside log "+op);
})
console.log("outside log "+op);
&lt;/code&gt;&lt;/pre&gt;</t>
  </si>
  <si>
    <t>2016-06-28 07:52:07.750000+00:00</t>
  </si>
  <si>
    <t>2016-06-28 08:34:00.110000+00:00</t>
  </si>
  <si>
    <t>node.js|synchronous</t>
  </si>
  <si>
    <t>Possibly Encrypted "a href" Links at TripAdvisor</t>
  </si>
  <si>
    <t>&lt;p&gt;On &lt;code&gt;TripAdvisor.com&lt;/code&gt; attraction pages, the link to the website of the attraction seems to be encrypted in some way. Here is an example:&lt;/p&gt;
&lt;pre&gt;&lt;code&gt;&amp;lt;span class="taLnk hvrIE6" onclick="ta.trackEventOnPage('AttractionContactInfo',
'Website', 1755031, 1); ta.util.cookie.setPIDCookie(15190);
ta.call('ta.util.link.targetBlank', event, this
{'aHref':'LqMWJQiMnYQQoqnQQxGEcQQoqnQQbIIEJnISiCQQoqnQQeVsSVuWJQzZYUWJQpEcYGII26XombQQoqnQQQQoqnqgoqnQQQQoqnQQQQoqnQQQQoqnqgoqnQQQQoqnQQEVMIGVJIEV9pCyTptGiuQQoqnQQQQoqnxioqnQQQQoqnQQniaWJQzhY3mJnJUUJXomoAvoJJB', 'isAsdf':true})"&amp;gt;
    Website
&amp;lt;/span&amp;gt;
&lt;/code&gt;&lt;/pre&gt;
&lt;p&gt;How is this link made and what might be the reason for doing so?&lt;/p&gt;</t>
  </si>
  <si>
    <t>2013-11-13 14:03:02.313000+00:00</t>
  </si>
  <si>
    <t>2018-09-02 14:52:41.087000+00:00</t>
  </si>
  <si>
    <t>2013-11-13 14:11:57.873000+00:00</t>
  </si>
  <si>
    <t>user2359967</t>
  </si>
  <si>
    <t>html|encryption</t>
  </si>
  <si>
    <t>SVN - online Merge revisions from branch A into another branch B without checking-out to local system?</t>
  </si>
  <si>
    <t>&lt;p&gt;I'd like to merge all the changes that took place between rev 10 &amp;amp; the HEAD rev on &lt;a href="http://url-of-branch-a" rel="nofollow noreferrer"&gt;http://url-of-branch-a&lt;/a&gt; and apply them to &lt;a href="http://url-of-branch-b" rel="nofollow noreferrer"&gt;http://url-of-branch-b&lt;/a&gt;, but I don't want to checkout branch-b.&lt;/p&gt;
&lt;p&gt;Something like...&lt;/p&gt;
&lt;pre&gt;&lt;code&gt;svn merge -r 10:HEAD http://url-of-branch-a http://url-of-branch-b
&lt;/code&gt;&lt;/pre&gt;
&lt;p&gt;Is this possible? If so, what is the syntax?&lt;/p&gt;
&lt;p&gt;I am using Tortoise-SVN on windows 7.&lt;/p&gt;
&lt;blockquote&gt;
  &lt;p&gt;I have seen solutions given on
  &lt;a href="https://stackoverflow.com/questions/1266338/svn-merge-one-branch-into-another"&gt;SVN - merge one branch into another?&lt;/a&gt;
  But in those  need to &lt;/p&gt;
  &lt;ul&gt;
  &lt;li&gt;check-out branch b &lt;/li&gt;
  &lt;li&gt;merge a to b &lt;/li&gt;
  &lt;li&gt;commit changes in branch b&lt;/li&gt;
  &lt;/ul&gt;
&lt;/blockquote&gt;</t>
  </si>
  <si>
    <t>2016-09-09 09:14:31.243000+00:00</t>
  </si>
  <si>
    <t>2016-09-09 12:42:59.727000+00:00</t>
  </si>
  <si>
    <t>2017-05-23 12:08:22.900000+00:00</t>
  </si>
  <si>
    <t>svn|version-control|merge</t>
  </si>
  <si>
    <t>PhoneGap read XML with FileReader?</t>
  </si>
  <si>
    <t>&lt;p&gt;I have an XML file on the SDCard, that is downloaded from a server. I am trying to open and read in that XML in order to use it within my app. I open and read it fine, but JQuery is freezing on parsing it.&lt;/p&gt;
&lt;p&gt;Once I get the file I do like so:&lt;/p&gt;
&lt;pre&gt;&lt;code&gt;var reader = new FileReader();
reader.onloadend = function (evt) {      
  parseXML(evt.target.result);
};
reader.readAsText(file);
&lt;/code&gt;&lt;/pre&gt;
&lt;p&gt;And then I begin parsing like so:&lt;/p&gt;
&lt;pre&gt;&lt;code&gt;function parseXML(xml){
  $(xml).find('recipe').each(function(){    
&lt;/code&gt;&lt;/pre&gt;
&lt;p&gt;And it stops there. If I load the in-app XML using JQuery's ajax method it works fine. So, is there anything special about loading XML data using the FileReader in PhoneGap? &lt;/p&gt;
&lt;p&gt;UPDATE:
OK, with much time and help from another dev, the issue appears to be a bug in PhoneGap. Specifically the FileTRansfer object.&lt;/p&gt;
&lt;p&gt;I was doing this:&lt;/p&gt;
&lt;pre&gt;&lt;code&gt;var ft = new FileTransfer();
var dlPath = dataDir.fullPath + "/recipes.xml";
ft.download("http://design.mydomain.com/dave/humana/recipes/recipes.xml", dlPath, addedNewRecipes, addError);
&lt;/code&gt;&lt;/pre&gt;
&lt;p&gt;And I'd get a trace within addedNewRecipes that the download succeeded. And it did... just not all of it. The file was truncated and that's what was causing the parseXML to fail. The entire XML file is about 90KB (~1600 lines) it was being truncated at maybe 50 lines. &lt;/p&gt;
&lt;p&gt;Replaced FileTransfer with a FileWriter object and it works now.&lt;/p&gt;
&lt;p&gt;PhoneGap/Cordova really is still beta isn't it.&lt;/p&gt;</t>
  </si>
  <si>
    <t>2013-10-30 15:09:02.237000+00:00</t>
  </si>
  <si>
    <t>2013-10-30 20:40:10.300000+00:00</t>
  </si>
  <si>
    <t>android|jquery|xml|cordova</t>
  </si>
  <si>
    <t>Gyroscope and magnetic field sensor events in Android NDK</t>
  </si>
  <si>
    <t>&lt;p&gt;How do I access the values of a magnetic field and gyroscope sensor event when accessing sensors natively on Android:&lt;/p&gt;
&lt;pre&gt;&lt;code&gt;if(event.type == ASENSOR_TYPE_ACCELEROMETER) {
        float x = event.acceleration.x;
            ...
    }
else if(event.type == ASENSOR_TYPE_GYROSCOPE) {
        ???
    }
else if(event.type == ASENSOR_TYPE_MAGNETIC_FIELD) {
        ???
    }
&lt;/code&gt;&lt;/pre&gt;
&lt;p&gt;Thanks&lt;/p&gt;</t>
  </si>
  <si>
    <t>2013-09-30 08:15:56.893000+00:00</t>
  </si>
  <si>
    <t>2013-10-21 10:05:29.280000+00:00</t>
  </si>
  <si>
    <t>2013-09-30 10:12:07.440000+00:00</t>
  </si>
  <si>
    <t>android|android-ndk|android-sensors</t>
  </si>
  <si>
    <t>How to check when NestedScrollView becomes idle or when it stopped</t>
  </si>
  <si>
    <t>&lt;p&gt;I have this layout&lt;/p&gt;
&lt;pre&gt;&lt;code&gt;&amp;lt;FrameLayout&amp;gt;
    &amp;lt;NestedScrollingView&amp;gt;
        &amp;lt;LinearLayout&amp;gt;
               //some views 
        &amp;lt;/LinearLayout&amp;gt;
        &amp;lt;RecyclerView/&amp;gt;
    &amp;lt;/NestedScrollingView&amp;gt;
&amp;lt;/Frame&amp;gt;
&lt;/code&gt;&lt;/pre&gt;
&lt;p&gt;I want something to happen once the user stopped scrolling, and another thing
once he starts scrolling..!&lt;/p&gt;
&lt;p&gt;&lt;strong&gt;What I've tried:&lt;/strong&gt;&lt;/p&gt;
&lt;ul&gt;
&lt;li&gt;&lt;p&gt;I tried using &lt;code&gt;recyclerView.addOnScrollListener&lt;/code&gt; with the help of the States, but this isn't allowed because of this &lt;code&gt;recyclerView.setNestedScrollingEnabled(false)&lt;/code&gt;&lt;/p&gt;&lt;/li&gt;
&lt;li&gt;&lt;p&gt;I looked everywhere, but nothing on &lt;code&gt;NestedScrollView&lt;/code&gt; expect &lt;strong&gt;&lt;a href="https://stackoverflow.com/a/37667686/7801361"&gt;this answer&lt;/a&gt;&lt;/strong&gt; it seems there's a workaround, but I don't know how to apply the condition, I want to use &lt;code&gt;if&lt;/code&gt; statement to check for &lt;code&gt;Idle&lt;/code&gt; and &lt;code&gt;Dragging&lt;/code&gt; states.!? any help with that!?&lt;/p&gt;&lt;/li&gt;
&lt;li&gt;&lt;p&gt;This &lt;strong&gt;&lt;a href="https://stackoverflow.com/questions/8181828/android-detect-when-scrollview-stops-scrolling"&gt;question&lt;/a&gt;&lt;/strong&gt; has a lot of greats solution for the problem but it's for &lt;code&gt;ScrollView&lt;/code&gt; not nested, is there a solution that can be applied for the nested somehow..! I've read them but couldn't figure one.! &lt;/p&gt;&lt;/li&gt;
&lt;/ul&gt;</t>
  </si>
  <si>
    <t>2017-08-24 06:43:25.197000+00:00</t>
  </si>
  <si>
    <t>java|android|android-recyclerview|scrollview|android-nestedscrollview</t>
  </si>
  <si>
    <t>registerReceiver issue with in-app billing messages?</t>
  </si>
  <si>
    <t>&lt;p&gt;I'm implementing in-app billing support in my application. I just realized that even though the application has been stopped, the standard billing broadcast receiver is still receiving billing messages from the market service. So, instead of declaring my receiver inside the manifest file:&lt;/p&gt;
&lt;pre&gt;&lt;code&gt;    &amp;lt;receiver android:name=".receiver.billing.BillingReceiver"&amp;gt;
        &amp;lt;intent-filter&amp;gt;
            &amp;lt;action android:name="com.android.vending.billing.IN_APP_NOTIFY" /&amp;gt;
            &amp;lt;action android:name="com.android.vending.billing.RESPONSE_CODE" /&amp;gt;
            &amp;lt;action android:name="com.android.vending.billing.PURCHASE_STATE_CHANGED" /&amp;gt;
        &amp;lt;/intent-filter&amp;gt;
    &amp;lt;/receiver&amp;gt;
&lt;/code&gt;&lt;/pre&gt;
&lt;p&gt;I decided to go with the Context.registerReceiver method in order to ensure that my application is actually ready to correctly handle billing messages:&lt;/p&gt;
&lt;pre&gt;&lt;code&gt;    _billingReceiver = new BillingReceiver();
    final IntentFilter filter = new IntentFilter("com.android.vending.billing.IN_APP_NOTIFY");
    filter.addAction("com.android.vending.billing.RESPONSE_CODE");
    filter.addAction("com.android.vending.billing.PURCHASE_STATE_CHANGED");
    _billingService.registerReceiver(_billingReceiver, filter);
&lt;/code&gt;&lt;/pre&gt;
&lt;p&gt;The problem now is that BillingReceiver.onReceive is not called anymore. Is there an issue of some kind preventing billing messages to be sent to dynamically registered receivers. I looked through Google/Android's doc and found nothing.&lt;/p&gt;</t>
  </si>
  <si>
    <t>2011-06-03 16:02:15.433000+00:00</t>
  </si>
  <si>
    <t>2011-06-30 05:10:15.970000+00:00</t>
  </si>
  <si>
    <t>Is it possible to do mysql database transactions and rollbacks with php?</t>
  </si>
  <si>
    <t>&lt;p&gt;example: making a payment transfer from user A to user B.
Account of user A: -10 USD
Account of user B: +10 USD&lt;/p&gt;
&lt;p&gt;if there is an transaction, and something goes wrong, everything gets undone. So with transactions it will not happen that account of user A gets decreased by 10, while account of user B does not get increased by 10.&lt;/p&gt;
&lt;p&gt;I know the java people make use of transactions and rollbacks all over the place. But I've never heard of PHP-guys doing that.&lt;/p&gt;</t>
  </si>
  <si>
    <t>2009-06-01 10:22:13.043000+00:00</t>
  </si>
  <si>
    <t>2009-06-01 13:16:02.567000+00:00</t>
  </si>
  <si>
    <t>php|mysql|transactions</t>
  </si>
  <si>
    <t>Crash while downloading video via ASIHTTPRequest?</t>
  </si>
  <si>
    <t>&lt;p&gt;Below is the stack trace by BUGSENSE:&lt;/p&gt;
&lt;p&gt;Stacktrace:&lt;/p&gt;
&lt;pre&gt;&lt;code&gt;0  libobjc.A.dylib 0x34a80464 0x34a7d000 13412
1  CoreFoundation 0x35818bbf -[NSObject(NSObject) performSelector:withObject:] 22
2  App-iPad 0x0002839d 0x1000 160669
3  CoreFoundation 0x35818bbf -[NSObject(NSObject) performSelector:withObject:] 22
4  Foundation 0x31181795 __NSThreadPerformPerform 268
5  CoreFoundation 0x358307dd __CFRUNLOOP_IS_CALLING_OUT_TO_A_SOURCE0_PERFORM_FUNCTION__ 12
6  CoreFoundation 0x358025b7 __CFRunLoopDoSources0 382
7  CoreFoundation 0x35801e5b __CFRunLoopRun 230
8  CoreFoundation 0x35801c87 CFRunLoopRunSpecific 230
9  CoreFoundation 0x35801b8f CFRunLoopRunInMode 58
10 GraphicsServices 0x320c84ab GSEventRunModal 114
11 GraphicsServices 0x320c8557 GSEventRun 62
12 UIKit 0x341dc329 -[UIApplication _run] 412
13 UIKit 0x341d9e93 UIApplicationMain 670
14 App-iPad 0x00003ac5 main 108
&lt;/code&gt;&lt;/pre&gt;
&lt;p&gt;Any suggestions?&lt;/p&gt;</t>
  </si>
  <si>
    <t>2012-04-12 05:43:40.533000+00:00</t>
  </si>
  <si>
    <t>2012-04-12 05:47:13.343000+00:00</t>
  </si>
  <si>
    <t>iphone|ios|crash|crash-reports</t>
  </si>
  <si>
    <t>MATLAB - Find local maximum and minimum of an edge map (row-wise)</t>
  </si>
  <si>
    <t>&lt;p&gt;I'll start off by saying I'm new to MATLAB, and this is the first time I'm trying an application related to image processing. &lt;/p&gt;
&lt;p&gt;I'm building a MATLAB library (which is to be used in a Windows Phone Application), which takes in an edge map of a natural image as input. I need to traverse the map row-wise. If I come across an edge, I need to find the local minimum and local maximum of the edge. &lt;/p&gt;
&lt;p&gt;I need help figuring out how to; 
1) traverse the edge map - row-wise
2) detect an edge
3) find the local minimum and local maximum of the edge&lt;/p&gt;
&lt;p&gt;Appreciate any help. Thanks in advance :)&lt;/p&gt;</t>
  </si>
  <si>
    <t>2014-05-15 06:26:36.827000+00:00</t>
  </si>
  <si>
    <t>2014-05-15 07:05:24.977000+00:00</t>
  </si>
  <si>
    <t>algorithm|matlab|max|minimum|edge-detection</t>
  </si>
  <si>
    <t>Jasmine test on mock data or on real-life systems and data sources?</t>
  </si>
  <si>
    <t>&lt;p&gt;I have a basic question about using Jasmine BDD. Are tests meant to be simulation done on "mock" data?&lt;/p&gt;
&lt;p&gt;I want to make a test version of an existing script, which gets data from scroll events on a web page (this script is not done). But I see Jasmine makes use of &lt;code&gt;SpecRunner.html&lt;/code&gt; and &lt;code&gt;HTMLReporter&lt;/code&gt; to validate the tests in the UI.&lt;/p&gt;
&lt;p&gt;How do I use this with my own web page?&lt;/p&gt;
&lt;p&gt;Is BDD/TDD meant to be isolated simulations to test logic? Not really connecting it with real production systems and data sources..?&lt;/p&gt;
&lt;p&gt;Trying to grasp the basics here :)&lt;/p&gt;</t>
  </si>
  <si>
    <t>2013-02-26 14:38:07.883000+00:00</t>
  </si>
  <si>
    <t>2013-02-27 13:50:51.813000+00:00</t>
  </si>
  <si>
    <t>javascript|jquery|testing|tdd|jasmine</t>
  </si>
  <si>
    <t>Is this MARIE instruction set even possible?</t>
  </si>
  <si>
    <t>&lt;p&gt;I was given the following MARIE instruction set and told to output what the symbol table was for the first pass, and the result in the AC. The problem is, I don't even think this is possible:&lt;/p&gt;
&lt;pre&gt;&lt;code&gt;Hex
Address     Label     Instruction
100         Start,    LOAD A
101                   ADD B
102                   STORE D
103                   CLEAR
104                   OUTPUT
105                   ADDI D
106                   STORE B
107                   HALT
108         A,        HEX 00FC
&lt;/code&gt;&lt;/pre&gt;
&lt;p&gt;I just don't see how we can &lt;code&gt;ADD B&lt;/code&gt; when the label isn't declared below, and the fact that to &lt;code&gt;ADDI D&lt;/code&gt;, we'd need to have the actual value stored in B. Otherwise the assembler will do the first pass, not find a label associated for B after the instructions, and then keep looping trying to add B to the AC, store it in D, add the pointer associated with D to the AC, and going back to store B. &lt;/p&gt;
&lt;p&gt;I'd appreciate any info or pointers (no pun intended) on what I may be missing here.&lt;/p&gt;</t>
  </si>
  <si>
    <t>2017-11-22 08:20:33.797000+00:00</t>
  </si>
  <si>
    <t>assembly|instruction-set|marie</t>
  </si>
  <si>
    <t>Find matching tag items in table from string array using linq</t>
  </si>
  <si>
    <t>&lt;p&gt;I have a &lt;code&gt;SQL&lt;/code&gt; table of tags like this:&lt;/p&gt;
&lt;pre&gt;&lt;code&gt;Id   |  Tag
-----------------
1    |  car
1    |  red
1    |  sport
2    |  car
2    |  red
2    |  SUV
&lt;/code&gt;&lt;/pre&gt;
&lt;p&gt;And I want to retrieve ONLY the ID for exact matching search strings. So, using LINQ, I'd like to query for:
"car,red"&lt;/p&gt;
&lt;p&gt;and have it return: 1 and 2.&lt;/p&gt;
&lt;p&gt;Then searching for &lt;code&gt;"car,red,sport"&lt;/code&gt; would return 1 only.&lt;/p&gt;
&lt;p&gt;I'm not sure at all how to do this using LINQ. If I do the following (using EF context and table as example):&lt;/p&gt;
&lt;pre&gt;&lt;code&gt;string[] tags = {"car","red","sport"}
var query = context.CarTags.Where(a =&amp;gt; tags.Contains(a.Tag)).Select(s=&amp;gt;s);
&lt;/code&gt;&lt;/pre&gt;
&lt;p&gt;...will of course return both 1 &amp;amp; 2.&lt;/p&gt;
&lt;p&gt;So, how do I do this using LINQ?&lt;/p&gt;</t>
  </si>
  <si>
    <t>2013-07-09 20:37:10.390000+00:00</t>
  </si>
  <si>
    <t>2014-12-01 12:04:52.603000+00:00</t>
  </si>
  <si>
    <t>sql|arrays|linq|entity-framework|entity</t>
  </si>
  <si>
    <t>Checkbox List Not Updating</t>
  </si>
  <si>
    <t>&lt;p&gt;I created a widget list of checkboxes as shown and I am using it in the Build method as &lt;/p&gt;
&lt;pre&gt;&lt;code&gt;Column(
children: mList;
)
&lt;/code&gt;&lt;/pre&gt;
&lt;p&gt;The problem is that the checkbox does not change value on click. It's value and state remain the same. Although the click is registered(checked it). What am I doing wrong?&lt;/p&gt;
&lt;pre&gt;&lt;code&gt;List&amp;lt;int&amp;gt; selectedList = [];
List&amp;lt;Widget&amp;gt; = mList;
createMenuWidget(Course courses) {
  for (int b = 0; b &amp;lt; courses.length; b++) {
    Map cmap = courses[b];
    mList.add(CheckboxListTile(
      onChanged: (bool value){
        setState(() {
          if(value){
            selectedList.add(cmap[course_id]);
          }else{
            selectedList.remove(cmap[course_id]);
          }
        });
      },
      value: selectedList.contains(cmap[course_id]),
      title: new Text(cmap[course_name]),
    ));
  }
} 
&lt;/code&gt;&lt;/pre&gt;</t>
  </si>
  <si>
    <t>2018-08-28 10:49:43.447000+00:00</t>
  </si>
  <si>
    <t>checkbox|dart|flutter</t>
  </si>
  <si>
    <t>Haskell: GHCi script versus direct entry</t>
  </si>
  <si>
    <t>&lt;p&gt;Working through Hutton's new text, I encountered strange behavior in ghci.  When I load the function altmap from a text file, it behaves correctly; however typing the same two lines directly into ghci gives the error shown below:&lt;/p&gt;
&lt;pre&gt;&lt;code&gt;*Main Lib&amp;gt; altmap f g [] = []
*Main Lib&amp;gt; altmap f g (x:y:xs) = (f x):(g y):(altmap f g xs)
*Main Lib&amp;gt; altmap (2*) (3*) [1,2,3,4,5,6]
[2,6,6,12,10,18*** Exception: interactive:2:1-49: Non-exhaustive patterns in function altmap
&lt;/code&gt;&lt;/pre&gt;
&lt;p&gt;While I'm at it, can someone explain the difference between "Prelude" and "Main Lib" ? I'm using the rc2 release of ghc 8.0.2&lt;/p&gt;</t>
  </si>
  <si>
    <t>2017-01-02 08:36:29.017000+00:00</t>
  </si>
  <si>
    <t>2017-01-02 08:52:25.590000+00:00</t>
  </si>
  <si>
    <t>2017-01-02 08:47:34.270000+00:00</t>
  </si>
  <si>
    <t>Using pointers instead of 2-D array string in C</t>
  </si>
  <si>
    <t>&lt;p&gt;I have a problem like here:
Write a program to read a multiple line text file and write the 'N' longest lines to stdout. Where the file to be read is specified on the command line. &lt;/p&gt;
&lt;p&gt;Now I wrote my program like this:&lt;/p&gt;
&lt;pre&gt;&lt;code&gt;#include &amp;lt;stdio.h&amp;gt;
#include &amp;lt;string.h&amp;gt;
int main(int argc, char *argv[])
{
  int a,k,n,i=0,j;
  int part;
  char ar[1000][1000],str[1000];
  /* char file[200]; */
  /* scanf("%s",file); */
  FILE *f = fopen(argv[1],"r");
  if ( f == NULL || argc &amp;lt; 2)
  {
    return 0;
  }
   fscanf(f,"%d",&amp;amp;a);
   while (fscanf(f,"%s",str)==1)
   {
        strcpy(ar[i++],str);
      for ( k = 0 ; k &amp;lt; i ; k++ )
      {
        for ( j = k ; j &amp;lt; i ; j++)
        {
          if ( strlen(ar[k]) &amp;lt; strlen(ar[j]))
          {
            strcpy(str,ar[k]);
            strcpy(ar[k],ar[j]);
            strcpy(ar[j],str);
          }
        }
      }
   }
   for ( j = 0 ; j &amp;lt; a ; j++ )
   {
    puts(ar[j]);
  }
return 0;
}
&lt;/code&gt;&lt;/pre&gt;
&lt;p&gt;First of all it is working well for me but on submission it is giving me runtime error.
Secondly I want to do it using pointers and dynamic allocation of memory. How can I do that?&lt;/p&gt;
&lt;p&gt;Sorry, I went to bed for some time. Can you explain me what's wrong with my code. Why it is not working. I think no one explained me where I am doing wrong. Please let me know how can I draw attention of people after a few hours from posting my question. Again thanks a lot for all of you for giving me so much time.&lt;/p&gt;</t>
  </si>
  <si>
    <t>2014-05-12 08:37:30.800000+00:00</t>
  </si>
  <si>
    <t>2014-05-12 14:44:24.927000+00:00</t>
  </si>
  <si>
    <t>c|arrays|pointers</t>
  </si>
  <si>
    <t>Ansible async module with poll=0 doesn't finish the task</t>
  </si>
  <si>
    <t>&lt;p&gt;First of all, I'm using &lt;code&gt;Ansible 2.0.0&lt;/code&gt; (which I can't avoid).&lt;/p&gt;
&lt;p&gt;I've a task like this. Here I'm using &lt;code&gt;ping&lt;/code&gt; command to send traffic to a destination machine for 2 minutes. This command runs on a remote machine.&lt;/p&gt;
&lt;pre&gt;&lt;code&gt;- name: Ping destination VM from host VM.
  shell: ping -n -i 0.004 100.1.1.1 -c 30000 | grep "received" | cut -d"," -f2 | xargs | cut -d" " -f1
  delegate_to: 172.25.11.207
  async: 250
  poll: 0
  register: ping_result
  failed_when: ping_result.rc != 0
&lt;/code&gt;&lt;/pre&gt;
&lt;p&gt;I've 2-3 other tasks after this. That should not take more than a minute.&lt;/p&gt;
&lt;p&gt;Now, after these tasks, I want to capture the output of &lt;code&gt;ping_result&lt;/code&gt;. So I check the status of the above task like below:&lt;/p&gt;
&lt;pre&gt;&lt;code&gt;- name: Check ping status
  async_status:
    jid: "{{ ping_result.ansible_job_id }}"
  register: job_result
  until: job_result.finished
  retries: 10
&lt;/code&gt;&lt;/pre&gt;
&lt;p&gt;Now this fails with the below error:&lt;/p&gt;
&lt;blockquote&gt;
  &lt;p&gt;FAILED! =&gt; {"failed": true, "msg": "ERROR! The conditional check 'job_result.finished' failed. The error was: ERROR! error while evaluating conditional (job_result.finished): ERROR! 'dict object' has no attribute 'finished'"}&lt;/p&gt;
&lt;/blockquote&gt;
&lt;p&gt;From the error, it looks like the original task has not finished. I even tried to increase the &lt;code&gt;async&lt;/code&gt; time, say till 5000. No luck.&lt;/p&gt;
&lt;p&gt;Any help on this would be appreciated.&lt;/p&gt;</t>
  </si>
  <si>
    <t>2018-02-28 16:01:24.587000+00:00</t>
  </si>
  <si>
    <t>2018-03-06 06:53:55.683000+00:00</t>
  </si>
  <si>
    <t>2018-02-28 16:15:48.617000+00:00</t>
  </si>
  <si>
    <t>asynchronous|ansible</t>
  </si>
  <si>
    <t>Crystal Reports User Parameter To Query</t>
  </si>
  <si>
    <t>&lt;p&gt;I'm trying to develop a Crystal Report that passes the user executing the report as a parameter to the report query.&lt;/p&gt;
&lt;p&gt;I'm using Business Objects Enterprise, executing the reports through InfoView which I would assume uses the Crystal "Special Fields" Current CE User Name, I just can't figure out how to link that to the query.&lt;/p&gt;
&lt;p&gt;Am I thinking about this the wrong way or is this not possible in Crystal?&lt;/p&gt;
&lt;p&gt;Thanks.&lt;/p&gt;</t>
  </si>
  <si>
    <t>2010-08-18 22:16:11.580000+00:00</t>
  </si>
  <si>
    <t>2012-07-26 11:58:45.707000+00:00</t>
  </si>
  <si>
    <t>2010-09-04 10:22:00.320000+00:00</t>
  </si>
  <si>
    <t>sql-server|crystal-reports|crystal-reports-2008</t>
  </si>
  <si>
    <t>Mysql join few queries in one?</t>
  </si>
  <si>
    <t>&lt;p&gt;Can I combine two queries like this&lt;/p&gt;
&lt;pre&gt;&lt;code&gt;first: UPDATE table SET col1=1 WHERE id='x'; 
second: UPDATE table SET col1=0 WHERE id='y';
&lt;/code&gt;&lt;/pre&gt;
&lt;p&gt;can I join these queries in one? &lt;/p&gt;</t>
  </si>
  <si>
    <t>2012-08-09 12:41:30.017000+00:00</t>
  </si>
  <si>
    <t>2012-08-09 13:47:51.567000+00:00</t>
  </si>
  <si>
    <t>C# HTTP POST code to influx is slow</t>
  </si>
  <si>
    <t>&lt;p&gt;I am suppose to log to influxDB every x minutes but because it takes so long to send it's really throwing off the data.&lt;/p&gt;
&lt;pre&gt;&lt;code&gt;HttpWebRequest request = (HttpWebRequest)WebRequest.Create($"{influxDBServer}/write?db={influxDatabaseName}");
        string credentials = influxDBUserName + ":" + influxDBPassword;
        request.Headers.Add("Authorization", "Basic " + Convert.ToBase64String(Encoding.UTF8.GetBytes(credentials)));
        request.PreAuthenticate = true;
        request.Method = "POST";
        request.KeepAlive = false;
        request.ContentType = "application/x-www-form-urlencoded";
        request.SendChunked = false;
        request.Proxy = null;
        byte[] dataMod = Encoding.UTF8.GetBytes(sb.ToString());
        using (var stream = request.GetRequestStream()) {
            stream.Write(dataMod, 0, dataMod.Length);
            stream.Flush();
            stream.Close();
        }
&lt;/code&gt;&lt;/pre&gt;
&lt;p&gt;I have to be missing something obvious. Maybe something to do with proxy?&lt;/p&gt;</t>
  </si>
  <si>
    <t>2018-05-12 03:50:43.787000+00:00</t>
  </si>
  <si>
    <t>c#|http-post|httpwebrequest|influxdb</t>
  </si>
  <si>
    <t>Hl7- hapi - PID-5.7.2 value</t>
  </si>
  <si>
    <t>&lt;p&gt;I use hapi java library to parse HL7 file.
I need to access pid-5.7.2 value (=titi):
PID|1||1^^^^||toto^test^^^MME^^L~&lt;strong&gt;titi&lt;/strong&gt;^test^^^MME^^D&lt;/p&gt;
&lt;p&gt;I can access pid-5.7 value (=L)&lt;/p&gt;
&lt;pre&gt;&lt;code&gt;pidPatient.getPatientName()[0].getXpn7_NameTypeCode().getValue());
&lt;/code&gt;&lt;/pre&gt;
&lt;p&gt;But how can i get 5.7.2 value ?&lt;/p&gt;</t>
  </si>
  <si>
    <t>2018-05-29 12:14:43.047000+00:00</t>
  </si>
  <si>
    <t>2018-05-29 12:56:51.020000+00:00</t>
  </si>
  <si>
    <t>hl7|hapi</t>
  </si>
  <si>
    <t>PHP array loop by link and same name</t>
  </si>
  <si>
    <t>&lt;p&gt;I can not understand. Why this code remove last item. But if i change $item in second loop on $item2, or use link, it work fine.&lt;/p&gt;
&lt;pre&gt;&lt;code&gt;&amp;lt;?php
$list = [
    ['id' =&amp;gt; 1],
    ['id' =&amp;gt; 2],
    ['id' =&amp;gt; 3],
    ['id' =&amp;gt; 4],
    ['id' =&amp;gt; 5],
    ['id' =&amp;gt; 6],
];
$selected = [2,3,4,6];
$hidden = [4,5];
foreach ($list as &amp;amp;$item) {
    if(in_array($item['id'], $selected)) {
        $item['selected'] = true;
    }
}
foreach ($list as $key=&amp;gt;$item) {
    if(in_array($item['id'], $hidden)) {
        unset($list[$key]);
    }
}
var_dump($list);
&lt;/code&gt;&lt;/pre&gt;</t>
  </si>
  <si>
    <t>2017-03-14 15:19:20.580000+00:00</t>
  </si>
  <si>
    <t>2017-03-14 15:34:57.900000+00:00</t>
  </si>
  <si>
    <t>php|arrays|loops</t>
  </si>
  <si>
    <t>How to access the variables in a nested class with array object?</t>
  </si>
  <si>
    <t>&lt;p&gt;So I have an object array and i am trying to access the variables in a nested class. I get a null pointer exception. newbie here so the way i am approaching this problem may be wrong.&lt;/p&gt;
&lt;pre&gt;&lt;code&gt;foo Foo = new foo();
Foo.initcfoo(1);
Foo.cfoo[0].a = 1;
public class foo {
   childfoo[] cfoo;
   public void initcfoo(size){
      cfoo = new childfoo [size];
   }
   public class childfoo{
      public int a,b,c;
   }
}
&lt;/code&gt;&lt;/pre&gt;</t>
  </si>
  <si>
    <t>2013-09-06 21:34:11.900000+00:00</t>
  </si>
  <si>
    <t>2013-09-06 21:57:58.277000+00:00</t>
  </si>
  <si>
    <t>java|class|nested</t>
  </si>
  <si>
    <t>How to speed up query that use postgis extension?</t>
  </si>
  <si>
    <t>&lt;p&gt;I have the following query that checks whether is point &lt;code&gt;(T.latitude, T.longitude)&lt;/code&gt; is inside a &lt;code&gt;POLYGON&lt;/code&gt;&lt;/p&gt;
&lt;pre&gt;&lt;code&gt;query = """
  SELECT id
  FROM T
  WHERE ST_Intersects(ST_Point(T.latitude, T.longitude), 'POLYGON(({points}))')
"""
&lt;/code&gt;&lt;/pre&gt;
&lt;p&gt;But it works slow, how can I speed up it if I have the following index:
&lt;code&gt;(latitude, longitude)&lt;/code&gt;?&lt;/p&gt;
&lt;p&gt;The query is slow because it must compute the formula for every possible pair of points. So it makes the postgress server do a lot of math, and it forces it to scan through your whole location table. How can we optimize this? Maybe we can eliminate the points that are too far north or too far south or too far east or west? &lt;/p&gt;</t>
  </si>
  <si>
    <t>2017-07-13 09:25:18.167000+00:00</t>
  </si>
  <si>
    <t>2017-07-16 17:24:00.400000+00:00</t>
  </si>
  <si>
    <t>2017-07-13 12:46:28.197000+00:00</t>
  </si>
  <si>
    <t>user6611764</t>
  </si>
  <si>
    <t>database|algorithm|postgresql|performance|postgis</t>
  </si>
  <si>
    <t>How to insert Checkbox in django</t>
  </si>
  <si>
    <t>&lt;p&gt;hallo i want to create data with checkbox field but data cannot save in database when i use widget RadioSelect&lt;/p&gt;
&lt;p&gt;this is forms.py&lt;/p&gt;
&lt;pre&gt;&lt;code&gt;class VehicleAttribute(forms.ModelForm):
    OPERATION = [('production','Production Vehicle'),('supporting','Supporting Vehicle')]
    PAYLOAD_METER = [('yes','Yes'),('no','No')]
    NUMBER_STRUT = [('0','0'),('3','3'),('4','4')]
    operation = forms.ChoiceField(widget=forms.RadioSelect, choices = OPERATION)
    payload_meter = forms.ChoiceField(widget=forms.RadioSelect, choices = PAYLOAD_METER)
    number_of_strut_pressure = forms.ChoiceField(widget=forms.RadioSelect, choices = NUMBER_STRUT)
    class Meta:
        model  = Vehicle_attribute      
        fields  = ['operation','payload_meter','number_of_strut_pressure']
&lt;/code&gt;&lt;/pre&gt;
&lt;p&gt;this is views.py&lt;/p&gt;
&lt;pre&gt;&lt;code&gt;def data_vehicle_add(request):
    if request.method == "POST":
        form = VehicleAttribute(request.POST)
        if form.is_valid():
            post = form.save(commit=False)
            post.save()
            return redirect('data_vehicle_add.html', pk=post.pk)
    else:
        form = VehicleAttribute()
    return render(request,'data_vehicle_add.html', {'form':form}, context_instance=RequestContext(request))
&lt;/code&gt;&lt;/pre&gt;
&lt;p&gt;can you help me solve this problem?&lt;/p&gt;</t>
  </si>
  <si>
    <t>2015-08-11 06:27:07.583000+00:00</t>
  </si>
  <si>
    <t>2015-08-11 07:01:17.927000+00:00</t>
  </si>
  <si>
    <t>python|django|django-widget</t>
  </si>
  <si>
    <t>How to handle stale connections?</t>
  </si>
  <si>
    <t>&lt;p&gt;Ours is a J2EE app, using Struts-EJB-Hibernate on Websphere 6.1 over Mainframe/DB2 backend, that was recently moved to production.  &lt;/p&gt;
&lt;p&gt;&lt;strong&gt;We are getting stale connection exception&lt;/strong&gt; when the user login to the application first time or some times this exception occurs intermittently.&lt;/p&gt;
&lt;p&gt;on the second try the user able to log in to the application. The exact error message i am getting is &lt;/p&gt;
&lt;pre&gt;&lt;code&gt;empcom.ibm.websphere.ce.cm.StaleConnectionException: 
Execution failed due to a distribution protocol error that caused deallocation of the conversation.  
The command requested could not be completed because of a permanent error condition detected at the target system.  
DB2ConnectionCorrelator: AC100B80.A260.090107181206
&lt;/code&gt;&lt;/pre&gt;
&lt;p&gt;&lt;strong&gt;I enabled &lt;code&gt;PRETEST&lt;/code&gt; option in webshere settings&lt;/strong&gt; and gave the interval as 60 sec, but still i am getting this issue..&lt;/p&gt;
&lt;p&gt;kindly share your views and help me&lt;/p&gt;
&lt;p&gt;i can give you more details if you need.&lt;/p&gt;</t>
  </si>
  <si>
    <t>2009-01-28 09:05:17.820000+00:00</t>
  </si>
  <si>
    <t>2017-07-01 00:35:51.523000+00:00</t>
  </si>
  <si>
    <t>Vinegar</t>
  </si>
  <si>
    <t>karthick prabhu</t>
  </si>
  <si>
    <t>java|hibernate|exception|web-applications|db2</t>
  </si>
  <si>
    <t>"Mixed content blocked" when running an HTTP AJAX operation in an HTTPS page</t>
  </si>
  <si>
    <t>&lt;p&gt;I've a form which I'm submitting (through GET as it is required this way) to a crm (ViciDial). I can successfully submit the form however if I do that the processing file at crm will just echo a success text and that's it.&lt;/p&gt;
&lt;p&gt;Instead of that text, I want to display a thank-you page on my website, so I decided to use AJAX to submit the form and redirect it to the page I need, however I'm getting this error on my browser:&lt;/p&gt;
&lt;blockquote&gt;
  &lt;p&gt;Mixed Content: The page at '&lt;a href="https://page.com" rel="noreferrer"&gt;https://page.com&lt;/a&gt;' was loaded over HTTPS,
  but requested an insecure XMLHttpRequest endpoint
  '&lt;a href="http://XX.XXX.XX.XXX/vicidial/non_agent_api.php?queries=query=data" rel="noreferrer"&gt;http://XX.XXX.XX.XXX/vicidial/non_agent_api.php?queries=query=data&lt;/a&gt;'.
  This request has been blocked; the content must be served over HTTPS.&lt;/p&gt;
&lt;/blockquote&gt;
&lt;p&gt;This is my AJAX script:&lt;/p&gt;
&lt;pre&gt;&lt;code&gt;    &amp;lt;script&amp;gt;
    SubmitFormClickToCall = function(){
        jQuery.ajax({
            url: "http://XX.XXX.XX.XX/vicidial/non_agent_api.php",
            data : jQuery("#form-click-to-call").serialize(),
            type : "GET",
            processData: false,
            contentType: false,
            success: function(data){
                window.location.href = "https://www.example.com/thank-you";
            }
        });
    }
    &amp;lt;/script&amp;gt;
&lt;/code&gt;&lt;/pre&gt;
&lt;p&gt;Just setting https in the URL won't work, is there any way in which I can submit the data via GET and redirect the user to my thankyou page?&lt;/p&gt;
&lt;h1&gt;============================&lt;/h1&gt;
&lt;p&gt;Problem here was mixed content, this means that I loaded a page through HTTPS and was trying to hit via AJAX an API that was in HTTP. But the browser wont allow us to just do that. &lt;/p&gt;
&lt;p&gt;So if you can't set the API to be HTTPS (this was my case) we can still approach this in a different way.&lt;/p&gt;
&lt;p&gt;The Main Problem was not the mixed content issue it was that I wanted to submit data to an API and redirect the users to a fancy thank you page. Instead of using AJAX, i made a php file that receives the data sends it using curl to the API (as this is being done server side there is no mixed content issue) and redirects my happy user to a fancy thank you page.&lt;/p&gt;</t>
  </si>
  <si>
    <t>2015-11-03 19:36:05.647000+00:00</t>
  </si>
  <si>
    <t>2018-10-06 17:44:22.593000+00:00</t>
  </si>
  <si>
    <t>2017-03-07 16:19:29.483000+00:00</t>
  </si>
  <si>
    <t>angularjs same directive names conflict</t>
  </si>
  <si>
    <t>&lt;p&gt;A noob question here. How do I avoid same directive names conflict when I'm using external modules. Currently I'm using the &lt;a href="http://angular-ui.github.io/bootstrap/" rel="noreferrer"&gt;angular bootstrap&lt;/a&gt; module, but downloaded another &lt;a href="https://github.com/Fundoo-Solutions/angularjs-carousel" rel="noreferrer"&gt;module&lt;/a&gt; just to use the carousel from there instead. They both have the same directive names &lt;code&gt;carousel&lt;/code&gt; and its causing me problems if I include both these in my module.&lt;/p&gt;
&lt;pre&gt;&lt;code&gt;var app = angular.module('text', ['fundoo.directives', 'ui.bootstrap']);
&lt;/code&gt;&lt;/pre&gt;
&lt;p&gt;What would be the best solution for this?&lt;/p&gt;</t>
  </si>
  <si>
    <t>2013-12-12 14:54:08.603000+00:00</t>
  </si>
  <si>
    <t>2015-06-27 07:25:36.957000+00:00</t>
  </si>
  <si>
    <t>RoR - uninitialized constant ToursController &amp; not able to assign ID in def show, def create</t>
  </si>
  <si>
    <t>&lt;p&gt;Issue is flagged with couldnt find id=create - the framework is not creating any tours with specific id.&lt;/p&gt;
&lt;p&gt;This issue has been troubling for some time and decided to start from scratch again to see if I missed anything. I am new to the RoR framework and it has been a great learning curve already.&lt;/p&gt;
&lt;p&gt;Project: Tour website which allows host to post tours Aim: To assign 'tours' to a host (which is using the Devise Gem) Current issue: Am not able to assign id's to a create tour and not be able to see any tours being saved or created.&lt;/p&gt;
&lt;p&gt;Attached are my file snapshots which have been updated as per previous user answer:&lt;/p&gt;
&lt;p&gt;&lt;strong&gt;routes.rb&lt;/strong&gt;&lt;/p&gt;
&lt;pre&gt;&lt;code&gt;Rails.application.routes.draw do
  devise_for :host
  # devise_for :hosts
  resources :host, only: [:show]
  resources :tour
  #Root
  root 'static_pages#home'
  #Tour
  get 'tour/index'
  get 'tour/new'
  get 'tour/create'
  #get 'tours/:id'
  patch 'tour/update'
  get 'tour/show'
  get 'tour/edit'
  get 'tour/delete'
  get 'tour/update'
  #Static Pages 
  get 'about' =&amp;gt; 'static_pages#about'
  get 'contact' =&amp;gt; 'static_pages#contact'
&lt;/code&gt;&lt;/pre&gt;
&lt;p&gt;&lt;strong&gt;Rake routes&lt;/strong&gt;&lt;/p&gt;
&lt;pre&gt;&lt;code&gt;    Prefix Verb   URI Pattern                   Controller#Action
        new_host_session GET    /host/sign_in(.:format)       devise/sessions#new
            host_session POST   /host/sign_in(.:format)       devise/sessions#create
    destroy_host_session DELETE /host/sign_out(.:format)      devise/sessions#destroy
           host_password POST   /host/password(.:format)      devise/passwords#create
       new_host_password GET    /host/password/new(.:format)  devise/passwords#new
      edit_host_password GET    /host/password/edit(.:format) devise/passwords#edit
                         PATCH  /host/password(.:format)      devise/passwords#update
                         PUT    /host/password(.:format)      devise/passwords#update
cancel_host_registration GET    /host/cancel(.:format)        devise/registrations#cancel
       host_registration POST   /host(.:format)               devise/registrations#create
   new_host_registration GET    /host/sign_up(.:format)       devise/registrations#new
  edit_host_registration GET    /host/edit(.:format)          devise/registrations#edit
                         PATCH  /host(.:format)               devise/registrations#update
                         PUT    /host(.:format)               devise/registrations#update
                         DELETE /host(.:format)               devise/registrations#destroy
                    host GET    /host/:id(.:format)           host#show
              tour_index GET    /tour(.:format)               tour#index
                         POST   /tour(.:format)               tour#create
                new_tour GET    /tour/new(.:format)           tour#new
               edit_tour GET    /tour/:id/edit(.:format)      tour#edit
                    tour GET    /tour/:id(.:format)           tour#show
                         PATCH  /tour/:id(.:format)           tour#update
                         PUT    /tour/:id(.:format)           tour#update
                         DELETE /tour/:id(.:format)           tour#destroy
                    root GET    /                             static_pages#home
                         GET    /tour/index(.:format)         tour#index
                tour_new GET    /tour/new(.:format)           tour#new
             tour_create GET    /tour/create(.:format)        tour#create
             tour_update PATCH  /tour/update(.:format)        tour#update
               tour_show GET    /tour/show(.:format)          tour#show
               tour_edit GET    /tour/edit(.:format)          tour#edit
             tour_delete GET    /tour/delete(.:format)        tour#delete
                         GET    /tour/update(.:format)        tour#update
                   about GET    /about(.:format)              static_pages#about
                 contact GET    /contact(.:format)            static_pages#contact
&lt;/code&gt;&lt;/pre&gt;
&lt;p&gt;&lt;strong&gt;tour_controller.rb&lt;/strong&gt;&lt;/p&gt;
&lt;p&gt;This is where I am getting the main problem with the def show or create id&lt;/p&gt;
&lt;pre&gt;&lt;code&gt;    class TourController &amp;lt; ApplicationController
   #before_action :set_tour, only: [:show, :edit, :update, :create]
   before_action :authenticate_host!, except: [:create]
   before_action :host_session
   def index
        @tours = Tour.all
   end
   def show
        @tour = Tour.find(params[:id])
   end
   def new
        @tour = Tour.new
   end
    def create
     @tour = Tour.new(tour_params)
     @tour.host = current_host
     @tour.save
    end
   def edit
        @tour = Tour.find(params[:id])
   end
   def update
        @tour = Tour.find(params[:id])
   if @tour.update_attributes(tour_param)
      redirect_to :action =&amp;gt; 'show', :id =&amp;gt; @tour
   else
      render :action =&amp;gt; 'edit'
   end
   end
   def delete
          Tour.find(params[:id]).destroy
   redirect_to :action =&amp;gt; 'index'
   end
   def set_tour
      @tour = Tour.find_by_id(params[:id])
   end
private
   def tour_params
      #params.require(:tour_details).permit(:host_id) if params[:tour_details]
      params.require(:tour).permit(:host_id) if params[:tour]
   end
end
&lt;/code&gt;&lt;/pre&gt;
&lt;p&gt;&lt;strong&gt;_form.html erb&lt;/strong&gt;&lt;/p&gt;
&lt;p&gt;Form being used for creating the tours, although in my database migration I am using a string field for the title - but RoR throws out this message when I use the f.string ... so I always change it back to f.text_field&lt;/p&gt;
&lt;p&gt;undefined method `string' for # Did you mean? String&lt;/p&gt;
&lt;pre&gt;&lt;code&gt; &amp;lt;h1&amp;gt;Add new tour&amp;lt;/h1&amp;gt;
&amp;lt;%= form_for @tour do |f| %&amp;gt;
  &amp;lt;div class="form-group"&amp;gt;
  &amp;lt;%= f.label :title %&amp;gt;
  &amp;lt;%= f.text_field :title %&amp;gt;
  &amp;lt;%= f.label :description %&amp;gt;
  &amp;lt;%= f.text_field :description%&amp;gt;
  &amp;lt;/div&amp;gt;
  &amp;lt;%= f.submit "Create" %&amp;gt;
&amp;lt;% end %&amp;gt;
&amp;lt;%= link_to 'Back', {:action =&amp;gt; 'index'} %&amp;gt;
&lt;/code&gt;&lt;/pre&gt;
&lt;p&gt;&lt;strong&gt;show.html.erb&lt;/strong&gt;&lt;/p&gt;
&lt;p&gt;This is my basic setup now but need to move it on when I can get the ID working with the tours.&lt;/p&gt;
&lt;pre&gt;&lt;code&gt;&amp;lt;h1&amp;gt;show tour details&amp;lt;/h1&amp;gt;
&amp;lt;p&amp;gt;
  &amp;lt;strong&amp;gt;Title:&amp;lt;/strong&amp;gt;
  &amp;lt;h4&amp;gt;&amp;lt;%= @tour.title %&amp;gt;&amp;lt;/h4&amp;gt;
&amp;lt;/p&amp;gt;
&amp;lt;%= link_to 'Back' %&amp;gt;
&lt;/code&gt;&lt;/pre&gt;
&lt;p&gt;&lt;strong&gt;schema.rb&lt;/strong&gt;&lt;/p&gt;
&lt;pre&gt;&lt;code&gt;ActiveRecord::Schema.define(version: 20160711094000) do
  create_table "hosts", force: :cascade do |t|
    t.string   "email",                  default: "", null: false
    t.string   "encrypted_password",     default: "", null: false
    t.string   "reset_password_token"
    t.datetime "reset_password_sent_at"
    t.datetime "remember_created_at"
    t.integer  "sign_in_count",          default: 0,  null: false
    t.datetime "current_sign_in_at"
    t.datetime "last_sign_in_at"
    t.string   "current_sign_in_ip"
    t.string   "last_sign_in_ip"
    t.datetime "created_at"
    t.datetime "updated_at"
  end
  add_index "hosts", ["email"], name: "index_hosts_on_email", unique: true
  add_index "hosts", ["reset_password_token"], name: "index_hosts_on_reset_password_token", unique: true
  create_table "tours", force: :cascade do |t|
    t.string   "title"
    t.float    "price"
    t.integer  "tour_id"
    t.text     "description"
    t.datetime "created_at"
    t.integer  "host_id"
  end
end
&lt;/code&gt;&lt;/pre&gt;
&lt;p&gt;&lt;strong&gt;New Error at /tour/create&lt;/strong&gt;&lt;/p&gt;
&lt;p&gt;ActiveRecord::RecordNotFound at /tour/create Couldn't find Tour with 'id'=create&lt;/p&gt;
&lt;p&gt;snapshot from tour_controller which is highlighted from better errors&lt;/p&gt;
&lt;p&gt;def show @tour = Tour.find(params[:id])&lt;/p&gt;
&lt;p&gt;{"controller"=&gt;"tour", "action"=&gt;"show", "id"=&gt;"create"}&lt;/p&gt;
&lt;p&gt;Instance variables - @_routes nil&lt;/p&gt;
&lt;p&gt;After I do the action create the following occurs:
ActionController::RoutingError at /tours
uninitialized constant ToursController&lt;/p&gt;
&lt;p&gt;So to some up the basics of it. - Host signs in (which is working with devise and provide as host.id) - Create a tour (basic for now with only a title and description) - The tour is assigned a unique id under the current host id. - To create a tour with unique id&lt;/p&gt;</t>
  </si>
  <si>
    <t>2016-07-12 00:34:54.940000+00:00</t>
  </si>
  <si>
    <t>2016-07-12 01:01:15.667000+00:00</t>
  </si>
  <si>
    <t>ruby-on-rails|ruby|activerecord|devise</t>
  </si>
  <si>
    <t>How to Make a Fixed Div go Across the Screen</t>
  </si>
  <si>
    <t>&lt;p&gt;&lt;strong&gt;Hi&lt;/strong&gt; there, I am looking for a way to make my div box with all of my social media widgets at the top of the website to go across the whole screen, float to the right, and stay at the very top of the page. Here is the site's link: &lt;a href="http://thetotempole.ca/" rel="nofollow"&gt;totempole.ca&lt;/a&gt;&lt;/p&gt;
&lt;p&gt;Here is my HTML:&lt;/p&gt;
&lt;pre&gt;&lt;code&gt;&amp;lt;!doctype html&amp;gt;
&amp;lt;head&amp;gt;
&amp;lt;title&amp;gt;The Totem Pole News&amp;lt;/title&amp;gt;
&amp;lt;meta name="description" content=" A totem pole themed news website posting articles on music, movies, video games, mobile applications, and news."&amp;gt;
&amp;lt;link href="thecss.css" rel="stylesheet" type="text/css"&amp;gt;
&amp;lt;script type="text/javascript" src="https://apis.google.com/js/plusone.js"&amp;gt;&amp;lt;/script&amp;gt;
&amp;lt;script&amp;gt;!function(d,s,id){var js,fjs=d.getElementsByTagName(s)[0],p=/^http:/.test(d.location)?'http':'https';if(!d.getElementById(id)){js=d.createElement(s);js.id=id;js.src=p+'://platform.twitter.com/widgets.js';fjs.parentNode.insertBefore(js,fjs);}}(document, 'script', 'twitter-wjs');&amp;lt;/script&amp;gt;
&amp;lt;div id="fb-root"&amp;gt;&amp;lt;/div&amp;gt;
&amp;lt;script&amp;gt;(function(d, s, id) {
  var js, fjs = d.getElementsByTagName(s)[0];
  if (d.getElementById(id)) return;
  js = d.createElement(s); js.id = id;
  js.src = "//connect.facebook.net/en_GB/all.js#xfbml=1";
  fjs.parentNode.insertBefore(js, fjs);
}(document, 'script', 'facebook-jssdk'));&amp;lt;/script&amp;gt;
&amp;lt;/head&amp;gt;
&amp;lt;body&amp;gt;
&amp;lt;div id="socialmediaplugins"&amp;gt;
&amp;lt;div class="fb-like" data-href="http://www.thetotempole.ca" data-width="The pixel width of the plugin" data-height="The pixel height of the plugin" data-colorscheme="light" data-layout="standard" data-action="like" data-show-faces="true" data-send="false"&amp;gt;&amp;lt;/div&amp;gt;
&amp;lt;a href="https://twitter.com/share" class="twitter-share-button"&amp;gt;Tweet&amp;lt;/a&amp;gt;
&amp;lt;g:plusone&amp;gt;&amp;lt;/g:plusone&amp;gt;
&amp;lt;/div&amp;gt;
&amp;lt;div id="container"&amp;gt;
&amp;lt;div id="banner"&amp;gt;
&amp;lt;/div&amp;gt;
&amp;lt;div id="navbar"&amp;gt;
&amp;lt;a href="#"&amp;gt;Home&amp;lt;/a&amp;gt;
&amp;lt;a href="#"&amp;gt;Link 1&amp;lt;/a&amp;gt;
&amp;lt;a href="#"&amp;gt;Link 2&amp;lt;/a&amp;gt;
&amp;lt;a href="#"&amp;gt;Link 3&amp;lt;/a&amp;gt;
&amp;lt;a href="#"&amp;gt;Link 3&amp;lt;/a&amp;gt;
&amp;lt;/div&amp;gt;
&amp;lt;div id="navbar2"&amp;gt;
&amp;lt;a href="#"&amp;gt;Home&amp;lt;/a&amp;gt;
&amp;lt;a href="#"&amp;gt;Link 1&amp;lt;/a&amp;gt;
&amp;lt;a href="#"&amp;gt;Link 2&amp;lt;/a&amp;gt;
&amp;lt;a href="#"&amp;gt;Link 3&amp;lt;/a&amp;gt;
&amp;lt;a href="#"&amp;gt;Link 3&amp;lt;/a&amp;gt;
&amp;lt;/div&amp;gt;
&amp;lt;!-- This is the end of the container div --&amp;gt;
&amp;lt;/div&amp;gt;
&amp;lt;/body&amp;gt;
&amp;lt;/html&amp;gt;
&lt;/code&gt;&lt;/pre&gt;
&lt;p&gt;And here is my CSS: &lt;/p&gt;
&lt;pre&gt;&lt;code&gt;    #container {
        width: 960px;
        height:150px;
        position:relative;
        margin-right: auto;
        margin-left: auto;
    }
    #socialmediaplugins {
        float:right;
        position:fixed;
        width:100%
        height:100px;
        background-color:#999;
        margin:0;
    }
    #banner {
        background-image:url(images/totempolebanner.gif);
        position:absolute;
        top:20px;
        width:960px;
        height:150px;
    }
    #navbar {
        float:left;
        position:absolute;
        top: 170px;
    }
    #navbar2 {
        float:right;
        position: relative;
        top:170px;
}
&lt;/code&gt;&lt;/pre&gt;
&lt;p&gt;Thank you!&lt;/p&gt;</t>
  </si>
  <si>
    <t>2013-10-28 22:16:39.190000+00:00</t>
  </si>
  <si>
    <t>2015-04-16 06:44:25.487000+00:00</t>
  </si>
  <si>
    <t>Can't get the file from input='file'</t>
  </si>
  <si>
    <t>&lt;p&gt;I'm having trouble getting the file from my input type file. &lt;/p&gt;
&lt;p&gt;I have tried &lt;code&gt;var file = document.getElementById('filex').value;&lt;/code&gt;&lt;/p&gt;
&lt;p&gt;and &lt;code&gt;var file = $('#filex').val;&lt;/code&gt;&lt;/p&gt;
&lt;p&gt;but when I try to send the request it sends as 'undefined'.&lt;/p&gt;
&lt;p&gt;My form looks like this:&lt;/p&gt;
&lt;pre&gt;&lt;code&gt;&amp;lt;form id="form" method="post" enctype="multipart/form-data&amp;gt;
    &amp;lt;input type="file" name="file" id="filex"/&amp;gt;
    &amp;lt;input type="button" value="Upload" id="submit/&amp;gt;
&amp;lt;/form&amp;gt;
&lt;/code&gt;&lt;/pre&gt;
&lt;p&gt;My Javascript currently looks like this:&lt;/p&gt;
&lt;pre&gt;&lt;code&gt;function shipOff() {
    var file = document.getElementById('filex').value;
    var fileName = document.getElementById('filex').value.toString();
    console.log("Sending " + fileName);
    $.post('uploader.php',
    {
        data: file,
        name: fileName,
        cache: false,
        processData: false 
    }, 
        function(returned){ console.log(returned); }
    );
}
&lt;/code&gt;&lt;/pre&gt;
&lt;p&gt;And lastly the short PHP file:&lt;/p&gt;
&lt;pre&gt;&lt;code&gt;&amp;lt;?php
if($_FILES['file']['size'] &amp;gt; 0)
{
    echo "Success!";
}else{
    echo "No file";
}
?&amp;gt;
&lt;/code&gt;&lt;/pre&gt;</t>
  </si>
  <si>
    <t>2015-01-03 17:54:58.530000+00:00</t>
  </si>
  <si>
    <t>javascript|php|html</t>
  </si>
  <si>
    <t>How to determine which object to create in a factory pattern</t>
  </si>
  <si>
    <t>&lt;p&gt;I'm creating an autocomplete functionality from scratch using Angular 2. I need to listen for different keystrokes and perform a different action depending on what keystroke is pressed. There are four types of keystrokes I must listen for: an enter press, a down arrow press, an up arrow press, and a key press that would fire a new autocomplete query (ex: backspace, alphanumeric keys, delete, something that changes the value of the string in the input text box). &lt;/p&gt;
&lt;p&gt;My project lead wants me to implement a design pattern for creating the keystroke handlers, and recommended the factory pattern (most likely as practice with design patterns). So the theoretical factory would create a different object for each of my four types of keystrokes. The listener gives back a string that I can use to determine which key was pressed (ex "ArrowUp, "ArrowDown", "Enter"). So the enter handler would select the highlighted option and populate it into the text box. A down handler would deselect the current option and select the option below it.&lt;/p&gt;
&lt;p&gt;What is the best way for the factory to determine which object to create. For example I could do something like:&lt;/p&gt;
&lt;pre&gt;&lt;code&gt;createHandler(keystroke) {
  //or alternatively use a case statement
  if(keystroke === "Enter") {
    return new EnterHandler();
  } else if(keystroke === "ArrowDown") {
    return new ArrowDownHandler();
  } else if(...)
}
&lt;/code&gt;&lt;/pre&gt;
&lt;p&gt;But after reading up on this pattern, this is a "naive" implementation. What is the best way to know which object to create based on a string passed in then for my particular case? Or is there another better pattern for the functionality I am looking for?&lt;/p&gt;</t>
  </si>
  <si>
    <t>2017-10-23 17:12:39.603000+00:00</t>
  </si>
  <si>
    <t>2017-12-14 08:35:17.237000+00:00</t>
  </si>
  <si>
    <t>oop|design-patterns|factory|factory-pattern</t>
  </si>
  <si>
    <t>Smalltalk compilers that target either Java, .NET or Ruby</t>
  </si>
  <si>
    <t>&lt;p&gt;Looking for a Smalltalk compiler that given Smalltalk (Instantiations) will emit either Java bytecode, .NET CLR or Ruby. Not looking for porting utilities as I want to leave the application in Smalltalk.&lt;/p&gt;
&lt;p&gt;I have googled for solutions and ran across a company who had a website (&lt;a href="http://www.smalltalkmigrations.com/" rel="noreferrer"&gt;http://www.smalltalkmigrations.com/&lt;/a&gt;) but it seems as if they are no longer in business and looking for other options.&lt;/p&gt;</t>
  </si>
  <si>
    <t>2009-09-30 22:04:42.230000+00:00</t>
  </si>
  <si>
    <t>2009-11-18 11:44:43.757000+00:00</t>
  </si>
  <si>
    <t>java|.net|ruby-on-rails|compiler-construction|smalltalk</t>
  </si>
  <si>
    <t>React Native ios picker is always open</t>
  </si>
  <si>
    <t>&lt;p&gt;I have two pickers on my screen. Whenever I navigate to the screen in iOS app I find that the pickers are always open and all options are visible.&lt;/p&gt;
&lt;p&gt;&lt;a href="https://i.stack.imgur.com/RppGo.png" rel="noreferrer"&gt;&lt;img src="https://i.stack.imgur.com/RppGo.png" alt="enter image description here"&gt;&lt;/a&gt;&lt;/p&gt;
&lt;p&gt;It works perfectly fine in Android where the options are visible only after we click on the picker.&lt;/p&gt;
&lt;p&gt;Can somebody suggest a solution to fix this in iOS?&lt;/p&gt;</t>
  </si>
  <si>
    <t>2016-12-16 09:58:44.863000+00:00</t>
  </si>
  <si>
    <t>2018-08-29 12:10:26.840000+00:00</t>
  </si>
  <si>
    <t>ios|react-native|picker</t>
  </si>
  <si>
    <t>Is the following code thread-safe?</t>
  </si>
  <si>
    <t>&lt;p&gt;The following code uses a double checked pattern to initialize variables. I believe the code is thread safe, as the map wont partially assigned even if two threads are getting into &lt;code&gt;getMap()&lt;/code&gt; method at the same time. So I don't have to make the map as volatile as well. Is the reasoning correct? NOTE: The map is immutable once it is initialized. &lt;/p&gt;
&lt;pre&gt;&lt;code&gt;class A {
    private Map&amp;lt;String, Integer&amp;gt; map;
    private final Object lock = new Object();
    public static Map&amp;lt;String, Integer&amp;gt; prepareMap() {
        Map&amp;lt;String, Integer&amp;gt; map = new HashMap&amp;lt;&amp;gt;();
        map.put("test", 1);
        return map;
    }
    public Map&amp;lt;String, Integer&amp;gt; getMap() {
        if (map == null) {
            synchronized (lock) {
                if (map == null) {
                    map = prepareMap();
                }
            }
        }
        return map;
    }
}
&lt;/code&gt;&lt;/pre&gt;</t>
  </si>
  <si>
    <t>2015-07-27 21:50:12.820000+00:00</t>
  </si>
  <si>
    <t>2015-07-28 06:02:47.110000+00:00</t>
  </si>
  <si>
    <t>2015-07-27 22:46:07.413000+00:00</t>
  </si>
  <si>
    <t>java|multithreading|concurrency|thread-safety</t>
  </si>
  <si>
    <t>Cordova run android --- not deploying to my android phone connected but opening up emulator instead</t>
  </si>
  <si>
    <t>&lt;p&gt;Just created the basic cordova app (the Hello World app it generates), and 
while &lt;/p&gt;
&lt;pre&gt;&lt;code&gt;cordova emulate android
&lt;/code&gt;&lt;/pre&gt;
&lt;p&gt;works fine on the emulator,&lt;/p&gt;
&lt;pre&gt;&lt;code&gt;cordova run android
&lt;/code&gt;&lt;/pre&gt;
&lt;p&gt;also fires up the emulator. My Samsung S5 is connected to the PC and USB debugging mode is enabled (after taping the build in settings 7 times, etc. &lt;a href="http://www.valuewalk.com/2014/04/samsung-galaxy-s5-enable-usb-debugging-mode/" rel="nofollow noreferrer"&gt;http://www.valuewalk.com/2014/04/samsung-galaxy-s5-enable-usb-debugging-mode/&lt;/a&gt; )&lt;/p&gt;
&lt;p&gt;How to deploy it to my device directly?&lt;/p&gt;
&lt;p&gt;Thanks&lt;/p&gt;</t>
  </si>
  <si>
    <t>2014-05-25 21:47:29.270000+00:00</t>
  </si>
  <si>
    <t>2017-09-15 03:12:00.203000+00:00</t>
  </si>
  <si>
    <t>android|cordova|android-emulator</t>
  </si>
  <si>
    <t>Using modules within CUDA Fortran kernel</t>
  </si>
  <si>
    <t>&lt;p&gt;My GPU kernel is as follows:&lt;/p&gt;
&lt;pre&gt;&lt;code&gt;attributes(global) SUBROUTINE  cu_kernel(vec,mesh,t)
USE types
IMPLICIT NONE
TYPE(vec_type), INTENT(INOUT), device, shared :: vec
TYPE(mesh_types),  INTENT(IN),    device :: mesh
&lt;/code&gt;&lt;/pre&gt;
&lt;p&gt;where &lt;code&gt;types&lt;/code&gt; is a Fortran module, where the types &lt;code&gt;vec_type&lt;/code&gt; and &lt;code&gt;mesh_types&lt;/code&gt; have been defined. Will this work? If not, is there a way to accomplish this? &lt;/p&gt;</t>
  </si>
  <si>
    <t>2016-10-31 13:20:23.470000+00:00</t>
  </si>
  <si>
    <t>2016-10-31 13:59:49.973000+00:00</t>
  </si>
  <si>
    <t>cuda|fortran|gpu</t>
  </si>
  <si>
    <t>JAVA: verify user input for one character</t>
  </si>
  <si>
    <t>&lt;p&gt;this is my first time asking a question. If I'm breaking any rules let me know please :)&lt;/p&gt;
&lt;p&gt;I want to verify that the user only types in only one character and store in a variable I have already declared initially. As well, loop back the question for user to type in again if they did not do what they are asked for&lt;/p&gt;
&lt;p&gt;Here is a what I have done so far &lt;/p&gt;
&lt;pre&gt;&lt;code&gt;import java.util.Scanner;
&lt;/code&gt;&lt;/pre&gt;
&lt;p&gt;public class arraytesting {&lt;/p&gt;
&lt;pre&gt;&lt;code&gt;public static void main(String[] args) {
    Scanner myKeyboard = new Scanner(System.in);
    int user_Choice;
    int rowAndcolumns;
    char[][] user_Array;
    char user_Char;
    do {
        System.out.print("Enter your choice (1 to 9): ");
        user_Choice = myKeyboard.nextInt();
        if (user_Choice &amp;lt; 1 || user_Choice &amp;gt; 9)
            System.out.println("Illegal choice, please try again.");
    } while (user_Choice &amp;lt; 1 || user_Choice &amp;gt; 9);
    switch (user_Choice) {
    case 1:
        do {
            System.out.print("\nHow many rows and columns (min 4 &amp;amp; max 20)? ");
            rowAndcolumns = myKeyboard.nextInt();
            if (rowAndcolumns &amp;lt; 1 || rowAndcolumns &amp;gt; 9)
                System.out.println("Illegal choice, please try again.");
        } while (rowAndcolumns &amp;lt; 4 || rowAndcolumns &amp;gt; 20);
        do {
            System.out.print("Which character do you want to fill your square with? (only one character)");
            user_Char = myKeyboard.next().charAt(0);
            if () // error message for user if they did not type correctly, Idk what to put in the
            System.out.println("Illegal choice, please try again.");// boolean for it to compare
                System.out.print(user_Char);
        } while (); // using do-while loop to loop back question, if they don't type in correctly, i
                                // would only like for user to type in only one character
        break;
    }
}
&lt;/code&gt;&lt;/pre&gt;
&lt;p&gt;}&lt;/p&gt;
&lt;p&gt;I know I can put both of them in one do-while loop, but I want to focus on getting the boolean to check for user input.&lt;/p&gt;
&lt;p&gt;edit: I would only like the user to enter only one single character 
ex. '@' or 'a' 
whereas "@@" or "i am typing something that is not one character" is wrong 
inside the spaces of &lt;code&gt;if&lt;/code&gt; and &lt;code&gt;while&lt;/code&gt; are how I want it to be verified&lt;/p&gt;</t>
  </si>
  <si>
    <t>2018-03-15 19:54:02.667000+00:00</t>
  </si>
  <si>
    <t>2018-03-15 23:08:20.430000+00:00</t>
  </si>
  <si>
    <t>2018-03-15 20:40:21.977000+00:00</t>
  </si>
  <si>
    <t>java|input</t>
  </si>
  <si>
    <t>Linq query not giving desired results</t>
  </si>
  <si>
    <t>&lt;p&gt;I'm working to build a linq query that provides a single minimum value out. However, I keep getting the wrong minimum value. I'm certain it is a join issue but I can't get an outer join to work. I've tried some outer joins based on other posts but can't make anything work. I'm not sure which table I need to outer join to make this work. I think I've tried I think every combination I could.&lt;/p&gt;
&lt;p&gt;Here's the query I started with:&lt;/p&gt;
&lt;pre&gt;&lt;code&gt;(from r in Results
    join entry in Entries on r.EntryId equals entry.EntryId
    join entryEvent in EntryEvents on entry.EntryId equals entryEvent.EntryId
    join eswimmer in EntrySwimmers on entry.EntryId equals eswimmer.EntryId
    where eswimmer.SwimmerId == 12027 &amp;amp;&amp;amp; entryEvent.EventNumberId == 1233
    select r.Time)
.Min();
&lt;/code&gt;&lt;/pre&gt;
&lt;p&gt;An outer join attempt:&lt;/p&gt;
&lt;pre&gt;&lt;code&gt;from r in Results
join en in Entries on r.EntryId equals en.EntryId
join ev in EntryEvents on en.EntryId equals ev.EntryId into evJoined
join s in EntrySwimmers on en.EntryId equals s.EntryId into sJoined
from ev in evJoined.DefaultIfEmpty()
from s in sJoined.DefaultIfEmpty()
where (s.SwimmerId == 12027 &amp;amp;&amp;amp; ev.EventNumberId == 1233)
select r.Time;
&lt;/code&gt;&lt;/pre&gt;
&lt;p&gt;The issue is that I'm getting the minimum value from all results for the swimmer rather than the minimum value for that swimmer AND the specific event.&lt;/p&gt;
&lt;p&gt;The class structures look like this:&lt;/p&gt;
&lt;p&gt;Results&lt;/p&gt;
&lt;pre&gt;&lt;code&gt;public int ResultId
public int EntryId
public ICollection&amp;lt;Entry&amp;gt; Entry
public int EntryEventId
public ICollection&amp;lt;EntryEvent&amp;gt; EntryEvent
public TimeSpan Time
&lt;/code&gt;&lt;/pre&gt;
&lt;p&gt;Entries&lt;/p&gt;
&lt;pre&gt;&lt;code&gt;public int EntryId
public ICollection&amp;lt;EntrySwimmer&amp;gt; EntrySwimmers
public Result Results
public ICollection&amp;lt;EntryEvent&amp;gt; EntryEvents
&lt;/code&gt;&lt;/pre&gt;
&lt;p&gt;EntryEvents&lt;/p&gt;
&lt;pre&gt;&lt;code&gt;public int EntryEventId
public int EventNumberId
public EventNumber EventNumbers
public int EntryId
public Entry Entry
&lt;/code&gt;&lt;/pre&gt;
&lt;p&gt;EntrySwimmers&lt;/p&gt;
&lt;pre&gt;&lt;code&gt;public int EntryId
public Entry Entries
public int SwimmerId
public Swimmer Swimmers
&lt;/code&gt;&lt;/pre&gt;
&lt;p&gt;I'm still learning about linq, joins, etc. so explanations are appreciated. Thank you in advance!&lt;/p&gt;</t>
  </si>
  <si>
    <t>2017-01-02 18:46:12.447000+00:00</t>
  </si>
  <si>
    <t>2017-01-02 21:24:30.507000+00:00</t>
  </si>
  <si>
    <t>c#|linq|join|asp.net-core</t>
  </si>
  <si>
    <t>IntelliJ IDEA complex code cleanup like Resharper?</t>
  </si>
  <si>
    <t>&lt;p&gt;Is there anything similar to &lt;a href="https://www.jetbrains.com/help/resharper/2016.1/Reference__Code_Cleanup.html" rel="nofollow noreferrer"&gt;Code Cleanup&lt;/a&gt; from Resharper in IntelliJ IDEA? Something that runs all the different optimizations on your code. (Switching from C# to Java)&lt;/p&gt;
&lt;p&gt;&lt;a href="https://i.stack.imgur.com/K4LK3.png" rel="nofollow noreferrer"&gt;&lt;img src="https://i.stack.imgur.com/K4LK3.png" alt="Code Cleanup Screenshot"&gt;&lt;/a&gt;&lt;/p&gt;</t>
  </si>
  <si>
    <t>2016-09-05 10:23:37.207000+00:00</t>
  </si>
  <si>
    <t>2016-09-05 11:42:48.567000+00:00</t>
  </si>
  <si>
    <t>2016-09-05 10:38:04.307000+00:00</t>
  </si>
  <si>
    <t>java|intellij-idea|resharper</t>
  </si>
  <si>
    <t>Can I remove the JSON-LD schema that Yoast adds to my WordPress site?</t>
  </si>
  <si>
    <t>&lt;p&gt;I would like to remove the JSON-LD schema that Yoast applies to my WordPress site so that I can add my own.  I have already added my own, and Google Structured Data Testing says that it is OK, but basically I have 3 separate JSON-LD schemas instead of two because of Yoast.&lt;/p&gt;
&lt;p&gt;You can see what I mean here: &lt;a href="https://search.google.com/structured-data/testing-tool/u/0/#url=http%3A%2F%2Fwww.yogabearpc.com" rel="nofollow"&gt;https://search.google.com/structured-data/testing-tool/u/0/#url=http%3A%2F%2Fwww.yogabearpc.com&lt;/a&gt;&lt;/p&gt;
&lt;p&gt;Yoast has added the &lt;code&gt;WebSite&lt;/code&gt; schema and it seems unnecessary or even damaging?&lt;/p&gt;</t>
  </si>
  <si>
    <t>2016-07-27 17:48:00.693000+00:00</t>
  </si>
  <si>
    <t>2018-01-26 17:37:57.013000+00:00</t>
  </si>
  <si>
    <t>2016-07-27 18:07:23.460000+00:00</t>
  </si>
  <si>
    <t>wordpress|seo|schema.org|json-ld</t>
  </si>
  <si>
    <t>implementing trees after reading from a text file</t>
  </si>
  <si>
    <t>&lt;p&gt;I want to implement/make a tree with the integer number after reading from a text file.&lt;/p&gt;
&lt;p&gt;My tree implementation works fine, the code is almost good. but, there is a problem about reading the integers from text file (incuding numbers as 1 4 7 2 9 6 ).&lt;/p&gt;
&lt;pre&gt;&lt;code&gt;main(){
   FILE *fp;
   fp = fopen(tree.txt,"r");
&lt;/code&gt;&lt;/pre&gt;
&lt;p&gt;in this above line, i open the file. and i get pointer fp to the first integer in the text file.&lt;/p&gt;
&lt;p&gt;should i change * tree in the line below to apply tree implementation on the text file?&lt;/p&gt;
&lt;pre&gt;&lt;code&gt;   void bitree_init(BiTree *tree, void (*destroy)(void *data)) {
   /*****************************************************************************
   *                                                                            *
   *  Initialize the binary tree.                                               *
   *                                                                            *
   *****************************************************************************/
   tree-&amp;gt;size = 0;
   tree-&amp;gt;destroy = destroy;
   tree-&amp;gt;root = NULL;
   return;
   }
   /*****************************************************************************
   *                                                                            *
   *  ---------------------------- bitree_destroy ----------------------------  *
   *                                                                            *
   *****************************************************************************/
   void bitree_destroy(BiTree *tree) {
   /*****************************************************************************
   *                                                                            *
   *  Remove all the nodes from the tree.                                       *
   *                                                                            *
   *****************************************************************************/
   bitree_rem_left(tree, NULL);
   /*****************************************************************************
   *                                                                            *
   *  No operations are allowed now, but clear the structure as a precaution.   *
   *                                                                            *
   *****************************************************************************/
   memset(tree, 0, sizeof(BiTree));
   return;
   }
   /*****************************************************************************
   *                                                                            *
   *  ---------------------------- bitree_ins_left ---------------------------  *
   *                                                                            *
   *****************************************************************************/
   int bitree_ins_left(BiTree *tree, BiTreeNode *node, const void *data) {
   BiTreeNode         *new_node,
                      **position;
   /*****************************************************************************
   *                                                                            *
   *  Determine where to insert the node.                                       *
   *                                                                            *
   *****************************************************************************/
   if (node == NULL) {
      /**************************************************************************
      *                                                                         *
      *  Allow insertion at the root only in an empty tree.                     *
      *                                                                         *
      **************************************************************************/
      if (bitree_size(tree) &amp;gt; 0)
         return -1;
      position = &amp;amp;tree-&amp;gt;root;
      }
   else {
      /**************************************************************************
      *                                                                         *
      *  Normally allow insertion only at the end of a branch.                  *
      *                                                                         *
      **************************************************************************/
      if (bitree_left(node) != NULL)
         return -1;
      position = &amp;amp;node-&amp;gt;left;
   }
   /*****************************************************************************
   *                                                                            *
   *  Allocate storage for the node.                                            *
   *                                                                            *
   *****************************************************************************/
   if ((new_node = (BiTreeNode *)malloc(sizeof(BiTreeNode))) == NULL)
      return -1;
   /*****************************************************************************
   *                                                                            *
   *  Insert the node into the tree.                                            *
   *                                                                            *
   *****************************************************************************/
   new_node-&amp;gt;data = (void *)data;
   new_node-&amp;gt;left = NULL;
   new_node-&amp;gt;right = NULL;
   *position = new_node;
   /*****************************************************************************
   *                                                                            *
   *  Adjust the size of the tree to account for the inserted node.             *
   *                                                                            *
   *****************************************************************************/
   tree-&amp;gt;size++;
   return 0;
   }
   /*****************************************************************************
   *                                                                            *
   *  --------------------------- bitree_ins_right ---------------------------  *
   *                                                                            *
   *****************************************************************************/
   int bitree_ins_right(BiTree *tree, BiTreeNode *node, const void *data) {
   BiTreeNode         *new_node,
                      **position;
   /*****************************************************************************
   *                                                                            *
   *  Determine where to insert the node.                                       *
   *                                                                            *
   *****************************************************************************/
   if (node == NULL) {
      /**************************************************************************
      *                                                                         *
      *  Allow insertion at the root only in an empty tree.                     *
      *                                                                         *
      **************************************************************************/
      if (bitree_size(tree) &amp;gt; 0)
         return -1;
      position = &amp;amp;tree-&amp;gt;root;
      }
   else {
      /**************************************************************************
      *                                                                         *
      *  Normally allow insertion only at the end of a branch.                  *
      *                                                                         *
      **************************************************************************/
      if (bitree_right(node) != NULL)
         return -1;
      position = &amp;amp;node-&amp;gt;right;
   }
   /*****************************************************************************
   *                                                                            *
   *  Allocate storage for the node.                                            *
   *                                                                            *
   *****************************************************************************/
   if ((new_node = (BiTreeNode *)malloc(sizeof(BiTreeNode))) == NULL)
      return -1;
   /*****************************************************************************
   *                                                                            *
   *  Insert the node into the tree.                                            *
   *                                                                            *
   *****************************************************************************/
   new_node-&amp;gt;data = (void *)data;
   new_node-&amp;gt;left = NULL;
   new_node-&amp;gt;right = NULL;
   *position = new_node;
   /*****************************************************************************
   *                                                                            *
   *  Adjust the size of the tree to account for the inserted node.             *
   *                                                                            *
   *****************************************************************************/
   tree-&amp;gt;size++;
   return 0;
   }
   /*****************************************************************************
   *                                                                            *
   *  ---------------------------- bitree_rem_left ---------------------------  *
   *                                                                            *
   *****************************************************************************/
   void bitree_rem_left(BiTree *tree, BiTreeNode *node) {
   BiTreeNode         **position;
   /*****************************************************************************
   *                                                                            *
   *  Do not allow removal from an empty tree.                                  *
   *                                                                            *
   *****************************************************************************/
   if (bitree_size(tree) == 0)
      return;
   /*****************************************************************************
   *                                                                            *
   *  Determine where to remove nodes.                                          *
   *                                                                            *
   *****************************************************************************/
   if (node == NULL)
      position = &amp;amp;tree-&amp;gt;root;
   else
      position = &amp;amp;node-&amp;gt;left;
   /*****************************************************************************
   *                                                                            *
   *  Remove the nodes.                                                         *
   *                                                                            *
   *****************************************************************************/
   if (*position != NULL) {
      bitree_rem_left(tree, *position);
      bitree_rem_right(tree, *position);
      if (tree-&amp;gt;destroy != NULL) {
         /***********************************************************************
         *                                                                      *
         *  Call a user-defined function to free dynamically allocated data.    *
         *                                                                      *
         ***********************************************************************/
         tree-&amp;gt;destroy((*position)-&amp;gt;data);
      }
      free(*position);
      *position = NULL;
      /**************************************************************************
      *                                                                         *
      *  Adjust the size of the tree to account for the removed node.           *
      *                                                                         *
      **************************************************************************/
      tree-&amp;gt;size--;
   }
   return;
   }
   /*****************************************************************************
   *                                                                            *
   *  --------------------------- bitree_rem_right ---------------------------  *
   *                                                                            *
   *****************************************************************************/
   void bitree_rem_right(BiTree *tree, BiTreeNode *node) {
   BiTreeNode         **position;
   /*****************************************************************************
   *                                                                            *
   *  Do not allow removal from an empty tree.                                  *
   *                                                                            *
   *****************************************************************************/
   if (bitree_size(tree) == 0)
      return;
   /*****************************************************************************
   *                                                                            *
   *  Determine where to remove nodes.                                          *
   *                                                                            *
   *****************************************************************************/
   if (node == NULL)
      position = &amp;amp;tree-&amp;gt;root;
   else
      position = &amp;amp;node-&amp;gt;right;
   /*****************************************************************************
   *                                                                            *
   *  Remove the nodes.                                                         *
   *                                                                            *
   *****************************************************************************/
   if (*position != NULL) {
      bitree_rem_left(tree, *position);
      bitree_rem_right(tree, *position);
      if (tree-&amp;gt;destroy != NULL) {
         /***********************************************************************
         *                                                                      *
         *  Call a user-defined function to free dynamically allocated data.    *
         *                                                                      *
         ***********************************************************************/
         tree-&amp;gt;destroy((*position)-&amp;gt;data);
      }
      free(*position);
      *position = NULL;
      /**************************************************************************
      *                                                                         *
      *  Adjust the size of the tree to account for the removed node.           *
      *                                                                         *
      **************************************************************************/
      tree-&amp;gt;size--;
   }
   return;
   }
   /*****************************************************************************
   *                                                                            *
   *  ----------------------------- bitree_merge -----------------------------  *
   *                                                                            *
   *****************************************************************************/
   int bitree_merge(BiTree *merge, BiTree *left, BiTree *right, const void
      *data) {
   /*****************************************************************************
   *                                                                            *
   *  Initialize the merged tree.                                               *
   *                                                                            *
   *****************************************************************************/
   bitree_init(merge, left-&amp;gt;destroy);
   /*****************************************************************************
   *                                                                            *
   *  Insert the data for the root node of the merged tree.                     *
   *                                                                            *
   *****************************************************************************/
   if (bitree_ins_left(merge, NULL, data) != 0) {
      bitree_destroy(merge);
      return -1;
   }
   /*****************************************************************************
   *                                                                            *
   *  Merge the two binary trees into a single binary tree.                     *
   *                                                                            *
   *****************************************************************************/
   bitree_root(merge)-&amp;gt;left = bitree_root(left);
   bitree_root(merge)-&amp;gt;right = bitree_root(right);
   /*****************************************************************************
   *                                                                            *
   *  Adjust the size of the new binary tree.                                   *
   *                                                                            *
   *****************************************************************************/
   merge-&amp;gt;size = merge-&amp;gt;size + bitree_size(left) + bitree_size(right);
   /*****************************************************************************
   *                                                                            *
   *  Do not let the original trees access the merged nodes.                    *
   *                                                                            *
   *****************************************************************************/
   left-&amp;gt;root = NULL;
   left-&amp;gt;size = 0;
   right-&amp;gt;root = NULL;
   right-&amp;gt;size = 0;
   return 0;
   }
}
&lt;/code&gt;&lt;/pre&gt;</t>
  </si>
  <si>
    <t>2015-11-17 18:41:03.493000+00:00</t>
  </si>
  <si>
    <t>c|tree</t>
  </si>
  <si>
    <t>Creating a background image that moves from right to left in a live wallpaper</t>
  </si>
  <si>
    <t>&lt;p&gt;I have a background image that I would like to simply scroll (while looping) right to left. What is the best way to go about doing this? Will I need to use an external library? Are there certain methods built into android already to accomplish this? Is all this accomplished in the &lt;code&gt;doDraw()&lt;/code&gt; method?&lt;/p&gt;
&lt;p&gt;Eventually I would like the canvas to also draw a stationary Bitmap ontop of that. I think that will be easy if I just use the canvas.drawBitmap() function.&lt;/p&gt;</t>
  </si>
  <si>
    <t>2011-11-27 18:55:54.693000+00:00</t>
  </si>
  <si>
    <t>2012-03-02 08:23:47.957000+00:00</t>
  </si>
  <si>
    <t>android|live-wallpaper</t>
  </si>
  <si>
    <t>How compiler will know to execute methods when any class implements ITestListener interface</t>
  </si>
  <si>
    <t>&lt;p&gt;How does the compiler know that I have to execute on &lt;code&gt;TestFailure/onFinish/onStart/onTestFailedButWithinSuccessPercentage/onTestSkipped/onTestStart&lt;/code&gt; depending on tests status?&lt;/p&gt;</t>
  </si>
  <si>
    <t>2015-08-27 15:05:42.580000+00:00</t>
  </si>
  <si>
    <t>2015-11-24 22:50:54.300000+00:00</t>
  </si>
  <si>
    <t>2015-08-27 15:37:16.510000+00:00</t>
  </si>
  <si>
    <t>testng</t>
  </si>
  <si>
    <t>Store listbox item based on index to a variable</t>
  </si>
  <si>
    <t>&lt;p&gt;I would like to get the &lt;code&gt;item&lt;/code&gt; in my &lt;code&gt;listbox&lt;/code&gt; based on the &lt;code&gt;index&lt;/code&gt; and store it to a &lt;code&gt;variable&lt;/code&gt;.&lt;/p&gt;
&lt;p&gt;&lt;strong&gt;For example:&lt;/strong&gt;&lt;/p&gt;
&lt;p&gt;Listbox_Sample&lt;/p&gt;
&lt;p&gt;cary&lt;/p&gt;
&lt;p&gt;bondoc&lt;/p&gt;
&lt;p&gt;stack&lt;/p&gt;
&lt;p&gt;overflow&lt;/p&gt;
&lt;p&gt;If I want to get the index 0 of my listbox then it will store &lt;code&gt;cary&lt;/code&gt; to a variable&lt;/p&gt;</t>
  </si>
  <si>
    <t>2015-10-19 09:04:56.820000+00:00</t>
  </si>
  <si>
    <t>vb.net|listbox</t>
  </si>
  <si>
    <t>Log4j logs overrided by SLF4J</t>
  </si>
  <si>
    <t>&lt;p&gt;I am using log4j implementation for logging. The root level for log4j is set to DEBUG. Also I have two jars in my lib slf4j-log4j12-1.7 and log4j jar.. Now problem is since SLF4J default log level is INFO , I am not getting DEBUG logs.. Could anyone let me know how to change the default log level of SLF4J &lt;/p&gt;</t>
  </si>
  <si>
    <t>2017-12-08 09:55:44.297000+00:00</t>
  </si>
  <si>
    <t>logging|log4j|slf4j</t>
  </si>
  <si>
    <t>Substr not working with html tags and entities</t>
  </si>
  <si>
    <t>&lt;p&gt;I have gone throught the following question:
&lt;a href="https://stackoverflow.com/questions/4885957/substr-not-working"&gt;substr() not working&lt;/a&gt; but it did not work for me :(&lt;/p&gt;
&lt;p&gt;I am facing the same problem. I am using &lt;code&gt;nicEditor&lt;/code&gt; and for at the time of insert, I do &lt;code&gt;htmlentities(addslashes(urlencode($description)))&lt;/code&gt;
and when I view the description? It shows me correctly, but when i use &lt;code&gt;substr()&lt;/code&gt; it returns nothing. 
like:&lt;/p&gt;
&lt;pre&gt;&lt;code&gt;substr($description,0,10)
&lt;/code&gt;&lt;/pre&gt;
&lt;p&gt;&lt;code&gt;$description&lt;/code&gt; contains the content and it is fine, present in db, works without &lt;code&gt;substr()&lt;/code&gt;&lt;/p&gt;</t>
  </si>
  <si>
    <t>2013-12-09 22:40:15.693000+00:00</t>
  </si>
  <si>
    <t>2013-12-09 23:02:02.170000+00:00</t>
  </si>
  <si>
    <t>2017-05-23 10:25:00.900000+00:00</t>
  </si>
  <si>
    <t>php|string|html-entities|substr</t>
  </si>
  <si>
    <t>Google caches different domain than specified in canonical</t>
  </si>
  <si>
    <t>&lt;p&gt;We have two different websites, www.humidordiscount.com and www.humidordiscount.co.uk showing pretty much the same content but with slight differences (currency, contact info, etc) one aiming for US/global market and the other for the UK.
Canonical and hreflang tags on the index page are as follows.
For humidordiscount.co.uk:&lt;/p&gt;
&lt;pre&gt;&lt;code&gt;&amp;lt;link rel="alternate" hreflang="en-US" href="https://www.humidordiscount.com" /&amp;gt;
&amp;lt;link rel="alternate" hreflang="en-GB" href="https://www.humidordiscount.co.uk" /&amp;gt;
&amp;lt;link rel="canonical" href="https://www.humidordiscount.co.uk" /&amp;gt;
&lt;/code&gt;&lt;/pre&gt;
&lt;p&gt;Similarly for humidordiscount.com&lt;/p&gt;
&lt;pre&gt;&lt;code&gt;&amp;lt;link rel="alternate" hreflang="en-US" href="https://www.humidordiscount.com" /&amp;gt;
&amp;lt;link rel="alternate" hreflang="en-GB" href="https://www.humidordiscount.co.uk" /&amp;gt;
&amp;lt;link rel="canonical" href="https://www.humidordiscount.com" /&amp;gt;
&lt;/code&gt;&lt;/pre&gt;
&lt;p&gt;The rest of the website pages follow the same canonial/hreflang policy.&lt;/p&gt;
&lt;p&gt;However, google is not indexing humidordiscount.co.uk and caching humidordiscount.com instead. For example, if I google "humidordiscount.co.uk" the cached version of the first search result (&lt;a href="https://webcache.googleusercontent.com/search?q=cache:zYAeGWTdt0cJ:https://www.humidordiscount.co.uk/+&amp;amp;cd=1&amp;amp;hl=en&amp;amp;ct=clnk&amp;amp;gl=es" rel="nofollow"&gt;https://webcache.googleusercontent.com/search?q=cache:zYAeGWTdt0cJ:https://www.humidordiscount.co.uk/+&amp;amp;cd=1&amp;amp;hl=en&amp;amp;ct=clnk&amp;amp;gl=es&lt;/a&gt;) result is showing humidordiscount.com content instead (with the message "This is Google's cache of &lt;a href="https://www.humidordiscount.com" rel="nofollow"&gt;https://www.humidordiscount.com&lt;/a&gt;). On the other side, exploring as google in the webmaster tools display the correct results. Also, each one of the sites have a correct, different sitemap submitted to google.&lt;/p&gt;
&lt;p&gt;This is happening as well for other domains sharing the same language (i.e: humidordiscount.at searches displaying cached results of humidordiscount.de) &lt;/p&gt;
&lt;p&gt;Does any of you know the reason why this may be happenning?&lt;/p&gt;</t>
  </si>
  <si>
    <t>2016-03-10 11:56:10.390000+00:00</t>
  </si>
  <si>
    <t>2016-03-10 12:34:35.883000+00:00</t>
  </si>
  <si>
    <t>caching|canonical-link</t>
  </si>
  <si>
    <t>Full width background image sizing issue</t>
  </si>
  <si>
    <t>&lt;p&gt;I am looking to fix my second full width image (the one in the middle of the page) so that is fits horizontally the same as the one above in the header image. I noticed that there is a gap on the right hand side of the image as seen in the picture below. Is this cause my image is not 1600px wide? I can edit it so that it is 1600px if need be. If the problem is something else can someone help me out. Thanks. &lt;/p&gt;
&lt;p&gt;&lt;a href="http://www.jobspark.ca" rel="nofollow"&gt;http://www.jobspark.ca&lt;/a&gt; &lt;/p&gt;
&lt;pre&gt;&lt;code&gt;.fullWidthSectionBG { 
background-image: url('http://static.squarespace.com/static/513d5347e4b0abff73be5264/t/519c45c4e4b084baf13d7e27/1369195972115/rocktruck2.jpg');
border-bottom: solid 1px #ddd; 
border-top: solid 1px #ddd;
margin-left: -1600px;
margin-right: -1600px;
padding-top:20px;
padding-bottom:330px;
overflow: hidden;
background-position: center;
background-repeat: no-repeat;
background-size: auto; 
} 
&amp;lt;div class="fullWidthSectionBG"&amp;gt;
&amp;lt;div class="fullWidthSection"&amp;gt;
&amp;lt;div class="myLeftColumn"&amp;gt;        
&amp;lt;p&amp;gt;
&amp;lt;/p&amp;gt; 
&amp;lt;/div&amp;gt;
&amp;lt;div class="myRightColumn"&amp;gt;
&amp;lt;h2&amp;gt;Used By Thousands Of Canadians&amp;lt;/h2&amp;gt;
&amp;lt;p&amp;gt;Jobspark.ca is dedicated to providing resources for job seekers and employers throughout British Columbia and Alberta. Many top employers along with small local businesses from across the region post their jobs on Job Spark to find qualified professionals.&amp;lt;/p&amp;gt;
&amp;lt;p&amp;gt;Job Spark simplifies your quest for the perfect career with a clean design and real-time postings. Our streamline job board was designed to take the headache out of finding a job.&amp;lt;/p&amp;gt;
&amp;lt;p&amp;gt;Your job listings will be seen across multiple venues, receiving thousands of views each month! &amp;lt;/p&amp;gt;&amp;lt;/div&amp;gt;
&amp;lt;/div&amp;gt;
&amp;lt;/div&amp;gt;
&lt;/code&gt;&lt;/pre&gt;</t>
  </si>
  <si>
    <t>2013-05-22 03:44:16.727000+00:00</t>
  </si>
  <si>
    <t>2013-05-22 04:47:15.980000+00:00</t>
  </si>
  <si>
    <t>css|web|background-image|fullscreen</t>
  </si>
  <si>
    <t>mongodb - chunk size = 64MB - compressed or uncompressed?</t>
  </si>
  <si>
    <t>&lt;p&gt;The Mongodb 3.6 documentation states&lt;/p&gt;
&lt;blockquote&gt;
  &lt;p&gt;The default chunk size in MongoDB is 64 megabytes&lt;/p&gt;
&lt;/blockquote&gt;
&lt;p&gt;&lt;a href="https://docs.mongodb.com/manual/core/sharding-data-partitioning" rel="nofollow noreferrer"&gt;https://docs.mongodb.com/manual/core/sharding-data-partitioning&lt;/a&gt;&lt;/p&gt;
&lt;p&gt;Is this compressed or uncompressed? I assume uncompressed, but just to be sure. &lt;/p&gt;
&lt;p&gt;Thanks,&lt;/p&gt;</t>
  </si>
  <si>
    <t>2018-01-16 07:25:17.710000+00:00</t>
  </si>
  <si>
    <t>2018-02-06 21:57:57.660000+00:00</t>
  </si>
  <si>
    <t>mongodb|sharding|chunks</t>
  </si>
  <si>
    <t>React - Change Style when accessing event target</t>
  </si>
  <si>
    <t>&lt;p&gt;I am using "&lt;strong&gt;&lt;code&gt;React Sortable Hoc&lt;/code&gt;&lt;/strong&gt;" npm lib for sorting elements by dragging.&lt;/p&gt;
&lt;p&gt;&lt;a href="https://www.npmjs.com/package/react-sortable-hoc" rel="nofollow noreferrer"&gt;https://www.npmjs.com/package/react-sortable-hoc&lt;/a&gt;&lt;/p&gt;
&lt;p&gt;One of the events I am using is built in &lt;strong&gt;&lt;code&gt;onSortMove&lt;/code&gt;&lt;/strong&gt; which returns event.&lt;/p&gt;
&lt;p&gt;I can access the style of this element by &lt;strong&gt;&lt;code&gt;event.target.style&lt;/code&gt;&lt;/strong&gt; &lt;/p&gt;
&lt;p&gt;And if I try to set new style property element is not change it is style or simple I just can not print new value.&lt;/p&gt;
&lt;pre&gt;&lt;code&gt;onSortMove = (event, index, collection) =&amp;gt;
    {
        // changing of style - I think it should work?
        event.target.style.cursor = 'grabbing';
        // checek if style is changed, but it is not. Why?
        console.log(event.target.style);
    };
&lt;/code&gt;&lt;/pre&gt;</t>
  </si>
  <si>
    <t>2018-04-18 06:58:23.590000+00:00</t>
  </si>
  <si>
    <t>How to write a loop for code below to display values till n present in .json file rather than trying to retrieve results for each one</t>
  </si>
  <si>
    <t>&lt;p&gt;How to write a loop for the below code to retrieve all values at a time present in the file and not using it for retrieving values for each {0} {1}.. present in the file.   &lt;/p&gt;
&lt;pre&gt;&lt;code&gt;$data = Get-Content -Path 'C:\Users\Username\Downloads\ScheduledJobs1.json' | ConvertFrom-Json
$Status1 = $("{0:N1}" -f $data.value.CompletedJobs.State.Name)
$Asset1 = $("{0:N1}" -f $data.value.Application.Asset.Name)
$Application1 = $("{0:N1}" -f $data.value.Application.Name)
$Status2 = $("{1:N1}" -f $data.value.CompletedJobs.State.Name)
$Asset2 = $("{1:N1}" -f $data.value.Application.Asset.Name)
$Application2 = $("{1:N1}" -f $data.value.Application.Name)
$Status3 = $("{2:N1}" -f $data.value.CompletedJobs.State.Name)
$Asset3 = $("{2:N1}" -f $data.value.Application.Asset.Name)
$Application3 = $("{2:N1}" -f $data.value.Application.Name)
$Status4 = $("{3:N1}" -f $data.value.CompletedJobs.State.Name)
$Asset4 = $("{3:N1}" -f $data.value.Application.Asset.Name)
$Application4 = $("{3:N1}" -f $data.value.Application.Name)
$Status5 = $("{4:N1}" -f $data.value.CompletedJobs.State.Name)
$Asset5 = $("{4:N1}" -f $data.value.Application.Asset.Name)
$Application5 = $("{4:N1}" -f $data.value.Application.Name)
&lt;/code&gt;&lt;/pre&gt;</t>
  </si>
  <si>
    <t>2018-06-30 10:21:30.823000+00:00</t>
  </si>
  <si>
    <t>2018-06-30 13:03:07.570000+00:00</t>
  </si>
  <si>
    <t>2018-06-30 11:22:47.043000+00:00</t>
  </si>
  <si>
    <t>How to increment the last part of string that contains a number</t>
  </si>
  <si>
    <t>&lt;p&gt;I have this serial :&lt;/p&gt;
&lt;pre&gt;&lt;code&gt;string serialTXT = "SD50MRF999";
&lt;/code&gt;&lt;/pre&gt;
&lt;p&gt;I want to increase it to "SD50MRF1000" not "SD51MRF000".&lt;/p&gt;
&lt;p&gt;I tried this :&lt;/p&gt;
&lt;pre&gt;&lt;code&gt;var prefix = Regex.Match(sdesptchNo, "^\\D+").Value;
var number = Regex.Replace(sdesptchNo, "^\\D+", "");
var i = int.Parse(number) + 1;
var newString = prefix + i.ToString(new string('0', number.Length));
&lt;/code&gt;&lt;/pre&gt;
&lt;p&gt;But the result : it isolate "SD" and "50MRF1000" &lt;/p&gt;</t>
  </si>
  <si>
    <t>2018-10-15 15:33:23.703000+00:00</t>
  </si>
  <si>
    <t>2018-11-25 04:40:39.003000+00:00</t>
  </si>
  <si>
    <t>c#|.net|regex|string|linq</t>
  </si>
  <si>
    <t>python how to make a countdown</t>
  </si>
  <si>
    <t>&lt;p&gt;Hello I have been trying to figure out to make a countdown I even tried searching but they where a bit different to what type I wanted
the type of countdown I am trying to find/use is one where when the number goes down it does not create a new number in print
what it does is edits the already placed number for example:
I don't want&lt;/p&gt;
&lt;pre&gt;&lt;code&gt;10
9
8
7
6
5
4
3
2
1
&lt;/code&gt;&lt;/pre&gt;
&lt;p&gt;I want it to delete the number 10 and replace it with 9 but I cannot figure it out&lt;/p&gt;</t>
  </si>
  <si>
    <t>2016-12-28 23:31:01.763000+00:00</t>
  </si>
  <si>
    <t>2016-12-28 23:58:39.017000+00:00</t>
  </si>
  <si>
    <t>python|countdown</t>
  </si>
  <si>
    <t>Unable to redraw form border on paint event</t>
  </si>
  <si>
    <t>&lt;p&gt;I am looking to make a custom border for my main form after a splash screen (i.e. the first form that loads) in my program's GUI. As suggested by the GoogleGods, I set the FormBorderStyle to "None". And then on the paint command of the class, I added this code: &lt;/p&gt;
&lt;pre&gt;&lt;code&gt;Private Sub MainWindow_Paint(sender As Object, e As PaintEventArgs) Handles Me.Paint
    e.Graphics.DrawRectangle(Pens.Black, Me.Bounds)
  '  ControlPaint.DrawBorder(e.Graphics, ClientRectangle, Color.Black,    ButtonBorderStyle.Solid)
 End Sub
&lt;/code&gt;&lt;/pre&gt;
&lt;p&gt;I also tried it with the commented out portion instead (starting with ControlPaint.draw....) and that didn't work either. The main issue being that the form shows no line drawn around the form in any manner.  &lt;/p&gt;
&lt;p&gt;What's stopping my code from showing a new border? Is there a better way to redraw it (and possibly have it have the same features as the default border, i.e. re sizing and moving the form when clicked)?&lt;/p&gt;</t>
  </si>
  <si>
    <t>2014-05-23 15:06:37.727000+00:00</t>
  </si>
  <si>
    <t>2014-05-23 15:20:45.050000+00:00</t>
  </si>
  <si>
    <t>vb.net|forms|visual-studio-2013</t>
  </si>
  <si>
    <t>calculating difference between two dates(current date and another date)</t>
  </si>
  <si>
    <t>&lt;p&gt;This is my code:&lt;/p&gt;
&lt;pre&gt;&lt;code&gt;$scope.date = new Date();
var date1 = new Date($scope.date);
var date2 = new Date(2017,5,5);
var diffDays = parseInt((date2 - date1) / (1000 * 60 * 60 * 24));
alert(diffDays);
&lt;/code&gt;&lt;/pre&gt;
&lt;p&gt;the above code is working fine, but when I try pass model in js its not working, it is showing &lt;code&gt;NaN&lt;/code&gt;instead.&lt;/p&gt;
&lt;p&gt;Here is my controller with model value&lt;/p&gt;
&lt;pre&gt;&lt;code&gt;$scope.date = new Date();
var date1 = new Date($scope.date);
var date2 = new Date($scope.studyUser.Ethical_Committee_Approved_Date);
var diffDays = parseInt((date2 - date1) / (1000 * 60 * 60 * 24));
alert(diffDays);
&lt;/code&gt;&lt;/pre&gt;
&lt;p&gt;here is my html code&lt;/p&gt;
&lt;pre&gt;&lt;code&gt;&amp;lt;div class="col-sm-7"&amp;gt;
&amp;lt;p class="input-group"&amp;gt;
&amp;lt;input type="text" class="form-control" id="Ethical_Committee_Approved_Date"                                                
uib-datepicker-popup="{{format}}"
is-open="datePicker.popup1.opened"
ng-model="studyUser.Ethical_Committee_Approved_Date"
datepicker-options="datePicker.dateOptions"
ng-required="true"
onkeydown="return false"
ng-click="datePicker.open1($event)"
readonly
alt-input-formats="altInputFormats"
ng-change="datePicker.changeMinAndMaxDates()"&amp;gt;
&amp;lt;span class="input-group-btn"&amp;gt;
&amp;lt;button type="button" class="btn btn-default" ng-click="datePicker.open1($event)"&amp;gt;
&amp;lt;i class="glyphicon glyphicon-calendar"&amp;gt;&amp;lt;/i&amp;gt;
&amp;lt;/button&amp;gt;
&amp;lt;/span&amp;gt;                                            
&amp;lt;/p&amp;gt;
&amp;lt;span style="color:red" ng-show="addstudy.approvaldate.$invalid &amp;amp;&amp;amp; addstudy.approvaldate.$dirty"&amp;gt;Please Enter the Approval Date&amp;lt;/span&amp;gt;
&amp;lt;/div&amp;gt;
&lt;/code&gt;&lt;/pre&gt;</t>
  </si>
  <si>
    <t>2017-03-07 07:17:21.477000+00:00</t>
  </si>
  <si>
    <t>2017-03-07 08:10:53.130000+00:00</t>
  </si>
  <si>
    <t>RegularExpression for getting the link inside particular tag</t>
  </si>
  <si>
    <t>&lt;pre&gt;&lt;code&gt;some text &amp;lt;a href="https://sample.com"&amp;lt;/a&amp;gt;some text
&amp;lt;p&amp;gt; some text1 &amp;lt;a href="https://example1.com"&amp;lt;/a&amp;gt;&amp;lt;/p&amp;gt;
&amp;lt;p&amp;gt; some text 2&amp;lt;a href="https://example2.com"&amp;lt;/a&amp;gt;&amp;lt;/p&amp;gt;
&amp;lt;p&amp;gt; some text 3&amp;lt;a href="https://example3.com"&amp;lt;/a&amp;gt;&amp;lt;/p&amp;gt;
some text &amp;lt;a href="https://sample.com"&amp;lt;/a&amp;gt;some text
&lt;/code&gt;&lt;/pre&gt;
&lt;p&gt;I have a string like this. I need to get the links inside the &lt;code&gt;&amp;lt;p&amp;gt;&lt;/code&gt; tag only. I need to use a regular expression to parse this string.&lt;/p&gt;</t>
  </si>
  <si>
    <t>2012-02-29 12:36:04.223000+00:00</t>
  </si>
  <si>
    <t>2012-02-29 16:20:12.020000+00:00</t>
  </si>
  <si>
    <t>2012-02-29 12:38:20.347000+00:00</t>
  </si>
  <si>
    <t>Template does not exist - Django</t>
  </si>
  <si>
    <t>&lt;p&gt;I'm trying to create  an &lt;code&gt;index.html&lt;/code&gt; by extending &lt;code&gt;base.html&lt;/code&gt;. The problem is, that &lt;code&gt;Django&lt;/code&gt; says that there is no such template. It can't find it. I've already tried more paths but none of them worked.&lt;/p&gt;
&lt;p&gt;This is my &lt;strong&gt;project structure:&lt;/strong&gt;
&lt;a href="https://i.stack.imgur.com/4KWpv.png" rel="nofollow noreferrer"&gt;&lt;img src="https://i.stack.imgur.com/4KWpv.png" alt="enter image description here"&gt;&lt;/a&gt;&lt;/p&gt;
&lt;p&gt;&lt;strong&gt;Uploading/templates/Uploading/index.html:&lt;/strong&gt;&lt;/p&gt;
&lt;pre&gt;&lt;code&gt;{% extends 'base.html' %}
{% block content %}
    &amp;lt;form action="/process_text/" method="post" enctype="multipart/form-data"&amp;gt;{% csrf_token %}
        {{ lang_drop_down_form }}
        &amp;lt;br&amp;gt;
        {{ text_area_form }}
        {{ file_upload_form }}
        &amp;lt;input align="center" type="submit" value="upload"&amp;gt;
    &amp;lt;/form&amp;gt;
    {% if user.is_authenticated %}
    &amp;lt;p&amp;gt;Hello {{ user.name }}&amp;lt;/p&amp;gt;
    {% endif %}
{% endblock %}
&lt;/code&gt;&lt;/pre&gt;
&lt;p&gt;&lt;strong&gt;uploading/templates/uploading/base.html:&lt;/strong&gt; (jumbotron bootstrap template)&lt;/p&gt;
&lt;pre&gt;&lt;code&gt;.
..
...
    &amp;lt;!-- Main jumbotron for a primary marketing message or call to action --&amp;gt;
    &amp;lt;div class="jumbotron"&amp;gt;
      &amp;lt;div class="container"&amp;gt;
        {% block content %}
        {% endblock %}
      &amp;lt;/div&amp;gt;
    &amp;lt;/div&amp;gt;
...
..
.
&lt;/code&gt;&lt;/pre&gt;
&lt;p&gt;And the exception: &lt;/p&gt;
&lt;pre&gt;&lt;code&gt;TemplateDoesNotExist at /
mysite/uploading/templates/uploading/base.html
Request Method: GET
Request URL:    http://127.0.0.1:8000/
Django Version: 1.8.7
Exception Type: TemplateDoesNotExist
Exception Value:    
mysite/uploading/templates/uploading/base.html
Exception Location: C:\Python27\lib\site-packages\django\template\engine.py in find_template, line 146
Python Executable:  C:\Python27\python.exe
Python Version: 2.7.10
Python Path:    
['C:\\Users\\Milano\\PycharmProjects\\mysite',
 'C:\\Windows\\SYSTEM32\\python27.zip',
 'C:\\Python27\\DLLs',
 'C:\\Python27\\lib',
 'C:\\Python27\\lib\\plat-win',
 'C:\\Python27\\lib\\lib-tk',
 'C:\\Python27',
 'C:\\Python27\\lib\\site-packages',
 'C:\\Python27\\lib\\site-packages\\win32',
 'C:\\Python27\\lib\\site-packages\\win32\\lib',
 'C:\\Python27\\lib\\site-packages\\Pythonwin']
Server time:    Sun, 20 Dec 2015 15:08:11 +0100
&lt;/code&gt;&lt;/pre&gt;
&lt;p&gt;Do you know what to do?&lt;/p&gt;</t>
  </si>
  <si>
    <t>2015-12-20 14:09:17.927000+00:00</t>
  </si>
  <si>
    <t>2015-12-20 14:54:46.760000+00:00</t>
  </si>
  <si>
    <t>python|django|templates|path</t>
  </si>
  <si>
    <t>How to group items from database and display them - Android</t>
  </si>
  <si>
    <t>&lt;p&gt;I have receipt and logs model in android app. Receipt hasMany logs. &lt;/p&gt;
&lt;p&gt;I made query for group_by logs by sortID and grade. &lt;/p&gt;
&lt;pre&gt;&lt;code&gt;//recieve RecepitID and query to group logs
final long forwardedId = (long) getIntent().getExtras().get(String.valueOf("recepitID"));
List&amp;lt;Logs&amp;gt; logsList = new Select().from(Logs.class).where("Receipt = " + forwardedId).groupBy("SortID, Grade").execute();
&lt;/code&gt;&lt;/pre&gt;
&lt;p&gt;This grouping works fine. Problem is next. I need to have output like this (part in red circle): 
&lt;a href="https://i.stack.imgur.com/l0Y8T.png" rel="nofollow noreferrer"&gt;&lt;img src="https://i.stack.imgur.com/l0Y8T.png" alt="enter image description here"&gt;&lt;/a&gt;
but I get it like this:&lt;/p&gt;
&lt;p&gt;&lt;a href="https://i.stack.imgur.com/d0OzX.png" rel="nofollow noreferrer"&gt;&lt;img src="https://i.stack.imgur.com/d0OzX.png" alt="enter image description here"&gt;&lt;/a&gt;&lt;/p&gt;
&lt;p&gt;And this is part of code how I done this.&lt;/p&gt;
&lt;pre&gt;&lt;code&gt;public class LogsRecapitulation extends AppCompatActivity {
    private ListView mainListView;
    private BaseAdapter listAdapter;
    private TextView logsCount;
    @Override
    protected void onCreate(Bundle savedInstanceState) {
        super.onCreate(savedInstanceState);
        setContentView(R.layout.recapitulation_listview);
        mainListView = (ListView) findViewById(R.id.ListViewItem);
        //recieve RecepitID and query to group logs
        final long forwardedId = (long) getIntent().getExtras().get(String.valueOf("recepitID"));
        List&amp;lt;Logs&amp;gt; logsList = new Select().from(Logs.class).where("Receipt = " + forwardedId).groupBy("SortID, Grade").execute();
        TextView result = (TextView) findViewById(R.id.LogMassResult);
        double sum = 0.0;
        for (int i = 0; i &amp;lt; logsList.size(); i++) {
            sum += logsList.get(i).getM3();
        }
        result.setText(String.format("%.2f m3", sum));
        for (int i = 0; i &amp;lt; logsList.size(); i++) {
            if (logsList.get(i).receipt.priceType.equals("Na panju")) {
                TextView stumpPriceKN = (TextView) findViewById(R.id.sumPriceKN);
                double sumPricekn = 0.0;
                for (int j = 0; j &amp;lt; logsList.size(); j++) {
                    sumPricekn += logsList.get(j).price.stumpPrice_kn * logsList.get(j).getM3();
                }
                stumpPriceKN.setText(String.format("%.2f KN", sumPricekn));
            } else {
                TextView roadKN = (TextView) findViewById(R.id.sumPriceKN);
                double roadPrKn = 0.0;
                for (int j = 0; j &amp;lt; logsList.size(); j++) {
                    roadPrKn += logsList.get(j).price.roadPrice_kn * logsList.get(j).getM3();
                }
                roadKN.setText(String.format("%.2f KN", roadPrKn));
            }
        }
        for (int i = 0; i &amp;lt; logsList.size(); i++) {
            if (logsList.get(i).receipt.priceCorrection &amp;gt; 0 &amp;amp;&amp;amp; logsList.get(i).receipt.priceType.equals("Na panju")) {
                TextView corecctionPriceKn = (TextView) findViewById(R.id.correctionPriceKN);
                double correcSumKN = 0.0;
                for (int j = 0; j &amp;lt; logsList.size(); j++) {
                    correcSumKN += (logsList.get(j).price.stumpPrice_kn * logsList.get(j).getM3()) + ((logsList.get(j).price.stumpPrice_kn * logsList.get(j).getM3()) * logsList.get(j).receipt.priceCorrection / 100);
                }
                corecctionPriceKn.setText(String.format("%.2f KN", correcSumKN));
            } else if (logsList.get(i).receipt.priceCorrection &amp;gt; 0 &amp;amp;&amp;amp; logsList.get(i).receipt.priceType.equals("��umska cesta")) {
                TextView corecctionPriceKn = (TextView) findViewById(R.id.correctionPriceKN);
                double correcSumKN = 0.0;
                for (int j = 0; j &amp;lt; logsList.size(); j++) {
                    correcSumKN += (logsList.get(j).price.roadPrice_kn * logsList.get(j).getM3()) + ((logsList.get(j).price.roadPrice_kn * logsList.get(j).getM3()) * logsList.get(j).receipt.priceCorrection / 100);
                }
                corecctionPriceKn.setText(String.format("%.2f KN", correcSumKN));
            } else {
                TextView priceHolder = (TextView) findViewById(R.id.KorekcijaCijene);
                TextView corecctionPriceKn = (TextView) findViewById(R.id.correctionPriceKN);
                priceHolder.setText("");
                corecctionPriceKn.setText("");
            }
        }
        listAdapter = new RecapitulationArrayAdapter(logsList);
        mainListView.setAdapter(listAdapter);
        //display logs count
        logsCount = (TextView) findViewById(R.id.logsCount);
        logsCount.setText(String.valueOf(logsList.size()));
    }
    private class RecapitulationArrayAdapter extends BaseAdapter {
        private LayoutInflater inflater;
        private List&amp;lt;Logs&amp;gt; logsList;
        public RecapitulationArrayAdapter(List&amp;lt;Logs&amp;gt; logsList) {
            inflater = LayoutInflater.from(LogsRecapitulation.this);
            this.logsList = logsList;
        }
        @Override
        public int getCount() {
            return logsList.size();
        }
        @Override
        public Object getItem(int position) {
            return logsList.get(position);
        }
        @Override
        public long getItemId(int position) {
            return logsList.get(position).getId();
        }
        @Override
        public View getView(int position, View convertView, ViewGroup parent) {
            if (convertView == null) {
                convertView = inflater.inflate(R.layout.logs_recapitulation, parent, false);
            }
            Logs log = logsList.get(position);
            ((TextView) convertView.findViewById(R.id.rec_log_sort)).setText(log.sort_id);
            ((TextView) convertView.findViewById(R.id.rec_log_class)).setText(log.grade);
            ((TextView) convertView.findViewById(R.id.rec_log_count)).setText(String.valueOf(logsList.size()));
            ((TextView) convertView.findViewById(R.id.rec_logs_mass)).setText(String.format("%.2f m3", log.getM3()));
            if (log.receipt.priceType.equals("Na panju")) {
                ((TextView) convertView.findViewById(R.id.rec_log_price_default)).setText(String.valueOf(log.price.stumpPrice_kn));
            } else {
                ((TextView) convertView.findViewById(R.id.rec_log_price_default)).setText(String.valueOf(log.price.roadPrice_kn));
            }
            if (log.receipt.priceType.equals("Na panju")) {
                ((TextView) convertView.findViewById(R.id.rec_calculated_price)).setText(String.format("%.2f KN", log.price.stumpPrice_kn * log.getM3()));
            } else {
                ((TextView) convertView.findViewById(R.id.rec_calculated_price)).setText(String.format("%.2f KN", log.price.roadPrice_kn * log.getM3()));
            }
            return convertView;
        }
    }
}
&lt;/code&gt;&lt;/pre&gt;
&lt;p&gt;I'm using ActiveAndroid and displaying this in listview.&lt;/p&gt;
&lt;p&gt;&lt;strong&gt;&lt;em&gt;PROBLEM is with displaying these grouped items. I���m displaying them in BaseAdapter listView and it shows me only one item per group but it needs to show me multiple items (because it has more than 4 items in each group).&lt;/em&gt;&lt;/strong&gt;&lt;/p&gt;
&lt;p&gt;&lt;strong&gt;Can anyone give me advice what should I do to get output like on first image?&lt;/strong&gt; &lt;/p&gt;</t>
  </si>
  <si>
    <t>2016-05-30 15:51:06.647000+00:00</t>
  </si>
  <si>
    <t>2016-07-17 17:44:47.650000+00:00</t>
  </si>
  <si>
    <t>2016-06-14 13:34:35.380000+00:00</t>
  </si>
  <si>
    <t>java|android|android-layout|qsqlquery</t>
  </si>
  <si>
    <t>OpenGL MODELVIEW rotations manually</t>
  </si>
  <si>
    <t>&lt;p&gt;For my graphics class, our professor wants us to keep track of our current matrix on our own and apply rotations/translations/scaling matrices to it then load it using glMatrixMode(GL_MODELVIEW) and glLoadMatrix(current_matrix). All of this seems fine, but when I actually use it, I keep having an issue:&lt;/p&gt;
&lt;p&gt;if I apply a rotation to something, it'll rotate properly, but if I try to rotate the world view around the y-axis, each object will only rotate around their y-axis.&lt;/p&gt;
&lt;p&gt;If this was the original image: &lt;a href="http://www.glowfoto.com/static_image/17-104501L/1324/jpg/10/2010/img5/glowfoto" rel="nofollow"&gt;http://www.glowfoto.com/static_image/17-104501L/1324/jpg/10/2010/img5/glowfoto&lt;/a&gt;&lt;/p&gt;
&lt;p&gt;This is what I get: Link in comment&lt;/p&gt;
&lt;p&gt;This is what I want to get: Link in comment&lt;/p&gt;
&lt;p&gt;What I do is, make a copy of my current_matrix. Apply a rotation to the current_matrix (multiply it). Then call glMatrixMode(GL_MODELVIEW) and glLoadMatrix(transformed_matrix). Draw something. Then copy the old matrix back into the current_matrix. Then call glMatrixMode(GL_MODELVIEW) and glLoadMatrix(current_matrix). Any help would be wonderful!&lt;/p&gt;
&lt;p&gt;P.S. the point of the assignment is to not use glRotate glScale and other commands.&lt;/p&gt;</t>
  </si>
  <si>
    <t>2010-10-17 18:20:32.187000+00:00</t>
  </si>
  <si>
    <t>2010-10-18 17:28:28.037000+00:00</t>
  </si>
  <si>
    <t>2010-10-18 17:04:51.103000+00:00</t>
  </si>
  <si>
    <t>opengl|graphics|matrix|rotation</t>
  </si>
  <si>
    <t>Coupling in OO design</t>
  </si>
  <si>
    <t>&lt;p&gt;I have two objects. A Meeting object and an Action object (action raised in a meeting). An Action can also exist independent of a Meeting. I have two ways of linking the Action raised to the Meeting:&lt;/p&gt;
&lt;ol&gt;
&lt;li&gt;have a method on Meeting where I
pass in the Action object such as
"addToMeeting(Action action)".
WIthin the internals of Meeting
I then link the action to the
meeting. For this approach though the
Meeting object needs to know about
and use the methods on the Action
object so becomes coupled. &lt;/li&gt;
&lt;li&gt;have a method on Meeting where I just pass
the action number to be linked such
as "addToMeeting(int actionID)".
Great now Meeting object does not
need to know anything about Action
but......now the code adding the
action to the meeting needs to know
how to get the action ID so has
turned from this
"meeting.addToMeeting(action)" to
this
"meeting.addToMeeting(action.getID())".&lt;/li&gt;
&lt;/ol&gt;
&lt;p&gt;For good OO design, which approach should be used? Or is there a third way.... &lt;/p&gt;</t>
  </si>
  <si>
    <t>2010-12-27 16:17:07.760000+00:00</t>
  </si>
  <si>
    <t>2013-01-30 15:37:08.827000+00:00</t>
  </si>
  <si>
    <t>coupling|oop</t>
  </si>
  <si>
    <t>OCaml: Function input ('a * 'b -&gt; 'c)</t>
  </si>
  <si>
    <t>&lt;pre&gt;&lt;code&gt;let rec 
map2 (f : 'a * 'b -&amp;gt; 'c) (l1 : 'a list) (l2 : 'b list) : 'c list =
  match (l1,l2) with
    | ([], []) -&amp;gt; []
    | (x::l1),(y::l2) -&amp;gt; f (x, y)::(map2 f (l1, l2))
&lt;/code&gt;&lt;/pre&gt;
&lt;p&gt;It is returning:&lt;/p&gt;
&lt;pre&gt;&lt;code&gt;Error: This expression has type 'a list * 'a list
   but an expression was expected of type 'a list
&lt;/code&gt;&lt;/pre&gt;
&lt;p&gt;What am I doing wrong here??&lt;/p&gt;</t>
  </si>
  <si>
    <t>2011-04-14 06:04:20.807000+00:00</t>
  </si>
  <si>
    <t>2011-04-14 06:36:56.837000+00:00</t>
  </si>
  <si>
    <t>2011-04-14 06:13:17.503000+00:00</t>
  </si>
  <si>
    <t>function|ocaml</t>
  </si>
  <si>
    <t>Content hide/show design tweak</t>
  </si>
  <si>
    <t>&lt;p&gt;I have simply hidden the content of a wordpress homepage at first and shown upon click to button. But when the content is shown design gets messy by widening the divs. Please have look at website - &lt;a href="http://iamicongroup.com" rel="nofollow noreferrer"&gt;iamicongroup.com&lt;/a&gt;&lt;/p&gt;
&lt;pre&gt;&lt;code&gt;if (! sessionStorage.firstVisit) {
// hide the element
$("#content").hide();
// check this flag for escaping this if block next time
sessionStorage.firstVisit = "1";
}
$(".roll-button").click(function(){
$("#content").show();
});
&lt;/code&gt;&lt;/pre&gt;</t>
  </si>
  <si>
    <t>2018-08-07 03:26:44.130000+00:00</t>
  </si>
  <si>
    <t>2018-11-05 21:01:18.980000+00:00</t>
  </si>
  <si>
    <t>javascript|jquery|css|wordpress</t>
  </si>
  <si>
    <t>Firefox background-attachment: fixed Nightmare</t>
  </si>
  <si>
    <t>&lt;p&gt;I have been pulling my hair out on this one all day, and I'm hoping someone smarter than me can figure it out.&lt;/p&gt;
&lt;p&gt;I'm working on a new design for my site, and I've run into what appears to be a Firefox bug. I am using background-attachment: fixed for a gradient on the &lt;code&gt;&amp;lt;body&amp;gt;&lt;/code&gt; element and then I have a full width &lt;code&gt;&amp;lt;div&amp;gt;&lt;/code&gt; with another background image at the top of the page. Only in Firefox, there is a small white border at the top of the page and on either side of the &lt;code&gt;&amp;lt;div&amp;gt;&lt;/code&gt; background.&lt;/p&gt;
&lt;p&gt;I've tried at least a half-dozen different ways of coding the HTML and CSS, and they all produce the same results. Also, the white gap doesn't appear to be there in earlier versions of Firefox (I noticed it in version 6). I even did a clean reinstall of Firefox without any add-ons, and I'm still seeing it. Any ideas on what's causing this? Is my code wrong in some way?&lt;/p&gt;
&lt;p&gt;See simplified test case here: &lt;a href="http://mygemologist.com/bg-fixed-test.html" rel="nofollow noreferrer"&gt;http://mygemologist.com/bg-fixed-test.html&lt;/a&gt;&lt;/p&gt;
&lt;p&gt;Note: This question may be related to: &lt;a href="https://stackoverflow.com/questions/7310518/crazy-css-issue-in-firefox-only-position-fixed-and-background-color"&gt;Crazy CSS Issue in Firefox Only - position fixed and background color&lt;/a&gt;, but I'm not sure on that.&lt;/p&gt;</t>
  </si>
  <si>
    <t>2011-09-07 02:04:04.037000+00:00</t>
  </si>
  <si>
    <t>2011-11-30 13:33:44.333000+00:00</t>
  </si>
  <si>
    <t>2017-05-23 12:29:09.130000+00:00</t>
  </si>
  <si>
    <t>html|css|firefox</t>
  </si>
  <si>
    <t>Column not found: 1054 Unknown column '0' in field list</t>
  </si>
  <si>
    <t>&lt;p&gt;i have 3 forms in one page using &lt;code&gt;ajax&lt;/code&gt; for them. Edit form is getting error as below. I dont know why i am getting this error. &lt;strong&gt;I am beginner&lt;/strong&gt;.
error while submitting form:&lt;/p&gt;
&lt;blockquote&gt;
  &lt;p&gt;"SQLSTATE[42S22]: Column not found: 1054 Unknown column '0' in 'field list' (SQL: update &lt;code&gt;user_profiles&lt;/code&gt; set &lt;code&gt;0&lt;/code&gt; = , &lt;code&gt;updated_at&lt;/code&gt; = 2018-08-18 10:25:43 where &lt;code&gt;id&lt;/code&gt; = 1)"&lt;/p&gt;
&lt;/blockquote&gt;
&lt;p&gt;&lt;strong&gt;This is my edit button code:&lt;/strong&gt;&lt;/p&gt;
&lt;p&gt;&lt;div class="snippet" data-lang="js" data-hide="false" data-console="true" data-babel="false"&gt;_x000D_
&lt;div class="snippet-code"&gt;_x000D_
&lt;pre class="snippet-code-html lang-html prettyprint-override"&gt;&lt;code&gt;&amp;lt;a class="btn btn-primary" href="javascript:void(0);" onclick="editExchangeMarket({{$user_profiles-&amp;gt;id}});"&amp;gt;_x000D_
    &amp;lt;span class="glyphicon glyphicon-edit"&amp;gt;&amp;lt;/span&amp;gt; Edit_x000D_
&amp;lt;/a&amp;gt;&lt;/code&gt;&lt;/pre&gt;_x000D_
&lt;/div&gt;_x000D_
&lt;/div&gt;_x000D_
&lt;/p&gt;
&lt;p&gt;This is my modal and ajax code:&lt;/p&gt;
&lt;p&gt;&lt;div class="snippet" data-lang="js" data-hide="false" data-console="true" data-babel="false"&gt;_x000D_
&lt;div class="snippet-code"&gt;_x000D_
&lt;pre class="snippet-code-js lang-js prettyprint-override"&gt;&lt;code&gt;&amp;lt;script&amp;gt;_x000D_
        function updateExchangeMarket() {_x000D_
            var edit_fid = $('#edit_fid').val();_x000D_
            var edit_charge_per_lot = $('#edit_charge_per_lot').val();_x000D_
            $('#exchangeMarketModal').modal('show');_x000D_
            //   alert(values);_x000D_
            $.ajax({_x000D_
                headers: {'X-CSRF-TOKEN': $('meta[name="csrf-token"]').attr('content') },_x000D_
                url: "{{URL::to('user/updateExchangeMarket')}}",_x000D_
                data:{'id' : edit_fid, 'edit_charge_per_lot':edit_charge_per_lot},_x000D_
                method:'POST',_x000D_
                success: function( resp ) {_x000D_
                    },_x000D_
                error: function( req, status, err ) {_x000D_
                console.log( 'something went wrong', status, err );_x000D_
                    }_x000D_
            });_x000D_
_x000D_
        }_x000D_
&amp;lt;/script&amp;gt;&lt;/code&gt;&lt;/pre&gt;_x000D_
&lt;pre class="snippet-code-html lang-html prettyprint-override"&gt;&lt;code&gt;&amp;lt;div id="exchangeMarketModal" class="modal fade" role="dialog"&amp;gt;_x000D_
    &amp;lt;div class="modal-dialog"&amp;gt;_x000D_
        &amp;lt;!-- Modal content--&amp;gt;_x000D_
        &amp;lt;div class="modal-content"&amp;gt;_x000D_
            &amp;lt;div class="modal-header"&amp;gt;_x000D_
                &amp;lt;button type="button" class="close" data-dismiss="modal"&amp;gt;&amp;amp;times;&amp;lt;/button&amp;gt;_x000D_
                &amp;lt;h4 class="modal-title"&amp;gt;Modal Header&amp;lt;/h4&amp;gt;_x000D_
            &amp;lt;/div&amp;gt;_x000D_
            &amp;lt;div class="modal-body"&amp;gt;_x000D_
                &amp;lt;form id="exchangeMarketForm" name="exchangeMarketForm" &amp;gt;_x000D_
                    &amp;lt;input type="hidden" class="form-control" id="edit_fid" value="1"&amp;gt;_x000D_
_x000D_
                    &amp;lt;div class="col-md-6 mb-3 form-group"&amp;gt;_x000D_
                        chargeperlot: &amp;lt;input type="text" name="edit_charge_per_lot" id="edit_charge_per_lot" class="form-control"&amp;gt;&amp;lt;br&amp;gt;_x000D_
                    &amp;lt;/div&amp;gt;_x000D_
               _x000D_
                &amp;lt;/form&amp;gt;_x000D_
            &amp;lt;/div&amp;gt;_x000D_
            &amp;lt;div class="modal-footer"&amp;gt;_x000D_
_x000D_
                &amp;lt;a type="submit" href="javascript:void(1);" onclick="updateExchangeMarket({{$user_profiles-&amp;gt;id}});" value="Submit" class="btn btn-primary"&amp;gt;Save changes&amp;lt;/a&amp;gt;_x000D_
                &amp;lt;button type="button" class="btn btn-default" data-dismiss="modal"&amp;gt;Close&amp;lt;/button&amp;gt;_x000D_
            &amp;lt;/div&amp;gt;_x000D_
        &amp;lt;/div&amp;gt;_x000D_
_x000D_
    &amp;lt;/div&amp;gt;_x000D_
&amp;lt;/div&amp;gt;&lt;/code&gt;&lt;/pre&gt;_x000D_
&lt;/div&gt;_x000D_
&lt;/div&gt;_x000D_
&lt;/p&gt;
&lt;p&gt;Now i am adding here my controller code:&lt;/p&gt;
&lt;pre&gt;&lt;code&gt;        public function updateExchangeMarket(Request $request)
    {
        $id = $request-&amp;gt;id;    
        $charge_per_lot = $request-&amp;gt;edit_charge_per_lot;
        $data = array('country_id'=&amp;gt;$country_id,
            'id'=&amp;gt;$id,
            'charge_per_lot'=&amp;gt;$charge_per_lot,
        );
        $res = UserProfile::where('id',$id)-&amp;gt;update([$data]);
        echo json_encode($res);
    }
&lt;/code&gt;&lt;/pre&gt;</t>
  </si>
  <si>
    <t>2018-08-18 10:40:45.683000+00:00</t>
  </si>
  <si>
    <t>2018-08-18 11:21:59.717000+00:00</t>
  </si>
  <si>
    <t>html|laravel|laravel-5</t>
  </si>
  <si>
    <t>How to intercepts requests using Burp Suite on 3G network</t>
  </si>
  <si>
    <t>&lt;p&gt;Does anybody know how to intercepts requests using 3 G network on Burp Suite. Right now we are&lt;/p&gt;
&lt;p&gt;intercepting requesting using wifi. But one of my client ask this question, is it possible to &lt;/p&gt;
&lt;p&gt;intercepts requests using 3G sim. &lt;/p&gt;
&lt;p&gt;Thanks in advance. &lt;/p&gt;</t>
  </si>
  <si>
    <t>2014-05-13 10:11:42.827000+00:00</t>
  </si>
  <si>
    <t>2014-05-13 11:00:23.463000+00:00</t>
  </si>
  <si>
    <t>intercept</t>
  </si>
  <si>
    <t>Getting Images from an iTunes Podcast XML feed</t>
  </si>
  <si>
    <t>&lt;p&gt;I'm just finalising an iOS app made in Appcelerator at the moment and need it to pull in images from an iTunes podcast XML feed.&lt;/p&gt;
&lt;p&gt;This is the part I need to extract.&lt;/p&gt;
&lt;pre&gt;&lt;code&gt;&amp;lt;media:content url="http://linktomyimage.com/image.jpg" medium="image"&amp;gt;
&amp;lt;media:title type="html"&amp;gt;Media Title Example&amp;lt;/media:title&amp;gt;
&amp;lt;/media:content&amp;gt;
&lt;/code&gt;&lt;/pre&gt;
&lt;p&gt;I need to get the "url" from the media:content node.&lt;/p&gt;
&lt;p&gt;This is what I'm trying to use, but it doesn't work (podcastImage is my variable).&lt;/p&gt;
&lt;pre&gt;&lt;code&gt;var doc = this.responseXML.documentElement;
            var items = doc.getElementsByTagName("item");
            var x = 0;
            var doctitle = doc.evaluate("//channel/title/text()").item(0).nodeValue;
            for (var c = 0; c &amp;lt; items.length; c++) {
                var item = items.item(c);
                var podcasts = item.getElementsByTagName("title");
                if (podcasts &amp;amp;&amp;amp; podcasts.length &amp;gt; 0) {
                    var media = podcasts.item(0).getAttribute("url");
                    var title = item.getElementsByTagName("title").item(0).text;
                    var description = item.getElementsByTagName("content:encoded").item(0).text;
                    var podcastURL = item.getElementsByTagName("enclosure").item(0).getAttribute("url");
                    var publishDate = item.getElementsByTagName("pubDate").item(0).text;
                    var podcastImage = item.getElementsByTagName("media:content").item(0).getAttribute("url");
&lt;/code&gt;&lt;/pre&gt;
&lt;p&gt;Any ideas?
Simon&lt;/p&gt;</t>
  </si>
  <si>
    <t>2014-10-28 18:37:47.890000+00:00</t>
  </si>
  <si>
    <t>2015-01-20 03:14:43.470000+00:00</t>
  </si>
  <si>
    <t>javascript|xml|rss|feed|appcelerator</t>
  </si>
  <si>
    <t>How can I display data obtained with a service in an Activity?</t>
  </si>
  <si>
    <t>&lt;p&gt;I have a service that downloads some data from the web but when I try to pass it to an activity to have it shown to the user I receive the following error:&lt;/p&gt;
&lt;p&gt;E/JavaBinder: !!! FAILED BINDER TRANSACTION !!!&lt;/p&gt;
&lt;pre&gt;&lt;code&gt;// This gets populated in the server based on information from a server.
byte[] downloadedData; 
// Instantiated downloadedData from server connection, code removed for brevity. 
// Try to start activity with downloaded data.
Intent i = new Intent(this, MainActivity.class);
i.putExtra("DATA", downloadedData);
i.addFlags(Intent.FLAG_ACTIVITY_NEW_TASK);
startActivity(i);
&lt;/code&gt;&lt;/pre&gt;</t>
  </si>
  <si>
    <t>2017-04-09 18:55:26.737000+00:00</t>
  </si>
  <si>
    <t>2017-04-14 10:45:39.260000+00:00</t>
  </si>
  <si>
    <t>java|android|android-activity|android-service</t>
  </si>
  <si>
    <t>Getting mcrypt_encrypt(): Key of size 51 not supported by this algorithm. Only keys of sizes 16, 24 or 32 supported</t>
  </si>
  <si>
    <t>&lt;p&gt;I have a laravel 5.0 app running in my office. It was developed by someone else. Suddenly sometimes it started to give me the following Error.&lt;/p&gt;
&lt;pre&gt;&lt;code&gt;mcrypt_encrypt(): Key of size 51 not supported by this algorithm. Only keys of sizes 16, 24 or 32 supported
&lt;/code&gt;&lt;/pre&gt;
&lt;p&gt;In my .env file i have the following APP KEY:&lt;/p&gt;
&lt;pre&gt;&lt;code&gt;APP_KEY=VCkUaWOvNSZc4ZB2A03qUscJ37vkCCvJ
&lt;/code&gt;&lt;/pre&gt;
&lt;p&gt;As far as i know this error occurs when your app key is not 16,24 or 32 charecter length. My app key is 32 charecter length. So it should not show this error.&lt;/p&gt;
&lt;p&gt;To solve this I tried resetting the app key by running:&lt;/p&gt;
&lt;pre&gt;&lt;code&gt;php artisan key:generate
&lt;/code&gt;&lt;/pre&gt;
&lt;p&gt;As the problem was not fixed i changed the key in app.php with the following line:&lt;/p&gt;
&lt;pre&gt;&lt;code&gt;'key' =&amp;gt; env('APP_KEY', 'y6a1orkvfhQ7Sr3e1SZnPdFUpmP6Abfi'),
&lt;/code&gt;&lt;/pre&gt;
&lt;p&gt;Even that did not solve the problem. Why i am still getting the error even if my key is 32 character  &lt;/p&gt;</t>
  </si>
  <si>
    <t>2018-08-05 09:59:27.990000+00:00</t>
  </si>
  <si>
    <t>2018-08-05 10:17:36.467000+00:00</t>
  </si>
  <si>
    <t>php|laravel|mcrypt</t>
  </si>
  <si>
    <t>NSRunLoop blocks incoming data</t>
  </si>
  <si>
    <t>&lt;p&gt;&lt;br/&gt;
&lt;br/&gt;
I try to use the Bluetooth communication synchronously. I send the data to the BTLE device and wait for the response to continue in the same method unless a timeout occurs.
&lt;br/&gt;
I wanted to use NSRUNLOOP for the wait. However, I have the problem that only when the loop is completed, the data received in the meantime can be processed. So the loop seems to block the processing of the data.
&lt;br/&gt;
The data is sent in a separate thread
&lt;br/&gt;&lt;/p&gt;
&lt;pre class="lang-cs prettyprint-override"&gt;&lt;code&gt;... create command data
if (![self sendCommand:nd_commandData timeOutMesc:ui_timeOutMSec command:ui_command error:error])
{
    // Timeout
    return false;
}
... continue working with the received data
&lt;/code&gt;&lt;/pre&gt;
&lt;p&gt;sending method with timeout:
&lt;/p&gt;
&lt;pre&gt;&lt;code&gt;-(BOOL)sendCommand:(NSData *)nd_sendData timeOutMesc:(uint)ui_timeOutMSec command:(UInt16)ui_command
{
  b_exitConditionSleep = false;
  b_timeOutOccurred = false;
  self.ni_totalResponseLength = 0;
  self.ni_expectedResponseLength = 0;
  // Clear buffer
  memset(&amp;amp;uia_receivedDataBytes[0], 0x00, sizeof(uia_receivedDataBytes));
  [[BTLE_Communicator sharedInstance] setDelegate:self];
// send data
  [[BTLE_Communicator sharedInstance] sendDataFromAppToBLEDevice:nd_sendData];
  BOOL b_rechTimeOut = true;
  NSDate *start = [NSDate date];
  NSTimeInterval timeInterval;
  uint ui_differenz;
  NSDate *loopUntil = [NSDate dateWithTimeIntervalSinceNow:0.01];
  while (!b_exitConditionSleep &amp;amp;&amp;amp; [[NSRunLoop currentRunLoop] runMode: NSDefaultRunLoopMode beforeDate:loopUntil])
  {
    loopUntil = [NSDate dateWithTimeIntervalSinceNow:0.01];
    timeInterval = [start timeIntervalSinceNow] * -1;
    ui_differenz = round(timeInterval * 1000);
    if (ui_differenz &amp;gt;= ui_timeOutMSec) {
        NSLog(@"Command: 0x%hX - Timeout reached: %u", ui_command, ui_differenz);
        b_rechTimeOut = false;
        b_timeOutOccurred = true;
        break;
    }
  }
  return b_rechTimeOut;
}
&lt;/code&gt;&lt;/pre&gt;
&lt;p&gt;receiving method:
&lt;/p&gt;
&lt;pre&gt;&lt;code&gt;-(void)communicatorPeripheralDidReceiveResponseUARTData:(NSData *)nd_data
{
  NSLog(@"ResponseUARTData %@", nd_data);
  if (!b_timeOutOccurred)
  {
    b_exitConditionSleep = true;
    [self processResponseData:nd_data];
  }
}
&lt;/code&gt;&lt;/pre&gt;
&lt;p&gt;&lt;br/&gt;
Maybe someone has an indication of what I'm doing wrong.
&lt;br/&gt;&lt;/p&gt;</t>
  </si>
  <si>
    <t>2018-03-29 13:55:27.847000+00:00</t>
  </si>
  <si>
    <t>2018-03-29 19:41:03.457000+00:00</t>
  </si>
  <si>
    <t>ios|objective-c|core-bluetooth|nsrunloop</t>
  </si>
  <si>
    <t>Display pdf file from absolute path</t>
  </si>
  <si>
    <t>&lt;p&gt;I am using this code for creating pdf viewer in my application
&lt;a href="https://amitpatriwala.wordpress.com/2009/08/28/pdf-viewer-in-asp-net/" rel="nofollow"&gt;https://amitpatriwala.wordpress.com/2009/08/28/pdf-viewer-in-asp-net/&lt;/a&gt;&lt;/p&gt;
&lt;p&gt;it works fine when I give it a path for a file inside my application folders, ex: &lt;code&gt;displaypdf1.FilePath= @"~/MyFolder/" + Hello.pdf;&lt;/code&gt;&lt;/p&gt;
&lt;p&gt;but now I want to give this &lt;code&gt;displaypdf1.FilePath&lt;/code&gt; an absolute path to read the pdf file which is not in my application folders, I tried but it didn't work!&lt;/p&gt;</t>
  </si>
  <si>
    <t>2015-06-01 19:01:09.470000+00:00</t>
  </si>
  <si>
    <t>2015-06-01 19:15:08.020000+00:00</t>
  </si>
  <si>
    <t>c#|asp.net|pdf|pdfviewer</t>
  </si>
  <si>
    <t>Operator overload which permits capturing with rvalue but not assigning to</t>
  </si>
  <si>
    <t>&lt;p&gt;Is it possible to design and how should I make overloaded &lt;code&gt;operator+&lt;/code&gt; for my class &lt;code&gt;C&lt;/code&gt; to have this possible:&lt;/p&gt;
&lt;pre&gt;&lt;code&gt;C&amp;amp;&amp;amp; c = c1 + c2;
&lt;/code&gt;&lt;/pre&gt;
&lt;p&gt;but this not possible:&lt;/p&gt;
&lt;pre&gt;&lt;code&gt;c1 + c2 = something;
&lt;/code&gt;&lt;/pre&gt;
&lt;p&gt;Edit:
I changed objects to small letters. &lt;code&gt;c1&lt;/code&gt;, &lt;code&gt;c2&lt;/code&gt; and &lt;code&gt;c&lt;/code&gt; are objects of class &lt;code&gt;C&lt;/code&gt;. &lt;code&gt;&amp;amp;&amp;amp;&lt;/code&gt; is not the logical &lt;code&gt;operator&amp;amp;&amp;amp;&lt;/code&gt;, but rather an rvalue reference.&lt;/p&gt;
&lt;p&gt;For example writing:&lt;/p&gt;
&lt;pre&gt;&lt;code&gt;double&amp;amp;&amp;amp; d = 1.0 + 2.0;
&lt;/code&gt;&lt;/pre&gt;
&lt;p&gt;is 100% proper (new) C++ code, while&lt;/p&gt;
&lt;pre&gt;&lt;code&gt;1.0 + 2.0 = 4.0;
&lt;/code&gt;&lt;/pre&gt;
&lt;p&gt;is obviously a compiler error. I want &lt;em&gt;exactly&lt;/em&gt; the same, but instead for double, for my class &lt;code&gt;C&lt;/code&gt;.&lt;/p&gt;
&lt;p&gt;&lt;strong&gt;Second edit:&lt;/strong&gt;
If my operator returns C or C&amp;amp;, I can have assignment to rvalue reference, but also assignment to c1 + c2, which is senseless. Giving const here disables it, however it disables assignment to rvalue too. At least on VC++ 2k10. So how double does this?&lt;/p&gt;</t>
  </si>
  <si>
    <t>2011-05-04 22:01:19.383000+00:00</t>
  </si>
  <si>
    <t>2012-01-31 23:08:05.377000+00:00</t>
  </si>
  <si>
    <t>c++|operator-overloading|c++11|rvalue-reference</t>
  </si>
  <si>
    <t>NSURLConnection posting large video data failing in iphone 3gs</t>
  </si>
  <si>
    <t>&lt;p&gt;I am trying to upload large video file using nsurconnection in iphone 3gs.But its failing.The app crashes without any logs.The same code is working fine in iphone4. I would like to know if this is some memory limitation issue. The 3gs is uploading small videos with same code. It only fails for large size videos&lt;/p&gt;
&lt;p&gt;here is the code i used:&lt;/p&gt;
&lt;pre&gt;&lt;code&gt;NSMutableURLRequest *request=[[NSMutableURLRequest alloc]
                                              initWithURL:[NSURL URLWithString: urlString]
                                              cachePolicy:NSURLRequestUseProtocolCachePolicy
                                              timeoutInterval:6000.0];
            [request setHTTPMethod:@"POST"];
            [request setValue:postLength forHTTPHeaderField:@"Content-Length"];
            [request setValue:@"application/x-www-form-urlencoded; boundary=AaB03x" forHTTPHeaderField:@"Content-Type"];
            NSLog(@"VideoPathD:%@",videoPathUrl);
            NSError *error;
            [request setHTTPBody: [NSData dataWithContentsOfURL:videoPathUrl options:0 error:&amp;amp;error]];
            [NSURLConnection connectionWithRequest:request delegate:self];
&lt;/code&gt;&lt;/pre&gt;</t>
  </si>
  <si>
    <t>2012-10-16 12:57:04.180000+00:00</t>
  </si>
  <si>
    <t>2012-10-16 15:56:22.187000+00:00</t>
  </si>
  <si>
    <t>2012-10-16 12:59:57.140000+00:00</t>
  </si>
  <si>
    <t>nsurlconnection|iphone-3gs</t>
  </si>
  <si>
    <t>Image is not displaying for simple-captcha in Grails</t>
  </si>
  <si>
    <t>&lt;p&gt;The image is not displaying for Grails &lt;a href="https://grails.org/plugin/simple-captcha" rel="nofollow"&gt;&lt;code&gt;simple-captcha&lt;/code&gt;&lt;/a&gt; plugin.
While printing params.captcha in controller null value is printed.&lt;/p&gt;
&lt;p&gt;What might be the solution? I would be thankful if anyone mention steps to integrate &lt;code&gt;simple-captcha&lt;/code&gt; plugin in Grails 2.3.3. My GSP page code is:&lt;/p&gt;
&lt;pre&gt;&lt;code&gt;&amp;lt;g:form controller="user" action="register"&amp;gt;
    &amp;lt;g:textField name="email" placeholder="email"/&amp;gt;&amp;lt;br&amp;gt;
    &amp;lt;g:passwordField name="password" placeholder="password"/&amp;gt;&amp;lt;br&amp;gt;
    &amp;lt;img src="${createLink(controller: 'user', action: 'register')}"/&amp;gt;
    &amp;lt;label for="captcha"&amp;gt;Type the letters above in the box below:&amp;lt;/label&amp;gt;
    &amp;lt;g:textField name="captcha"/&amp;gt;
    &amp;lt;g:actionSubmit value="register" action="register" /&amp;gt;&amp;lt;br&amp;gt;
&amp;lt;/g:form&amp;gt;
&lt;/code&gt;&lt;/pre&gt;</t>
  </si>
  <si>
    <t>2016-04-15 14:54:24.237000+00:00</t>
  </si>
  <si>
    <t>2016-04-16 08:51:48.040000+00:00</t>
  </si>
  <si>
    <t>2016-04-16 08:50:56.730000+00:00</t>
  </si>
  <si>
    <t>grails|grails-plugin</t>
  </si>
  <si>
    <t>Returning an element value from chrome.tabs to a background script</t>
  </si>
  <si>
    <t>&lt;p&gt;I would like to send a value from the tab html content to my chrome extension background script.&lt;/p&gt;
&lt;p&gt;Right now I'm using a workaround, that is &lt;/p&gt;
&lt;p&gt;&lt;code&gt;chrome.tabs.executeScript()&lt;/code&gt; to send a code to retrieve data and then send it to my web server via Ajax, and then my background script checks to see if its there in my server. But that's obviously not the right way.&lt;/p&gt;
&lt;p&gt;Is there a way to get element values and then send it back to the background script? so I can keep working with the value?&lt;/p&gt;
&lt;p&gt;Thanks!&lt;/p&gt;</t>
  </si>
  <si>
    <t>2012-06-07 23:58:51.500000+00:00</t>
  </si>
  <si>
    <t>2012-06-08 00:21:26.490000+00:00</t>
  </si>
  <si>
    <t>Looping over objects in an array in javascript</t>
  </si>
  <si>
    <t>&lt;p&gt;I am fairly new to coding. I did search the forum but could not find an answer to the problem I am trying to solve. I wrote a basic node app. It will be used to track the efficacy of an afterschool fitness program for a public school system. The students answer a set of questions after each visit to the program. The teachers look at the data to assess the program. The data is stored in a MongoDB collection:&lt;/p&gt;
&lt;pre&gt;&lt;code&gt; var visitSchema = mongoose.Schema({
    userid: String,
    date: String,
    activitylist: String,
    presession: String,
    health: String,
    bestpart: String,
    worstpart: String,
    postsession: String,
    approved: {
        type: Boolean,
        default: false
    }
 });
&lt;/code&gt;&lt;/pre&gt;
&lt;p&gt;I am using d3 to try show some graphs that will assist the teachers in their analysis. This would include reporting on metrics associated some of the items in the array. As an example, how many times did the students participate in one of the 4 activities listed, to see if one is not being leveraged. Another would be the presession, postsession and health items, as these are derived from  radio inputs and are one of four options. 
I was successful in pulling the mongoDB data into the console. &lt;/p&gt;
&lt;p&gt;Here are some example visits as they appear there:&lt;/p&gt;
&lt;pre&gt;&lt;code&gt;    [{"_id":"5a56c70d4035a90aafbe99f2","date":"Wed Jan 10 2018 20:08:13 GMT-0600 (CST)","userid":"5a54270477a5d3ff63803879","activitylist":"swimming","presession":"ok","bestpart":"water","worstpart":"splashing","postsession":"good","__v":0,"approved":true},{"_id":"5a66ab728f12a65cadefb117","date":"Mon Jan 22 2018 21:26:42 GMT-0600 (CST)","userid":"5a54270477a5d3ff63803879","activitylist":"yoga","presession":"good","health":"good","bestpart":"hi","worstpart":"there","postsession":"verygood","__v":0,"approved":true},{"_id":"5a6d0b815e8791217f50948a","date":"Sat Jan 27 2018 17:30:09 GMT-0600 (CST)","userid":"5a67ee7d0f7d0a0b7fb1ae2f","presession":"good","health":"verygood","bestpart":"good","worstpart":"hag","postsession":"good","__v":0,"approved":false},{"_id":"5a6d0b905e8791217f50948b","date":"Sat Jan 27 2018 17:30:24 GMT-0600 (CST)","userid":"5a67ee7d0f7d0a0b7fb1ae2f","presession":"great","health":"good","bestpart":"hi","worstpart":"hello","postsession":"verygood","__v":0,"approved":false},{"_id":"5a6d0d80f6d66c225d103783","date":"Sat Jan 27 2018 17:38:40 GMT-0600 (CST)","userid":"5a67ee980f7d0a0b7fb1ae30","activitylist":"basketball","presession":"great","health":"verygood","bestpart":"hi","worstpart":"hello","postsession":"verygood","__v":0,"approved":false},{"_id":"5a6fe540695e704dd125355a","date":"Mon Jan 29 2018 21:23:44 GMT-0600 (CST)","userid":"5a67ee980f7d0a0b7fb1ae30","activitylist":"basketball","presession":"great","health":"good","bestpart":"bas","worstpart":"nas","postsession":"verygood","__v":0,"approved":false}]
&lt;/code&gt;&lt;/pre&gt;
&lt;p&gt;I was also successful in getting the data to render in the d3 charts. Here is where I am stuck. Right now, I am using the following code parse the data and populate the charts. The example below is for the activitylist item. It goes over the data and counts the number of each activity in the data:&lt;/p&gt;
&lt;pre&gt;&lt;code&gt;function constructData(visitData) {
    let data = [{ label: "basketball", value: 0 }, { label: "swimming", value: 0 }, { label: "yoga", value: 0 }]
    visitData.forEach(function(visit) {
        console.log(visit.activitylist)
        for (var i = 0; i &amp;lt; data.length; i++) {
            console.log(data[i])
            //if (visit.activitylist in data[i])
            if (visit.activitylist == data[i].label) { data[i].value++ }
        }
    })
    //change(data);
    console.log(data);
    return data;
}
&lt;/code&gt;&lt;/pre&gt;
&lt;p&gt;So that works for parsing the data, but I would have to do something similar for every item in the collection I wanted to report on. I was looking for a more global function, into which I could pass the item I was interested (activitylist, presession, etc.) or just iterate over each (or a selction of) items in the collection. I have been playing with those code below, but have yet to make it work. The array is just a simple one so I could test. &lt;/p&gt;
&lt;pre&gt;&lt;code&gt; var data = [{
    'pear': 1,
    'apple': 2
 }, {
    'pear': 5,
    'mango': 10
 }, {
    'pear': 3,
    'apple': 5,
 }]
 let final = []
 data.forEach((visit) =&amp;gt; {
    for (var key in visit) {
        if (visit.hasOwnProperty(key)) {
            //console.log(visit[key], key)
            final.forEach((f) =&amp;gt; {
                console.log(f)
                if (f[key]) {
                    f[key]++
                        return;
                }
            })
            console.log(key)
            let obj = {}
            obj[key] = 0;
            final.push(obj)
        }
    }
 })
 console.log(final)
&lt;/code&gt;&lt;/pre&gt;
&lt;p&gt;So any suggestions on a function like the one above that could loop through the data to check each item, or the ones I specify, in the array would be greatly appreciated. As I stated I am fairly new to this so I apologize if my wording was not entirely clear. Thanks in advance. &lt;/p&gt;</t>
  </si>
  <si>
    <t>2018-01-31 02:39:08.867000+00:00</t>
  </si>
  <si>
    <t>2018-01-31 04:50:06.397000+00:00</t>
  </si>
  <si>
    <t>javascript|jquery|node.js|mongodb|d3.js</t>
  </si>
  <si>
    <t>Could not cast value of type 'SKSpriteNode' to myApp.CustomSprite</t>
  </si>
  <si>
    <t>&lt;p&gt;I'm new to Swift and SpriteKit so please bear with me.
I'm trying to creating a simple game, I made a custom class (CustomSprite):&lt;/p&gt;
&lt;pre&gt;&lt;code&gt;import UIKit
import SpriteKit
class CustomSprite: SKSpriteNode {
     var spriteColor: String = ""
}
&lt;/code&gt;&lt;/pre&gt;
&lt;p&gt;CustomSprite has spriteColor for checking reasons only (later in the game)
I'm trying to make a new sprite in the GameScene:&lt;/p&gt;
&lt;pre&gt;&lt;code&gt;var mPlayer: CustomSprite = CustomSprite()
override func didMove(to view: SKView) {
    //crashes here (mPlayer = self. xxxxxx)
    mPlayer = self.childNode(withName: "mainPlayer") as! CustomSprite
    mPlayer.spriteColor = "red"
}
&lt;/code&gt;&lt;/pre&gt;
&lt;p&gt;I get this error when running the game and getting to didMove:&lt;/p&gt;
&lt;pre&gt;&lt;code&gt;Could not cast value of type 'SKSpriteNode' to 'myApp.CustomSprite'
&lt;/code&gt;&lt;/pre&gt;
&lt;p&gt;I don't understand what I have to do in order to fix it, and why this is happening.
I did set the Custom Class in the &lt;code&gt;.sks&lt;/code&gt; file to CustomSprite and saved, but it didn't changed or fixed the error.&lt;/p&gt;</t>
  </si>
  <si>
    <t>2017-01-07 12:55:24.710000+00:00</t>
  </si>
  <si>
    <t>2017-01-07 14:47:30.413000+00:00</t>
  </si>
  <si>
    <t>2017-01-07 13:35:26.530000+00:00</t>
  </si>
  <si>
    <t>Why are the code colours different for every line in my Jupyter (Ubuntu)?</t>
  </si>
  <si>
    <t>&lt;p&gt;I was using Jupyter in Windows and just switched to Ubuntu. I found the colour of the code is very weird in the firefox browser. E.g. it highlights the variables in every other line.&lt;/p&gt;
&lt;p&gt;I tried to solve this problem by &lt;a href="http://github.com/dunovank/jupyter-themes/blob/master/README.md" rel="nofollow noreferrer"&gt;installing a custom theme&lt;/a&gt; and the effect should be like&lt;/p&gt;
&lt;p&gt;&lt;img src="https://i.stack.imgur.com/MipMb.png" alt="enter image description here"&gt;&lt;/p&gt;
&lt;p&gt;Instead, it still highlights every other variable on my side, like&lt;/p&gt;
&lt;p&gt;&lt;img src="https://i.stack.imgur.com/2SWtE.png" alt="enter image description here"&gt;&lt;/p&gt;
&lt;p&gt;This just makes my eyes very tired when try to debug the code.&lt;/p&gt;
&lt;p&gt;I also tried disabling all the add-ons in Firefox which didn't help. Is there any setting that I can change to restore to the default colour display? &lt;/p&gt;</t>
  </si>
  <si>
    <t>2016-08-16 23:45:35.200000+00:00</t>
  </si>
  <si>
    <t>2016-08-23 23:24:51.387000+00:00</t>
  </si>
  <si>
    <t>2016-08-18 00:20:15.400000+00:00</t>
  </si>
  <si>
    <t>python|ubuntu|ipython|jupyter</t>
  </si>
  <si>
    <t>How to disable iOS 8 emoji keyboard?</t>
  </si>
  <si>
    <t>&lt;p&gt;Is there any option to stop showing the emoji keyboard in iOS 8? It is not available in numpad and secure text but for email it is there. 
If it is not possible to disable it how to get the string values from the emoji? &lt;/p&gt;</t>
  </si>
  <si>
    <t>2014-09-16 05:48:13.540000+00:00</t>
  </si>
  <si>
    <t>2018-07-05 14:52:00.957000+00:00</t>
  </si>
  <si>
    <t>ios|ios8</t>
  </si>
  <si>
    <t>Unit testing wpf (Disable message boxes)</t>
  </si>
  <si>
    <t>&lt;p&gt;I am writing unit tests for my code. And using 'Microsoft.VisualStudio.TestTools'.
I do not want to popup a message  while running 'Unit Test' for functions which contains message boxes. I am able to do this by using following code,&lt;/p&gt;
&lt;pre&gt;&lt;code&gt; public static class UnitTestDetector
{
    static UnitTestDetector()
    {
        string testAssemblyName = "Microsoft.VisualStudio.QualityTools.UnitTestFramework";
        UnitTestDetector.IsInUnitTest = AppDomain.CurrentDomain.GetAssemblies()
            .Any(a =&amp;gt; a.FullName.StartsWith(testAssemblyName));
    }
    public static bool IsInUnitTest { get; private set; }
}
&lt;/code&gt;&lt;/pre&gt;
&lt;p&gt;But for this solution I have to use 'IsInUnitTest' in actual function to disable message boxes. Is there any other solution? &lt;/p&gt;</t>
  </si>
  <si>
    <t>2018-04-12 06:14:56.817000+00:00</t>
  </si>
  <si>
    <t>2018-09-17 15:36:38.563000+00:00</t>
  </si>
  <si>
    <t>2018-04-13 03:36:41.043000+00:00</t>
  </si>
  <si>
    <t>c#|wpf|unit-testing</t>
  </si>
  <si>
    <t>How to provide link to a file using &lt;a href&gt; in perl?</t>
  </si>
  <si>
    <t>&lt;p&gt;I have a &lt;strong&gt;Perl CGI&lt;/strong&gt; script which invokes HTML form, takes input, and process it.&lt;/p&gt;
&lt;p&gt;I want to upload the resultant file to the same localhost server (apache2) but after processing, it generates the resultant file and stops without displaying anything. The resultant file is in a temporary folder ($dir) located in cgi-bin folder.&lt;/p&gt;
&lt;p&gt;I tried using the &lt;code&gt;&amp;lt;a href&amp;gt;&lt;/code&gt; HTML tag but it is not working. &lt;/p&gt;
&lt;pre&gt;&lt;code&gt;print "Content-Type: text/html";        
print '&amp;lt;a href="http://localhost/cgi-bin/$dir/test.txt" target="_top"&amp;gt;Download your file&amp;lt;/a&amp;gt;';
&lt;/code&gt;&lt;/pre&gt;
&lt;p&gt;Is there any other way to use &lt;code&gt;&amp;lt;a href&amp;gt;&lt;/code&gt; tag in Perl?&lt;/p&gt;</t>
  </si>
  <si>
    <t>2018-05-22 06:00:30.360000+00:00</t>
  </si>
  <si>
    <t>2018-05-22 10:32:04.840000+00:00</t>
  </si>
  <si>
    <t>html|perl|href</t>
  </si>
  <si>
    <t>Find match in two arrays</t>
  </si>
  <si>
    <t>&lt;p&gt;&lt;strong&gt;&lt;em&gt;Update&lt;/em&gt;&lt;/strong&gt;
Got the answer:&lt;/p&gt;
&lt;p&gt;&lt;div class="snippet" data-lang="js" data-hide="false" data-console="true" data-babel="false"&gt;_x000D_
&lt;div class="snippet-code"&gt;_x000D_
&lt;pre class="snippet-code-js lang-js prettyprint-override"&gt;&lt;code&gt;if (this.checkedColors.length &amp;gt; 0) {_x000D_
  straps = straps.filter(strap =&amp;gt; {_x000D_
    return strap.colors.find(color =&amp;gt; {_x000D_
      return this.checkedColors.includes(color.title.toLowerCase());_x000D_
    });_x000D_
  });_x000D_
}&lt;/code&gt;&lt;/pre&gt;_x000D_
&lt;/div&gt;_x000D_
&lt;/div&gt;_x000D_
&lt;/p&gt;
&lt;p&gt;I have two arrays, where I need to return products that match the checkbox value.&lt;/p&gt;
&lt;p&gt;I've created a screen recording to display how this works: &lt;a href="http://recordit.co/EddLjeqM7i" rel="nofollow noreferrer"&gt;http://recordit.co/EddLjeqM7i&lt;/a&gt;&lt;/p&gt;
&lt;p&gt;My code is the following:&lt;/p&gt;
&lt;p&gt;&lt;div class="snippet" data-lang="js" data-hide="false" data-console="true" data-babel="false"&gt;_x000D_
&lt;div class="snippet-code"&gt;_x000D_
&lt;pre class="snippet-code-js lang-js prettyprint-override"&gt;&lt;code&gt;export default {_x000D_
  data() {_x000D_
    checkedColors: [],_x000D_
    filterings: [{_x000D_
        title: "Farver",_x000D_
        filters: [{_x000D_
            title: "Gr��n",_x000D_
            value: "gr��n"_x000D_
          },_x000D_
          {_x000D_
            title: "R��d",_x000D_
            value: "r��d"_x000D_
          },_x000D_
          {_x000D_
            title: "Gul",_x000D_
            value: "yellow"_x000D_
          },_x000D_
          {_x000D_
            title: "Lilla",_x000D_
            value: "lilla"_x000D_
          },_x000D_
          {_x000D_
            title: "Bl��",_x000D_
            value: "bl��"_x000D_
          },_x000D_
          {_x000D_
            title: "Gr��",_x000D_
            value: "gr��"_x000D_
          },_x000D_
          {_x000D_
            title: "Sort",_x000D_
            value: "sort"_x000D_
          },_x000D_
          {_x000D_
            title: "Hvid",_x000D_
            value: "hvid"_x000D_
          },_x000D_
          {_x000D_
            title: "Brun",_x000D_
            value: "brun"_x000D_
          }_x000D_
        ]_x000D_
      }_x000D_
    }_x000D_
  },_x000D_
    computed: {_x000D_
filteredStraps() {_x000D_
  var straps = this.straps;_x000D_
_x000D_
  if (this.search !== null) {_x000D_
    var straps = this.searchItems.filter(strap =&amp;gt; {_x000D_
      if (!this.search) return this.searchItems;_x000D_
      return (_x000D_
        strap.title.toLowerCase().includes(this.search.toLowerCase()) ||_x000D_
        strap.skin.toLowerCase().includes(this.search.toLowerCase()) ||_x000D_
        strap.type.toLowerCase().includes(this.search.toLowerCase())_x000D_
      );_x000D_
    });_x000D_
  }_x000D_
_x000D_
  if (this.checkedSkins.length &amp;gt; 0) {_x000D_
    straps = straps.filter(strap =&amp;gt; {_x000D_
      return this.checkedSkins.includes(strap.skin.toLowerCase());_x000D_
    });_x000D_
  }_x000D_
  if (this.checkedTypes.length &amp;gt; 0) {_x000D_
    straps = straps.filter(strap =&amp;gt; {_x000D_
      return this.checkedTypes.includes(strap.type.toLowerCase());_x000D_
    });_x000D_
  }_x000D_
  if (this.checkedColors.length &amp;gt; 0) {_x000D_
    straps = straps.filter(strap =&amp;gt; {_x000D_
      return this.checkedColors.includes(strap.colors.toLowerCase());_x000D_
    });_x000D_
  }_x000D_
_x000D_
  if (this.sort == "newest") {_x000D_
    return straps.sort((a, b) =&amp;gt; new Date(a.date) - new Date(b.date));_x000D_
  }_x000D_
  if (this.sort == "priceasc") {_x000D_
    return straps.sort((a, b) =&amp;gt; a.price &amp;gt; b.price);_x000D_
  }_x000D_
  if (this.sort == "pricedesc") {_x000D_
    return straps.sort((a, b) =&amp;gt; a.price &amp;lt; b.price);_x000D_
  } else {_x000D_
    return straps;_x000D_
  }_x000D_
}_x000D_
  },&lt;/code&gt;&lt;/pre&gt;_x000D_
&lt;pre class="snippet-code-html lang-html prettyprint-override"&gt;&lt;code&gt;&amp;lt;v-expansion-panel class="elevation-0"&amp;gt;_x000D_
  &amp;lt;v-expansion-panel-content v-for="filtering in filterings.slice(0, 1)" :key="filtering.title"&amp;gt;_x000D_
    &amp;lt;div slot="header"&amp;gt;{{filtering.title | capitalize}}&amp;lt;/div&amp;gt;_x000D_
    &amp;lt;v-card&amp;gt;_x000D_
      &amp;lt;v-card-text&amp;gt;_x000D_
        &amp;lt;v-list&amp;gt;_x000D_
          &amp;lt;v-list-tile v-for="filter in filtering.filters" :key="filter.value"&amp;gt;_x000D_
            &amp;lt;v-list-tile-content&amp;gt;_x000D_
              &amp;lt;v-checkbox :value="filter.value" :label="filter.title" v-model="checkedColors" color="primary"&amp;gt;&amp;lt;/v-checkbox&amp;gt;_x000D_
            &amp;lt;/v-list-tile-content&amp;gt;_x000D_
          &amp;lt;/v-list-tile&amp;gt;_x000D_
        &amp;lt;/v-list&amp;gt;_x000D_
      &amp;lt;/v-card-text&amp;gt;_x000D_
    &amp;lt;/v-card&amp;gt;_x000D_
  &amp;lt;/v-expansion-panel-content&amp;gt;_x000D_
&amp;lt;/v-expansion-panel&amp;gt;&lt;/code&gt;&lt;/pre&gt;_x000D_
&lt;/div&gt;_x000D_
&lt;/div&gt;_x000D_
&lt;/p&gt;
&lt;p&gt;The straps array is the following: &lt;a href="https://i.imgur.com/HIEBgqW.png" rel="nofollow noreferrer"&gt;https://i.imgur.com/HIEBgqW.png&lt;/a&gt;&lt;/p&gt;
&lt;p&gt;I'll need the function to be computed in order to match the other filtering and sorting methods, to return the straps correctly.&lt;/p&gt;
&lt;p&gt;I have two other methods that are working, but they didn't require looping through an array to find a match for the value or values I'm looking for.&lt;/p&gt;</t>
  </si>
  <si>
    <t>2018-10-15 13:36:14.237000+00:00</t>
  </si>
  <si>
    <t>2018-10-16 10:51:36.767000+00:00</t>
  </si>
  <si>
    <t>arrays|vue.js|vuetify.js</t>
  </si>
  <si>
    <t>Wait for class variable to change using threads</t>
  </si>
  <si>
    <t>&lt;p&gt;I have a class that contains a boolean variable and a function that waits for the boolean to change in order to execute some code. Some (rather silly) example:&lt;/p&gt;
&lt;pre&gt;&lt;code&gt;import time
class SomeClass():
    def __init__(self):
        self._var = False
    def setVar(self, state):
        self._var = state
    def waitForVarToChange(self):
        while not self._var:
            continue
        print 'Variable changed'
        self._var = False
if __name__ == "__main__":
    myclass = SomeClass()
    while True:
        myclass.waitForVarToChange()
        time.sleep(0.5)
        myclass.setVar(True)
&lt;/code&gt;&lt;/pre&gt;
&lt;p&gt;In this example the &lt;code&gt;waitForVarToChange()&lt;/code&gt; method will obviously get stuck in the while loop while 'waiting' for the variable to change. From what I now, I should use &lt;em&gt;threads&lt;/em&gt; and/or &lt;em&gt;events&lt;/em&gt; here. However, I have no idea what is the nicest way to implement a thread for such kind of example. Can anyone help?&lt;/p&gt;</t>
  </si>
  <si>
    <t>2014-07-24 11:18:47.840000+00:00</t>
  </si>
  <si>
    <t>2014-07-24 17:34:49.673000+00:00</t>
  </si>
  <si>
    <t>python|multithreading</t>
  </si>
  <si>
    <t>Changing column of enum through DB::statement</t>
  </si>
  <si>
    <t>&lt;p&gt;I have a column of type &lt;code&gt;enum&lt;/code&gt; I want to change it to type &lt;code&gt;varchar&lt;/code&gt; but it brings an error that the sql syntax is not correct, please what's the solution&lt;/p&gt;
&lt;p&gt;This is the table creation migration code&lt;/p&gt;
&lt;pre&gt;&lt;code&gt; class CreateCurrenciesTable extends Migration
{
    /**
   * Run the migrations.
   *
   * @return void
   */
 public function up()
 {
    $symbols = ['���', '$', '��'];
    Schema::create('currencies', function (Blueprint $table) use($symbols) {
        $table-&amp;gt;increments('id');
        $table-&amp;gt;string('name', 50);
        $table-&amp;gt;string('code', 5);
        $table-&amp;gt;enum('symbol', $symbols);
        $table-&amp;gt;timestamps();
    });
}
/**
 * Reverse the migrations.
 *
 * @return void
 */
public function down()
{   
    DB::statement('SET FOREIGN_KEY_CHECKS = 0');
    Schema::dropIfExists('currencies');
    DB::statement('SET FOREIGN_KEY_CHECKS = 1');
}
&lt;/code&gt;&lt;/pre&gt;
&lt;p&gt;This is the migration code I want to use to change the column type but keep on getting an error&lt;/p&gt;
&lt;pre&gt;&lt;code&gt;class AddSymbolToImagesTable extends Migration
{
/**
 * Run the migrations.
 *
 * @return void
 */
public function up()
{
    Schema::table('images', function (Blueprint $table) {
       DB::statement('ALTER TABLE images ALTER COLUMN symbol VARCHAR(200)');
       // $table-&amp;gt;text('symbol')-&amp;gt;change();
    });
}
/**
 * Reverse the migrations.
 *
 * @return void
 */
public function down()
{
    Schema::table('images', function (Blueprint $table) {
       // $symbols = ['���', '$', '��'];
       // $table-&amp;gt;enum('symbol', $symbols)-&amp;gt;change();
        DB::statement('ALTER TABLE images ALTER COLUMN symbol enum ');
    });
}
}
&lt;/code&gt;&lt;/pre&gt;</t>
  </si>
  <si>
    <t>2018-06-08 13:49:29.647000+00:00</t>
  </si>
  <si>
    <t>2018-06-08 13:58:51.173000+00:00</t>
  </si>
  <si>
    <t>ASP.NET MVC HTML.AntiForgeryToken() with multiple AJAX requests from one page</t>
  </si>
  <si>
    <t>&lt;p&gt;I'm creating a page that makes multiple AJAX form posts without a page refresh.&lt;/p&gt;
&lt;p&gt;I would like to use the ASP.NET MVC &lt;code&gt;HTML.AntiForgeryToken()&lt;/code&gt; helper to secure the form against CSRF attacks. I think that each form on the page can share the same token, but will it allow multiple requests with the same token? If not is there a way to get a new token or some other way to secure the forms?&lt;/p&gt;</t>
  </si>
  <si>
    <t>2011-03-08 02:26:52.613000+00:00</t>
  </si>
  <si>
    <t>2015-11-14 21:14:56.467000+00:00</t>
  </si>
  <si>
    <t>c#|asp.net|asp.net-mvc|csrf|antiforgerytoken</t>
  </si>
  <si>
    <t>Is it possible to copy a String[][] array and a double[][] array into one array? Without using arrayLists or classes</t>
  </si>
  <si>
    <t>&lt;p&gt;I am trying to copy a String[][] array and a double[][] array into one array so that I can make a loop to print out certain columns of the original two arrays next to each other. &lt;/p&gt;</t>
  </si>
  <si>
    <t>2018-10-25 02:38:06.790000+00:00</t>
  </si>
  <si>
    <t>arrays</t>
  </si>
  <si>
    <t>jquery.click(callmethod)</t>
  </si>
  <si>
    <t>&lt;pre&gt;&lt;code&gt;$('&amp;lt;a/&amp;gt;').click(function(event) { ChangeXYZ(event); });
&lt;/code&gt;&lt;/pre&gt;
&lt;p&gt;Problem with above is i do not want event but i someother var.&lt;/p&gt;
&lt;pre&gt;&lt;code&gt;$('&amp;lt;a/&amp;gt;').click(function() { ChangeXYZ(var123); });
&lt;/code&gt;&lt;/pre&gt;
&lt;p&gt;But problem with line is, it is getting value of var123 at runtime and as i am adding this  in loop so always end up using last value of var123. Looks like it is using reference for var123. How can i make it use value of var123 when this  was created instead of click time.&lt;/p&gt;</t>
  </si>
  <si>
    <t>2009-06-09 03:06:58.243000+00:00</t>
  </si>
  <si>
    <t>2010-01-06 18:48:39.647000+00:00</t>
  </si>
  <si>
    <t>Legacy Component and Firefox 11</t>
  </si>
  <si>
    <t>&lt;p&gt;An older component, specifically, RadEditor 5.6.5.0 is not rendering to Firefox 11.0.  It sees it as an unsupported browser and simply renders a textarea tag instead.  Is there a way to have the control treat it as a lower version of Firefox?&lt;/p&gt;</t>
  </si>
  <si>
    <t>2012-03-18 16:57:56.687000+00:00</t>
  </si>
  <si>
    <t>2012-03-18 17:13:52.303000+00:00</t>
  </si>
  <si>
    <t>2012-03-18 16:59:33.740000+00:00</t>
  </si>
  <si>
    <t>asp.net|firefox|radeditor</t>
  </si>
  <si>
    <t>adding a jqgrid column that is a result of two other columns</t>
  </si>
  <si>
    <t>&lt;p&gt;I want to sum the column values of a jqGrid table.I have four columns in my jqGrid&lt;code&gt;"SL", "Item", "Quantity", "Rate","Amount"&lt;/code&gt;,where &lt;code&gt;Amount&lt;/code&gt; is the result of &lt;code&gt;Quantity*Rate&lt;/code&gt; this multiplication is not a query retrieved data.It is done inside the javascript code.Now I want to sum the amount column.Summation is showing correctly.I've checked it with an alert but when I tried to set it on footer row&lt;code&gt;$grid.jqGrid('footerData', 'set', { 'amountcalculate': parseFloat(colSum)});&lt;/code&gt; it is showing &lt;code&gt;NAN&lt;/code&gt;.why is it not working.I have used footer row earlier and did summation.It worked perfectly.When I tried to add the column value which is a result of two other columns then it does not work.
Here is my code&lt;/p&gt;
&lt;pre&gt;&lt;code&gt;  subGrid : true,
        subGridRowExpanded: function (subgridId, rowid) {
            var subgridTableId = subgridId + "_t";
            $("#" + subgridId).html("&amp;lt;table id='" + subgridTableId + "'&amp;gt;&amp;lt;/table&amp;gt;");
            $("#" + subgridTableId).jqGrid({
                datatype: "json",
                    url: "/bbbb/regfgfgfisterFgshGood        /listReceivableOrderDetails?id=" + rowid,
                     colNames: ["SL", "Item", "Quantity", "Rate","Amount"],
                       colModel: [
                    {name: "sl", width: 40, align: 'center'},
                    {name: "item", width: 230, align: 'left'},
                    {name: "quantity", width: 100, align: 'center'},
                    {name: "amount", width: 100, align: 'right'},
                    { name: "amountcalculate", width: 60,
                        formatter: function (cellvalue, options, rowObject)
                        {
                            var rq = parseFloat(rowObject[2] );
                            var up = parseFloat(rowObject[3] );
                            return parseFloat(rq * up).toFixed(2);
                        }
                    }
                ],
                height: "100%",
                rowNum: -1,
                sortname: "name",
                footerrow : true,
                idPrefix: "s_" + rowid + "_"
            });
            debugger
            var $grid = $("#" + subgridTableId);
            var colSum = $grid.jqGrid('getCol', 'amountcalculate', false, 'sum');
            alert(colSum);
            $grid.jqGrid('footerData', 'set', { 'amountcalculate': parseFloat(colSum)});
        },
&lt;/code&gt;&lt;/pre&gt;</t>
  </si>
  <si>
    <t>2016-12-28 11:13:39.257000+00:00</t>
  </si>
  <si>
    <t>2016-12-29 17:30:18.633000+00:00</t>
  </si>
  <si>
    <t>2016-12-28 11:18:51.443000+00:00</t>
  </si>
  <si>
    <t>javascript|jquery|jqgrid</t>
  </si>
  <si>
    <t>java.lang.NoSuchMethodError: com.lmax.disruptor.RingBuffer.&lt;init&gt;</t>
  </si>
  <si>
    <t>&lt;p&gt;Error is: &lt;strong&gt;java.lang.NoSuchMethodError: com.lmax.disruptor.RingBuffer.(Lcom/lmax/disruptor/EventFactory;Lcom/lmax/disruptor/ClaimStrategy;Lcom/lmax/disruptor/WaitStrategy;)V&lt;/strong&gt;&lt;/p&gt;
&lt;p&gt;Getting this weird Error while executing topology. Here is the &lt;strong&gt;pom.xml&lt;/strong&gt;&lt;/p&gt;
&lt;pre&gt;&lt;code&gt;&amp;lt;project xmlns="http://maven.apache.org/POM/4.0.0"   
xmlns:xsi="http://www.w3.org/2001/XMLSchema-instance"
http://maven.apache.org/xsd/maven-4.0.0.xsd"&amp;gt;
    &amp;lt;groupId&amp;gt;com.ts.project&amp;lt;/groupId&amp;gt;
    &amp;lt;artifactId&amp;gt;name&amp;lt;/artifactId&amp;gt;
    &amp;lt;version&amp;gt;0.0.1-SNAPSHOT&amp;lt;/version&amp;gt;
    &amp;lt;build&amp;gt;
        &amp;lt;plugins&amp;gt;
            &amp;lt;plugin&amp;gt;
                &amp;lt;groupId&amp;gt;org.apache.maven.plugins&amp;lt;/groupId&amp;gt;
                &amp;lt;artifactId&amp;gt;maven-compiler-plugin&amp;lt;/artifactId&amp;gt;
                &amp;lt;version&amp;gt;3.1&amp;lt;/version&amp;gt;
            &amp;lt;/plugin&amp;gt;
            &amp;lt;plugin&amp;gt;
                &amp;lt;groupId&amp;gt;org.codehaus.mojo&amp;lt;/groupId&amp;gt;
                &amp;lt;artifactId&amp;gt;appassembler-maven-plugin&amp;lt;/artifactId&amp;gt;
                &amp;lt;version&amp;gt;1.10&amp;lt;/version&amp;gt;
            &amp;lt;/plugin&amp;gt;
            &amp;lt;plugin&amp;gt;
                &amp;lt;artifactId&amp;gt;maven-assembly-plugin&amp;lt;/artifactId&amp;gt;
                &amp;lt;version&amp;gt;2.6&amp;lt;/version&amp;gt;
                &amp;lt;configuration&amp;gt;
                    &amp;lt;dependencySets&amp;gt;
                        &amp;lt;dependencySet&amp;gt;
                            &amp;lt;excludes&amp;gt;
                                &amp;lt;exclude&amp;gt;org.apache.storm:storm-core&amp;lt;/exclude&amp;gt;
                                &amp;lt;exclude&amp;gt;org.slf4j:slf4j-log4j12&amp;lt;/exclude&amp;gt;
                            &amp;lt;/excludes&amp;gt;
                            &amp;lt;includes&amp;gt;
                                &amp;lt;include&amp;gt;org.apache.storm:storm-kafka&amp;lt;/include&amp;gt;
                            &amp;lt;/includes&amp;gt;
                        &amp;lt;/dependencySet&amp;gt;
                    &amp;lt;/dependencySets&amp;gt;
                &amp;lt;/configuration&amp;gt;
            &amp;lt;/plugin&amp;gt;
            &amp;lt;plugin&amp;gt;
                &amp;lt;groupId&amp;gt;org.apache.maven.plugins&amp;lt;/groupId&amp;gt;
                &amp;lt;artifactId&amp;gt;maven-jar-plugin&amp;lt;/artifactId&amp;gt;
                &amp;lt;version&amp;gt;2.5&amp;lt;/version&amp;gt;
                &amp;lt;configuration&amp;gt;
                    &amp;lt;excludes&amp;gt;
                        &amp;lt;exclude&amp;gt;log4j.properties*&amp;lt;/exclude&amp;gt;
                    &amp;lt;/excludes&amp;gt;
                &amp;lt;/configuration&amp;gt;
            &amp;lt;/plugin&amp;gt;
        &amp;lt;/plugins&amp;gt;
    &amp;lt;/build&amp;gt;
    &amp;lt;dependencies&amp;gt;
        &amp;lt;dependency&amp;gt;
            &amp;lt;groupId&amp;gt;org.slf4j&amp;lt;/groupId&amp;gt;
            &amp;lt;artifactId&amp;gt;slf4j-log4j12&amp;lt;/artifactId&amp;gt;
            &amp;lt;version&amp;gt;1.6.1&amp;lt;/version&amp;gt;
            &amp;lt;scope&amp;gt;provided&amp;lt;/scope&amp;gt;
        &amp;lt;/dependency&amp;gt;
        &amp;lt;dependency&amp;gt;
            &amp;lt;groupId&amp;gt;org.apache.storm&amp;lt;/groupId&amp;gt;
            &amp;lt;artifactId&amp;gt;storm-kafka&amp;lt;/artifactId&amp;gt;
            &amp;lt;version&amp;gt;0.9.6&amp;lt;/version&amp;gt;
            &amp;lt;scope&amp;gt;compile&amp;lt;/scope&amp;gt;
        &amp;lt;/dependency&amp;gt;
        &amp;lt;dependency&amp;gt;
            &amp;lt;groupId&amp;gt;com.googlecode.json-simple&amp;lt;/groupId&amp;gt;
            &amp;lt;artifactId&amp;gt;json-simple&amp;lt;/artifactId&amp;gt;
            &amp;lt;version&amp;gt;1.1.1&amp;lt;/version&amp;gt;
        &amp;lt;/dependency&amp;gt;
        &amp;lt;dependency&amp;gt;
            &amp;lt;groupId&amp;gt;io.netty&amp;lt;/groupId&amp;gt;
            &amp;lt;artifactId&amp;gt;netty-all&amp;lt;/artifactId&amp;gt;
            &amp;lt;version&amp;gt;4.0.15.Final&amp;lt;/version&amp;gt;
        &amp;lt;/dependency&amp;gt;
        &amp;lt;dependency&amp;gt;
            &amp;lt;groupId&amp;gt;net.sf.saxon&amp;lt;/groupId&amp;gt;
            &amp;lt;artifactId&amp;gt;Saxon-HE&amp;lt;/artifactId&amp;gt;
            &amp;lt;version&amp;gt;9.5.0.1&amp;lt;/version&amp;gt;
        &amp;lt;/dependency&amp;gt;
        &amp;lt;dependency&amp;gt;
            &amp;lt;groupId&amp;gt;commons-collections&amp;lt;/groupId&amp;gt;
            &amp;lt;artifactId&amp;gt;commons-collections&amp;lt;/artifactId&amp;gt;
            &amp;lt;version&amp;gt;3.2.1&amp;lt;/version&amp;gt;
        &amp;lt;/dependency&amp;gt;
        &amp;lt;dependency&amp;gt;
            &amp;lt;groupId&amp;gt;org.slf4j&amp;lt;/groupId&amp;gt;
            &amp;lt;artifactId&amp;gt;slf4j-api&amp;lt;/artifactId&amp;gt;
            &amp;lt;version&amp;gt;1.7.12&amp;lt;/version&amp;gt;
            &amp;lt;scope&amp;gt;compile&amp;lt;/scope&amp;gt;
        &amp;lt;/dependency&amp;gt;
        &amp;lt;dependency&amp;gt;
            &amp;lt;groupId&amp;gt;ch.qos.logback&amp;lt;/groupId&amp;gt;
            &amp;lt;artifactId&amp;gt;logback-classic&amp;lt;/artifactId&amp;gt;
            &amp;lt;version&amp;gt;1.1.3&amp;lt;/version&amp;gt;
            &amp;lt;scope&amp;gt;compile&amp;lt;/scope&amp;gt;
        &amp;lt;/dependency&amp;gt;
        &amp;lt;dependency&amp;gt;
            &amp;lt;groupId&amp;gt;org.apache.logging.log4j&amp;lt;/groupId&amp;gt;
            &amp;lt;artifactId&amp;gt;log4j-api&amp;lt;/artifactId&amp;gt;
            &amp;lt;version&amp;gt;2.4.1&amp;lt;/version&amp;gt;
        &amp;lt;/dependency&amp;gt;
        &amp;lt;dependency&amp;gt;
            &amp;lt;groupId&amp;gt;org.apache.logging.log4j&amp;lt;/groupId&amp;gt;
            &amp;lt;artifactId&amp;gt;log4j-core&amp;lt;/artifactId&amp;gt;
            &amp;lt;version&amp;gt;2.4.1&amp;lt;/version&amp;gt;
        &amp;lt;/dependency&amp;gt;
        &amp;lt;dependency&amp;gt;
            &amp;lt;groupId&amp;gt;org.apache.logging.log4j&amp;lt;/groupId&amp;gt;
            &amp;lt;artifactId&amp;gt;log4j-slf4j-impl&amp;lt;/artifactId&amp;gt;
            &amp;lt;version&amp;gt;2.4.1&amp;lt;/version&amp;gt;
        &amp;lt;/dependency&amp;gt;
        &amp;lt;dependency&amp;gt;
            &amp;lt;groupId&amp;gt;com.datastax.cassandra&amp;lt;/groupId&amp;gt;
            &amp;lt;artifactId&amp;gt;cassandra-driver-core&amp;lt;/artifactId&amp;gt;
            &amp;lt;version&amp;gt;2.1.2&amp;lt;/version&amp;gt;
        &amp;lt;/dependency&amp;gt;
        &amp;lt;dependency&amp;gt;
            &amp;lt;groupId&amp;gt;com.datastax.cassandra&amp;lt;/groupId&amp;gt;
            &amp;lt;artifactId&amp;gt;cassandra-driver-mapping&amp;lt;/artifactId&amp;gt;
            &amp;lt;version&amp;gt;2.1.9&amp;lt;/version&amp;gt;
        &amp;lt;/dependency&amp;gt;
        &amp;lt;dependency&amp;gt;
            &amp;lt;groupId&amp;gt;joda-time&amp;lt;/groupId&amp;gt;
            &amp;lt;artifactId&amp;gt;joda-time&amp;lt;/artifactId&amp;gt;
            &amp;lt;version&amp;gt;2.5&amp;lt;/version&amp;gt;
        &amp;lt;/dependency&amp;gt;
        &amp;lt;dependency&amp;gt;
            &amp;lt;groupId&amp;gt;junit&amp;lt;/groupId&amp;gt;
            &amp;lt;artifactId&amp;gt;junit&amp;lt;/artifactId&amp;gt;
            &amp;lt;version&amp;gt;4.11&amp;lt;/version&amp;gt;
        &amp;lt;/dependency&amp;gt;
        &amp;lt;dependency&amp;gt;
            &amp;lt;groupId&amp;gt;org.apache.lucene&amp;lt;/groupId&amp;gt;
            &amp;lt;artifactId&amp;gt;lucene-core&amp;lt;/artifactId&amp;gt;
            &amp;lt;version&amp;gt;4.10.4&amp;lt;/version&amp;gt;
        &amp;lt;/dependency&amp;gt;
        &amp;lt;dependency&amp;gt;
            &amp;lt;groupId&amp;gt;org.apache.kafka&amp;lt;/groupId&amp;gt;
            &amp;lt;artifactId&amp;gt;kafka_2.10&amp;lt;/artifactId&amp;gt;
            &amp;lt;version&amp;gt;0.8.2.0&amp;lt;/version&amp;gt;
        &amp;lt;/dependency&amp;gt;
        &amp;lt;dependency&amp;gt;
            &amp;lt;groupId&amp;gt;org.apache.storm&amp;lt;/groupId&amp;gt;
            &amp;lt;artifactId&amp;gt;storm-core&amp;lt;/artifactId&amp;gt;
            &amp;lt;version&amp;gt;0.9.5&amp;lt;/version&amp;gt;
            &amp;lt;scope&amp;gt;provided&amp;lt;/scope&amp;gt;
        &amp;lt;/dependency&amp;gt;
        &amp;lt;dependency&amp;gt;
            &amp;lt;groupId&amp;gt;org.json&amp;lt;/groupId&amp;gt;
            &amp;lt;artifactId&amp;gt;json&amp;lt;/artifactId&amp;gt;
            &amp;lt;version&amp;gt;20140107&amp;lt;/version&amp;gt;
        &amp;lt;/dependency&amp;gt;
        &amp;lt;dependency&amp;gt;
            &amp;lt;groupId&amp;gt;org.clojure&amp;lt;/groupId&amp;gt;
            &amp;lt;artifactId&amp;gt;clojure&amp;lt;/artifactId&amp;gt;
            &amp;lt;version&amp;gt;1.5.1&amp;lt;/version&amp;gt;
        &amp;lt;/dependency&amp;gt;
        &amp;lt;dependency&amp;gt;
            &amp;lt;groupId&amp;gt;org.apache.commons&amp;lt;/groupId&amp;gt;
            &amp;lt;artifactId&amp;gt;commons-exec&amp;lt;/artifactId&amp;gt;
            &amp;lt;version&amp;gt;1.1&amp;lt;/version&amp;gt;
        &amp;lt;/dependency&amp;gt;
        &amp;lt;dependency&amp;gt;
            &amp;lt;groupId&amp;gt;org.mockito&amp;lt;/groupId&amp;gt;
            &amp;lt;artifactId&amp;gt;mockito-core&amp;lt;/artifactId&amp;gt;
            &amp;lt;version&amp;gt;1.10.19&amp;lt;/version&amp;gt;
        &amp;lt;/dependency&amp;gt;
        &amp;lt;dependency&amp;gt;
            &amp;lt;groupId&amp;gt;org.easytesting&amp;lt;/groupId&amp;gt;
            &amp;lt;artifactId&amp;gt;fest-assert-core&amp;lt;/artifactId&amp;gt;
            &amp;lt;version&amp;gt;2.0M10&amp;lt;/version&amp;gt;
        &amp;lt;/dependency&amp;gt;
        &amp;lt;dependency&amp;gt;
            &amp;lt;groupId&amp;gt;xerces&amp;lt;/groupId&amp;gt;
            &amp;lt;artifactId&amp;gt;xercesImpl&amp;lt;/artifactId&amp;gt;
            &amp;lt;version&amp;gt;2.11.0&amp;lt;/version&amp;gt;
        &amp;lt;/dependency&amp;gt;
    &amp;lt;/dependencies&amp;gt;
&amp;lt;/project&amp;gt;
&lt;/code&gt;&lt;/pre&gt;
&lt;p&gt;If I run the topology, I am getting this error:&lt;/p&gt;
&lt;pre&gt;&lt;code&gt;[2016-09-28 11:13:12,409] INFO State change: CONNECTED (org.apache.storm.curator.framework.state.ConnectionStateManager)
[2016-09-28 11:13:12,414] INFO Reading Assignments. (backtype.storm.daemon.worker)
[2016-09-28 11:13:12,432] ERROR Error on initialization of server mk-worker (backtype.storm.daemon.worker)
**java.lang.NoSuchMethodError: com.lmax.disruptor.RingBuffer.&amp;lt;init&amp;gt;  (Lcom/lmax/disruptor/EventFactory;Lcom/lmax/disruptor/ClaimStrategy;  Lcom/lmax/disruptor/WaitStrategy;)V** 
        at backtype.storm.utils.DisruptorQueue.&amp;lt;init&amp;gt;(DisruptorQueue.java:66)
        at backtype.storm.disruptor$disruptor_queue.doInvoke(disruptor.clj:51)
        at clojure.lang.RestFn.invoke(RestFn.java:464)
        at backtype.storm.daemon.worker$worker_data.invoke(worker.clj:187)
        at backtype.storm.daemon.worker$fn__4629$exec_fn__1104__auto____4630.invoke(worker.clj:400)
        at clojure.lang.AFn.applyToHelper(AFn.java:185)
        at clojure.lang.AFn.applyTo(AFn.java:151)
        at clojure.core$apply.invoke(core.clj:617)
        at backtype.storm.daemon.worker$fn__4629$mk_worker__4685.doInvoke(worker.clj:391)
        at clojure.lang.RestFn.invoke(RestFn.java:512)
        at backtype.storm.daemon.supervisor$fn__5186.invoke(supervisor.clj:620)
        at clojure.lang.MultiFn.invoke(MultiFn.java:241)
        at backtype.storm.daemon.supervisor$sync_processes$iter__5009__5013$fn__5014$fn__5024.invoke(supervisor.clj:305)
        at backtype.storm.daemon.supervisor$sync_processes$iter__5009__5013$fn__5014.invoke(supervisor.clj:295)
        at clojure.lang.LazySeq.sval(LazySeq.java:42)
        at clojure.lang.LazySeq.seq(LazySeq.java:60)
        at clojure.lang.RT.seq(RT.java:484)
        at clojure.core$seq.invoke(core.clj:133)
        at clojure.core$dorun.invoke(core.clj:2780)
        at clojure.core$doall.invoke(core.clj:2796)
        at backtype.storm.daemon.supervisor$sync_processes.invoke(supervisor.clj:293)
        at clojure.lang.AFn.applyToHelper(AFn.java:161)
        at clojure.lang.AFn.applyTo(AFn.java:151)
        at clojure.core$apply.invoke(core.clj:619)
        at clojure.core$partial$fn__4190.doInvoke(core.clj:2396)
        at clojure.lang.RestFn.invoke(RestFn.java:397)
        at backtype.storm.event$event_manager$fn__2465.invoke(event.clj:40)
        at clojure.lang.AFn.run(AFn.java:24)
        at java.lang.Thread.run(Thread.java:745)
    [2016-09-28 11:13:12,439] ERROR Halting process: ("Error on initialization") (backtype.storm.util)
    java.lang.RuntimeException: ("Error on initialization")
        at backtype.storm.util$exit_process_BANG_.doInvoke(util.clj:325)
        at clojure.lang.RestFn.invoke(RestFn.java:423)
        at backtype.storm.daemon.worker$fn__4629$mk_worker__4685.doInvoke(worker.clj:391)
        at clojure.lang.RestFn.invoke(RestFn.java:512)
        at backtype.storm.daemon.supervisor$fn__5186.invoke(supervisor.clj:620)
        at clojure.lang.MultiFn.invoke(MultiFn.java:241)
        at backtype.storm.daemon.supervisor$sync_processes$iter__5009__5013$fn__5014$fn__5024.invoke(supervisor.clj:305)
        at backtype.storm.daemon.supervisor$sync_processes$iter__5009__5013$fn__5014.invoke(supervisor.clj:295)
        at clojure.lang.LazySeq.sval(LazySeq.java:42)
        at clojure.lang.LazySeq.seq(LazySeq.java:60)
        at clojure.lang.RT.seq(RT.java:484)
        at clojure.core$seq.invoke(core.clj:133)
        at clojure.core$dorun.invoke(core.clj:2780)
        at clojure.core$doall.invoke(core.clj:2796)
        at backtype.storm.daemon.supervisor$sync_processes.invoke(supervisor.clj:293)
        at clojure.lang.AFn.applyToHelper(AFn.java:161)
        at clojure.lang.AFn.applyTo(AFn.java:151)
        at clojure.core$apply.invoke(core.clj:619)
        at clojure.core$partial$fn__4190.doInvoke(core.clj:2396)
        at clojure.lang.RestFn.invoke(RestFn.java:397)
        at backtype.storm.event$event_manager$fn__2465.invoke(event.clj:40)
        at clojure.lang.AFn.run(AFn.java:24)
        at java.lang.Thread.run(Thread.java:745)
&lt;/code&gt;&lt;/pre&gt;
&lt;p&gt;It was working before. For some reason, this disruptor is giving me error. In my topology, I just listen to the kafka topic, and created bolt to display. In fact, its not even reaching to the bolt. Please help!&lt;/p&gt;
&lt;p&gt;I strongly believe that its something wrong in my maven dependencies. I have already tried changing the versions of kafka-storm, storm-api. It didnt work. In fact, I also tried adding this dependency:&lt;/p&gt;
&lt;pre&gt;&lt;code&gt;&amp;lt;dependency&amp;gt;
        &amp;lt;groupId&amp;gt;com.lmax&amp;lt;/groupId&amp;gt;
        &amp;lt;artifactId&amp;gt;disruptor&amp;lt;/artifactId&amp;gt;
        &amp;lt;version&amp;gt;3.2.0&amp;lt;/version&amp;gt;
&amp;lt;/dependency&amp;gt;
&lt;/code&gt;&lt;/pre&gt;
&lt;p&gt;But still, this error didnt go off.&lt;/p&gt;</t>
  </si>
  <si>
    <t>2016-09-28 15:31:55.020000+00:00</t>
  </si>
  <si>
    <t>java|maven|apache-kafka|apache-storm|apache-zookeeper</t>
  </si>
  <si>
    <t>(Beginner Programmer) Need help: Linked Lists in C</t>
  </si>
  <si>
    <t>&lt;p&gt;I'm trying to go through a book and see which lines a character appears on (A total of 64 characters) and I have to use linked lists. The problem is that I'm very new to linked lists and I'm not very confident with them. Also, I'm not the best at pointers and I'm prone to slipping up with them.&lt;/p&gt;
&lt;p&gt;Below I have added my current code which is giving the error on line 59: "error: subscripted value is neither array nor pointer nor vector".&lt;/p&gt;
&lt;p&gt;I've read through a few people's answers on questions similar and none of them helped.&lt;/p&gt;
&lt;p&gt;If anyone can see where I'm going wrong(I'm sure it's more than one place) I would really appreciate it if you could help me out and if I'm not using the linked list correctly constructive criticism is welcomed as I really am lost at the whole linked list concept. And before anyone goes ripping into my code, I'm relatively new to programming and have been pretty teaching myself for a couple of months so I know it's far from perfect. Also, I fix it up to LOOK better when I have it working, if anyone has issues with its current state. Thanks in advance :)!&lt;/p&gt;
&lt;pre&gt;&lt;code&gt;#include &amp;lt;stdio.h&amp;gt;
#include &amp;lt;string.h&amp;gt;
#include &amp;lt;stdlib.h&amp;gt;
 struct Characters{
    char names[65][50]; //This is the names array
};
struct Charline{
   char name;
   int line[60000];
   struct Charline * next;
};
char NameFun(){
    int i=0, choice;
    struct Characters c;
    FILE *fp = NULL; 
    fp = fopen("MisNames.txt", "r"); 
    for(i=0; i&amp;lt;65; i++){
        fgets(c.names[i], sizeof(c.names[i]), fp); //Gets each name and stores it as an element of an array
    }
    fclose(fp);
}
int LineScan(){
    struct Characters c;
    typedef struct Charline l;
    l *curr, *head;
    int i, j;
    int k=0;
    char string[300];
    FILE *fp = NULL; 
    fp = fopen("MisNames.txt", "r"); 
    head = NULL;
    for(j=0; j&amp;lt;=65; j++){
        curr = (l *)malloc(sizeof(l));
        curr-&amp;gt;name[j] = c.names[j];
        curr-&amp;gt;next  = head;
        head = curr;
        for(i=1; i&amp;lt;=68116; i++){
            printf("BUG");
            fgets(string, 250, fp);
            printf("BUG");
            if(strstr(string, c.names[j])!=0){
                curr = (l *)malloc(sizeof(l));
                curr-&amp;gt;line[k] = i;
                curr-&amp;gt;next  = head;
                head = curr;
                printf("Line: %d\n");
                printf("5BUG");
                k++;
            }
            else{
                continue;
            }
        }
    }
}
int main(){
    NameFun();
    LineScan();
    return 0;
}
&lt;/code&gt;&lt;/pre&gt;</t>
  </si>
  <si>
    <t>2014-04-26 11:20:27.727000+00:00</t>
  </si>
  <si>
    <t>2014-04-26 13:08:23.520000+00:00</t>
  </si>
  <si>
    <t>2014-04-26 11:34:50.953000+00:00</t>
  </si>
  <si>
    <t>c|pointers|linked-list</t>
  </si>
  <si>
    <t>Birt Reports with asp.net</t>
  </si>
  <si>
    <t>&lt;p&gt;I am currently forced to use Birt as a reporting tool in an application I build. I didn't want to make it overly complicated, because the feature-set is very small, but my client told me he wanted Birt - there's no way around that. Except for that I can use whatever I want.&lt;/p&gt;
&lt;p&gt;Because I need some other data from the MSSQL-Server, I would love to use asp.net core. Someone told me that there was a way of just running Birt in tomcat and then referencing the reports out of my application. I'm completely new to Birt and my experience with asp.net is limited.&lt;/p&gt;
&lt;p&gt;I really hope someone understands my dilemma and can help me. &lt;/p&gt;</t>
  </si>
  <si>
    <t>2016-09-20 15:40:35.027000+00:00</t>
  </si>
  <si>
    <t>2016-09-20 19:04:53.397000+00:00</t>
  </si>
  <si>
    <t>java|asp.net|sql-server|eclipse|birt</t>
  </si>
  <si>
    <t>OpenLDAP memberof Overlay configuration in Ubuntu 11.04</t>
  </si>
  <si>
    <t>&lt;p&gt;I'm having serious trouble configuring my OpenLDAP server to have the memberOf overlay enabled.
I'm using Ubuntu 11.04 and installed my slapd from the standard apt-get repo.
All the instructions refer to editing the slapd.conf file, but I'm using the later version of OpenLDAP, which uses the dynamic configuration rather than the old static file.&lt;/p&gt;
&lt;p&gt;I'm unsure whether the documentation is just not updated or if there is some configuration file I'm meant to be filling out?&lt;/p&gt;
&lt;p&gt;&lt;a href="http://www.openldap.org/doc/admin24/overlays.html#Reverse%20Group%20Membership%20Maintenance" rel="nofollow"&gt;Documentation&lt;/a&gt;&lt;/p&gt;</t>
  </si>
  <si>
    <t>2011-11-14 13:00:14.630000+00:00</t>
  </si>
  <si>
    <t>2014-01-14 10:35:03.243000+00:00</t>
  </si>
  <si>
    <t>ubuntu|ldap|openldap</t>
  </si>
  <si>
    <t>How can we set ANDROID_HOME path for cordova if we are using New android studio as android SDK?</t>
  </si>
  <si>
    <t>&lt;p&gt;I have installed the new android studio. I am developing android apps using cordova. So what is the ANDROID_HOME path in case of android studio latest version?&lt;/p&gt;</t>
  </si>
  <si>
    <t>2015-03-10 11:42:09.917000+00:00</t>
  </si>
  <si>
    <t>2015-03-10 13:08:49.227000+00:00</t>
  </si>
  <si>
    <t>android|cordova|android-studio</t>
  </si>
  <si>
    <t>Spring - List of bean references from properties files?</t>
  </si>
  <si>
    <t>&lt;p&gt;I have this:&lt;/p&gt;
&lt;pre&gt;&lt;code&gt;&amp;lt;bean class="..."&amp;gt;
    &amp;lt;constructor-arg name="beans"&amp;gt;
        &amp;lt;list&amp;gt;
            &amp;lt;ref bean="beanA" /&amp;gt;
            &amp;lt;ref bean="beanB" /&amp;gt;
        &amp;lt;/list&amp;gt;
    &amp;lt;/constructor-arg&amp;gt;
&amp;lt;/bean&amp;gt;
&lt;/code&gt;&lt;/pre&gt;
&lt;p&gt;I want to configure the list via a properties file, something like:&lt;/p&gt;
&lt;pre&gt;&lt;code&gt;Properties file:
beans=beanA,beanB
XML file:
&amp;lt;bean class="..."&amp;gt;
    &amp;lt;constructor-arg name="beans"&amp;gt;
        &amp;lt;list refs="${beans}" /&amp;gt;
    &amp;lt;/constructor-arg&amp;gt;
&amp;lt;/bean&amp;gt;
&lt;/code&gt;&lt;/pre&gt;
&lt;p&gt;Is something like this possible with Spring?&lt;/p&gt;
&lt;p&gt;&lt;strong&gt;Edit:&lt;/strong&gt; Just to give some context in case there are alternative solutions to the problem, this is for an application that has to write to multiple databases, and I want to configure which databases are enabled in the properties file, so that I don't have to maintain separate XML files for dev/production.&lt;/p&gt;</t>
  </si>
  <si>
    <t>2015-01-21 15:11:24.397000+00:00</t>
  </si>
  <si>
    <t>2015-01-21 16:36:08.840000+00:00</t>
  </si>
  <si>
    <t>2015-01-21 15:43:04.377000+00:00</t>
  </si>
  <si>
    <t>CakePHP: What is the correct format for saving data in a HABTM</t>
  </si>
  <si>
    <t>&lt;p&gt;I have an artist that has and belongs to many related artists, in this example i want to save  Madonna and her 2 related artists Cher and Kylie Minogue in the database.&lt;/p&gt;
&lt;p&gt;DB:
&lt;strong&gt;2 tables:&lt;/strong&gt; artists (id, name, created) and artists_related (id, artist_id, related_id)&lt;/p&gt;
&lt;p&gt;Model relationship setup:&lt;/p&gt;
&lt;pre&gt;&lt;code&gt;&amp;lt;?php
class Artist extends AppModel {
    public $hasAndBelongsToMany = array(
        'Related' =&amp;gt;
            array(
                'className' =&amp;gt; 'Artist',
                'joinTable' =&amp;gt; 'artists_related',
                'associationForeignKey' =&amp;gt; 'related_id',
                'unique' =&amp;gt; 'keepExisting'
            )
        );
&lt;/code&gt;&lt;/pre&gt;
&lt;p&gt;I'm trying to save the data like this:&lt;/p&gt;
&lt;pre&gt;&lt;code&gt;    $test_data = array(
        'Artist' =&amp;gt; array(
            'name' =&amp;gt; 'Madonna'
         ),
        'Related' =&amp;gt; array(
            0 =&amp;gt; array(
                'name' =&amp;gt; 'Kylie Minogue'
            ),
            1 =&amp;gt; array(
                'name' =&amp;gt; 'Cher'
            )
        )
    );
    $result = $this-&amp;gt;saveAll($test_data, array('deep' =&amp;gt; true));
&lt;/code&gt;&lt;/pre&gt;
&lt;p&gt;What happens is that only Madonna is saved in the &lt;strong&gt;artists&lt;/strong&gt; table, the two related artists arent saved, and nothing is saved in the join table.&lt;/p&gt;
&lt;p&gt;How should the data array be formatted to accomplish this? Or do i need to save first Madonna, and get the id and then save all the related artists in a different saveAll() ?&lt;/p&gt;</t>
  </si>
  <si>
    <t>2012-11-02 11:05:51.533000+00:00</t>
  </si>
  <si>
    <t>2013-02-01 03:20:56.107000+00:00</t>
  </si>
  <si>
    <t>2012-11-02 11:23:54.607000+00:00</t>
  </si>
  <si>
    <t>php|mysql|cakephp|cakephp-2.0|has-and-belongs-to-many</t>
  </si>
  <si>
    <t>WebGL add glow effect on lines</t>
  </si>
  <si>
    <t>&lt;p&gt;I would like to add glow effect on line of my graph in webgl like &lt;a href="http://armsglobe.chromeexperiments.com/" rel="nofollow"&gt;the Interactive Globe: Small Arms Imports &amp;amp; Exports&lt;/a&gt;.&lt;/p&gt;
&lt;p&gt;I'm using the library Vivagraph.js to display nodes and links, not Threejs.&lt;/p&gt;
&lt;p&gt;Fragment Shader:&lt;/p&gt;
&lt;pre&gt;&lt;code&gt;precision mediump float;
varying vec4 color;
void main(void) {
    gl_FragColor = color;
}
&lt;/code&gt;&lt;/pre&gt;
&lt;p&gt;Vertex Shader:&lt;/p&gt;
&lt;pre&gt;&lt;code&gt;attribute vec2 a_vertexPos;
attribute vec4 a_color;
uniform vec2 u_screenSize;
uniform mat4 u_transform;
varying vec4 color;
void main(void) {
    gl_Position = u_transform * vec4(a_vertexPos/u_screenSize, 0.0, 1.0);
    color = a_color.abgr;
}
&lt;/code&gt;&lt;/pre&gt;
&lt;p&gt;The render function:&lt;/p&gt;
&lt;pre&gt;&lt;code&gt;gl.useProgram(program);
gl.bindBuffer(gl.ARRAY_BUFFER, buffer);
gl.bufferData(gl.ARRAY_BUFFER, storage, gl.DYNAMIC_DRAW);
if (sizeDirty) {
    sizeDirty = false;
    gl.uniformMatrix4fv(locations.transform, false, transform);
    gl.uniform2f(locations.screenSize, width, height);
}
gl.vertexAttribPointer(locations.vertexPos, 2, gl.FLOAT, false, 3 * Float32Array.BYTES_PER_ELEMENT, 0);
gl.vertexAttribPointer(locations.color, 4, gl.UNSIGNED_BYTE, true, 3 * Float32Array.BYTES_PER_ELEMENT, 2 * 4);
gl.drawArrays(gl.LINES, 0, linksCount * 2);
frontLinkId = linksCount - 1;
&lt;/code&gt;&lt;/pre&gt;
&lt;p&gt;Have you any idea to add information about glow on fragment shader ?
Thx&lt;/p&gt;</t>
  </si>
  <si>
    <t>2014-09-23 11:18:48.337000+00:00</t>
  </si>
  <si>
    <t>2014-09-24 01:23:32.780000+00:00</t>
  </si>
  <si>
    <t>javascript|webgl|vivagraphjs</t>
  </si>
  <si>
    <t>Axis in R plot how to get ��</t>
  </si>
  <si>
    <t>&lt;p&gt;Using&lt;/p&gt;
&lt;pre&gt;&lt;code&gt;ylab = bquote(lambda(t))
&lt;/code&gt;&lt;/pre&gt;
&lt;p&gt;in the moment to get a lambda to the y-axis of the plot but this is the small not the large ��.&lt;/p&gt;
&lt;p&gt;How can I get ��?&lt;/p&gt;</t>
  </si>
  <si>
    <t>2015-11-22 05:09:15.820000+00:00</t>
  </si>
  <si>
    <t>2015-11-22 16:48:52.983000+00:00</t>
  </si>
  <si>
    <t>2015-11-22 06:10:32.953000+00:00</t>
  </si>
  <si>
    <t>r|plot|axis</t>
  </si>
  <si>
    <t>call DBus method using GDBus in gjs, no output?</t>
  </si>
  <si>
    <t>&lt;p&gt;I would like to write a gnome-shell extension, which involves some dbus calling in gjs.&lt;/p&gt;
&lt;p&gt;I have learned that Gio.DBus is the right module to use, but I failed to make it run correctly. To demonstrate what I mean, I prepared the following "incorrect" code, which attempts to call the ListNames method in org.freedesktop.DBus interface. I didn't see any output when I run this incorrect code.&lt;/p&gt;
&lt;p&gt;&lt;strong&gt;Incorrect code:&lt;/strong&gt;&lt;/p&gt;
&lt;pre&gt;&lt;code&gt;const Gio = imports.gi.Gio;
const DBusDaemonIface = &amp;lt;interface name='org.freedesktop.DBus'&amp;gt;
    &amp;lt;method name='ListNames'&amp;gt;
        &amp;lt;arg type='as' direction='out'/&amp;gt;
    &amp;lt;/method&amp;gt;
&amp;lt;/interface&amp;gt;;
const DBusDaemonProxy = Gio.DBusProxy.makeProxyWrapper(DBusDaemonIface);
let main = function () {
    var gdbusProxy = new DBusDaemonProxy(Gio.DBus.session, 'org.freedesktop.DBus', '/org/freedesktop/DBus');
    gdbusProxy.ListNamesRemote(function(result, error){ print(result); });
};
main();
&lt;/code&gt;&lt;/pre&gt;
&lt;p&gt;For comparison, the following code works. The difference I made is to define a TestApp class which extends Gio.Application, which gets instantiated in the main() function.&lt;/p&gt;
&lt;p&gt;&lt;strong&gt;Correct code:&lt;/strong&gt;&lt;/p&gt;
&lt;pre&gt;&lt;code&gt;const Gio = imports.gi.Gio;
const Lang = imports.lang;
const DBusDaemonIface = &amp;lt;interface name='org.freedesktop.DBus'&amp;gt;
    &amp;lt;method name='ListNames'&amp;gt;
        &amp;lt;arg type='as' direction='out'/&amp;gt;
    &amp;lt;/method&amp;gt;
&amp;lt;/interface&amp;gt;;
const DBusDaemonProxy = Gio.DBusProxy.makeProxyWrapper(DBusDaemonIface);
TestApp = new Lang.Class({
    Name: 'TestApp',
    Extends: Gio.Application,
    _init: function() {
        this.parent({application_id: 'testapp_id',
            flags: Gio.ApplicationFlags.NON_UNIQUE });
        this._gdbusProxy = new DBusDaemonProxy(Gio.DBus.session,
            'org.freedesktop.DBus', '/org/freedesktop/DBus');
    this._gdbusProxy.ListNamesRemote(Lang.bind(this, this._listNames));
    },
    _listNames: function(result, error) {
    print(result);
    },
    vfunc_activate: function() {
        this.hold();
    },
});
let main = function () {
    let app = new TestApp();
    return app.run(ARGV);
};
main();
&lt;/code&gt;&lt;/pre&gt;
&lt;p&gt;So my guess is to make GDBus work, you need a Gio.Application to run? This could be a very stupid question, because I have zero experience programming for GNOME. Thanks.&lt;/p&gt;</t>
  </si>
  <si>
    <t>2013-09-19 18:06:31.663000+00:00</t>
  </si>
  <si>
    <t>2013-10-17 08:43:50.300000+00:00</t>
  </si>
  <si>
    <t>2013-09-20 01:33:49.307000+00:00</t>
  </si>
  <si>
    <t>gnome|dbus|gnome-shell|gjs|gdbus</t>
  </si>
  <si>
    <t>Based on given longitude and latitude locations of my friends, I want to invite them</t>
  </si>
  <si>
    <t>&lt;p&gt;Let's say a "json" object is available with me at some file location, reading the file, evaluating the distance and inviting the friends is the task. &lt;/p&gt;
&lt;pre&gt;&lt;code&gt;require 'json'
class GeoSearch
    attr_accessor :originalLatitude, :originalLongitude, :invitationMap
    def initialize
        @originalLatitude = 28.521134
        @originalLongitude = 77.206567
        @invitationMap = Hash.new
    end
    def degreesToRadians(degrees)
      return degrees * Math::PI / 180
    end
    def findDistance(lat1, long1, lat2, long2)
        earthRadiusKm = 6371
        deltaLat = degreesToRadians(lat2 - lat1)
        deltaLon = degreesToRadians(long2 - long1)
        lat1 = degreesToRadians(lat1)
        lat2 = degreesToRadians(lat2)
        arial = Math.sin(deltaLat/2) * Math.sin(deltaLat/2) + Math.sin(deltaLon/2) * Math.sin(deltaLon/2) * Math.cos(lat1) * Math.cos(lat2)
        distance = earthRadiusKm * (2 * Math.atan2(Math.sqrt(arial), Math.sqrt(1-arial)))
        distance
    end
    def readJsonFile(fileName)
        file = File.read(fileName)
        jsonData = JSON.parse(file)
        jsonArray = jsonData["friends"]
        iteratorOnJson(jsonArray)
    end
    def iteratorOnJson(jsonArray)
        visitingFriendsIds = []
        jsonArray.each do |element|
            if(findDistance(@originalLatitude, @originalLongitude, element['latitude'], element['longitude']) &amp;lt;= 100)
                visitingFriendsIds &amp;lt;&amp;lt; element['id']
                @invitationMap[element['id']] = element['name']
            end
        end
        visitingFriendsIds = sortElements(visitingFriendsIds, 0 ,visitingFriendsIds.length-1)
        sendInvitationtoFriends(visitingFriendsIds, jsonArray)
    end
    def sendInvitationtoFriends(visitingFriendsIds, jsonArray)
        visitingFriendsIds.each do |friendId|
            puts "id: " + friendId.to_s + "  name: " + @invitationMap[friendId]
        end
    end
    def sortElements(inputArray, low, high)
        if(low &amp;lt; high)
            partition = quickSort(inputArray, low, high)
            sortElements(inputArray, low, partition-1)
            sortElements(inputArray, partition+1, high)
        end
        inputArray
    end
    def quickSort(inputArray, low, high)
        pivotalPoint = inputArray[high]
        index = low
        for iterator in low..high do
            if(inputArray[iterator] &amp;lt;= pivotalPoint)
                swapElements(inputArray, iterator, index)
                index = index + 1
            end
        end
        index -1
    end
    def swapElements(inputArray, xIndex, yIndex)
        temp = inputArray[xIndex]
        inputArray[xIndex] = inputArray[yIndex]
        inputArray[yIndex] = temp
    end
end
GeoSearch.new.readJsonFile("/home/neha/Desktop/friends.json")#Add your fileName
&lt;/code&gt;&lt;/pre&gt;
&lt;p&gt;If Json object look like:&lt;/p&gt;
&lt;pre&gt;&lt;code&gt;# {
#   "friends": [
#   {
#   "id": "5",
#   "name": "Agueda",
#   "latitude": 28.521134,
#   "longitude": 78.206567
# },
#   {
#   "id": "2",
#   "name": "Hisako",
#   "latitude": 28.521134,
#   "longitude": 74.206567
# },
#   {
#   "id": "1",
#   "name": "Addie",
#   "latitude": 28.521134,
#   "longitude": 76.206567
# },
#   {
#   "id": "4",
#   "name": "Laure",
#   "latitude": 37.5758033375583,
#   "longitude": -122.012044535507
# },
#   {
#   "id": "3",
#   "name": "Maye",
#   "latitude": 41.77117,
#   "longitude": -87.888795
# }
# ]
# }
&lt;/code&gt;&lt;/pre&gt;
&lt;p&gt;output the names and user ids of matching friends (within 100km), sorted by user id (ascending).&lt;/p&gt;
&lt;p&gt;Is there any way to reduce the complexity of the methods which are written.&lt;/p&gt;</t>
  </si>
  <si>
    <t>2017-07-16 16:40:32.043000+00:00</t>
  </si>
  <si>
    <t>2017-07-16 17:38:14.970000+00:00</t>
  </si>
  <si>
    <t>ruby|geolocation</t>
  </si>
  <si>
    <t>Get data having a maximum attribute from firebase in nodejs</t>
  </si>
  <si>
    <t>&lt;p&gt;So i am working with firebase in nodejs, there is a "number" attribute in each of my document of a specific table(name generated at runtime). I want to get the data having the attribute "number"'s maximum value.&lt;/p&gt;
&lt;p&gt;Here is my sample data:-&lt;/p&gt;
&lt;pre&gt;&lt;code&gt;    -L1GIb7Vyn6Yhd5gghH0
    correct: blah
    number: 9
    question: A sample question
    wrong1:  blekh
    wrong2:  blahhh
&lt;/code&gt;&lt;/pre&gt;
&lt;p&gt;I have seen answers like "childAdded" and all but all in vain also I can't use .endAt() or startAt() because I don't know the "number"'s value at any time.&lt;/p&gt;
&lt;p&gt;My sample code till now is:-&lt;/p&gt;
&lt;pre&gt;&lt;code&gt;queRef.child(req.session.quiztopicname+req.session.quiztopictype).
    orderByChild("number").endAt(9).once("value",function(snapshot){
console.log(snapshot.val());
});
&lt;/code&gt;&lt;/pre&gt;</t>
  </si>
  <si>
    <t>2017-12-26 05:38:17.357000+00:00</t>
  </si>
  <si>
    <t>2017-12-26 05:50:01.833000+00:00</t>
  </si>
  <si>
    <t>node.js|firebase|firebase-realtime-database</t>
  </si>
  <si>
    <t>Two distinct objects are being treated the same when used as keys in an object</t>
  </si>
  <si>
    <t>&lt;p&gt;I have an object where the keys are WebSockets (from the Node.JS &lt;code&gt;ws&lt;/code&gt; library).&lt;/p&gt;
&lt;p&gt;Say I have two different WebSockets ("Socket A" and "Socket B").&lt;/p&gt;
&lt;pre&gt;&lt;code&gt;socketa === socketb // =&amp;gt; false
&lt;/code&gt;&lt;/pre&gt;
&lt;p&gt;Socket A is the only key in the object:&lt;/p&gt;
&lt;pre&gt;&lt;code&gt;theObject.hasOwnProperty(socketa) // =&amp;gt; true
&lt;/code&gt;&lt;/pre&gt;
&lt;p&gt;Here's the problem:&lt;/p&gt;
&lt;pre&gt;&lt;code&gt;theObject.hasOwnProperty(socketb) // =&amp;gt; true
&lt;/code&gt;&lt;/pre&gt;
&lt;p&gt;Even though these are two different objects (that &lt;code&gt;!==&lt;/code&gt; each other), they are &lt;strong&gt;both&lt;/strong&gt; keys in the object which &lt;em&gt;only Socket A is a key of&lt;/em&gt;.&lt;/p&gt;
&lt;p&gt;Same result with &lt;code&gt;key in object&lt;/code&gt;:&lt;/p&gt;
&lt;pre&gt;&lt;code&gt;socketa in theObject // =&amp;gt; true
socketb in theObject // =&amp;gt; true
&lt;/code&gt;&lt;/pre&gt;
&lt;p&gt;There definitely is only one member in the object:&lt;/p&gt;
&lt;pre&gt;&lt;code&gt;Object.keys(theObject).length // =&amp;gt; 1
&lt;/code&gt;&lt;/pre&gt;
&lt;p&gt;What's going on here?&lt;/p&gt;</t>
  </si>
  <si>
    <t>2013-11-10 04:15:12.003000+00:00</t>
  </si>
  <si>
    <t>2013-11-10 16:21:51.950000+00:00</t>
  </si>
  <si>
    <t>javascript|node.js|websocket|equality</t>
  </si>
  <si>
    <t>How to call a silverlight application from another silverlight application</t>
  </si>
  <si>
    <t>&lt;p&gt;How do I call a silverlight application from another silverlight application. I want to do it when User RMB click on the menu item on the treeview from first application.
Please note these menu items are added dynamically hence I can not add the code in the XAML file.
Please help in this regard.&lt;/p&gt;</t>
  </si>
  <si>
    <t>2011-09-06 04:50:12.817000+00:00</t>
  </si>
  <si>
    <t>2011-09-06 10:10:52.087000+00:00</t>
  </si>
  <si>
    <t>silverlight|silverlight-4.0</t>
  </si>
  <si>
    <t>Confusion between getLocationInWindow and getLocationOnScreen</t>
  </si>
  <si>
    <t>&lt;p&gt;What I have understood is that &lt;code&gt;getLocationOnScreen&lt;/code&gt; returns location with added height of status bar (or actionbar or title bar too ?) in Y axis from very top-left of screen corner.&lt;/p&gt;
&lt;p&gt;And &lt;code&gt;getLocationInWindow&lt;/code&gt; returns location from top-left of root content view of activity.&lt;/p&gt;
&lt;p&gt;Now, everything seems to make sense. But when Im trying to get location using &lt;code&gt;getLocationOnScreen&lt;/code&gt; and &lt;code&gt;getLocationInWindow&lt;/code&gt;, they both return same location of a button with added height of status bar. For &lt;code&gt;getLocationOnScreen&lt;/code&gt; it seems correct but for &lt;code&gt;getLocationInWindow&lt;/code&gt; it seems wrong.&lt;/p&gt;
&lt;p&gt;Is there something I'm missing ? or its just buggy ? I tested this in API-4 and API-14.&lt;/p&gt;</t>
  </si>
  <si>
    <t>2013-11-22 06:04:00.433000+00:00</t>
  </si>
  <si>
    <t>2017-11-29 03:33:06.590000+00:00</t>
  </si>
  <si>
    <t>How to access VHDL signal attributes in ModelSim via TCL?</t>
  </si>
  <si>
    <t>&lt;p&gt;I am developing a CPU in VHDL. I am using ModelSim for simulation and testing. In the simulation script I load a program from a binary file to the instruction memory. Now I want to automatically check if the program fits into memory and abort simulation if it doesn't. Since the memory is basically an array of std_logic_vectors, all I would have to do is read the corresponding signal attribute for use in a comparison. My problem is: How do I access a VHDL signal attribute in TCL inside ModelSim?&lt;/p&gt;
&lt;p&gt;The closest I have gotten so far is to use the describe command:&lt;/p&gt;
&lt;pre&gt;&lt;code&gt;describe sim/:tb:uut:imem:mem_array
&lt;/code&gt;&lt;/pre&gt;
&lt;p&gt;which prints something like&lt;/p&gt;
&lt;pre&gt;&lt;code&gt;# Array(0 to 255) [length 256] of
#   Array(31 downto 0) [length 32] of
#     VHDL standard subtype STD_LOGIC
&lt;/code&gt;&lt;/pre&gt;
&lt;p&gt;Now, of course I could parse the length out of there via string operations. But that would not be a very generic solution. Ideally I would like to have something like this:&lt;/p&gt;
&lt;pre&gt;&lt;code&gt;set mem_size [get_attribute sim/:tb:uut:imem:mem_array'length]
&lt;/code&gt;&lt;/pre&gt;
&lt;p&gt;I have searched stackoverflow, googled up and down and searched through the commands in the command reference manual, but I could not find a solution. I am confident there must be a rather easy solution and I just lack the proper wording to successfully search for it. To me, this doesn't look overly specific and I am sure this could come in hand on many occasions when automating design testing. I am using version 10.6.&lt;/p&gt;
&lt;p&gt;I would be very grateful if an experienced ModelSim user could help me out.&lt;/p&gt;</t>
  </si>
  <si>
    <t>2018-11-11 10:11:40.247000+00:00</t>
  </si>
  <si>
    <t>2018-11-13 08:25:48.870000+00:00</t>
  </si>
  <si>
    <t>2018-11-11 10:20:13.687000+00:00</t>
  </si>
  <si>
    <t>tcl|vhdl|modelsim</t>
  </si>
  <si>
    <t>Encode a tuple of strings with poison</t>
  </si>
  <si>
    <t>&lt;p&gt;I'm trying to encode this tuple of strings with poison:&lt;/p&gt;
&lt;pre&gt;&lt;code&gt;{"product existed but could not add categories to product",
 "Shop existed but could not add product to shop"}
&lt;/code&gt;&lt;/pre&gt;
&lt;p&gt;Getting this error:&lt;/p&gt;
&lt;pre&gt;&lt;code&gt;19:10:21.593 [error] #PID&amp;lt;0.339.0&amp;gt; running Api.Router terminated
Server: 192.168.20.3:4000 (http)
Request: POST /products
** (exit) an exception was raised:
    ** (Poison.EncodeError) unable to encode value: {"product existed but could not add categories to product", "Shop ex
isted but could not add product to shop"}
        (poison) lib/poison/encoder.ex:383: Poison.Encoder.Any.encode/2
        (poison) lib/poison/encoder.ex:227: anonymous fn/4 in Poison.Encoder.Map.encode/3
        (poison) lib/poison/encoder.ex:228: Poison.Encoder.Map."-encode/3-lists^foldl/2-0-"/3
        (poison) lib/poison/encoder.ex:228: Poison.Encoder.Map.encode/3
        (poison) lib/poison.ex:41: Poison.encode!/2
        (api) lib/api/router.ex:90: anonymous fn/1 in Api.Router.do_match/4
        (api) lib/api/router.ex:1: Api.Router.plug_builder_call/2
        (api) lib/plug/debugger.ex:123: Api.Router.call/2
&lt;/code&gt;&lt;/pre&gt;
&lt;p&gt;Can Poison encode a tuple of strings or should I be changing my type for &lt;code&gt;errors&lt;/code&gt; to be something else?&lt;/p&gt;</t>
  </si>
  <si>
    <t>2017-05-26 07:31:46.463000+00:00</t>
  </si>
  <si>
    <t>2018-06-29 05:23:34.703000+00:00</t>
  </si>
  <si>
    <t>elixir|elixir-framework|elixir-poison</t>
  </si>
  <si>
    <t>Connect to Redis service from different service using kubernetes</t>
  </si>
  <si>
    <t>&lt;p&gt;I have a Kubernetes Cluster on google cloud platform with a number of services deployed. I imported redis-go in my compute service and can create a new client here to store/retrieve data to my redis service. I want to be able to access this stored data from a different service also. I tried using redis-go and creating a new client with the same address to my redis service cluster but I can't retrieve any of the data. So basically I am wondering how I can connect to a single redis-service instance from multiple services. Here is an example of code I am using to Dial my redis-service and store/retrieve value. I can store and retrieve from each individual service but if I store from one service and try retrieve from another it does not work.&lt;/p&gt;
&lt;pre&gt;&lt;code&gt;      conn, _ := redis.Dial("tcp", "redis:6379")
      defer conn.Close()
      conn.Do("SET", "bbcTrump", "someValue")
    //someValue, _:= conn.Do("GET", "bbcTrump")
&lt;/code&gt;&lt;/pre&gt;
&lt;p&gt;In addition here is my redis-deployment.yaml and redis-service.yaml code. Maybe there is a problem here.&lt;/p&gt;
&lt;p&gt;Deployment:&lt;/p&gt;
&lt;pre&gt;&lt;code&gt;apiVersion: extensions/v1beta1
kind: Deployment
metadata:
  annotations:
    kompose.cmd: kompose convert -f docker-compose.yml
    kompose.version: 1.10.0 (HEAD)
  creationTimestamp: null
  labels:
    io.kompose.service: redis
  name: redis
spec:
  replicas: 1
  strategy: {}
  template:
    metadata:
      creationTimestamp: null
      labels:
        io.kompose.service: redis
    spec:
      containers:
      - image: redis
        name: redis
        ports:
        - containerPort: 6379
        resources: {}
      restartPolicy: Always
status: {}
&lt;/code&gt;&lt;/pre&gt;
&lt;p&gt;Service:&lt;/p&gt;
&lt;pre&gt;&lt;code&gt;apiVersion: v1
kind: Service
metadata:
  annotations:
    kompose.cmd: kompose convert -f docker-compose.yml
    kompose.version: 1.10.0 (HEAD)
  creationTimestamp: null
  labels:
    io.kompose.service: redis
  name: redis
spec:
  ports:
   - port: 6379
     targetPort: 6379
  selector:
    io.kompose.service: redis
status:
  loadBalancer: {}
&lt;/code&gt;&lt;/pre&gt;</t>
  </si>
  <si>
    <t>2018-04-28 08:11:52.627000+00:00</t>
  </si>
  <si>
    <t>2018-05-13 10:47:50.687000+00:00</t>
  </si>
  <si>
    <t>2018-04-29 09:12:26.987000+00:00</t>
  </si>
  <si>
    <t>go|redis|kubernetes|gke</t>
  </si>
  <si>
    <t>Most efficient way to concatenate strings in c</t>
  </si>
  <si>
    <t>&lt;p&gt;Consider this simple program that concatenates all specified parameters and prints them in standard output. I used 2 for loops to append the strings, one to calculate the length of that string and one to concatenate the strings. Is there a way doing it with only one loop? It wouldn't be more efficient reallocating memory for each string to concatenate, would it? How would Java's StringBuilder be implemented in C? Would it loop twice as I did?&lt;/p&gt;
&lt;pre&gt;&lt;code&gt;#include &amp;lt;stdio.h&amp;gt;
#include &amp;lt;string.h&amp;gt;
#include &amp;lt;stdlib.h&amp;gt;
int main(int argc, char** argv)
{
    size_t len = 0;
    // start for loop at i = 1 to skip the program name specified in argv
    for(int i = 1; i &amp;lt; argc; i++)
        len += strlen(argv[i]) + 1; // +1 for the space 
    char* toAppend = (char*)malloc(len * sizeof(char) + 1);
    toAppend[0] = '\0'; // first string is empty and null terminated 
    for(int i = 1; i &amp;lt; argc; i++)
    {
        strcat(toAppend, argv[i]);
        strcat(toAppend, " ");
    }
    printf(toAppend);
    free(toAppend);
}
&lt;/code&gt;&lt;/pre&gt;</t>
  </si>
  <si>
    <t>2018-09-20 00:19:44.483000+00:00</t>
  </si>
  <si>
    <t>2018-09-20 01:13:28.490000+00:00</t>
  </si>
  <si>
    <t>c|string|memory-management</t>
  </si>
  <si>
    <t>Jquery drop down option on based previous selction</t>
  </si>
  <si>
    <t>&lt;p&gt;Is it possible to get data from the database based on the previous drop down selection?&lt;/p&gt;
&lt;p&gt;For example:&lt;/p&gt;
&lt;pre&gt;&lt;code&gt;&amp;lt;select id="paramscountries" class="chzn-done" style="display: none;" name="params[countries][]" multiple="true" size="10"&amp;gt;
    &amp;lt;option value="1"&amp;gt;Afghanistan&amp;lt;/option&amp;gt;
    &amp;lt;option value="2"&amp;gt;Albania&amp;lt;/option&amp;gt;
    &amp;lt;option value="3"&amp;gt;Algeria&amp;lt;/option&amp;gt;
    &amp;lt;option value="4"&amp;gt;USA&amp;lt;/option&amp;gt;
&amp;lt;/select&amp;gt;
&lt;/code&gt;&lt;/pre&gt;
&lt;p&gt;If I select USA from the above list it will make a query &amp;amp; get all the states name from  the database. For example from states.php &amp;amp; will show all the states name in another drop down selection without reloading that page.&lt;/p&gt;</t>
  </si>
  <si>
    <t>2014-07-06 09:32:17.517000+00:00</t>
  </si>
  <si>
    <t>2015-12-10 14:12:07.237000+00:00</t>
  </si>
  <si>
    <t>2014-07-06 09:38:13.740000+00:00</t>
  </si>
  <si>
    <t>javascript|php|jquery|html|mysql</t>
  </si>
  <si>
    <t>In memory databases with LMDB</t>
  </si>
  <si>
    <t>&lt;p&gt;I have a project which uses BerkelyDB as a key value store for up to hundreds of millions of small records.  &lt;/p&gt;
&lt;p&gt;The way it's used is all the values are inserted into the database, and then they are iterated over using both sequential and random access, all from a single thread.&lt;/p&gt;
&lt;p&gt;With BerkeleyDB, I can create &lt;a href="http://pybsddb.sourceforge.net/api_c/db_open.html" rel="nofollow"&gt;in-memory databases&lt;/a&gt; that are "never intended to be preserved on disk".  If the database is small enough to fit in the BerkeleyDB cache, it will never be written to disk.  If it is bigger than the cache, then a temporary file will be created to hold the overflow.  This option can speed things up significantly, as it prevents my application from writing gigabytes of dead data to disk when closing the database.&lt;/p&gt;
&lt;p&gt;I have found that the BerkeleyDB write performance is too poor, even on an SSD, so I would like to switch to &lt;a href="http://symas.com/mdb/microbench/" rel="nofollow"&gt;LMDB&lt;/a&gt;.  However, based on the &lt;a href="http://symas.com/mdb/doc/group__mdb.html#ga32a193c6bf4d7d5c5d579e71f22e9340" rel="nofollow"&gt;documentation,&lt;/a&gt; it doesn't seem like there is an option creating a non-persistent database.&lt;/p&gt;
&lt;p&gt;What configuration/combination of options should I use to get the best performance out of LMDB if I don't care about persistence or concurrent access at all? i.e. to make it act like an "in-memory database" with temporary backing disk storage?&lt;/p&gt;</t>
  </si>
  <si>
    <t>2016-03-23 05:55:17.747000+00:00</t>
  </si>
  <si>
    <t>2016-06-05 20:23:35.227000+00:00</t>
  </si>
  <si>
    <t>database|berkeley-db|lmdb</t>
  </si>
  <si>
    <t>How to set up gtk for go on Win 7</t>
  </si>
  <si>
    <t>&lt;p&gt;I would like to create a small GUI with go on windows 7 32bit. This is what I did:&lt;/p&gt;
&lt;ul&gt;
&lt;li&gt;I installed MinGw.&lt;/li&gt;
&lt;li&gt;I downloaded the gtk+ all-in-one bundle from here: &lt;a href="http://www.gtk.org/download/win32.php" rel="nofollow"&gt;http://www.gtk.org/download/win32.php&lt;/a&gt; and added it to my PATH variable&lt;/li&gt;
&lt;/ul&gt;
&lt;p&gt;To check the correct installation, I typed &lt;code&gt;gcc&lt;/code&gt; in the command prompt. It returned the error message &lt;strong&gt;realgcc: no input file&lt;/strong&gt;, so it seems like gcc is installed correctly. Then I tried to run &lt;code&gt;gtk-demo&lt;/code&gt;. It worked, too&lt;/p&gt;
&lt;ul&gt;
&lt;li&gt;My go installation is tested and runs fine. I've already developed a small server with it. GOROOT and GOPATH are both set correctly.&lt;/li&gt;
&lt;li&gt;To install go-gtk, I used &lt;code&gt;go get github.com/mattn/go-gtk/gtk&lt;/code&gt;&lt;/li&gt;
&lt;/ul&gt;
&lt;p&gt;The installation finished with a lot of warnings. &lt;/p&gt;
&lt;blockquote&gt;
  &lt;p&gt;C:\Users\lhk&gt;go get github.com/mattn/go-gtk/gtk&lt;/p&gt;
  &lt;p&gt;# github.com/mattn/go-gtk/glib &lt;/p&gt;
  &lt;p&gt;realgcc.exe: warning: '-x c' after last input file has no effect &lt;/p&gt;
  &lt;p&gt;realgcc.exe: no input files&lt;/p&gt;
  &lt;p&gt;# github.com/mattn/go-gtk/gdk &lt;/p&gt;
  &lt;p&gt;realgcc.exe: warning: '-x c' after last input file has no effect &lt;/p&gt;
  &lt;p&gt;realgcc.exe: no input files&lt;/p&gt;
  &lt;p&gt;# github.com/mattn/go-gtk/pango &lt;/p&gt;
  &lt;p&gt;realgcc.exe: warning: '-x c' after last input file has no effect &lt;/p&gt;
  &lt;p&gt;realgcc.exe: no input files&lt;/p&gt;
&lt;/blockquote&gt;
&lt;p&gt;C:\Users\lhk&gt;&lt;/p&gt;
&lt;p&gt;To test the installation of go-gtk, I used the sample code from here: &lt;a href="http://mattn.github.io/go-gtk/" rel="nofollow"&gt;http://mattn.github.io/go-gtk/&lt;/a&gt; . I tried to run this code with &lt;code&gt;go run&lt;/code&gt; but it terminated with an error message: &lt;/p&gt;
&lt;blockquote&gt;
  &lt;p&gt;# github.com/mattn/go-gtk/glib&lt;br&gt;
  realgcc.exe: warning: '-x c' after last input file has no effect&lt;br&gt;
  realgcc.exe: no input files&lt;br&gt;
  #
  github.com/mattn/go-gtk/gdk&lt;br&gt;
  realgcc.exe: warning: '-x c' after last
  input file has no effect&lt;br&gt;
  realgcc.exe: no input files&lt;br&gt;
  #
  github.com/mattn/go-gtk/pango&lt;br&gt;
  realgcc.exe: warning: '-x c' after last
  input file has no effect&lt;br&gt;
  realgcc.exe: no input files&lt;br&gt;
  exit status 2&lt;/p&gt;
&lt;/blockquote&gt;
&lt;p&gt;What did I do wrong ? How do I set up gtk for use with go correctly ?&lt;/p&gt;
&lt;p&gt;&lt;strong&gt;Update&lt;/strong&gt;&lt;/p&gt;
&lt;p&gt;mb0 on the Go IRC channel was very helpful and pointed me to this &lt;a href="https://groups.google.com/forum/?fromgroups#!topic/golang-nuts/GwbkQREiTZI" rel="nofollow"&gt;https://groups.google.com/forum/?fromgroups#!topic/golang-nuts/GwbkQREiTZI&lt;/a&gt;&lt;/p&gt;
&lt;p&gt;The creator of go-gtk apparently got go-gtk to work on win32. He didn't use go get. Instead he cloned the github repo into the src folder on his GOPATH and used the mingw compiler shell to call mingw32-make.&lt;/p&gt;
&lt;p&gt;I did the exact same thing: Cloned the repo and called mingw32-make. It starts to compile but fails with the error message:&lt;/p&gt;
&lt;blockquote&gt;
  &lt;p&gt;#  pkg-config --cflags gtksourceview-2.0 &lt;/p&gt;
  &lt;p&gt;Package gtksourceview-2.0 was not found in the pkg-config search path. &lt;/p&gt;
  &lt;p&gt;Perhaps you should add the directory containing "gtksourceview-2.0.pc" &lt;/p&gt;
  &lt;p&gt;to the PKG_CONFIG_PATH environment variable &lt;/p&gt;
  &lt;p&gt;No package "gtksourceview-2.0" found exit status&lt;/p&gt;
  &lt;p&gt;1 mingw32-make: &lt;em&gt;*&lt;/em&gt; [all] Error 2&lt;/p&gt;
&lt;/blockquote&gt;
&lt;p&gt;This actually gives some specific advice. Apparently there's a package config utility and it doesn't find an important package. Unfortunately I'm at a loss how to solve this. I checked the gtk website and found this article on pkg-config &lt;a href="http://www.gtk.org/api/2.6/gtk/gtk-compiling.html" rel="nofollow"&gt;http://www.gtk.org/api/2.6/gtk/gtk-compiling.html&lt;/a&gt;&lt;/p&gt;
&lt;p&gt;It seems to me that pkg-config is responsible for configurating the package imports. Therefore I'm hesitant to just create the PKG_CONFIG_PATH variable myself since I don't know where it should point. I just tried to run the to shell commands in my mingw shell: &lt;code&gt;pkg-config --cflags gtk+-2.0&lt;/code&gt;  and &lt;code&gt;pkg-config --libs gtk+-2.0&lt;/code&gt;. The first seems to display a list of include paths and the second just prints the available libraries. There are pango, cairo, gobject, pixbuf and many others but definitely no library named something like gtksourceview.&lt;/p&gt;
&lt;p&gt;My guess is that I don't have this lib on my machine. Which confuses me, since I downloaded and unzipped the all in one bundle which was supposed to satisfy all dependencies.&lt;/p&gt;
&lt;p&gt;What can I do to solce this problem ?&lt;/p&gt;</t>
  </si>
  <si>
    <t>2013-06-08 12:24:17.430000+00:00</t>
  </si>
  <si>
    <t>2014-04-09 16:47:04.603000+00:00</t>
  </si>
  <si>
    <t>gcc|gtk|go|mingw|mingw32</t>
  </si>
  <si>
    <t>Getting the first element in string/list</t>
  </si>
  <si>
    <t>&lt;p&gt;OK, I have file with this data:&lt;/p&gt;
&lt;pre&gt;&lt;code&gt;data = """4,sons,hey,what,Z,U   
          3,dogs,watch,who,U,H
          2,times,did,1,won,G"""
&lt;/code&gt;&lt;/pre&gt;
&lt;p&gt;I'm wondering, How can I extract the first element from this data?&lt;/p&gt;
&lt;p&gt;In this case first place is number so I tried:&lt;/p&gt;
&lt;pre&gt;&lt;code&gt;filter(str.isdigit, data)
&lt;/code&gt;&lt;/pre&gt;
&lt;p&gt;but since I have other numbers in data its not working for me. Any new ideas?&lt;/p&gt;</t>
  </si>
  <si>
    <t>2012-12-15 15:21:24.780000+00:00</t>
  </si>
  <si>
    <t>2012-12-15 15:23:35.340000+00:00</t>
  </si>
  <si>
    <t>Create Request Response XML from WSDL</t>
  </si>
  <si>
    <t>&lt;p&gt;I follwed the src given by tom.bujok, I created a Java project in eclipse&lt;/p&gt;
&lt;p&gt;&lt;a href="https://stackoverflow.com/questions/7487699/how-to-generate-a-soap-message-with-a-fully-populated-request-from-wsdl-without"&gt;how to generate a SOAP message with a fully populated request from WSDL without code gen&lt;/a&gt;&lt;/p&gt;
&lt;p&gt;I'm getting:&lt;/p&gt;
&lt;pre&gt;&lt;code&gt;Resource [/xsds/xop.xsd] loading failed exception.
&lt;/code&gt;&lt;/pre&gt;
&lt;p&gt;I'm not using this project as Maven, I added src of the following to my Java project:&lt;/p&gt;
&lt;pre&gt;&lt;code&gt;Soap-builder
soap-common
soap-legacy
&lt;/code&gt;&lt;/pre&gt;
&lt;p&gt;And I have added a few jars, as its can not be resolved.&lt;/p&gt;
&lt;pre&gt;&lt;code&gt;com.google.guava_1.6.0.jar
common-lang3.jar
commons-io-2.2.jar
log4j-1.2.17.jar
soap-xmlbeans-1.2.jar
wsdl4j-1.6.2.jar
xmlbeans.jar
xmlunit.jar
&lt;/code&gt;&lt;/pre&gt;
&lt;p&gt;I want this src as Java project. I dont know what I missed.&lt;/p&gt;
&lt;p&gt;Src downloaded from &lt;a href="https://github.com/reficio/soap-ws" rel="nofollow noreferrer"&gt;https://github.com/reficio/soap-ws&lt;/a&gt;&lt;/p&gt;</t>
  </si>
  <si>
    <t>2013-12-26 09:11:31.023000+00:00</t>
  </si>
  <si>
    <t>2013-12-27 03:21:31.127000+00:00</t>
  </si>
  <si>
    <t>2017-05-23 11:50:18.310000+00:00</t>
  </si>
  <si>
    <t>java|maven</t>
  </si>
  <si>
    <t>CesiumJS: Draggable points jump to static point locations</t>
  </si>
  <si>
    <t>&lt;p&gt;I've written a few functions to draw draggable and static points in Cesium. However, I have a big issue when using these together.&lt;/p&gt;
&lt;p&gt;I can draw draggable points by clicking on the map, and move them around by clicking and dragging. But if I plot a static point after plotting a draggable point, the draggable point jumps to the location of the static point! I can still drag the point, but it always snaps back to the static points location. &lt;/p&gt;
&lt;p&gt;Here's a Sandcastle demo to illustrate my problem - &lt;a href="http://cesiumjs.org/Cesium/Apps/Sandcastle/?src=Hello%20World.html&amp;amp;label=Showcases&amp;amp;gist=54a2252d95768ca89d23948ad010356a" rel="nofollow noreferrer"&gt;http://cesiumjs.org/Cesium/Apps/Sandcastle/?src=Hello%20World.html&amp;amp;label=Showcases&amp;amp;gist=54a2252d95768ca89d23948ad010356a&lt;/a&gt;&lt;/p&gt;
&lt;p&gt;In this example, any click on the map will create a draggable point (red points). There are two timeouts at the end of the script, one of which will draw a static point after 5s, and the other will plot a static point at a different location after 10s. The static points are purple and a lot smaller than the draggable ones.&lt;/p&gt;
&lt;p&gt;As you'll see, if you draw a draggable point in the first 5s, it will jump to the location of the first static point.&lt;/p&gt;
&lt;p&gt;What's going on?!&lt;/p&gt;</t>
  </si>
  <si>
    <t>2017-04-27 19:56:46.213000+00:00</t>
  </si>
  <si>
    <t>2017-07-24 21:37:45.413000+00:00</t>
  </si>
  <si>
    <t>javascript|cesium</t>
  </si>
  <si>
    <t>How can I map a shared folder from my container on Mac?</t>
  </si>
  <si>
    <t>&lt;p&gt;I have a folder insider a Docker container that is shared through Samba. I can map this folder on Windows without problem running something like:&lt;/p&gt;
&lt;pre&gt;&lt;code&gt;net use z: \\vm_ip\folder
&lt;/code&gt;&lt;/pre&gt;
&lt;p&gt;In the case above, z: is the drive that I created with the content from the shared folder.&lt;/p&gt;
&lt;p&gt;How could I map that same folder on Mac?&lt;/p&gt;</t>
  </si>
  <si>
    <t>2017-06-06 08:05:29.543000+00:00</t>
  </si>
  <si>
    <t>2017-06-13 19:15:18.167000+00:00</t>
  </si>
  <si>
    <t>2017-06-06 08:23:20.003000+00:00</t>
  </si>
  <si>
    <t>macos|docker</t>
  </si>
  <si>
    <t>Chromecast iOS sender - custom styling</t>
  </si>
  <si>
    <t>&lt;p&gt;I am attempting to style the views provided by the Chromecast SDK on iOS. Using &lt;code&gt;GCKUIStyle&lt;/code&gt;, I have managed to style all elements except the bottom element on the "connection controller" (which says "Stop casting"). The background color always seems to be a standard light-gray. I have tried every color-related property made available via the SDK, and I have also tried setting the tint color of every UIViewController I have access to. None of this helped.&lt;/p&gt;
&lt;p&gt;&lt;a href="https://i.stack.imgur.com/2C2An.png" rel="nofollow noreferrer"&gt;&lt;img src="https://i.stack.imgur.com/2C2An.png" alt="Example"&gt;&lt;/a&gt;&lt;/p&gt;
&lt;p&gt;Is there any way to style this button?&lt;/p&gt;</t>
  </si>
  <si>
    <t>2018-02-14 08:59:04.720000+00:00</t>
  </si>
  <si>
    <t>ios|chromecast|google-cast</t>
  </si>
  <si>
    <t>How to weigh percentages with proc tabulate?</t>
  </si>
  <si>
    <t>&lt;p&gt;I am creating a bunch of frequency tables using proc tabulate, and I have to weigh the percentage according to a set of weights regarding the age of each person in my dataset. My problem is that it seems like the weights have any impact on my results. I know, I can do this with proc freq, but my tables are pretty detailed, and therefore I am using proc tabulate. &lt;/p&gt;
&lt;p&gt;I have included an example of a dataset, and what I have tried so far:&lt;/p&gt;
&lt;pre&gt;&lt;code&gt;Data have; 
input gender wgt q1 year;
lines;
0  1.5  0  2014
0  1    1  2014
0  1.5  1  2014
0  1    1  2014
0  1.5  0  2014
1  1    1  2014
1  1    1  2014
1  1    1  2014
1  1    0  2014
1  1   1  2014
1  1    1  2014
;
run;
Proc format;
  value gender  0="boy";
                1= "girl";
  value q1f     0= "No"
                1="Yes";
run;
Proc tabulate data=have;
class gender q1 year;
weight wgt;
table gender*pctn&amp;lt;q1&amp;gt;, year*q1;
format gender gender. q1 q1f.;
run;
&lt;/code&gt;&lt;/pre&gt;
&lt;p&gt;I know the results should be that app. 46,2 % boys have answered "No" and app. 53,8 % have answered yes, when I include the weights, but the output from the proc tabulate gives me 40 % No and 60 % yes among the boys. 
What have I done wrong?&lt;/p&gt;</t>
  </si>
  <si>
    <t>2018-11-14 16:18:33.337000+00:00</t>
  </si>
  <si>
    <t>2018-11-14 17:30:07.823000+00:00</t>
  </si>
  <si>
    <t>sas|weight</t>
  </si>
  <si>
    <t>UniqueIdentifier in ios 7</t>
  </si>
  <si>
    <t>&lt;p&gt;Before deprecation of uniqueIdentifier it was good to use same identifier even deleting app and even erasing iPhone. After that I use MAC address and that was also working before iOS 7, but with iOS 7 it gives 2c:00:00:00:00:00. So I am not getting any way to get unique identifier.
If is use  IdentifierForVender: it gives different identifier if I delete the all the app of same vendor.&lt;/p&gt;
&lt;p&gt;MAC Address : it works fine but not on iOS 7.&lt;/p&gt;
&lt;p&gt;UniqueIdentifier :deprecated.&lt;/p&gt;
&lt;p&gt;&lt;strong&gt;Please tell me the way to get unique value even app deletion and even erasing iPhone(like factory restore)&lt;/strong&gt;&lt;/p&gt;</t>
  </si>
  <si>
    <t>2013-11-15 07:26:22.750000+00:00</t>
  </si>
  <si>
    <t>2016-06-18 18:18:57.420000+00:00</t>
  </si>
  <si>
    <t>Pass 'host parameter' to ServerSocket in java</t>
  </si>
  <si>
    <t>&lt;p&gt;I am currently working under proxy server (the core was taken from here &lt;a href="https://resources.oreilly.com/examples/9781565923713/blob/master/SimpleProxyServer.java" rel="nofollow noreferrer"&gt;https://resources.oreilly.com/examples/9781565923713/blob/master/SimpleProxyServer.java&lt;/a&gt;) &lt;/p&gt;
&lt;p&gt;But, this example uses launch parameters, when I want to pass host directly from the client. &lt;/p&gt;
&lt;p&gt;Client is a HTTP connection like that&lt;/p&gt;
&lt;pre&gt;&lt;code&gt;final HttpURLConnection conn = (HttpURLConnection) new URL("http://www.google.com")
                    .openConnection(
                            new Proxy(Proxy.Type.HTTP, new InetSocketAddress("127.0.0.1", 7901)));
conn.connect();
System.out.println(conn.getResponseCode());
&lt;/code&gt;&lt;/pre&gt;
&lt;p&gt;My initial idea was to read client's request, store it as String (or byty[]), fetch header's "Host:" parameter and pass it to server.&lt;/p&gt;
&lt;p&gt;However, SimpleProxyServer.java uses &lt;code&gt;while((bytes_read = from_client.read(request)) != -1)&lt;/code&gt; in the Thread that sends data to server, and code hangs on that moment if I read InputSream to get host before this &lt;code&gt;t&lt;/code&gt; thread was started.&lt;/p&gt;
&lt;p&gt;I am talking about something like this&lt;/p&gt;
&lt;pre&gt;&lt;code&gt;InputStreamReader from_client_reader = new InputStreamReader(client.getInputStream());
        BufferedReader reader = new BufferedReader(from_client_reader);
        String line = reader.readLine();
        while (!line.isEmpty()) {
            line = reader.readLine();
            if (line.contains("Host: ")) {
                host = line.substring(line.indexOf("Host: ") + 6,
                        line.length()).trim().replace("www.", "");
            }
        }
&lt;/code&gt;&lt;/pre&gt;
&lt;p&gt;Right before creating of the connection &lt;code&gt;try { server = new Socket(host, remoteport); }&lt;/code&gt;&lt;/p&gt;
&lt;p&gt;The question is: "Is there other ways on how to pass parameters to Socket or how to create Proxy server that launches Socket using request parameters from the client?"&lt;/p&gt;</t>
  </si>
  <si>
    <t>2017-11-23 12:21:55.627000+00:00</t>
  </si>
  <si>
    <t>2017-11-23 14:34:37.373000+00:00</t>
  </si>
  <si>
    <t>java|sockets|proxy|http-proxy</t>
  </si>
  <si>
    <t>How can I redirect visitors to another site based in geographical location or IP using PHP or JavaScript?</t>
  </si>
  <si>
    <t>&lt;p&gt;I have a multilingual site with an 'index.html' sitting on example.com domain. This index.html should have some redirection code so when users go to 'example.com' they get redirected to either the spanish or English version of the site.&lt;/p&gt;
&lt;p&gt;In its simplest form I'd like the conditional statement to read:&lt;/p&gt;
&lt;p&gt;If IP is based in spanish speakers countries redirect to example.com/es else if anywhere else in the world redirect to example.com/en&lt;/p&gt;
&lt;p&gt;How might I set this up using PHP or Javascript?&lt;/p&gt;</t>
  </si>
  <si>
    <t>2018-11-04 19:36:02.983000+00:00</t>
  </si>
  <si>
    <t>2018-11-04 23:43:54.590000+00:00</t>
  </si>
  <si>
    <t>VS2012 not detecting folders in solution</t>
  </si>
  <si>
    <t>&lt;p&gt;I recently had a problem where VS2012 intellisense stopped working in my Workflow dll project. It didn't pick up any of my using classes or created variables. It only opened the intellisense if I used the keyboard shortcut.&lt;/p&gt;
&lt;p&gt;Upon creating a new project to test the problem out I discovered that VS2012 didn't detect folders that I created in my solutions now for some reason. (tested it with fresh console app, dll, wf dll).&lt;/p&gt;
&lt;p&gt;To fix the intellisense I tried all the recommend things (delete .suo file, clean rebuild, check if setting are enabled, reset settings.) none of them worked. I have no idea what to do for the folder problem or if they are related.&lt;/p&gt;
&lt;p&gt;Is there any way to solve this? &lt;/p&gt;
&lt;p&gt;The folder problem seems to be solved thanks to @Anton Sizikov. Any idea on the intellisense problem?&lt;/p&gt;
&lt;p&gt;&lt;img src="https://i.stack.imgur.com/xpGLB.png" alt="enter image description here"&gt;&lt;/p&gt;</t>
  </si>
  <si>
    <t>2013-11-04 10:46:37.497000+00:00</t>
  </si>
  <si>
    <t>2013-11-04 14:39:32.770000+00:00</t>
  </si>
  <si>
    <t>c#|visual-studio-2012|intellisense</t>
  </si>
  <si>
    <t>Why is there a '+' before and after the str()</t>
  </si>
  <si>
    <t>&lt;p&gt;Why is there a '+' before and after the "str()" &amp;amp; "where"&lt;/p&gt;
&lt;p&gt;&lt;strong&gt;output = "["+str(lat)+","+str(lng)+", '"+where+"']"&lt;/strong&gt;&lt;/p&gt;
&lt;p&gt;I know this is a bit of a silly question, but please help!&lt;/p&gt;
&lt;p&gt;Cheersx&lt;/p&gt;</t>
  </si>
  <si>
    <t>2016-04-25 20:16:03.397000+00:00</t>
  </si>
  <si>
    <t>2016-04-25 20:27:30.373000+00:00</t>
  </si>
  <si>
    <t>python|json|string|concatenation</t>
  </si>
  <si>
    <t>Node removal and event handlers</t>
  </si>
  <si>
    <t>&lt;p&gt;Just interesting...
What happens to node's event handlers when I remove it completely from the DOM tree? That means, if I create a node with the same id as removed node later, will it have the same event handlers?&lt;/p&gt;</t>
  </si>
  <si>
    <t>2010-04-16 12:13:59.577000+00:00</t>
  </si>
  <si>
    <t>2011-02-13 13:23:55.813000+00:00</t>
  </si>
  <si>
    <t>html|dom|events|handlers</t>
  </si>
  <si>
    <t>Create threads from a dispatch queue block [ swift / c++ ]</t>
  </si>
  <si>
    <t>&lt;p&gt;I have an iOS app, where the UI is written in swift, but all the heavy work is done with a cross platform c++ library. I communicate with the c++ core from swift using a ObjC wrapper. &lt;/p&gt;
&lt;p&gt;I wanted to parallelize the work that is happening in the c++ library, using the thread primitives that c++ provides. &lt;/p&gt;
&lt;p&gt;But a piece of data is passed into the c++ library from the swift portion of the app, from within a block in a dispatch queue. &lt;/p&gt;
&lt;p&gt;My question is, will those threads that I create within the c++ library be separate from the work queue in swift ? 
From what I understand, it will be. Is that the case ? &lt;/p&gt;
&lt;p&gt;Are there any open-source projects which does something similar, or any pitfalls you see with this approach. &lt;/p&gt;
&lt;p&gt;The C++ library is a requirement and I can't make it swift only. &lt;/p&gt;</t>
  </si>
  <si>
    <t>2018-02-01 00:04:11.610000+00:00</t>
  </si>
  <si>
    <t>2018-02-01 00:35:19.497000+00:00</t>
  </si>
  <si>
    <t>2018-02-01 00:10:16.303000+00:00</t>
  </si>
  <si>
    <t>c++|ios|swift|multithreading</t>
  </si>
  <si>
    <t>What have I done wrong to get ValueError: need more than 1 value to unpack</t>
  </si>
  <si>
    <t>&lt;pre&gt;&lt;code&gt;from sys import argv
script, user_name = argv
prompt = '&amp;gt; '
print ("Hi %s, I'm the %s script." % (user_name, script))
print ("I'd like to ask you a few questions.")
print ("Do you like me %s?" % user_name)
likes = input(prompt)
print ("Where do you live %s?" % user_name)
lives = input(prompt)
print ("What kind of computer do you have?")
computer = input(prompt)
print ("""
Alright, so you said %r about liking me.
You live in %r. Not sure wher that is.
And you have a %r computer. Nice.
""" % (likes, lives, computer))
&lt;/code&gt;&lt;/pre&gt;</t>
  </si>
  <si>
    <t>2014-03-05 03:25:39.127000+00:00</t>
  </si>
  <si>
    <t>2014-03-05 03:27:10.207000+00:00</t>
  </si>
  <si>
    <t>2014-03-05 03:26:00.110000+00:00</t>
  </si>
  <si>
    <t>Google map is shown as blank when switching between tabs in ionic/angularJS application</t>
  </si>
  <si>
    <t>&lt;p&gt;I am working on an Ionic + AngularJS + Cordova mobile app. I am using tabs in my app. In one of the tabs, I am showing a map to the user. I am using google maps V3 api for this. I am assigning the map to a div element.&lt;/p&gt;
&lt;pre&gt;&lt;code&gt;var map = null
var mapOptions = {
      center: {lat: sourceLatitude, lng: sourceLongitude},
      zoom: 17,
    };
    map = new google.maps.Map(document.getElementById('map'), mapOptions);
&lt;/code&gt;&lt;/pre&gt;
&lt;p&gt;I store user's markers. All works fine so far. I am able to store marker information and display the map as well in tab-one.&lt;/p&gt;
&lt;p&gt;Now, in the other tab i.e tab-two. I display user's stored markers. So that, when user clicks any one of the stored markers, it should go back to the tab-one and should show the map with the selected marker displayed on it.
(I am using angularJS ui-router for handling different state transitions) &lt;/p&gt;
&lt;p&gt;This is the point where I am facing an issue. When I go back to tab-one from tab-two, I get a blank map. I am not able to see the map being displayed. I know that the transition happens correctly as I have logging in place for that and rest other ui elements change. It is just the map which doesn't show up.&lt;/p&gt;
&lt;p&gt;I read around SO and other sources, I see people have recommended the following:&lt;/p&gt;
&lt;pre&gt;&lt;code&gt;google.maps.event.trigger(map, 'resize');
&lt;/code&gt;&lt;/pre&gt;
&lt;p&gt;I have put the above statement in my angularJS controller, so that when it moves from tab-two to tab-one, it will try to resize or refresh the map. I get the below error in the console.&lt;/p&gt;
&lt;pre&gt;&lt;code&gt;Error: a is undefined
_.C.hasListeners@http://maps.googleapis.com/maps/api/js?sensor=false&amp;amp;libraries=places:93:707
_.C.trigger@http://maps.googleapis.com/maps/api/js?sensor=false&amp;amp;libraries=places:94:32
&lt;/code&gt;&lt;/pre&gt;
&lt;p&gt;I read somewhere variable map should be global. Hence I tried putting map on $rootScope as well instead of using var&lt;/p&gt;
&lt;pre&gt;&lt;code&gt;$rootScope.map = new google.maps.Map(document.getElementById('map'), mapOptions);
&lt;/code&gt;&lt;/pre&gt;
&lt;p&gt;But no luck :( in both the cases.&lt;/p&gt;
&lt;p&gt;Has anybody seen this problem before? Any help or pointers would be appreciated. Thanks in advance for your help.&lt;/p&gt;
&lt;p&gt;Regards,
V&lt;/p&gt;</t>
  </si>
  <si>
    <t>2016-06-21 08:15:49.233000+00:00</t>
  </si>
  <si>
    <t>2016-06-30 07:51:57.867000+00:00</t>
  </si>
  <si>
    <t>2016-06-22 08:16:32.937000+00:00</t>
  </si>
  <si>
    <t>javascript|angularjs|cordova|google-maps-api-3|ionic-framework</t>
  </si>
  <si>
    <t>Why does static keyword "fix" the issue of Task not serializable?</t>
  </si>
  <si>
    <t>&lt;p&gt;I have experienced "task not serializable" issue when running spark streaming. The reason can be found in this &lt;a href="https://stackoverflow.com/questions/22592811/task-not-serializable-java-io-notserializableexception-when-calling-function-ou/22594142#22594142"&gt;thread&lt;/a&gt;.&lt;/p&gt;
&lt;p&gt;After I have tried couple methods and fixed the issue, I don't understand why it works. &lt;/p&gt;
&lt;pre&gt;&lt;code&gt;public class StreamingNotWorking implements Serializable {
private SparkConf sparkConf;
private JavaStreamingContext jssc;
public StreamingNotWorking(parameter) {
    sparkConf = new SparkConf();
    this.jssc = createContext(parameter);
    JavaDStream&amp;lt;String&amp;gt; messages = functionCreateStream(parameter);
    messages.print();
}
public void run() {
    this.jssc.start();
    this.jssc.awaitTermination();
}
public class streamingNotWorkingDriver {
        public static void main(String[] args) {
            Streaming bieventsStreaming = new StreamingNotWorking(parameter);
            bieventsStreaming.run();
        }
&lt;/code&gt;&lt;/pre&gt;
&lt;p&gt;Will give the same "Task not serializable" error. &lt;/p&gt;
&lt;p&gt;However, if I modify the code to: &lt;/p&gt;
&lt;pre&gt;&lt;code&gt;public class StreamingWorking implements Serializable {
    private static SparkConf sparkConf;
    private static JavaStreamingContext jssc;
    public void createStream(parameter) {
        sparkConf = new SparkConf();
        this.jssc = createContext(parameter);
        JavaDStream&amp;lt;String&amp;gt; messages = functionCreateStream(parameter);
        messages.print();
        run();
    }
    public void run() {
        this.jssc.start();
        this.jssc.awaitTermination();
    }
    public class streamingWorkingDriver {
            public static void main(String[] args) {
                Streaming bieventsStreaming = new StreamingWorking();
                bieventsStreaming.createStream(parameter);
            }
&lt;/code&gt;&lt;/pre&gt;
&lt;p&gt;works perfectly fine. &lt;/p&gt;
&lt;p&gt;I know one of the reasons is that &lt;code&gt;sparkConf&lt;/code&gt; and &lt;code&gt;jssc&lt;/code&gt; need to be &lt;code&gt;static&lt;/code&gt;. But I don't understand why. &lt;/p&gt;
&lt;p&gt;Could anyone explain the difference?&lt;/p&gt;</t>
  </si>
  <si>
    <t>2015-11-20 22:21:47.707000+00:00</t>
  </si>
  <si>
    <t>2015-11-22 18:00:55.800000+00:00</t>
  </si>
  <si>
    <t>2017-05-23 10:27:18.133000+00:00</t>
  </si>
  <si>
    <t>java|serialization|apache-spark</t>
  </si>
  <si>
    <t>unexpected output is occurred</t>
  </si>
  <si>
    <t>&lt;p&gt;the expected output of the code should be:  "Everything (else) is ok"&lt;/p&gt;
&lt;p&gt;but when i run my the sky class: the actual output is the following:&lt;/p&gt;
&lt;p&gt;Bad StratusCloud::rain(unexpected)
Bad CumulusCloud::rain(unexpected)
Bad mean height: expected 1800, saw -1800.0(unexpected)
&lt;strong&gt;Everything (else) is ok&lt;/strong&gt;(expected)&lt;/p&gt;
&lt;p&gt;the following is my code:&lt;/p&gt;
&lt;pre&gt;&lt;code&gt;package weather;
import java.util.ArrayList;
public class Sky {
    private ArrayList&amp;lt;Cloud&amp;gt; clouds;
public Sky(){
    clouds = new ArrayList&amp;lt;Cloud&amp;gt;(100);
}
public boolean add(Cloud c){
    clouds.add(c);
    return true;
}
public float getMeanHeight()
{
float mean = 0;
float sum = 0;
for (Cloud c:clouds){
    sum  = sum +c.getHeight(); 
    mean = sum/(clouds.size());
}
return mean;
}
public static void main(String[] args)
{
StratusCloud strat = new StratusCloud(100, 1000);
if (!strat.rain().startsWith("It is raining"))
System.out.println("Bad StratusCloud::rain");
CumulusCloud cumu = new CumulusCloud(200, 2000);
if (!cumu.rain().startsWith("It is raining"))
System.out.println("Bad CumulusCloud::rain");
CirrusCloud cirr = new CirrusCloud(300, 3000);
if (!cirr.rain().startsWith("I cannot make"))
System.out.println("Bad CirrusCloud::rain");
Sky sky = new Sky();
sky.add(strat);
sky.add(cumu);
sky.add(cirr);
float mean = sky.getMeanHeight();
if (mean &amp;lt; 1799 || mean &amp;gt; 1801)
System.out.println("Bad mean height: expected 1800, saw " + mean);
System.out.println("Everything (else) is ok");
}
}
&lt;/code&gt;&lt;/pre&gt;
&lt;p&gt;Superclass Cloud:&lt;/p&gt;
&lt;pre&gt;&lt;code&gt;   package weather;
public class Cloud 
{
    private float top;
    private float bottom;
    public Cloud(float top, float bottom)
    {
        this.top = top;
        this.bottom = bottom;
    }
    public float getHeight()
    {
        float height = top - bottom;
        return height;
    }
    public String rain()
    {
        String raining = "It is rainning";
        return raining;
    }
}
&lt;/code&gt;&lt;/pre&gt;
&lt;p&gt;the following are sub classes of Cloud:(name of the 2 classes:CumulusCloud,StratusCloud)&lt;/p&gt;
&lt;pre&gt;&lt;code&gt;package weather;
public class "name" extends Cloud 
{
public "name"(float top,float bottom)
{
    super(top,bottom);
}
}
&lt;/code&gt;&lt;/pre&gt;
&lt;p&gt;the subclass of Cloud that is override:&lt;/p&gt;
&lt;pre&gt;&lt;code&gt;package weather;
public class CirrusCloud extends Cloud{
    public CirrusCloud(float top, float bottom)
    {
        super(top,bottom);
    }
public String rain(){
    super.rain();
    String raining ="I cannot make rain";
    return raining;
}
}
&lt;/code&gt;&lt;/pre&gt;</t>
  </si>
  <si>
    <t>2016-02-15 05:20:39.057000+00:00</t>
  </si>
  <si>
    <t>2016-02-15 08:53:32.123000+00:00</t>
  </si>
  <si>
    <t>Where to download Debian Puppet OVF file</t>
  </si>
  <si>
    <t>&lt;p&gt;I need to have the puppetlabs/debian-8.2-64-puppet box for my virtualBox. However i don't have permissions to use url: &lt;a href="https://atlas.hashicorp.com/puppetlabs/debian-8.2-64-puppet" rel="nofollow noreferrer"&gt;https://atlas.hashicorp.com/puppetlabs/debian-8.2-64-puppet&lt;/a&gt;. I would appreciate if you could guide me how to find the OVF (Open Virtualization Format) file.&lt;/p&gt;</t>
  </si>
  <si>
    <t>2018-04-24 08:27:19.203000+00:00</t>
  </si>
  <si>
    <t>2018-04-24 10:11:24.310000+00:00</t>
  </si>
  <si>
    <t>vagrant|virtualbox|puppet|vagrantfile</t>
  </si>
  <si>
    <t>Using jq to print out multiple elements in json</t>
  </si>
  <si>
    <t>&lt;p&gt;I am trying to get &lt;code&gt;jq&lt;/code&gt; to return both the keyname as well as the isAvailable value. This offering is currently not available in every region that is being returned by the API so I would ideally like to be able to return something like the following:&lt;/p&gt;
&lt;pre&gt;&lt;code&gt;[
  "AMSTERDAM03,
  "1"
]
&lt;/code&gt;&lt;/pre&gt;
&lt;p&gt;Here is the json being returned by the API call.&lt;/p&gt;
&lt;pre&gt;&lt;code&gt;[
    {
        "description": "AMS03 - Amsterdam",
        "keyname": "AMSTERDAM03",
        "location": {
            "location": {
                "id": 814994,
                "longName": "Amsterdam 3",
                "name": "ams03",
                "statusId": 2
            },
            "locationPackageDetails": [
                {
                    "isAvailable": 1,
                    "locationId": 814994,
                    "packageId": 737
                }
            ]
        },
        "sortOrder": 2
    }
]
&lt;/code&gt;&lt;/pre&gt;
&lt;p&gt;If I run &lt;code&gt;jq '.[] | .keyname'&lt;/code&gt; I get back the expected value, but I cannot seem to figure out the syntax for digging in to the lower layers. &lt;/p&gt;</t>
  </si>
  <si>
    <t>2017-05-17 16:56:21.627000+00:00</t>
  </si>
  <si>
    <t>2017-05-17 18:39:30.370000+00:00</t>
  </si>
  <si>
    <t>2017-05-17 17:55:15.673000+00:00</t>
  </si>
  <si>
    <t>json|jq</t>
  </si>
  <si>
    <t>MySQL: Count different values in each of the fields</t>
  </si>
  <si>
    <t>&lt;p&gt;I am not sure if there is no answer here on Stack Overflow, but I did not find exact thing there.
So, I have a table with data like this:&lt;/p&gt;
&lt;pre&gt;&lt;code&gt;id    | sector | type  | level
      |        |       |
1     | TMT    | Long  | First
2     | Energy | Long  | Second
3     | TMT    | Short | Third
4     | Other  | Long  | First
5     | TMT    | N/A   | Sixth
6     | Other  | Short | First
&lt;/code&gt;&lt;/pre&gt;
&lt;p&gt;What I need is summary of each different value in each field, like this:&lt;/p&gt;
&lt;pre&gt;&lt;code&gt;Sector TMT: 3
Sector Energy: 1
Sector Other: 2
Type Long: 3
Type Short: 2
Type N/A: 1
Level First: 3
Level Second: 1
Level Third: 1
Level Sixth: 1
&lt;/code&gt;&lt;/pre&gt;
&lt;p&gt;Type and Level have fixed values. Sectors could be dynamic, I mean there is no final list as they are adding with each item.&lt;/p&gt;
&lt;p&gt;For now I am selecting all rows and processing it with PHP:&lt;/p&gt;
&lt;pre&gt;&lt;code&gt;SELECT `sector`, `type`, `level` FROM `table`;
&lt;/code&gt;&lt;/pre&gt;
&lt;p&gt;and for example:&lt;/p&gt;
&lt;pre&gt;&lt;code&gt;&amp;lt;?php
$result['type_long'] = 0;
$result['type_short'] = 0;
$result['type_na'] = 0;
foreach ($rows as $row)
{
    if ($row['type'] == 'Long')
    {
        $result['type_long']++;
    }
    else if ($row['type'] == 'Short')
    {
        $result['type_short']++;
    }
    else if ($row['type'] == 'N/A')
    {
        $result['type_na']++;
    }
}
&lt;/code&gt;&lt;/pre&gt;
&lt;p&gt;etc. For 10000 records it's not really fast cause I need to select all rows from database and then do something to them via PHP.&lt;/p&gt;
&lt;p&gt;Is there any way I can do this faster with MySQL?&lt;/p&gt;
&lt;p&gt;Thanks!&lt;/p&gt;</t>
  </si>
  <si>
    <t>2015-03-24 21:15:54.960000+00:00</t>
  </si>
  <si>
    <t>2015-03-24 21:30:35.127000+00:00</t>
  </si>
  <si>
    <t>php|mysql|select|count</t>
  </si>
  <si>
    <t>error in digital fonts</t>
  </si>
  <si>
    <t>&lt;pre&gt;&lt;code&gt;@font-face {
    font-family: "digital",digital sans ef medium;
     /* Saf3+, Chrome4+, FF3.5, Opera 10+ */
}
@font-face {
    font-family: "digital",Caviar Dreams Bold;
     /* Saf3+, Chrome4+, FF3.5, Opera 10+ */
}
h1 { font-family: "digital",Helvetica,Arial,sans-serif; font-size:43px; line-height:37px; font-weight:normal;}
h2 { font-family: "digital",Helvetica,Arial,sans-serif; font-size:16px;line-height:14px; font-weight:normal;}
h3 { font-family: "digital",Helvetica,Arial,sans-serif; font-size:16px;line-height:14px; font-weight:normal; color:#c4161c; margin:6px 0 6px 0;}
&lt;/code&gt;&lt;/pre&gt;
&lt;p&gt;I have used this css and installed true type fonts through control panel -&gt; fonts, but still these fonts are not working.&lt;/p&gt;</t>
  </si>
  <si>
    <t>2011-06-21 04:46:53.887000+00:00</t>
  </si>
  <si>
    <t>2011-06-21 05:05:03.510000+00:00</t>
  </si>
  <si>
    <t>2011-06-21 04:49:24.023000+00:00</t>
  </si>
  <si>
    <t>html|css|font-face</t>
  </si>
  <si>
    <t>Numbered paginated links not displaying</t>
  </si>
  <si>
    <t>&lt;p&gt;I am trying to display a numbered paginated link at the bottom of my blog but they don't appear to work using the suggested method as stated on &lt;a href="https://codex.wordpress.org/Function_Reference/paginate_links" rel="nofollow noreferrer"&gt;https://codex.wordpress.org/Function_Reference/paginate_links&lt;/a&gt;&lt;/p&gt;
&lt;p&gt;I have a wp query which should fetch 5 posts at a time then display another page. I have 10 posts set so should definitely be seeing the pagination controls&lt;/p&gt;
&lt;pre&gt;&lt;code&gt;&amp;lt;?php
    $args = array( 
        'posts_per_page' =&amp;gt; 5, 
        'post_type' =&amp;gt; 'post' ,
        'orderby' =&amp;gt; 'date',
      'order'   =&amp;gt; 'DESC',
      'paged' =&amp;gt; ( get_query_var( 'paged' ) ) ? absint( get_query_var( 'paged' ) ) : 1
    );
    $postslist = new WP_Query( $args );
?&amp;gt;
&amp;lt;div class="row section blog-posts"&amp;gt;
    &amp;lt;?php while ( $postslist-&amp;gt;have_posts() ) : $postslist-&amp;gt;the_post(); ?&amp;gt;
        &amp;lt;div class="blog-post"&amp;gt;
        &amp;lt;/div&amp;gt;
    &amp;lt;?php endwhile; wp_reset_postdata(); ?&amp;gt;
    &amp;lt;div class="page-controls"&amp;gt;
        &amp;lt;?php echo paginate_links( 
                array(
                    'base'               =&amp;gt; '%_%',
                    'format'             =&amp;gt; '?paged=%#%',
                    'total'              =&amp;gt; 1,
                    'current'            =&amp;gt; 0,
                    'show_all'           =&amp;gt; false,
                    'end_size'           =&amp;gt; 1,
                    'mid_size'           =&amp;gt; 2,
                    'prev_next'          =&amp;gt; true,
                    'prev_text'          =&amp;gt; __('�� Previous'),
                    'next_text'          =&amp;gt; __('Next ��'),
                    'type'               =&amp;gt; 'plain',
                    'add_args'           =&amp;gt; false,
                    'add_fragment'       =&amp;gt; '',
                    'before_page_number' =&amp;gt; '',
                    'after_page_number'  =&amp;gt; ''
                ) 
            ); ?&amp;gt;
    &amp;lt;/div&amp;gt;
&amp;lt;/div&amp;gt;
&lt;/code&gt;&lt;/pre&gt;
&lt;p&gt;Any suggestions would be appreciated, thanks.&lt;/p&gt;</t>
  </si>
  <si>
    <t>2018-02-16 12:36:05.953000+00:00</t>
  </si>
  <si>
    <t>2018-02-19 11:18:45.603000+00:00</t>
  </si>
  <si>
    <t>wordpress|pagination</t>
  </si>
  <si>
    <t>java/jersey/jackson - validate input JSON</t>
  </si>
  <si>
    <t>&lt;p&gt;I am writing a REST API with a Java/Jersey/Jackson stack. All JSON parsing and generating is done with Jackson. The REST layer is handled by Jersey. It will be embedded in a Grizzly container.&lt;/p&gt;
&lt;p&gt;In my API, I accept JSON in my endpoints. For example:&lt;/p&gt;
&lt;pre&gt;&lt;code&gt;@POST
public Response post(final SomeObject input) {
    return ...;
}
&lt;/code&gt;&lt;/pre&gt;
&lt;p&gt;What is the best way to validate the &lt;code&gt;input&lt;/code&gt;? There are certain things I would like to validate:&lt;/p&gt;
&lt;ul&gt;
&lt;li&gt;&lt;code&gt;input&lt;/code&gt; must be not null&lt;/li&gt;
&lt;li&gt;certain fields of &lt;code&gt;input&lt;/code&gt; must be not null&lt;/li&gt;
&lt;li&gt;certain fields of &lt;code&gt;input&lt;/code&gt; must follow a regular expression (text fields)&lt;/li&gt;
&lt;li&gt;certain fields of &lt;code&gt;input&lt;/code&gt; must be in a range (numeric fields)&lt;/li&gt;
&lt;li&gt;...&lt;/li&gt;
&lt;/ul&gt;
&lt;p&gt;If possible, I would like to change my code as less as possible. That is, I prefer to annotate my classes, methods and parameters to integrate the validation.&lt;/p&gt;</t>
  </si>
  <si>
    <t>2015-01-12 09:13:03.193000+00:00</t>
  </si>
  <si>
    <t>2015-01-12 09:31:28.683000+00:00</t>
  </si>
  <si>
    <t>java|json|validation|jersey|jackson</t>
  </si>
  <si>
    <t>Decoding &amp;quot; for images and links in Django</t>
  </si>
  <si>
    <t>&lt;p&gt;For a Django application I am writing, I am using a Postgres database and storing CKEditor output in said database.&lt;/p&gt;
&lt;p&gt;Links are stored as follows: &lt;code&gt;&amp;lt;a href=&amp;amp;quot;http://google.com&amp;amp;quot;&amp;gt;google&amp;lt;/a&amp;gt;&lt;/code&gt;&lt;/p&gt;
&lt;p&gt;Images are stored as follows: &lt;code&gt;&amp;lt;img src=&amp;amp;quot;https://latex.codecogs.com/gif.latex?%5Cfrac%7Ba%7D%7Bb%7D&amp;amp;quot; /&amp;gt;&lt;/code&gt;&lt;/p&gt;
&lt;p&gt;In the template, I output this html along with the rest of the stored content from the database using the safe tag: &lt;code&gt;{{post.content |safe}}&lt;/code&gt;&lt;/p&gt;
&lt;p&gt;Chrome sees href and src without " marks and adds them in around the &lt;code&gt;&amp;amp;quot;&lt;/code&gt;, leading to &lt;code&gt;href=""http://google.com""&lt;/code&gt; which causes all kinds of problems.&lt;/p&gt;
&lt;p&gt;Any thoughts on how to fix this problem? Do I need to mess with CKEditor to store unescaped quotation marks? Should I add a template tag or javascript function to replace all of these encoded quotation marks?&lt;/p&gt;</t>
  </si>
  <si>
    <t>2017-08-07 05:08:47.020000+00:00</t>
  </si>
  <si>
    <t>2017-08-07 06:00:32.437000+00:00</t>
  </si>
  <si>
    <t>html|django|postgresql|ckeditor</t>
  </si>
  <si>
    <t>.NET - Does Return prevent objects disposing</t>
  </si>
  <si>
    <t>&lt;p&gt;Given the following code:&lt;/p&gt;
&lt;pre&gt;&lt;code&gt;  Function GetSomething() As Integer
    Using dbConn As New SqlConnection("Connection_String")
      dbConn.Open()
      Using dbCmd As New SqlCommand(" SELECT SOMETHING ....", dbConn)
        Return Integer.Parse(dbCmd.ExecuteScalar())
      End Using
      dbConn.Close()
    End Using
  End Function
&lt;/code&gt;&lt;/pre&gt;
&lt;p&gt;Will the Return prevent execution of the remainder of the function block i.e. the closing of the database connection and the implied Dispose() called when the Using block finishes?&lt;/p&gt;</t>
  </si>
  <si>
    <t>2013-03-12 11:47:56.543000+00:00</t>
  </si>
  <si>
    <t>2013-03-12 11:49:52.633000+00:00</t>
  </si>
  <si>
    <t>.net|vb.net|function|return</t>
  </si>
  <si>
    <t>How to detect if a method is virtual?</t>
  </si>
  <si>
    <t>&lt;p&gt;I tried to make a traits to find if a method is &lt;code&gt;virtual&lt;/code&gt;: (&lt;a href="https://ideone.com/9pfaCZ"&gt;https://ideone.com/9pfaCZ&lt;/a&gt;)&lt;/p&gt;
&lt;pre&gt;&lt;code&gt;// Seveval structs which should fail depending if T::f is virtual or not.
template &amp;lt;typename T&amp;gt; struct Dvf : T { void f() final; };
template &amp;lt;typename T&amp;gt; struct Dvo : T { void f() override; };
template &amp;lt;typename T&amp;gt; struct Dnv : T { void f() = delete; };
template &amp;lt;typename U&amp;gt;
class has_virtual_f
{
private:
    template &amp;lt;std::size_t N&amp;gt; struct helper {};
    template &amp;lt;typename T&amp;gt;
    static std::uint8_t check(helper&amp;lt;sizeof(Dvf&amp;lt;T&amp;gt;)&amp;gt;*);
    template&amp;lt;typename T&amp;gt; static std::uint16_t check(...);
public:
    static
    constexpr bool value = sizeof(check&amp;lt;U&amp;gt;(0)) == sizeof(std::uint8_t);
};
&lt;/code&gt;&lt;/pre&gt;
&lt;p&gt;Test cases:&lt;/p&gt;
&lt;pre&gt;&lt;code&gt;struct V  { virtual void f(); };
struct NV {         void f(); };
struct E  {                   };
struct F  { virtual void f() final; }; // Bonus (unspecified expected output)
static_assert( has_virtual_f&amp;lt; V&amp;gt;::value, "");
static_assert(!has_virtual_f&amp;lt;NV&amp;gt;::value, "");
static_assert(!has_virtual_f&amp;lt; E&amp;gt;::value, "");
&lt;/code&gt;&lt;/pre&gt;
&lt;p&gt;But I got &lt;code&gt;error: 'void Dvf&amp;lt;T&amp;gt;::f() [with T = NV]' marked final, but is not virtual&lt;/code&gt;.&lt;br&gt;
If I don't use &lt;code&gt;sizeof&lt;/code&gt; and directly &lt;code&gt;Dvf&amp;lt;T&amp;gt;*&lt;/code&gt; in &lt;code&gt;check&lt;/code&gt;, I don't have compilation error, but &lt;code&gt;check&lt;/code&gt; is not discarded for "bad" type in SFINAE :( .&lt;/p&gt;
&lt;p&gt;What is the proper way to detect if a method is &lt;code&gt;virtual&lt;/code&gt; ?&lt;/p&gt;</t>
  </si>
  <si>
    <t>2014-04-07 11:28:40.230000+00:00</t>
  </si>
  <si>
    <t>2018-10-12 08:31:43.517000+00:00</t>
  </si>
  <si>
    <t>c++|c++11|sfinae|typetraits|virtual-method</t>
  </si>
  <si>
    <t>Python .Index of a Multidimentional Array</t>
  </si>
  <si>
    <t>&lt;pre&gt;&lt;code&gt;arrrSample =
 {'art_other_country_names': None, 
  'pk_ba_country_id': 186,
  'sin_active': 1,
  'txt_remarks': '',
  'vhr_common_country_name': 'Uzbekistan',
  'vhr_formal_country_name': 'Republic of Uzbekistan',
  'vhr_nationality': '',
  'vhr_short_country_name': '',
  'vhr_transaction_currency_code': 'UZS'},
 {'art_other_country_names': None,
  'pk_ba_country_id': 185,
  'sin_active': 1,
  'txt_remarks': '',
  'vhr_common_country_name': 'Uruguay',
  'vhr_formal_country_name': 'Oriental Republic of Uruguay',
  'vhr_nationality': '',
  'vhr_short_country_name': '',
  'vhr_transaction_currency_code': 'UYU'},
 {'art_other_country_names': None,
  'pk_ba_country_id': 184,
  'sin_active': 1,
  'txt_remarks': '',
  'vhr_common_country_name': 'United States',
  'vhr_formal_country_name': 'United States of America',
  'vhr_nationality': '',
  'vhr_short_country_name': '',
  'vhr_transaction_currency_code': 'USD'},
&lt;/code&gt;&lt;/pre&gt;
&lt;p&gt;This is the sample of data i get from database. &lt;strong&gt;How do i find the index in a single statement?&lt;/strong&gt;&lt;/p&gt;
&lt;p&gt;Eg if the nationality of the third entry is updated i require something like this:&lt;/p&gt;
&lt;p&gt;&lt;code&gt;arrrSample[index]['vhr_nationality'] ="American"&lt;/code&gt;&lt;/p&gt;
&lt;p&gt;How do I find the index? I have the value &lt;code&gt;'pk_ba_country_id': 184&lt;/code&gt; with me 
which is &lt;code&gt;arrrSample[2]['pk_ba_country_id'] =184&lt;/code&gt;. &lt;/p&gt;
&lt;p&gt;How do I find this index 2 from 184 without looping?&lt;/p&gt;
&lt;p&gt;I need to find index from the value, I do not wish to use a loop the array as the database can contain large data .&lt;/p&gt;</t>
  </si>
  <si>
    <t>2018-05-07 12:14:17.433000+00:00</t>
  </si>
  <si>
    <t>2018-05-07 16:01:22.633000+00:00</t>
  </si>
  <si>
    <t>Soft Keyboard - Numeric Only</t>
  </si>
  <si>
    <t>&lt;p&gt;my question is kinda related to this question: &lt;a href="https://stackoverflow.com/questions/3216169/numeric-soft-keyboard-on-android"&gt;Numeric Soft Keyboard on Android&lt;/a&gt;&lt;/p&gt;
&lt;p&gt;BUT, the question above isnt answered, so here i am.&lt;/p&gt;
&lt;p&gt;Theres a EditText that when it gets touched or has focus, i want the Software Keyboard to show up by default as NUMERIC! Of course, you can switch back to ALPHANUMERIC, but i want to force it to show up as NUMERIC.&lt;/p&gt;
&lt;p&gt;Thanks guys&lt;/p&gt;</t>
  </si>
  <si>
    <t>2010-07-10 03:31:41.233000+00:00</t>
  </si>
  <si>
    <t>2010-07-10 03:35:31.987000+00:00</t>
  </si>
  <si>
    <t>2017-05-23 12:13:26.380000+00:00</t>
  </si>
  <si>
    <t>user2443607</t>
  </si>
  <si>
    <t>android|keyboard|android-edittext|numeric</t>
  </si>
  <si>
    <t>Test if div exists on page and set focus to first one</t>
  </si>
  <si>
    <t>&lt;p&gt;I have the following HTML that only appears when there is an error state:&lt;/p&gt;
&lt;pre&gt;&lt;code&gt;&amp;lt;div class="validation-summary-errors text-danger"&amp;gt;
  &amp;lt;span&amp;gt;Errors:&amp;lt;/span&amp;gt;
  &amp;lt;ul&amp;gt;
    &amp;lt;li&amp;gt;Error, please refresh.&amp;lt;/li&amp;gt;
  &amp;lt;/ul&amp;gt;
&amp;lt;/div&amp;gt;
&lt;/code&gt;&lt;/pre&gt;
&lt;p&gt;I want to set focus to that DIV which is far enough down the page that it cannot be seen when the user is at the top, so I tried this jQuery on the page:&lt;/p&gt;
&lt;pre&gt;&lt;code&gt;  if ($('.validation-summary-errors').length) {
            $('.validation-summary-errors').first().focus();
  }
&lt;/code&gt;&lt;/pre&gt;
&lt;p&gt;But it doesn't work, the focus is still at the default location (the top of the page) on page reload.&lt;/p&gt;</t>
  </si>
  <si>
    <t>2015-01-30 23:24:23.707000+00:00</t>
  </si>
  <si>
    <t>2015-01-30 23:38:01.977000+00:00</t>
  </si>
  <si>
    <t>Boost::Spirit::Qi. How to turn inlined parser expressions into standalone grammars, and how to unpack the tuples generated by them?</t>
  </si>
  <si>
    <t>&lt;p&gt;I'm using QI and Phoenix, and I want to write a small grammar that returns 4 bools which are to be used as arguments for a function call inside a semantic action. &lt;/p&gt;
&lt;p&gt;I have several functions that need those things, and so far I have used this approach:&lt;/p&gt;
&lt;pre&gt;&lt;code&gt;( qi::_bool &amp;gt;&amp;gt;  qi::_bool &amp;gt;&amp;gt;  qi::_bool &amp;gt;&amp;gt;  qi::_bool)
[px::bind(&amp;amp;Bool4Function, spirit::_val, spirit::_1, spirit::_2, spirit::_3, spirit::_4)]
&lt;/code&gt;&lt;/pre&gt;
&lt;p&gt;and while it's okay on it's own, using it all over the place is just plain ugly and confusing, even with 'using' the namespace parts.&lt;/p&gt;
&lt;p&gt;That's why I wanted to extract this expression into a standalone grammar.&lt;/p&gt;
&lt;p&gt;So I tried this (credit goes to ildjarn for the testbed):&lt;/p&gt;
&lt;pre&gt;&lt;code&gt;///// grammar implementation /////
#include &amp;lt;boost/fusion/include/vector10.hpp&amp;gt;
#include &amp;lt;boost/spirit/include/qi_bool.hpp&amp;gt;
#include &amp;lt;boost/spirit/include/qi_char_.hpp&amp;gt;
#include &amp;lt;boost/spirit/include/qi_grammar.hpp&amp;gt;
#include &amp;lt;boost/spirit/include/qi_operator.hpp&amp;gt;
#include &amp;lt;boost/spirit/include/qi_rule.hpp&amp;gt;
#include &amp;lt;boost/spirit/include/qi_string.hpp&amp;gt;
struct FourBools : boost::spirit::qi::grammar&amp;lt;
    char const*,
    boost::fusion::vector4&amp;lt;bool, bool, bool, bool&amp;gt;()
&amp;gt;
{
    typedef boost::fusion::vector4&amp;lt;bool, bool, bool, bool&amp;gt; attribute_type;
    FourBools() : base_type(start_)
    {
        using boost::spirit::bool_;
        start_
            =   "4bools:"
            &amp;gt;&amp;gt; bool_ &amp;gt;&amp;gt; ','
            &amp;gt;&amp;gt; bool_ &amp;gt;&amp;gt; ','
            &amp;gt;&amp;gt; bool_ &amp;gt;&amp;gt; ','
            &amp;gt;&amp;gt; bool_ &amp;gt;&amp;gt; ';'
            ;
    }
private:
    boost::spirit::qi::rule&amp;lt;
        base_type::iterator_type,
        base_type::sig_type
    &amp;gt; start_;
};
FourBools const fourBools;
///// demonstration of use /////
#include &amp;lt;string&amp;gt;
#include &amp;lt;ios&amp;gt;
#include &amp;lt;iostream&amp;gt;
#include &amp;lt;boost/fusion/include/at_c.hpp&amp;gt;
#include &amp;lt;boost/spirit/include/phoenix_bind.hpp&amp;gt;
#include &amp;lt;boost/spirit/include/phoenix_core.hpp&amp;gt;
#include &amp;lt;boost/spirit/include/qi_action.hpp&amp;gt;
#include &amp;lt;boost/spirit/include/qi_parse.hpp&amp;gt;
void noDice(bool a, bool b, bool c, bool d) 
{
}
void worksFine(boost::fusion::vector4&amp;lt;bool, bool, bool, bool&amp;gt; a)
{
}
int main()
{
    namespace phx = boost::phoenix;
    namespace spirit = boost::spirit;
    std::string const input("4bools:true,true,true,false;");
    char const* first = input.c_str();
    char const* const last = first + input.size();
    bool const success = spirit::qi::parse(
        first, last,
        fourBools[phx::bind(&amp;amp;noDice, spirit::_1)]
    );
    if (!success)
        std::cout &amp;lt;&amp;lt; "parse() failed\n";
    else if (first != last)
        std::cout &amp;lt;&amp;lt; "didn't consume all input\n";
    std::cout.flush();
}
&lt;/code&gt;&lt;/pre&gt;
&lt;p&gt;That doesn't compile unless &lt;code&gt;fourBools[phx::bind(&amp;amp;noDice, spirit::_1)]&lt;/code&gt; is replaced with &lt;code&gt;fourBools[phx::bind(&amp;amp;worksFine, spirit::_1)]&lt;/code&gt;.&lt;/p&gt;
&lt;p&gt;That means, my problem is the unpacking of arguments to match the signature of the function to be called, since the number of arguments differ at signature level (one tuple of four bools, vs four bools on their own).&lt;/p&gt;
&lt;p&gt;Is it possible to unpack using phoenix placeholders directly, instead of writing wrappers which translate tuples into individual arguments for my existing functions that need them separate?
If it is, what would be the syntax for that? 
After all, an inline version like &lt;code&gt;( qi::_bool &amp;gt;&amp;gt;  qi::_bool &amp;gt;&amp;gt;  qi::_bool &amp;gt;&amp;gt;  qi::_bool)&lt;/code&gt; works fine when 'unpacked' by &lt;code&gt;spirit::_1 - spirit::_4,&lt;/code&gt; placeholders.&lt;/p&gt;
&lt;p&gt;That makes it appear to me as if this version returns a tuple as well, and is somehow unpackable with the above approach, unlike a grammar that returns one.&lt;/p&gt;
&lt;p&gt;How do I deal with this?&lt;/p&gt;</t>
  </si>
  <si>
    <t>2011-05-27 20:53:23.707000+00:00</t>
  </si>
  <si>
    <t>2014-05-23 21:22:34.413000+00:00</t>
  </si>
  <si>
    <t>2011-05-30 09:27:42.710000+00:00</t>
  </si>
  <si>
    <t>c++|boost|boost-spirit-qi|boost-phoenix|boost-fusion</t>
  </si>
  <si>
    <t>Flash CS5.5 AS3 bug - button works everywhere except via HTML page</t>
  </si>
  <si>
    <t>&lt;p&gt;I have encountered a strange bug. I have buttons advancing one frame forward and back.&lt;/p&gt;
&lt;p&gt;It works in the SWF on its own, it works in both the .app and .exe projector files, but it does not work accessing the SWF via the HTML generated page.&lt;/p&gt;
&lt;p&gt;Does anyone have an inkling what's going on?&lt;/p&gt;
&lt;p&gt;The code on the two buttons is:&lt;/p&gt;
&lt;pre&gt;&lt;code&gt;import flash.events.MouseEvent;
stage.displayState = StageDisplayState.FULL_SCREEN;
function next1Click(event:MouseEvent): void {
gotoAndStop(this.currentFrame + 1);
}
function back1Click(event:MouseEvent): void {
gotoAndStop(this.currentFrame - 1);
}
//EVENT LISTENER AND VARIABLE DECLARATION
balancingNext.addEventListener(MouseEvent.CLICK, next1Click);
balancingBack.addEventListener(MouseEvent.CLICK, back1Click);
&lt;/code&gt;&lt;/pre&gt;
&lt;p&gt;Thanks in advance for any help!&lt;/p&gt;</t>
  </si>
  <si>
    <t>2012-07-10 19:15:49.427000+00:00</t>
  </si>
  <si>
    <t>2012-08-01 14:54:23.863000+00:00</t>
  </si>
  <si>
    <t>actionscript-3|flash|projector</t>
  </si>
  <si>
    <t>Using PouchDB with MongoDB</t>
  </si>
  <si>
    <t>&lt;p&gt;I've never used CouchDB. I want to use PouchDB on my client app but I'm not sure if it can be integrated with MongoDB because Pouch was designed to be used with CouchDB. Although my API is written in PHP I'm not using any sort of REST API as in CouchDB to connect to the db.&lt;/p&gt;
&lt;p&gt;Is there an equivalent of PouchDB that can be used with MongoDB? Or am I going nowhere?&lt;/p&gt;</t>
  </si>
  <si>
    <t>2014-06-24 10:55:01.680000+00:00</t>
  </si>
  <si>
    <t>2015-09-08 14:32:05.270000+00:00</t>
  </si>
  <si>
    <t>2015-08-29 18:41:50.970000+00:00</t>
  </si>
  <si>
    <t>mongodb|couchdb|pouchdb</t>
  </si>
  <si>
    <t>Issue when unit testing a service using Thymeleaf template Engine</t>
  </si>
  <si>
    <t>&lt;p&gt;I got a nullPointerException when unit testing my service and i do not understand why? I m using Spring boot.
This is my simple service which provide Templating. I autowired TemplateEngine Component.&lt;/p&gt;
&lt;pre&gt;&lt;code&gt;@Service
public class TicketTemplatingService implements ITemplatingService{
    @Autowired
    private TemplateEngine templateEngine;
    /**
     * This method will return a ticket template
     */
    @Override
    public String buildHtmlTemplating(Object object, String templateName) {
        Ticket ticket= (Ticket)object;
        //Build the template
        Context context = new Context();
        context.setVariable("id", ticket.getId());
        context.setVariable("date", ticket.getDate());        
        return  templateEngine.process(templateName, context);
    }
}
&lt;/code&gt;&lt;/pre&gt;
&lt;p&gt;The unit test of this class is below:&lt;/p&gt;
&lt;pre&gt;&lt;code&gt;@SpringBootTest
@RunWith(SpringRunner.class)
@ActiveProfiles("test")
public class TemplatingServiceTest {
    @InjectMocks
    private TicketTemplatingService ticketTemplatingService;
    @Mock
    private TemplateEngine templateEngine;
    @Before
    public void setup(){
        MockitoAnnotations.initMocks(this);
    }
    @Test
    public void testHtmlTemplateReturnTheHtmlTemplate(){
        Ticket ticket= new Ticket();
        ticket.setId(1L);
        Date date=new Date();
        ticket.setDate(date);
        Context context=new Context();
        context.setVariable("id", 1L);
        context.setVariable("date", date);
        //Mock the process method of the templateEngine bean
        when(templateEngine.process("TemplateName", refEq(context))).thenReturn("Html template result");
        //Now we can test the method
        String htmlTemplate=ticketTemplatingService.buildHtmlTemplating(ticket, "TemplateName");
        assertThat(htmlTemplate).isEqualTo("Html template result");
    }
}
&lt;/code&gt;&lt;/pre&gt;
&lt;p&gt;In this test class, the templateEngine variable mocked return null, and then i got nullPointerException when doing this "when(templateEngine.process("TemplateName", refEq(context))).thenReturn("Html template result");"&lt;/p&gt;
&lt;p&gt;Please can you help me? i really do not unsderstand why.&lt;/p&gt;</t>
  </si>
  <si>
    <t>2017-04-27 11:16:33.137000+00:00</t>
  </si>
  <si>
    <t>2018-01-25 13:44:26.497000+00:00</t>
  </si>
  <si>
    <t>unit-testing|spring-boot|mockito</t>
  </si>
  <si>
    <t>multi-dimensional mysql tables</t>
  </si>
  <si>
    <t>&lt;p&gt;I need a single mysql table to contain both static and dynamic data
so the first data is standard inrormation like name email adress etc. and within that row I need a new dimension with dynamic data like last updated(date)
for example &lt;/p&gt;
&lt;pre&gt;&lt;code&gt;Person 1| name| address| age|work record---&amp;gt;  within-&amp;gt; work record: experience|Qualifications
person 2| name| address| age|work record
person3 | name| address| age|work record 
&lt;/code&gt;&lt;/pre&gt;
&lt;p&gt;so person 1 may only have one column of experience and person 2 may have 5, so I need a new dimension to avoid creating a individual table for each person. Can this be done in mysql? &lt;/p&gt;</t>
  </si>
  <si>
    <t>2012-07-29 11:34:45.917000+00:00</t>
  </si>
  <si>
    <t>2012-07-29 11:59:07.227000+00:00</t>
  </si>
  <si>
    <t>2012-07-29 11:48:09.450000+00:00</t>
  </si>
  <si>
    <t>apollo-fetch ends up in network error for a simple garphql query</t>
  </si>
  <si>
    <t>&lt;p&gt;I am using &lt;code&gt;apollo-fetch&lt;/code&gt; to fetch a &lt;code&gt;graphql&lt;/code&gt; data.
I am ending up in a script error and the request does not go through. I an not sure what is going wrong in a fairly simple request like this. Please help.&lt;/p&gt;
&lt;p&gt;Here's the error:&lt;/p&gt;
&lt;pre&gt;&lt;code&gt;Uncaught (in promise) Error: Network request failed to return valid JSON
    at throwHttpError (apollo-fetch.js:41)
    at apollo-fetch.js:141
    at &amp;lt;anonymous&amp;gt;
    throwHttpError @ apollo-fetch.js:41
    (anonymous) @ apollo-fetch.js:141
    Promise rejected (async)
&lt;/code&gt;&lt;/pre&gt;
&lt;p&gt;Here's the code:&lt;/p&gt;
&lt;pre&gt;&lt;code&gt;const { createApolloFetch } = require('apollo-fetch');
PlayService.prototype.getPlays = function(playID) {
  const fetch = createApolloFetch({
    uri: 'graphql'
  });
 const playQuery = `query ($playid: String) {
   plays(id: $playid) {
    id
    items {
      nodes {
        id
        name
      }
    }
   }
 }`;
 fetch({
    query: playQuery,
    variables: { playid: playID }
  }).then((res) =&amp;gt; {
    console.log(res.data);
  });
};
&lt;/code&gt;&lt;/pre&gt;</t>
  </si>
  <si>
    <t>2017-11-21 00:14:31.707000+00:00</t>
  </si>
  <si>
    <t>2017-11-26 02:46:36.120000+00:00</t>
  </si>
  <si>
    <t>angularjs|node.js|graphql</t>
  </si>
  <si>
    <t>how to hide div onclick and show onclick using jquery</t>
  </si>
  <si>
    <t>&lt;p&gt;i'm integrating a search suggest function in a oscommerce script, the function is working properly but i need to create a div hide onclick and shown on input click using jquery (with animation speed) since when i start typing the div appears but cannot be hidden (i've to refresh the webpage to remove that search suggest div)&lt;/p&gt;
&lt;p&gt;The events will be created under this div: &lt;/p&gt;
&lt;p&gt;Here i attach the code:&lt;/p&gt;
&lt;pre&gt;&lt;code&gt;$data = '&amp;lt;div class="search"&amp;gt;' . "\n" .
        tep_draw_form('quick_find', tep_href_link(FILENAME_ADVANCED_SEARCH_RESULT, '', 'NONSSL', false), 'get', 'id="frmSearch"') . "\n" . //     '     &amp;lt;label class="fl_left"&amp;gt;'.MODULE_BOXES_SEARCH_HEADER_BOX_TITLE.': &amp;lt;/label&amp;gt;' ."\n".
        '       ' . tep_draw_button_search_top() . tep_draw_button(MODULE_BOXES_SEARCH_HEADER_BOX_TITLE) . tep_draw_button_search_bottom() . "\n" .
        '       &amp;lt;div class="input-width"&amp;gt;' . "\n" .
        '       &amp;lt;div class="width-setter"&amp;gt;' . "\n" .
        tep_draw_input_field('keywords', MODULE_BOXES_SEARCH_HEADER_BOX_INPUT, 'id="txtSearch" onkeyup="searchSuggest(event);" autocomplete="off" size="10" maxlength="300" class="go fl_left" onblur="if(this.value==\'\') this.value=\'' . MODULE_BOXES_SEARCH_HEADER_BOX_INPUT . '\'" onfocus="if(this.value ==\'' . MODULE_BOXES_SEARCH_HEADER_BOX_INPUT . '\' ) this.value=\'\'"') . '' . tep_hide_session_id() . "\n" .
        '           &amp;lt;/div&amp;gt;' . "\n" .
        '       &amp;lt;div id="smartsuggest" &amp;gt;&amp;lt;/div&amp;gt; ' .
        '       &amp;lt;/div&amp;gt;' . "\n" . '&amp;lt;/form&amp;gt;' . "\n" .
        '&amp;lt;/div&amp;gt;
                &amp;lt;script type="text/javascript"&amp;gt;
        $(function(){
        var mq = window.matchMedia( "(max-width: 480px)" );
            if((mq.matches)) {
          $(".input-width").click(function() {
            $(this).animate({right: "0", width: "125px"}, 500);
          });
          $(".input-width input").blur(function(){
            $(this).parent().parent().animate({right: "0", width: "125px"}, 500);
          });
        }else{
          $(".input-width").click(function() {
            $(this).animate({right: "0", width: "360px"}, 500);
          });
          $(".input-width input").blur(function(){
            $(this).parent().parent().animate({right: "0", width: "190px"}, 500);
          });
        }
      });
                &amp;lt;/script&amp;gt;
                ' . "\n";
// MOD: BOF - SmartSuggest
if (SMARTSUGGEST_ENABLED != 'false') {
    require(DIR_WS_CLASSES . 'smartsuggest.php');
    $smartsuggest = new smartsuggest();
    $smartsuggest-&amp;gt;output($data);
}
// MOD: EOF - SmartSuggest
&lt;/code&gt;&lt;/pre&gt;</t>
  </si>
  <si>
    <t>2016-04-05 13:07:23.260000+00:00</t>
  </si>
  <si>
    <t>2016-04-05 13:13:28.723000+00:00</t>
  </si>
  <si>
    <t>javascript|php|jquery|oscommerce</t>
  </si>
  <si>
    <t>Bootstrap dropdown menue: how to make text wrap nicely?</t>
  </si>
  <si>
    <t>&lt;p&gt;I have searched for my problem, but can not find a solution to mine.&lt;/p&gt;
&lt;p&gt;how can I make text wrap in bootstrap 3 drop down menu&lt;/p&gt;
&lt;p&gt;here is my html :&lt;/p&gt;
&lt;pre&gt;&lt;code&gt;           &amp;lt;div class="row""&amp;gt;
                &amp;lt;div class="col-xs-12 col-sm-12"&amp;gt;
                    &amp;lt;div class="btn-group btn-block"&amp;gt;
                        &amp;lt;button type="button" class="btn btn-primary btn-block btn-lg dropdown-toggle" data-toggle="dropdown"&amp;gt;
                          &amp;lt;span id="promotion"&amp;gt;&amp;lt;/span&amp;gt;  &amp;lt;span class="caret"&amp;gt;&amp;lt;/span&amp;gt;
                        &amp;lt;/button&amp;gt;
                        &amp;lt;ul class="dropdown-menu btn-block" role="menu"  &amp;gt;
                            &amp;lt;li ng-repeat="a in model.list"&amp;gt;
                                &amp;lt;a ng-bind="a"&amp;gt;&amp;lt;/a&amp;gt;
                            &amp;lt;/li&amp;gt;
                        &amp;lt;/ul&amp;gt;
                    &amp;lt;/div&amp;gt;
                &amp;lt;/div&amp;gt;
            &amp;lt;/div&amp;gt;
&lt;/code&gt;&lt;/pre&gt;
&lt;p&gt;The value of a coming from the database :&lt;/p&gt;
&lt;p&gt;If a text gets bigger : &lt;/p&gt;
&lt;p&gt;then it breaks my whole page and I can swap the page to the right. If it is a mobile device.&lt;/p&gt;
&lt;p&gt;I have tried the solutions in the following question : &lt;/p&gt;
&lt;p&gt;&lt;a href="https://stackoverflow.com/questions/17882384/bootstrap-dropdown-how-to-make-text-wrap-nicely"&gt;Bootstrap dropdown: how to make text wrap nicely&lt;/a&gt; &lt;/p&gt;
&lt;p&gt;but it did not work for me. &lt;/p&gt;
&lt;p&gt;Any Suggestions or any alternatives I can use to have a collapse drop down list in bootstrap twitter 3.&lt;/p&gt;
&lt;p&gt;Thanks. &lt;/p&gt;</t>
  </si>
  <si>
    <t>2015-05-21 05:33:18.340000+00:00</t>
  </si>
  <si>
    <t>2015-12-02 14:02:26.013000+00:00</t>
  </si>
  <si>
    <t>2017-05-23 11:59:23.117000+00:00</t>
  </si>
  <si>
    <t>SmartGWT how to know if any Window is visible on the screen?</t>
  </si>
  <si>
    <t>&lt;p&gt;I have an editor application with a main editor area in SmartGwt. I handle some native events - keypresses as keyboard shortcuts. I want to disable executing these when there's one or more Window shown on the screen. How to detect if there are any Window descendants shown? /I don't mean browser windows, but SmartGwt Window descendants/
It would be perfectly enough to detect modal windows.
Is there a SmartGwt API way of doing this, or I have to create my own system for registering my windows and query their visible state?&lt;/p&gt;</t>
  </si>
  <si>
    <t>2017-04-18 15:35:25.160000+00:00</t>
  </si>
  <si>
    <t>2017-06-28 16:34:35.153000+00:00</t>
  </si>
  <si>
    <t>gwt|smartgwt</t>
  </si>
  <si>
    <t>Send Base64 encoded image as string to Chromecast</t>
  </si>
  <si>
    <t>&lt;p&gt;The problem is to send local image from phone as encoded Base64 string to Chromecast. And decode it using my Custom Receiver. I was following &lt;a href="https://stackoverflow.com/questions/22121669/examples-using-castcompanionlibrary-to-simply-display-an-image"&gt;this&lt;/a&gt; guide which is based on &lt;a href="https://github.com/googlecast/CastHelloText-android" rel="nofollow noreferrer"&gt;this project sample&lt;/a&gt;.&lt;/p&gt;
&lt;p&gt;I suggest the problem might be in: &lt;/p&gt;
&lt;ol&gt;
&lt;li&gt;Custom Receiver is not proper (I'm not strong in JS).&lt;/li&gt;
&lt;li&gt;Chromecast didn't load that Receiver (I don't know how to check that).&lt;/li&gt;
&lt;li&gt;Image was encoded wrong on device or decoded on Chromecast. &lt;/li&gt;
&lt;/ol&gt;
&lt;p&gt;You see, it seems like I coded everithing right since the &lt;strong&gt;status of Chromecast&lt;/strong&gt; when I send photo is:&lt;/p&gt;
&lt;pre&gt;&lt;code&gt; statusCode 0 (success), 
 application name: Default Media Receiver, 
 status: Ready To Cast, 
 sessionId: 34D6CE75-4798-4294-BF45-2F4701CE4782, 
 wasLaunched: true.
&lt;/code&gt;&lt;/pre&gt;
&lt;p&gt;&lt;strong&gt;This is how I send image as String:&lt;/strong&gt;&lt;/p&gt;
&lt;pre&gt;&lt;code&gt;mCastManager.castImage(mCastManager.getEncodedImage(currentEntryPictureByPoint.getPath()));
&lt;/code&gt;&lt;/pre&gt;
&lt;p&gt;Methods used:&lt;/p&gt;
&lt;pre&gt;&lt;code&gt;public void castImage(String encodedImage)
{
    Log.d(TAG, "castImage()");
    String image_string = createJsonMessage(MessageType.image, encodedImage);
    sendMessage(image_string);
}
private static String createJsonMessage(MessageType type, String message)
{
    return String.format("{\"type\":\"%s\", \"data\":\"%s\"}", type.toString(), message);
}
/**
 * Convert Image to encoded String
 * */
public String getEncodedImage(String path){
    Bitmap bm = BitmapFactory.decodeFile(path);
    ByteArrayOutputStream baos = new ByteArrayOutputStream();
    bm.compress(Bitmap.CompressFormat.JPEG, 100, baos); //bm is the bitmap object
    byte[] byteArrayImage = baos.toByteArray();
    String encodedImage = Base64.encodeToString(byteArrayImage, Base64.DEFAULT);
    return encodedImage;
}
/**
 * Send a text message to the receiver
 *
 * @param message
 */
private void sendMessage(String message) {
    if (mApiClient != null &amp;amp;&amp;amp; mCustomImageChannel != null) {
        try {
            Cast.CastApi.sendMessage(mApiClient,
                    mCustomImageChannel.getNamespace(), message)
                    .setResultCallback(new ResultCallback&amp;lt;Status&amp;gt;() {
                        @Override
                        public void onResult(Status result) {
                            if (!result.isSuccess()) {
                                //ALWAYS REACHING HERE :(
                                Log.e(TAG, "Sending message failed");
                            }
                        }
                    });
        } catch (Exception e) {
            Log.e(TAG, "Exception while sending message", e);
        }
    } else {
        Toast.makeText(mContext, message, Toast.LENGTH_SHORT)
                .show();
    }
}
&lt;/code&gt;&lt;/pre&gt;
&lt;p&gt;If the sending process is correct then the Receiver is wrong and don't know how to decode this message properly. 
The way I &lt;strong&gt;uploaded it&lt;/strong&gt; (well, at least I think that its uploaded...)&lt;/p&gt;
&lt;ol&gt;
&lt;li&gt;Registered new Custom Receiver on Google Cast Console and received Application ID. &lt;/li&gt;
&lt;li&gt;Created cast_receiver.js file. The code inside this file is supposed to decode Base64 string into image.&lt;/li&gt;
&lt;li&gt;Copied the code for Receiver from guide to .js file and changed NAMESPACE inside to my one: &lt;code&gt;urn:x-cast:com.it.innovations.smartbus&lt;/code&gt;&lt;/li&gt;
&lt;li&gt;Uploaded file on Google Drive and modified its access visibility to full public&lt;/li&gt;
&lt;li&gt;Copied the &lt;a href="https://docs.google.com/uc?authuser=0&amp;amp;id=0Bz2Lss3i7uJHZGRKLUx3amJLOTQ&amp;amp;export=download" rel="nofollow noreferrer"&gt;link to file&lt;/a&gt; to URL field in Cast Console. This link is direct download of file. &lt;/li&gt;
&lt;li&gt;Restarted Chromecast. Seems like it tried to download something but not sure if succeed&lt;/li&gt;
&lt;/ol&gt;
&lt;p&gt;If anyone faced this problem, please point me out what I am doing wrong. Appreciate any help. &lt;/p&gt;
&lt;p&gt;&lt;em&gt;P.S. tell if some more code needed...&lt;/em&gt;&lt;/p&gt;</t>
  </si>
  <si>
    <t>2015-06-05 14:37:53.150000+00:00</t>
  </si>
  <si>
    <t>2015-09-14 06:16:32.390000+00:00</t>
  </si>
  <si>
    <t>2017-05-23 12:03:53.327000+00:00</t>
  </si>
  <si>
    <t>javascript|android|chromecast|google-cast|custom-receiver</t>
  </si>
  <si>
    <t>how do i get a checkbox column for multi-select into a datagrid?</t>
  </si>
  <si>
    <t>&lt;p&gt;I'm having trouble getting a checkbox column into a VMware Clarity datagrid, or generally getting multi select of rows to work.&lt;/p&gt;
&lt;p&gt;I can get single select to work just fine.&lt;/p&gt;
&lt;p&gt;I see the example in the VMware Clarity doc:
&lt;a href="https://vmware.github.io/clarity/documentation/datagrid/batch-action" rel="nofollow noreferrer"&gt;https://vmware.github.io/clarity/documentation/datagrid/batch-action&lt;/a&gt;&lt;/p&gt;
&lt;p&gt;I feel like I'm following the directions correctly, but no checkbox column shows up (a radio button column does show if I change it to single select).  &lt;/p&gt;
&lt;p&gt;My markup:&lt;/p&gt;
&lt;pre&gt;&lt;code&gt;&amp;lt;clr-datagrid [(clrDgSelected)]="selected" [clDgRowSelection]="true"&amp;gt;
&amp;lt;clr-dg-action-bar&amp;gt;
    &amp;lt;div class="btn-group"&amp;gt;
        &amp;lt;button type="button" class="btn btn-sm btn-secondary" (click)="onAdd()"&amp;gt;&amp;lt;clr-icon shape="plus"&amp;gt;&amp;lt;/clr-icon&amp;gt; Register&amp;lt;/button&amp;gt;
        &amp;lt;button type="button" class="btn btn-sm btn-secondary" (click)="onDelete()" &amp;gt;&amp;lt;clr-icon shape="close"&amp;gt;&amp;lt;/clr-icon&amp;gt; Delete&amp;lt;/button&amp;gt;
        &amp;lt;button type="button" class="btn btn-sm btn-secondary" (click)="onEdit()" *ngIf="selected?.length == 1"&amp;gt;&amp;lt;clr-icon shape="pencil"&amp;gt;&amp;lt;/clr-icon&amp;gt; Edit&amp;lt;/button&amp;gt;
    &amp;lt;/div&amp;gt;
&amp;lt;/clr-dg-action-bar&amp;gt;
&amp;lt;clr-dg-column&amp;gt;Name&amp;lt;/clr-dg-column&amp;gt;
&amp;lt;clr-dg-column&amp;gt;Serial #&amp;lt;/clr-dg-column&amp;gt;
&amp;lt;clr-dg-row *clrDgItems="let networkSystem of networkSystems"  [clrDgItem]="networkSystem"&amp;gt;
    &amp;lt;clr-dg-cell&amp;gt;{{networkSystem.name}}&amp;lt;/clr-dg-cell&amp;gt;
    &amp;lt;clr-dg-cell&amp;gt;{{networkSystem.serial_number}}&amp;lt;/clr-dg-cell&amp;gt;
&amp;lt;/clr-dg-row&amp;gt;
&amp;lt;/clr-datagrid&amp;gt;
&lt;/code&gt;&lt;/pre&gt;
&lt;p&gt;I've tried digging through the examples in the Clarity repo, but I can't find this batch selection one anywhere.  (would be nice if the official documentation somehow included the full source both for the angular component and the markup).&lt;/p&gt;
&lt;p&gt;Thanks for any help!&lt;/p&gt;</t>
  </si>
  <si>
    <t>2017-10-26 15:37:39.250000+00:00</t>
  </si>
  <si>
    <t>2017-10-26 16:27:40.830000+00:00</t>
  </si>
  <si>
    <t>vmware-clarity</t>
  </si>
  <si>
    <t>Nav Bar with Centered Logo</t>
  </si>
  <si>
    <t>&lt;p&gt;So I've seen several answers to this question here and around the web, but I cannot seem to get it to work for me. &lt;/p&gt;
&lt;p&gt;This is first time coding anything beyond the basics (and I only have a week to do it for a class).
 I've tried using two ul's with a &lt;code&gt;div&lt;/code&gt; in the middle, but one &lt;code&gt;ul&lt;/code&gt; with the logo image as a &lt;code&gt;li&lt;/code&gt; seems to get me the closest. My problem is that while the logo is actually centered, I can't get the other &lt;code&gt;li's&lt;/code&gt; to be centered around it while getting the whole nav bar itself to be centered on the page. 
The site will also have to be &lt;code&gt;responsive&lt;/code&gt; (a whole other issue, I know, but I don't want to gunk up my code with a solution that will be incompatible with a &lt;code&gt;responsive design&lt;/code&gt;). I'm also not sure hoe to get the logo and the other li's to be vertically centered. I've tried &lt;code&gt;'vertical-align: middle'&lt;/code&gt; but without any success. Thanks so much for any help.&lt;/p&gt;
&lt;p&gt;Here's my HTML.&lt;/p&gt;
&lt;pre&gt;&lt;code&gt;&amp;lt;body&amp;gt;
&amp;lt;div class="header"&amp;gt;
    &amp;lt;div class="nav"&amp;gt;
            &amp;lt;ul&amp;gt;
                &amp;lt;li class="navright"&amp;gt;&amp;lt;a href="#"&amp;gt;HOME&amp;lt;/a&amp;gt;&amp;lt;/li&amp;gt;
                &amp;lt;li class="navright"&amp;gt;&amp;lt;a href="#"&amp;gt;MENU&amp;lt;/a&amp;gt;&amp;lt;/li&amp;gt;
                &amp;lt;li id="logo"&amp;gt;&amp;lt;a href="#"&amp;gt;&amp;lt;img src="Images/pantry logo.png" width="536" height="348"/&amp;gt;&amp;lt;/a&amp;gt;&amp;lt;/li&amp;gt;
                &amp;lt;li class="navleft"&amp;gt;&amp;lt;a href="#"&amp;gt;CONTACT&amp;lt;/a&amp;gt;&amp;lt;/li&amp;gt;
                &amp;lt;li class="navleft"&amp;gt;&amp;lt;a href="#"&amp;gt;ABOUT&amp;lt;/a&amp;gt;&amp;lt;/li&amp;gt;
            &amp;lt;/ul&amp;gt;  
       &amp;lt;/div&amp;gt;
  &amp;lt;/div&amp;gt;
&lt;/code&gt;&lt;/pre&gt;
&lt;p&gt;And the CSS.&lt;/p&gt;
&lt;pre&gt;&lt;code&gt;.header {
    width: 960px;
    height: 200px;
    margin: 0 auto;
    text-align: center;
    position: relative;
    }
div ul li{
    display: inline-block;
    padding: 60px 70px 40px 0;
    font-family: "Montserrat", "Helvetica", sans-serif;
    font-size: 18px;
    color: #4f4d4b;
    text-decoration: none;
    list-style: none;
    }
div ul li a {
    list-style: none;
    text-decoration: none;
    color: #4f4d4b;
    }
.nav ul li a:visited {
    text-decoration: none;
    color: #4f4d4b;
    }
#logo a img {
    width: 250px;
    height: auto;
    position: absolute;
    left: 50%;
    margin-left: -125px;
    display: inline-block;
    }
&lt;/code&gt;&lt;/pre&gt;
&lt;p&gt;You can go to the site&lt;a href="http://www.thomashall.idesignclass.com/" rel="nofollow"&gt; [here]&lt;/a&gt;.&lt;/p&gt;</t>
  </si>
  <si>
    <t>2014-03-01 04:14:55.310000+00:00</t>
  </si>
  <si>
    <t>2014-06-09 20:54:11.363000+00:00</t>
  </si>
  <si>
    <t>html|css|center|nav</t>
  </si>
  <si>
    <t>Boost.Interprocess v1.66 - get_bootstamp segfault with C#</t>
  </si>
  <si>
    <t>&lt;p&gt;I have problem with Boost.Interprocess (v1.66) library which I use in my C/C++ library which I use in C# through Marshalling (calling C native code from C#).&lt;/p&gt;
&lt;p&gt;I found the problem if I was using Boost.Interprocess named_semaphore for sync between processes. (in open_or_create mode)&lt;/p&gt;
&lt;p&gt;If I use my C/C++ lib with another native C/C++ code everything works fine (under newest Windows 10, Linux (4+ kernel) and even Mac OS X (&gt;=10.11)). 
The problem occurred under Windows - with C# I have C wrapper around C++ code. If I use Marshalling with simple own-build EXE --&gt; Everything works! But If I use The same C# code (with the same C lib) in the third party application as a DLL plugin I got segfault from get_bootstamp in named_semaphore.&lt;/p&gt;
&lt;p&gt;So I have third-party C# SW for which I create plugins (C# DLL). In that plugin I use my C library through marshalling. Marshalling work fine in test C# project (which just call C functions from C lib) but same code segfault in third-party SW.&lt;/p&gt;
&lt;p&gt;C Library workflow:&lt;/p&gt;
&lt;ul&gt;
&lt;li&gt;Init all necessary C structures&lt;/li&gt;
&lt;li&gt;Start desired TCP server (native C/C++ app) using Boost.Process &lt;/li&gt;
&lt;li&gt;Wait for server (through named_semaphore) &amp;lt;-- segfault&lt;/li&gt;
&lt;li&gt;Connect to the server...&lt;/li&gt;
&lt;/ul&gt;
&lt;p&gt;C# code has same workflow.&lt;/p&gt;
&lt;p&gt;&lt;strong&gt;Found the problem&lt;/strong&gt;&lt;/p&gt;
&lt;p&gt;The problem occured in &lt;a href="https://github.com/boostorg/interprocess/blob/9a605d3816a3ceadfedcc39efa4941d5ed5dfc43/include/boost/interprocess/detail/shared_dir_helpers.hpp#L40" rel="nofollow noreferrer"&gt;boost::interprocess::ipcdetail::get_booststamp&lt;/a&gt; (which is called in named_semaphore). here:&lt;/p&gt;
&lt;pre&gt;&lt;code&gt;  struct windows_bootstamp
  {
     windows_bootstamp()
     {
        //Throw if bootstamp not available
        if(!winapi::get_last_bootup_time(stamp)){
           error_info err = system_error_code();
           throw interprocess_exception(err);
        }
     }
     //Use std::string. Even if this will be constructed in shared memory, all
     //modules/dlls are from this process so internal raw pointers to heap are always valid
     std::string stamp;
  };
  inline void get_bootstamp(std::string &amp;amp;s, bool add = false)
  {
     const windows_bootstamp &amp;amp;bootstamp = windows_intermodule_singleton&amp;lt;windows_bootstamp&amp;gt;::get();
     if(add){
        s += bootstamp.stamp;
     }
     else{
        s = bootstamp.stamp;
     }
  }
&lt;/code&gt;&lt;/pre&gt;
&lt;p&gt;If I debug to the line&lt;/p&gt;
&lt;pre&gt;&lt;code&gt;const windows_bootstamp &amp;amp;bootstamp = windows_intermodule_singleton&amp;lt;windows_bootstamp&amp;gt;::get()
&lt;/code&gt;&lt;/pre&gt;
&lt;p&gt;booststamp.stamp is not readable. The size is set to 31, capacity is set to some weird value (like 19452345) and the data is not readable. If i step over to&lt;/p&gt;
&lt;pre&gt;&lt;code&gt;s += bootstamp.stamp; 
&lt;/code&gt;&lt;/pre&gt;
&lt;p&gt;the segfault occured!&lt;/p&gt;
&lt;p&gt;&lt;strong&gt;Found the reason&lt;/strong&gt;&lt;/p&gt;
&lt;p&gt;I debug once more and set debug point to the windows_bootstamp constructor entry and I got no hit so the stamp is not initialized (I guess).&lt;/p&gt;
&lt;p&gt;&lt;strong&gt;Confirmation&lt;/strong&gt;&lt;/p&gt;
&lt;p&gt;If I change get_bootstamp to&lt;/p&gt;
&lt;pre&gt;&lt;code&gt;  inline void get_bootstamp(std::string &amp;amp;s, bool add = false)
  {
     const windows_bootstamp &amp;amp;bootstamp = windows_intermodule_singleton&amp;lt;windows_bootstamp&amp;gt;::get();
     std::string stamp;
     winapi::get_last_bootup_time(stamp);
     if(add){
        s += stamp;
     }
     else{
        s = stamp;
     }
  }
&lt;/code&gt;&lt;/pre&gt;
&lt;p&gt;Recompile my lib and exe - everything works fine (without any problem).&lt;/p&gt;
&lt;p&gt;My question is - what I am doing wrong? I read Boost.Interprocess doc really thoroughly but there are no advice/warnings about my problem (yeah there is "&lt;a href="http://www.boost.org/doc/libs/1_66_0/doc/html/interprocess/acknowledgements_notes.html#interprocess.acknowledgements_notes.notes_windows.notes_windows_com_init" rel="nofollow noreferrer"&gt;COM Initialization&lt;/a&gt;" in Interprocess doc but it not seems helpfull).&lt;/p&gt;
&lt;p&gt;Or it's just a bug in Boost.interprocess and I may report it to Boost bug tracker?&lt;/p&gt;
&lt;p&gt;Notice - if I start server manually (before I run C# code) It works without segfaults &lt;/p&gt;</t>
  </si>
  <si>
    <t>2018-03-20 11:28:28.793000+00:00</t>
  </si>
  <si>
    <t>2018-03-20 11:38:17.713000+00:00</t>
  </si>
  <si>
    <t>c#|c++|boost|boost-interprocess</t>
  </si>
  <si>
    <t>Create [NS]Dictionary from single string in Swift</t>
  </si>
  <si>
    <t>&lt;p&gt;I have a string &lt;code&gt;var dictAsString:String = '["foo" : 123, "bar" : 456]'&lt;/code&gt; that I want to convert to a &lt;code&gt;Dictionary&lt;/code&gt; (or &lt;code&gt;NSDictionary&lt;/code&gt;, I'm not particular.) I've tried &lt;/p&gt;
&lt;pre&gt;&lt;code&gt;var dictAsObj:AnyObject = dictAsString as AnyObject
var dictAsDict:NSDictionary = dictAsObj as NSDictionary
&lt;/code&gt;&lt;/pre&gt;
&lt;p&gt;but that doesn't work. I've also tried&lt;/p&gt;
&lt;pre&gt;&lt;code&gt;var dictAsDict:NSDictionary = NSDictionary(objectsAndKeys: dictAsString)
&lt;/code&gt;&lt;/pre&gt;
&lt;p&gt;and&lt;/p&gt;
&lt;pre&gt;&lt;code&gt;var dictAsObj:AnyObject = dictAsString as AnyObject
var dictAsDict:NSDictionary = NSDictionary(objectsAndKeys: dictAsObj)
&lt;/code&gt;&lt;/pre&gt;
&lt;p&gt;Nothing seems to work, and I can't seem to find any help in the documentation. Any ideas?&lt;/p&gt;</t>
  </si>
  <si>
    <t>2014-10-29 23:37:31.083000+00:00</t>
  </si>
  <si>
    <t>2014-10-30 00:02:59.250000+00:00</t>
  </si>
  <si>
    <t>string|dictionary|swift|casting|nsdictionary</t>
  </si>
  <si>
    <t>Change sorting order with SortedList and RecyclerView</t>
  </si>
  <si>
    <t>&lt;p&gt;I'm using a &lt;code&gt;SortedList&lt;/code&gt; which is used for filtering of the data in the &lt;code&gt;RecyclerView&lt;/code&gt; in regards to the current query in a &lt;code&gt;SearchView&lt;/code&gt; as described in &lt;a href="https://stackoverflow.com/questions/30398247/how-to-filter-a-recyclerview-with-a-searchview/30429439#30429439"&gt;How to filter a RecyclerView with a SearchView&lt;/a&gt;.&lt;/p&gt;
&lt;p&gt;The problem is that the order of items must be able to change as well. The &lt;code&gt;SortedList&lt;/code&gt; interacts with the &lt;code&gt;Adapter&lt;/code&gt; through a &lt;code&gt;Callback&lt;/code&gt; class that has a &lt;code&gt;compare&lt;/code&gt; method. I would need to change it if the user changes the way the items are sorted but I am not sure how I can do that. &lt;/p&gt;
&lt;p&gt;The current situation calls only for the reversal of the order, so this problem could be solved with a &lt;code&gt;LinearLayoutManager&lt;/code&gt; with &lt;code&gt;setReversedLayout(true)&lt;/code&gt; but I would be interested in how I can provide a completely different way of sorting the items in the &lt;code&gt;SortedList&lt;/code&gt;.&lt;/p&gt;</t>
  </si>
  <si>
    <t>2016-11-15 11:59:42.173000+00:00</t>
  </si>
  <si>
    <t>2016-11-16 05:45:49.560000+00:00</t>
  </si>
  <si>
    <t>2017-05-23 11:53:09.340000+00:00</t>
  </si>
  <si>
    <t>android|sorting|android-recyclerview|android-support-library|sortedlist</t>
  </si>
  <si>
    <t>Can't clear cin. Stuck at input</t>
  </si>
  <si>
    <t>&lt;p&gt;When &lt;code&gt;cin&lt;/code&gt; fails, it fails for ever. I.e. I can't read anything afterwards and &lt;code&gt;cin.fail()&lt;/code&gt; always returns true, no matter how I try to clear it.&lt;/p&gt;
&lt;p&gt;Minimal code to recreate:&lt;/p&gt;
&lt;pre&gt;&lt;code&gt;#include &amp;lt;iostream&amp;gt;
using namespace std;
int main(){
    int d;
    while (!(cin &amp;gt;&amp;gt; d)) // Loop until I get a valid integer
    {
        cin.ignore(9999, '\n');
        cin.clear();
    }
    cout &amp;lt;&amp;lt; d &amp;lt;&amp;lt; endl;
    return 0;
}
&lt;/code&gt;&lt;/pre&gt;
&lt;p&gt;With minimal input:&lt;/p&gt;
&lt;pre&gt;&lt;code&gt;a&amp;lt;Enter&amp;gt;
&lt;/code&gt;&lt;/pre&gt;
&lt;p&gt;I tried all C++ answers under &lt;a href="https://stackoverflow.com/questions/257091"&gt;this question&lt;/a&gt;, but none of them worked. Strangely enough, &lt;code&gt;fflush(stdin)&lt;/code&gt; did a good job.&lt;/p&gt;
&lt;p&gt;I use Dev-C++ as my IDE and replaced its packaged GCC with MinGW GCC 6.3.0 from SourceForge. The following arguments are supplied to &lt;code&gt;g++.exe&lt;/code&gt; when compiling&lt;/p&gt;
&lt;pre&gt;&lt;code&gt;-Wall -Wextra -std=c++14 -s -O3 -static-libgcc -static-libstdc++
&lt;/code&gt;&lt;/pre&gt;
&lt;p&gt;The same issue has also occurred with GCC 7.2.0 on my Ubuntu without the last two &lt;code&gt;-static&lt;/code&gt; arguments.&lt;/p&gt;
&lt;hr&gt;
&lt;p&gt;As suggested in comments, swapping the order of &lt;code&gt;cin.clear()&lt;/code&gt; and &lt;code&gt;cin.ignore()&lt;/code&gt; worked. What's the reason for that?&lt;/p&gt;</t>
  </si>
  <si>
    <t>2017-10-27 15:23:49.110000+00:00</t>
  </si>
  <si>
    <t>2017-10-27 15:36:11.010000+00:00</t>
  </si>
  <si>
    <t>c++|cin|input-buffer</t>
  </si>
  <si>
    <t>Remove tags within Smarty tag</t>
  </si>
  <si>
    <t>&lt;p&gt;I'm wondering if you know of a way on removing tags from a smarty tag ?.&lt;/p&gt;
&lt;p&gt;The tag that i'm using is {$menu} that is outputting the following:&lt;/p&gt;
&lt;pre&gt;&lt;code&gt;&amp;lt;ul&amp;gt;
  &amp;lt;li&amp;gt;&amp;lt;a href="#"&amp;gt;Menu Item&amp;lt;/a&amp;gt;&amp;lt;/li&amp;gt;
  &amp;lt;li&amp;gt;&amp;lt;a href="#"&amp;gt;Menu Item&amp;lt;/a&amp;gt;&amp;lt;/li&amp;gt;
  &amp;lt;li&amp;gt;&amp;lt;a href="#"&amp;gt;Menu Item&amp;lt;/a&amp;gt;&amp;lt;/li&amp;gt;
&amp;lt;/ul&amp;gt;
&lt;/code&gt;&lt;/pre&gt;
&lt;p&gt;but what i'm trying to do is removing the&lt;/p&gt;
&lt;pre&gt;&lt;code&gt;&amp;lt;ul&amp;gt;&amp;lt;/ul&amp;gt;
&lt;/code&gt;&lt;/pre&gt;
&lt;p&gt;Do you know of an easy way doing this within the smarty tag?.&lt;/p&gt;
&lt;p&gt;Thanks guys!&lt;/p&gt;</t>
  </si>
  <si>
    <t>2013-12-06 08:02:01.483000+00:00</t>
  </si>
  <si>
    <t>2013-12-06 08:08:19.177000+00:00</t>
  </si>
  <si>
    <t>php|html|smarty</t>
  </si>
  <si>
    <t>Set column width for QTableWidget in designtime</t>
  </si>
  <si>
    <t>&lt;p&gt;I cannot find any information for the following question: is there a possibility to set width to columns for QTableWidget in &lt;strong&gt;designtime&lt;/strong&gt;. When I opened &lt;code&gt;ui&lt;/code&gt;-file in text editor, I found, that columns are declared like this:&lt;/p&gt;
&lt;pre&gt;&lt;code&gt;&amp;lt;column&amp;gt;
    &amp;lt;property name="text" &amp;gt;
        &amp;lt;string&amp;gt;My column name&amp;lt;/string&amp;gt;
    &amp;lt;/property&amp;gt;
&amp;lt;/column&amp;gt;
&lt;/code&gt;&lt;/pre&gt;
&lt;p&gt;I tried to add some properties like &lt;code&gt;width&lt;/code&gt;, but had no success.&lt;/p&gt;
&lt;p&gt;The only question I found at qtcentre.org is &lt;a href="http://www.qtcentre.org/threads/29022-QTableWidget-set-column-width-at-designtime" rel="noreferrer"&gt;this&lt;/a&gt;. But unfortunaly it is without an answer.&lt;/p&gt;
&lt;p&gt;Thank you for advise (even if it would be "You can't").&lt;/p&gt;
&lt;p&gt;P.S. Please, do not answer, that I can do it in runtime like this:&lt;/p&gt;
&lt;pre&gt;&lt;code&gt;table-&amp;gt;headerView()-&amp;gt;resizeSection( columnIdx, width );
&lt;/code&gt;&lt;/pre&gt;</t>
  </si>
  <si>
    <t>2013-02-21 13:07:33.520000+00:00</t>
  </si>
  <si>
    <t>2016-06-02 08:43:18.407000+00:00</t>
  </si>
  <si>
    <t>qt|design-time|qtablewidget</t>
  </si>
  <si>
    <t>OctoberCMS Javascript API AJAX call to a component function to update component's partial</t>
  </si>
  <si>
    <t>&lt;p&gt;So I have the following file structure:&lt;/p&gt;
&lt;pre&gt;&lt;code&gt;plugins/myname/pluginname/components/pluginname/default.htm
plugins/myname/pluginname/components/PluginName.php
&lt;/code&gt;&lt;/pre&gt;
&lt;p&gt;default.htm acts as the partial of the component.
and I have the following JS API&lt;/p&gt;
&lt;pre&gt;&lt;code&gt;setInterval(function(){
    $.request('onEverySecond', {
        update: {'@default.htm':'#rate-marquee'},
        complete: function() {
            console.log('Finished!');
        }
    })
}, 1000);
&lt;/code&gt;&lt;/pre&gt;
&lt;p&gt;&lt;code&gt;onEverySecond&lt;/code&gt; is a function in &lt;code&gt;PluginName.php&lt;/code&gt; that updates a variable called &lt;code&gt;fx&lt;/code&gt; thrown to &lt;code&gt;default.htm&lt;/code&gt;.&lt;/p&gt;
&lt;p&gt;At the front end the partial &lt;code&gt;default.htm&lt;/code&gt; seems to be updated, but it refreshes the whole partial which is not what I want, it causes the marquee to replay again and again and only be able to show the first few piece of contents.
All I wanted is that the AJAX will update only the variable &lt;code&gt;fx&lt;/code&gt; where the data is updated.&lt;/p&gt;
&lt;p&gt;How can I achieve that?&lt;/p&gt;
&lt;p&gt;EDIT 1: &lt;/p&gt;
&lt;p&gt;Here is the partial markup:&lt;/p&gt;
&lt;pre&gt;&lt;code&gt;{% set fx = __SELF__.fx %}
&amp;lt;marquee id="rate-marquee" name="rate-marquee" onmouseover="this.stop();" onmouseout="this.start();"&amp;gt;
    &amp;lt;ul&amp;gt;
        {% for item in fx %}
            &amp;lt;li&amp;gt;
            {{ item.Item | trim('u')}}: {{ item.BID }} {% if item.Revalue == 0 %} &amp;lt;div class="arrow-up"&amp;gt;&amp;lt;/div&amp;gt; {% else %} &amp;lt;div class="arrow-down"&amp;gt;&amp;lt;/div&amp;gt; {% endif %}
            &amp;lt;/li&amp;gt;
        {% endfor %}
    &amp;lt;/ul&amp;gt;
&amp;lt;/marquee&amp;gt;
&lt;/code&gt;&lt;/pre&gt;
&lt;p&gt;Additionally, here is the code in PluginName.php&lt;/p&gt;
&lt;pre&gt;&lt;code&gt;public function onRun()
{
    $this-&amp;gt;addJs('/plugins/SoyeggWebDevelopment/fxmarquee/assets/js/default.js');
    $this-&amp;gt;updateFX();
}
public function onEverySecond()
{
    $this-&amp;gt;updateFX();
}
public $fx;
&lt;/code&gt;&lt;/pre&gt;
&lt;p&gt;So updateFX() works perfectly well too.&lt;/p&gt;</t>
  </si>
  <si>
    <t>2018-11-09 03:22:09.577000+00:00</t>
  </si>
  <si>
    <t>2018-11-12 09:56:05.537000+00:00</t>
  </si>
  <si>
    <t>2018-11-12 03:14:06.920000+00:00</t>
  </si>
  <si>
    <t>javascript|ajax|octobercms</t>
  </si>
  <si>
    <t>How to change sliding direction?</t>
  </si>
  <si>
    <t>&lt;p&gt;I work at an sidebar (left &amp;amp; right) which I can slide out/in with jQuery.
Both sides works but the right sidebar slides in left direction instead to right.
I use the following jQuery-code:&lt;/p&gt;
&lt;pre&gt;&lt;code&gt;    jQuery(function ($) {
    var left_open = true;
    var right_open = true;
    $('a#ToogleSidebarLeft').click(function () {
        if (left_open === true) {
            $('#boxwrapper-left').animate({ width: 'hide' });
            $('#leftcolumn').animate({ width: 'hide' });
            $("#maincontent").animate({ marginLeft: "0px" });
            left_open = false;
        } else {
            $('#boxwrapper-left').animate({ width: 'show' });
            $('#leftcolumn').animate({ width: 'show' });
            $("#maincontent").animate({ marginLeft: "220px" });
            left_open = true;
        }
    });
    $('a#ToogleSidebarRight').click(function () {
        if (right_open === true) {
            $('#boxwrapper-right').animate({ width: 'hide' });
            $('#rightcolumn').animate({ width: 'hide' });
            // $('#boxwrapper-right').hide('slide', {width: 'hide', direction: 'right' });
            // $('#rightcolumn').hide('slide', { width: 'hide', direction: 'right' });
            $("#maincontent").animate({ marginRight: "0px" });
            right_open = false;
        } else {
            $('#boxwrapper-right').animate({ width: 'show' });
            $('#rightcolumn').animate({ width: 'show' });
            $("#maincontent").animate({ marginRight: "200px" });
            right_open = true;
        }
    });
});
&lt;/code&gt;&lt;/pre&gt;
&lt;p&gt;How can I change the sliding-direction of the second function (ToogleSidebarRight) to right?&lt;/p&gt;
&lt;p&gt;I have try  something like this but it doesn't works so: &lt;/p&gt;
&lt;pre&gt;&lt;code&gt;$('#boxwrapper-left').animate({ width: 'hide', direction: 'right' });
&lt;/code&gt;&lt;/pre&gt;
&lt;p&gt;Thanks for helping!&lt;/p&gt;
&lt;p&gt;PS: English isn't my native language, so the text looks maybe a little bit strange...&lt;/p&gt;</t>
  </si>
  <si>
    <t>2011-04-13 12:18:55.727000+00:00</t>
  </si>
  <si>
    <t>2011-04-13 12:51:14.303000+00:00</t>
  </si>
  <si>
    <t>2011-04-13 12:20:08.570000+00:00</t>
  </si>
  <si>
    <t>javascript|jquery|toggle|slide|sidebar</t>
  </si>
  <si>
    <t>matplotlib Import Error: Could not load requested Qt binding</t>
  </si>
  <si>
    <t>&lt;p&gt;When I load matplotlib in a new session in PyCharm I get the following error:&lt;/p&gt;
&lt;pre&gt;&lt;code&gt;&amp;gt;&amp;gt;&amp;gt; import matplotlib
Backend Qt4Agg is interactive backend. Turning interactive mode on.
Failed to enable GUI event loop integration for 'qt4'
Traceback (most recent call last):
  File "/Programme/PyCharm/pycharm-community-2016.3.2/helpers/pydev/_pydev_bundle/pydev_console_utils.py", line 563, in do_enable_gui
    enable_gui(guiname)
  File "/Programme/PyCharm/pycharm-community-2016.3.2/helpers/pydev/pydev_ipython/inputhook.py", line 528, in enable_gui
    return gui_hook(app)
  File "/Programme/PyCharm/pycharm-community-2016.3.2/helpers/pydev/pydev_ipython/inputhook.py", line 195, in enable_qt4
    from pydev_ipython.inputhookqt4 import create_inputhook_qt4
  File "/Programme/PyCharm/pycharm-community-2016.3.2/helpers/pydev/_pydev_bundle/pydev_import_hook.py", line 21, in do_import
    module = self._system_import(name, *args, **kwargs)
  File "/Programme/PyCharm/pycharm-community-2016.3.2/helpers/pydev/pydev_ipython/inputhookqt4.py", line 25, in &amp;lt;module&amp;gt;
    from pydev_ipython.qt_for_kernel import QtCore, QtGui
  File "/Programme/PyCharm/pycharm-community-2016.3.2/helpers/pydev/_pydev_bundle/pydev_import_hook.py", line 21, in do_import
    module = self._system_import(name, *args, **kwargs)
  File "/Programme/PyCharm/pycharm-community-2016.3.2/helpers/pydev/pydev_ipython/qt_for_kernel.py", line 85, in &amp;lt;module&amp;gt;
    QtCore, QtGui, QtSvg, QT_API = load_qt(api_opts)
  File "/Programme/PyCharm/pycharm-community-2016.3.2/helpers/pydev/pydev_ipython/qt_loaders.py", line 281, in load_qt
    api_options))
ImportError: 
    Could not load requested Qt binding. Please ensure that
    PyQt4 &amp;gt;= 4.7 or PySide &amp;gt;= 1.0.3 is available,
    and only one is imported per session.
    Currently-imported Qt library:   None
    PyQt4 installed:                 False
    PyQt5 installed:                 True
    PySide &amp;gt;= 1.0.3 installed:       True
    Tried to load:                   ['pyqtdefault']
&lt;/code&gt;&lt;/pre&gt;
&lt;p&gt;My search did not help me. I installed&lt;/p&gt;
&lt;pre&gt;&lt;code&gt;$ sudo apt-get install libqt5svg5*
&lt;/code&gt;&lt;/pre&gt;
&lt;p&gt;This question is similar to &lt;a href="https://stackoverflow.com/questions/24324621/setting-up-ipython-qtconsole-with-pyqt5"&gt;Setting up IPython Qtconsole with PyQt5&lt;/a&gt; but I am on Linux Kubuntu 14.4. Also, I did not install IPython, but the Jupyter Notebook, but I use PyCharm for development.&lt;/p&gt;</t>
  </si>
  <si>
    <t>2017-02-14 13:23:17.697000+00:00</t>
  </si>
  <si>
    <t>2017-02-14 13:26:07.017000+00:00</t>
  </si>
  <si>
    <t>2017-05-23 12:01:43.247000+00:00</t>
  </si>
  <si>
    <t>python|qt|matplotlib|pycharm</t>
  </si>
  <si>
    <t>How to insert nested array of data into mysql using php</t>
  </si>
  <si>
    <t>&lt;p&gt;Currently I have an nested Array having three arrays (items,customer,address) that looks like the following when it output through  &lt;/p&gt;
&lt;pre&gt;&lt;code&gt;print_r($_POST);
Array
(
    [items] =&amp;gt; Array
        (
            [0] =&amp;gt; Array
                (
                    [item_id] =&amp;gt; 1
                    [item_price] =&amp;gt; 2
                    [quantity] =&amp;gt; 11
                )
            [1] =&amp;gt; Array
                (
                    [item_id] =&amp;gt; 12
                    [item_price] =&amp;gt; 13
                    [quantity] =&amp;gt; 14
                )
            [2] =&amp;gt; Array
                (
                    [item_id] =&amp;gt; 13
                    [item_price] =&amp;gt; 14
                    [quantity] =&amp;gt; 15
                )
            [3] =&amp;gt;; Array
                (
                    [item_id] =&amp;gt; 16
                    [item_price] =&amp;gt; 17
                    [quantity] =&amp;gt; 18
                )
            [4] =&amp;gt; Array
                (
                    [item_id] =&amp;gt; 18 
                    [item_price] =&amp;gt; 38
                    [quantity] =&amp;gt; 38
                )
        )
    [customer] =&amp;gt; 111
    [address] =&amp;gt; 171
)
&lt;/code&gt;&lt;/pre&gt;
&lt;p&gt;I would like to insert this data into one table with each element value belonging to its respective field.&lt;/p&gt;
&lt;p&gt;Currently &lt;strong&gt;my php code&lt;/strong&gt; looks like the following&lt;/p&gt;
&lt;pre&gt;&lt;code&gt;if(is_array($_POST)){
    foreach($_POST as $key =&amp;gt; $value){
    $item_id = (int) $value['item_id'];
    $item_price = (int) $value['item_price'] ;
    $quantity = (int) $value['quantity'] ;
    $sql = "INSERT INTO orderItems(item_id, item_price, quantity) values ('$item_id', '$item_price', '$quantity')";
    mysql_query($sql) or exit(mysql_error()); 
    }
}
&lt;/code&gt;&lt;/pre&gt;
&lt;p&gt;it's not working properly. I am new to this. Can anybody help?&lt;/p&gt;</t>
  </si>
  <si>
    <t>2016-03-30 05:25:46.753000+00:00</t>
  </si>
  <si>
    <t>2016-03-30 06:17:22.127000+00:00</t>
  </si>
  <si>
    <t>php|mysql|arrays</t>
  </si>
  <si>
    <t>Samsung SDK: how to install app through apache server and view logs in console?</t>
  </si>
  <si>
    <t>&lt;p&gt;I am a beginner in Samsung SDK, havnt even used it for over 24 hours. I want to test an app on a Samsung Samrt TV and see the calls/Logs in the Console. I am using Mac OS. I have downloaded Samsung Smart TV SDK and ready to go. However I am having issues with the Apache Server and installing the app through it. Please advice with detailed steps. It will be highly appreciated.&lt;/p&gt;</t>
  </si>
  <si>
    <t>2015-11-24 02:28:50.950000+00:00</t>
  </si>
  <si>
    <t>2015-11-25 13:12:16.610000+00:00</t>
  </si>
  <si>
    <t>console.log|samsung-smart-tv</t>
  </si>
  <si>
    <t>Storyboard scene shows up black when associated with a new class</t>
  </si>
  <si>
    <t>&lt;p&gt;I am creating an app and am using storyboards but there is one scene that displays fine when I have just created the interface, but when I assign a new class to the scene it shows up black with just the navigation bar visible. The view is embedded in a UINavigationController and I am trying to display it using a segue that is connected to the UINavigationController.&lt;/p&gt;
&lt;p&gt;I have tried assigning it to a blank UIViewController subclass, setting it as the initial view controller, setting the UINavigationController as the initial view controller, trying to display the view using a button rather than programatically and changing all the different settings for the view, and nothing makes any difference. Thanks in advance to anyone who has any clue as to why this is happening!&lt;/p&gt;</t>
  </si>
  <si>
    <t>2011-12-22 00:30:23.480000+00:00</t>
  </si>
  <si>
    <t>2011-12-22 19:05:52.957000+00:00</t>
  </si>
  <si>
    <t>2011-12-22 01:00:31.813000+00:00</t>
  </si>
  <si>
    <t>iphone|class|xcode-storyboard</t>
  </si>
  <si>
    <t>Can't set meta data in manifest</t>
  </si>
  <si>
    <t>&lt;p&gt;I tried to put a string into manifest and retrieve it. Unfortunately it doesn't work. It doesn't print anything instead of "hieutot". How to fix it?&lt;/p&gt;
&lt;pre&gt;&lt;code&gt;@Override
public void onCreate(final Bundle savedInstanceState) {
    super.onCreate(savedInstanceState);
    setContentView(R.layout.activity_main);
    Log.d("HieuND", "TESSSSSSSSSSSS");
    setApplicationId(this, "hieutot");
    final String s = getMetadataApplicationId(this);
    Log.d("HieuND", s);
}
public static void setApplicationId(final Context context, final String applicationId) {
    try {
        final ApplicationInfo ai = context.getPackageManager().getApplicationInfo(
                context.getPackageName(), PackageManager.GET_META_DATA);
        if (ai.metaData != null) {
            ai.metaData.putString("test", applicationId);
        }
    } catch (final PackageManager.NameNotFoundException e) {
        throw new RuntimeException(e);
    }
}
public static String getMetadataApplicationId(final Context context) {
    try {
        final ApplicationInfo ai = context.getPackageManager().getApplicationInfo(
                context.getPackageName(), PackageManager.GET_META_DATA);
        if (ai.metaData != null) {
            final String s = ai.metaData.getString("test");
            Log.d("HieuND", "zz = " + s);
            return s;
        }
    } catch (final PackageManager.NameNotFoundException e) {
        // if we can't find it in the manifest, just return null
    }
    return null;
}
&lt;/code&gt;&lt;/pre&gt;
&lt;p&gt;Manifest&lt;/p&gt;
&lt;pre&gt;&lt;code&gt;&amp;lt;application
    android:icon="@drawable/ic_launcher"
    android:label="@string/app_name"
    android:theme="@style/AppTheme" &amp;gt;
    &amp;lt;activity
        android:name=".MainActivity"
        android:label="@string/title_activity_main" &amp;gt;
        &amp;lt;intent-filter&amp;gt;
            &amp;lt;action android:name="android.intent.action.MAIN" /&amp;gt;
            &amp;lt;category android:name="android.intent.category.LAUNCHER" /&amp;gt;
        &amp;lt;/intent-filter&amp;gt;
    &amp;lt;/activity&amp;gt;
    &amp;lt;meta-data android:name="test" android:value=""/&amp;gt;
&amp;lt;/application&amp;gt;
&lt;/code&gt;&lt;/pre&gt;</t>
  </si>
  <si>
    <t>2012-11-26 13:49:46.640000+00:00</t>
  </si>
  <si>
    <t>wp form submit error show 404 page content</t>
  </si>
  <si>
    <t>&lt;p&gt;I am using a wordpress theme for a website. Problem is that when I submit form this goes to correct url but shows 404 page content always. I have verifieds .htaccess, delete all posts because I am using page as CMS. Also try to solve using wp_options rewrite_rules but not successful. I also check functions.php but didn't find any special code for form submit.&lt;/p&gt;
&lt;p&gt;Like in my local machine If I directly write url in browser its working. However when I submit using form page not showing and shows 404 page content.  &lt;/p&gt;
&lt;p&gt;I use  krumo debug plugin and its showing wrong get values for name and postTYpe variables use internally by wp but correct pagename.&lt;/p&gt;
&lt;p&gt;Does anyone suggest why I am having this problem in wp although I am using latest wp.&lt;/p&gt;
&lt;p&gt;Thank You.&lt;/p&gt;</t>
  </si>
  <si>
    <t>2011-04-10 19:12:26.810000+00:00</t>
  </si>
  <si>
    <t>2011-10-07 11:55:51.467000+00:00</t>
  </si>
  <si>
    <t>Reorder XML nodes based on condition in XSLT</t>
  </si>
  <si>
    <t>&lt;p&gt;I have an input XML that i have to restructure into another XML using XSLT.
The incoming XML looks like this&lt;/p&gt;
&lt;pre&gt;&lt;code&gt; &amp;lt;Header&amp;gt;
    &amp;lt;Rejection&amp;gt;
        &amp;lt;Code&amp;gt;Code1&amp;lt;/Code&amp;gt;
        &amp;lt;Text&amp;gt;Text1&amp;lt;/Text&amp;gt;
    &amp;lt;/Rejection&amp;gt;
    &amp;lt;Rejection&amp;gt;
        &amp;lt;Code&amp;gt;Code2&amp;lt;/Code&amp;gt;
        &amp;lt;Text&amp;gt;Text2&amp;lt;/Text&amp;gt;
    &amp;lt;/Rejection&amp;gt;
    &amp;lt;Rejection&amp;gt;
        &amp;lt;Code&amp;gt;Code3&amp;lt;/Code&amp;gt;
        &amp;lt;Text&amp;gt;Text3&amp;lt;/Text&amp;gt;
    &amp;lt;/Rejection&amp;gt;
&amp;lt;/Header&amp;gt;
&lt;/code&gt;&lt;/pre&gt;
&lt;p&gt;Whenever the Rejection has a code value of Code3 then Code3/Text3 tag has to be the first tag. The position of Code3 could be anywhere in the incoming XML but it has to be the first rejection tag in the output. This is my current XSLT&lt;/p&gt;
&lt;pre&gt;&lt;code&gt;&amp;lt;xsl:for-each select="/Header/Rejection"&amp;gt;
    &amp;lt;xsl:if test ="Code='Code3'"&amp;gt;
        &amp;lt;REJECTION&amp;gt;
            &amp;lt;REJECTCODE&amp;gt;&amp;lt;xsl:value-of select="Code"&amp;gt;&amp;lt;/xsl:value-of&amp;gt;&amp;lt;/REJECTCODE&amp;gt;
            &amp;lt;REJECTREASON&amp;gt;&amp;lt;xsl:value-of select="Text"&amp;gt;&amp;lt;/xsl:value-of&amp;gt;&amp;lt;/REJECTREASON&amp;gt;
        &amp;lt;/REJECTION&amp;gt;
    &amp;lt;/xsl:if&amp;gt;
&amp;lt;/xsl:for-each&amp;gt;
&amp;lt;xsl:for-each select="/Header/Rejection"&amp;gt;
    &amp;lt;xsl:if test ="not(Code='Code3')"&amp;gt;
        &amp;lt;REJECTION&amp;gt;
            &amp;lt;REJECTCODE&amp;gt;&amp;lt;xsl:value-of select="Code"&amp;gt;&amp;lt;/xsl:value-of&amp;gt;&amp;lt;/REJECTCODE&amp;gt;
            &amp;lt;REJECTREASON&amp;gt;&amp;lt;xsl:value-of select="Text"&amp;gt;&amp;lt;/xsl:value-of&amp;gt;&amp;lt;/REJECTREASON&amp;gt;
        &amp;lt;/REJECTION&amp;gt;
    &amp;lt;/xsl:if&amp;gt;
&amp;lt;/xsl:for-each&amp;gt;
&lt;/code&gt;&lt;/pre&gt;
&lt;p&gt;Now is there a way to prevent the 2 loops and get the result in single loop.
The output XML has to be like this:&lt;/p&gt;
&lt;pre&gt;&lt;code&gt;&amp;lt;Header&amp;gt;
    &amp;lt;REJECTION&amp;gt;
        &amp;lt;REJECTCODE&amp;gt;Code3&amp;lt;/REJECTCODE&amp;gt;
        &amp;lt;REJECTREASON&amp;gt;Text3&amp;lt;/REJECTREASON&amp;gt;
    &amp;lt;/REJECTION&amp;gt;
    &amp;lt;REJECTION&amp;gt;
        &amp;lt;REJECTCODE&amp;gt;Code1&amp;lt;/REJECTCODE&amp;gt;
        &amp;lt;REJECTREASON&amp;gt;Text1&amp;lt;/REJECTREASON&amp;gt;
    &amp;lt;/REJECTION&amp;gt;
    &amp;lt;REJECTION&amp;gt;
        &amp;lt;REJECTCODE&amp;gt;Code2&amp;lt;/REJECTCODE&amp;gt;
        &amp;lt;REJECTREASON&amp;gt;Text2&amp;lt;/REJECTREASON&amp;gt;
    &amp;lt;/REJECTION&amp;gt;
&amp;lt;/Header&amp;gt;
&lt;/code&gt;&lt;/pre&gt;
&lt;p&gt;&lt;strong&gt;Note:&lt;/strong&gt; The codes are just a sample.It is actually alpha numeric and is not in sortable order.&lt;/p&gt;</t>
  </si>
  <si>
    <t>2018-11-19 19:33:07.667000+00:00</t>
  </si>
  <si>
    <t>2018-11-21 05:22:04.170000+00:00</t>
  </si>
  <si>
    <t>2018-11-19 23:26:25.107000+00:00</t>
  </si>
  <si>
    <t>xslt</t>
  </si>
  <si>
    <t>Re: Handling the Error: The field RQ_REQ_STATUS cannot be used with a &lt;folder&gt;</t>
  </si>
  <si>
    <t>&lt;p&gt;i am trying to extract requirements using the function GetChildrenList(id), the following is my code:&lt;/p&gt;
&lt;p&gt;Sub Reqextraction ()
'here QC connection related code
Set rfact1 = QCConnection.ReqFactory 'creating reqfactory object
Set rfilter1 = rfact1.Filter  'filter object
rfilter("RQ_TYPE_ID") = "Functional" Or "Folder" Or "User Story"  'filtering based on type
rfilter1.KeepHierarchical = True 'hierarchy is set as true
father_id1 = 81   'manually entered Requirement id
GetChildren1 rfact1, rfilter1, father_id1 'calling this method to extract rest all req's
end sub&lt;/p&gt;
&lt;p&gt;Sub GetChildren1(rfactr2, rfilterr2, father_idr2)
Set Childrenr1 = rfactr2.GetFilteredChildrenList(father_idr2, rfilterr2)
For Each Childr1 In Childrenr1  'Navigating to each child
MsgBox(Childr1.field("RQ_REQ_STATUS"))  'Err: The field cannot be used with the type 
MsgBox(Childr1.field("RQ_USER_TEMPLATE_16"))  'Err: the field cannot be  used with the type 
MsgBox(Childr1.field("RQ_REQ_NAME")) 'this is working fine
GetChildren1 rfactr2, rfilterr2, Childr1.ID  'calling the same method with obtained req id
Next
end sub&lt;/p&gt;
&lt;p&gt;''Could you please help me fix this errors..thanks&lt;/p&gt;</t>
  </si>
  <si>
    <t>2014-04-27 19:25:16.677000+00:00</t>
  </si>
  <si>
    <t>2014-05-13 17:27:40.030000+00:00</t>
  </si>
  <si>
    <t>qc</t>
  </si>
  <si>
    <t>Convert Cron syntax to UTC format</t>
  </si>
  <si>
    <t>&lt;p&gt;I have cron data that I need to convert to UTC format &lt;/p&gt;
&lt;p&gt;I have a three variables that represent cron data such as:&lt;/p&gt;
&lt;pre&gt;&lt;code&gt;hour_start
week
weekday
&lt;/code&gt;&lt;/pre&gt;
&lt;p&gt;These values will be used to schedule a cron job to run a script. Later I realized that I need to make a REST call and pass a parameter formatted in UTC format. &lt;/p&gt;
&lt;p&gt;How can I use ruby to convert the above values into a datetime value in UTC format?&lt;/p&gt;
&lt;p&gt;Example values:&lt;/p&gt;
&lt;p&gt;hour_start : 2 &lt;br/&gt;
   week : 2 &lt;br/&gt;
   weekday : 1&lt;/p&gt;
&lt;p&gt;The above should create a value in UTC format like &lt;code&gt;2017-07-03 02:00:00&lt;/code&gt;&lt;/p&gt;
&lt;p&gt;Monday on the second week of July at 2 am.&lt;/p&gt;
&lt;p&gt;thanks in advance!&lt;/p&gt;</t>
  </si>
  <si>
    <t>2017-07-11 12:58:35.033000+00:00</t>
  </si>
  <si>
    <t>2017-07-11 21:17:11.130000+00:00</t>
  </si>
  <si>
    <t>ruby|cron</t>
  </si>
  <si>
    <t>SQLite database column does not exist error</t>
  </si>
  <si>
    <t>&lt;p&gt;I keep getting this error about my sql database&lt;/p&gt;
&lt;p&gt;NEW ERROR &lt;/p&gt;
&lt;p&gt;07-03 01:52:08.037: ERROR/AndroidRuntime(627): java.lang.RuntimeException: Unable to start activity ComponentInfo{com.fttech.books/com.fttech.books.viewBooks}: android.database.sqlite.SQLiteException: no such column: author: , while compiling: SELECT book, author, isbn, rating FROM collection&lt;/p&gt;
&lt;blockquote&gt;
  &lt;p&gt;07-03 00:15:04.807: INFO/Database(927): sqlite returned: error code = 1, msg = no such column: book&lt;/p&gt;
&lt;/blockquote&gt;
&lt;p&gt;NOW I am getting this error on the new emulator&lt;/p&gt;
&lt;blockquote&gt;
  &lt;p&gt;07-03 00:33:27.887: INFO/Database(384): sqlite returned: error code = 1, msg = no such table: collection&lt;/p&gt;
&lt;/blockquote&gt;
&lt;p&gt;Here is my database code I used...&lt;/p&gt;
&lt;pre&gt;&lt;code&gt;public class booksDbAdapter {
    private static final String DATABASE_NAME = "collection";
    private static final String DATABASE_TABLE = "collection";
    private static final int DATABASE_VERSION = 1;
    public static final String KEY_BOOK = "book";
    public static final String KEY_AUTHOR = "author";
    public static final String KEY_ISBN = "isbn";
    public static final String KEY_RATING = "rating";
    public static final String KEY_ROWID = "_id";
    private DatabaseHelper mDbHelper;
    private SQLiteDatabase mDb;
    private static final String DATABASE_CREATE =
                    " create table " + " DATABASE_TABLE " + " ("
                    + KEY_ROWID + " integer primary key autoincrement,      "
                    + KEY_BOOK + " text not null, "
                    + KEY_ISBN + " text not null, "
                    + KEY_RATING + " text not null);";
    private final Context mCtx;
    public booksDbAdapter (Context ctx){
        this.mCtx = ctx;
    }
    private static class DatabaseHelper extends SQLiteOpenHelper{
        DatabaseHelper(Context context){
            super(context, DATABASE_NAME, null, DATABASE_VERSION);
        }
        @Override
        public void onCreate(SQLiteDatabase db) {
            db.execSQL(DATABASE_CREATE);
        }
        @Override
        public void onUpgrade(SQLiteDatabase db, int oldVersion, int newVersion) {
            // TODO Auto-generated method stub
        }
    }
    public booksDbAdapter open() throws SQLException{
        mDbHelper =  new DatabaseHelper(mCtx);
        mDb = mDbHelper.getWritableDatabase();
        return this;
    }
    public void close(){
        mDbHelper.close();
    }
    public long createBook(String book, String author, String isbn, String rating){
        ContentValues initialValues = new ContentValues();
        initialValues.put(KEY_BOOK, book);
        initialValues.put(KEY_AUTHOR, author);
        initialValues.put(KEY_ISBN, isbn);
        initialValues.put(KEY_RATING, rating);
        return mDb.insert(DATABASE_TABLE, null, initialValues);
    }
    public boolean deleteBook(long rowId){
        return mDb.delete(DATABASE_TABLE, KEY_ROWID + "=" + rowId, null) &amp;gt; 0;
    }
    public Cursor fetchAllBooks(){
        return mDb.query(DATABASE_TABLE, new String[]{KEY_BOOK, KEY_AUTHOR, KEY_ISBN, KEY_RATING}, null, null, null, null, null);
    }
    public Cursor fetchBook(long rowId) throws SQLException{
        Cursor mCursor =
        mDb.query(DATABASE_TABLE, new String[]{KEY_BOOK, KEY_AUTHOR, KEY_ISBN, KEY_RATING}, KEY_ROWID + "=" +
                                rowId, null, null, null, null);
        if(mCursor != null){
            mCursor.moveToFirst();
        }
        return mCursor;
    }
    public boolean updateBook(long rowId, String book, String author, String isbn, String rating){
        ContentValues args = new ContentValues();
        args.put(KEY_BOOK, book);
        args.put(KEY_AUTHOR, author);
        args.put(KEY_ISBN, isbn);
        args.put(KEY_RATING, rating);
        return mDb.update(DATABASE_TABLE, args, KEY_ROWID + "=" + rowId, null)&amp;gt; 0;
    }
}
&lt;/code&gt;&lt;/pre&gt;</t>
  </si>
  <si>
    <t>2011-07-03 00:20:02.443000+00:00</t>
  </si>
  <si>
    <t>2012-02-07 18:10:56.667000+00:00</t>
  </si>
  <si>
    <t>2011-07-03 01:55:24.500000+00:00</t>
  </si>
  <si>
    <t>Wordpress editor + qtranslate = span issue</t>
  </si>
  <si>
    <t>&lt;p&gt;I am creating Wordpress multilanguage site and using qTranslate plugin for that. For inserting the content, every language has its own visual/HTML input field within Wordpress TinyMCE editor. The problem is that editor "eats" my &lt;code&gt;&amp;lt;span&amp;gt;&lt;/code&gt; tags, such as auto-formats &lt;code&gt;&amp;lt;br&amp;gt;&lt;/code&gt; and &lt;code&gt;&amp;lt;p&amp;gt;&lt;/code&gt; tags! &lt;/p&gt;
&lt;p&gt;Also, I tried TinyMCE Advanced, but with no effect. After saving the page/post, &lt;code&gt;&amp;lt;span&amp;gt;&lt;/code&gt; tags just disappear from content. Does anyone knows what cause this problem?&lt;/p&gt;</t>
  </si>
  <si>
    <t>2012-07-08 19:51:27.570000+00:00</t>
  </si>
  <si>
    <t>2012-07-09 07:27:01.103000+00:00</t>
  </si>
  <si>
    <t>wordpress|tinymce|wysiwyg|html</t>
  </si>
  <si>
    <t>IUnityContainer creating new instance of an interface with ContainerControlledLifetimeManager</t>
  </si>
  <si>
    <t>&lt;p&gt;I'm resolving an instsance from my IUnityContainer which is registered with &lt;code&gt;new ContainerControlledLifetimeManager()&lt;/code&gt;. In some point I want to "deresolve" that instance and register a new one. Do you have any suggestions about that?&lt;/p&gt;</t>
  </si>
  <si>
    <t>2018-11-05 13:33:44.033000+00:00</t>
  </si>
  <si>
    <t>c#|unity-container</t>
  </si>
  <si>
    <t>Is it possible to test an Abstract activity with Robolectric</t>
  </si>
  <si>
    <t>&lt;p&gt;I use abstract activity classes in my code to well, abstract away some features from the activity classes. &lt;/p&gt;
&lt;p&gt;I'm trying to test the abstract activity classes using &lt;code&gt;Robolectric&lt;/code&gt; and the &lt;code&gt;gradle-android-test-plugin&lt;/code&gt; using subclasses that extend the abstract class. I can't seem to get it to work though. &lt;/p&gt;
&lt;p&gt;Does anyone have any experience in this area and is it even possible ? Basic structure is :&lt;/p&gt;
&lt;pre&gt;&lt;code&gt;@RunWith(RobolectricGradleTestRunner.class)
public class AbstractActivityTest {
    private ActivityTest activity;
    @Before
    public void setUp() throws Exception {
        activity = Robolectric.buildActivity(ActivityTest.class).create().get();
    }
    private class ActivityTest extends AbstractActivity {
        // do something
    }
}
&lt;/code&gt;&lt;/pre&gt;
&lt;p&gt;Initially, I got the error message the sub class wasn't static so I made it static. Now I get the following two fails:&lt;/p&gt;
&lt;pre&gt;&lt;code&gt;initializationError FAILED
java.lang.Exception: Test class should have exactly one public constructor
initializationError FAILED
java.lang.Exception: No runnable methods
&lt;/code&gt;&lt;/pre&gt;
&lt;p&gt;Any obviously true tests I put in &lt;code&gt;@Test&lt;/code&gt; methods succeed.&lt;/p&gt;</t>
  </si>
  <si>
    <t>2013-09-01 13:32:50.257000+00:00</t>
  </si>
  <si>
    <t>2018-01-28 17:22:53.487000+00:00</t>
  </si>
  <si>
    <t>2013-09-10 08:30:03.357000+00:00</t>
  </si>
  <si>
    <t>android|junit|robolectric|android-testing</t>
  </si>
  <si>
    <t>Gmail auto response body</t>
  </si>
  <si>
    <t>&lt;p&gt;I got this code here and it works great!
Just one question, how I can modify it so I can reply and keep the original message (body of the incoming email, unchanged) in my reply message? So people can see what they wrote in their original message and not only my reply. Like as I forward them my incoming message and add my reply on a top.&lt;/p&gt;
&lt;p&gt;The code I have:&lt;/p&gt;
&lt;pre&gt;&lt;code&gt;function RespondEmail(e) {
  // set response mail
  var responsebody = "MY TEXT";
  //send response email
  var threads = GmailApp.search("to:(my@gmail.com) label:unread");
  for (var i = 0; i &amp;lt; threads.length; i++) {
    threads[i].reply("", {htmlBody: responsebody, from: "my@gmail.com"});}
  // mark all as read
  var threads = GmailApp.search("to:(my@gmail.com) label:unread");
  GmailApp.markThreadsRead(threads);
}
&lt;/code&gt;&lt;/pre&gt;
&lt;p&gt;It works great, but how can I add the original incoming email to the responsebody?&lt;/p&gt;
&lt;p&gt;It's for Gmail script on script.google.com&lt;/p&gt;
&lt;p&gt;Thanks!!!&lt;/p&gt;</t>
  </si>
  <si>
    <t>2018-01-08 23:45:25.290000+00:00</t>
  </si>
  <si>
    <t>2018-01-12 23:46:53.540000+00:00</t>
  </si>
  <si>
    <t>email|gmail|response</t>
  </si>
  <si>
    <t>put_user() linux kernel</t>
  </si>
  <si>
    <t>&lt;p&gt;After doing &lt;code&gt;put_user(message[i], buf+i);&lt;/code&gt;
how can I access message from user space?&lt;/p&gt;
&lt;p&gt;I really don't understand where the string message is to be accessed from and what I can do with it?&lt;/p&gt;</t>
  </si>
  <si>
    <t>2011-04-04 09:05:24.120000+00:00</t>
  </si>
  <si>
    <t>2011-04-04 09:28:56.777000+00:00</t>
  </si>
  <si>
    <t>2011-04-04 09:09:33.260000+00:00</t>
  </si>
  <si>
    <t>linux|linux-kernel|kernel</t>
  </si>
  <si>
    <t>ZendSearch in Zend Framework 2</t>
  </si>
  <si>
    <t>&lt;p&gt;I'm trying to get ZendSearch working in Zend Framework 2. I required it using composer&lt;/p&gt;
&lt;pre&gt;&lt;code&gt;"require" : {
  "php" : "&amp;gt;=5.3.3",
  "zendframework/zendframework" : "2.2.*",
  "zf-commons/zfc-twig" : "dev-master",
  "zendframework/zendsearch" : "dev-master"
},
&lt;/code&gt;&lt;/pre&gt;
&lt;p&gt;which works great. The next step would be to include the Module in my application.config.php file. But I am really stuck here as I don't know what to include. I tried "ZendSearch", "zendsearch", "Zend_Search" etc. as module name but the module never gets loaded.
I get a php error while trying to load the module &lt;/p&gt;
&lt;pre&gt;&lt;code&gt;...    
Zend\ModuleManager\ModuleManager-&amp;gt;loadModule('ZendSearch')
...
&lt;/code&gt;&lt;/pre&gt;
&lt;p&gt;Am I doing anything wrong?&lt;/p&gt;</t>
  </si>
  <si>
    <t>2014-05-22 15:47:37.617000+00:00</t>
  </si>
  <si>
    <t>2014-05-22 15:51:40.757000+00:00</t>
  </si>
  <si>
    <t>zend-framework2|zend-search-lucene</t>
  </si>
  <si>
    <t>Jquery slide up/down function -close/open all divs.. need only 1 div to open onclick</t>
  </si>
  <si>
    <t>&lt;p&gt;I used below code to create toggle effect, as we are embedding html codes using javascript functions for CMS. Used Jquery mobile styles.&lt;/p&gt;
&lt;pre&gt;&lt;code&gt;$('.ui-collapsible-heading-toggle').toggle(function(){
           $(".ui-collapsible-content").slideUp(
           function(){
               $(".ui-icon.ui-icon-shadow").addClass("ui-icon-plus");
               $(".ui-icon.ui-icon-shadow").removeClass("ui-icon-minus");
           }
           );
       },function(){ 
           $(".ui-collapsible-content").slideDown(
             function(){
               $(".ui-icon.ui-icon-shadow").addClass("ui-icon-minus");
               $(".ui-icon.ui-icon-shadow").removeClass("ui-icon-plus");
             }
           );
       });
&lt;/code&gt;&lt;/pre&gt;
&lt;p&gt;&lt;strong&gt;HTML:&lt;/strong&gt;&lt;/p&gt;
&lt;pre&gt;&lt;code&gt;&amp;lt;div data-role='collapsible' class='collapseRoomDetails secondLevel ui-collapsible ui-collapsible-inset' data-iconpos='right' data-collapsed='false'&amp;gt;
&amp;lt;h3 class='ui-collapsible-heading'&amp;gt;
    &amp;lt;a href='#' class='ui-collapsible-heading-toggle ui-btn ui-fullsize ui-btn-icon-right ui-corner-top ui-corner-bottom ui-btn-up-a' data-corners='false' data-shadow='false' data-iconshadow='true' data-wrapperels='span' data-icon='plus' data-iconpos='right' data-theme='a' data-mini='false'&amp;gt;&amp;lt;span class='ui-btn-inner ui-corner-top ui-corner-bottom'&amp;gt;&amp;lt;span class='ui-btn-text'&amp;gt;Advance &amp;lt;span class='ui-collapsible-heading-status'&amp;gt; click to collapse contents&amp;lt;/span&amp;gt;&amp;lt;/span&amp;gt;&amp;lt;span class='ui-icon ui-icon-shadow ui-icon-minus'&amp;gt;&amp;amp;nbsp;&amp;lt;/span&amp;gt;&amp;lt;/span&amp;gt;&amp;lt;/a&amp;gt;
&amp;lt;/h3&amp;gt;
&amp;lt;div class='ui-collapsible-content' aria-hidden='false'&amp;gt;
    &amp;lt;div class='displayContent'&amp;gt;
        &amp;lt;div class='displayContentLeft'&amp;gt;&amp;lt;/div&amp;gt;
        &amp;lt;div class='displayContentRight'&amp;gt;&amp;lt;p&amp;gt;Bay of Islands Hotel offers are even better value when you book ahead.&amp;lt;/p&amp;gt;
        &amp;lt;/div&amp;gt;
    &amp;lt;/div&amp;gt;
&amp;lt;/div&amp;gt;
&lt;/code&gt;&lt;/pre&gt;
&lt;p&gt;&lt;/p&gt;
&lt;pre&gt;&lt;code&gt;&amp;lt;div data-role='collapsible' class='collapseRoomDetails secondLevel ui-collapsible ui-collapsible-inset' data-iconpos='right' data-collapsed='false'&amp;gt;
&amp;lt;h3 class='ui-collapsible-heading'&amp;gt;
    &amp;lt;a href='#' class='ui-collapsible-heading-toggle ui-btn ui-fullsize ui-btn-icon-right ui-corner-top ui-corner-bottom ui-btn-up-a' data-corners='false' data-shadow='false' data-iconshadow='true' data-wrapperels='span' data-icon='plus' data-iconpos='right' data-theme='a' data-mini='false'&amp;gt;&amp;lt;span class='ui-btn-inner ui-corner-top ui-corner-bottom'&amp;gt;&amp;lt;span class='ui-btn-text'&amp;gt;Purchase&amp;lt;span class='ui-collapsible-heading-status'&amp;gt; click to collapse contents&amp;lt;/span&amp;gt;&amp;lt;/span&amp;gt;&amp;lt;span class='ui-icon ui-icon-shadow ui-icon-minus'&amp;gt;&amp;amp;nbsp;&amp;lt;/span&amp;gt;&amp;lt;/span&amp;gt;&amp;lt;/a&amp;gt;
&amp;lt;/h3&amp;gt;
&amp;lt;div class='ui-collapsible-content' aria-hidden='false'&amp;gt;
    &amp;lt;div class='displayContent'&amp;gt;
        &amp;lt;div class='displayContentLeft'&amp;gt;&amp;lt;/div&amp;gt;
        &amp;lt;div class='displayContentRight'&amp;gt;&amp;lt;p&amp;gt;Bay of Islands Hotel offers are even better value when you book ahead.&amp;lt;/p&amp;gt;
        &amp;lt;/div&amp;gt;
    &amp;lt;/div&amp;gt;
&amp;lt;/div&amp;gt;
&lt;/code&gt;&lt;/pre&gt;
&lt;p&gt;&lt;/p&gt;
&lt;p&gt;Not have good knowledge jquery function. Dont know how to make only clickable container to toggle and other to hide..&lt;/p&gt;</t>
  </si>
  <si>
    <t>2014-01-24 15:03:29.877000+00:00</t>
  </si>
  <si>
    <t>2014-02-11 19:18:17.903000+00:00</t>
  </si>
  <si>
    <t>Custom layout in UICollectionViewFlowLayout</t>
  </si>
  <si>
    <t>&lt;p&gt;I'd like to have a layout in the collection view with custom sizes for each cell. Because of this, I would like cells to fit nicely together, as you can see here:&lt;/p&gt;
&lt;p&gt;&lt;img src="https://i.stack.imgur.com/hmGXc.png" alt="Well laid out images"&gt;&lt;/p&gt;
&lt;p&gt;(With the first cell being the top one, then the bottom left being number 2 and bottom right being number 3). The direction of scrolling is horizontal (i.e. left to right).&lt;/p&gt;
&lt;p&gt;However, when I implement the custom sizes for each cell, the cells don't fill in white space and instead I end up with a layout similar to this:&lt;/p&gt;
&lt;p&gt;&lt;img src="https://i.stack.imgur.com/XtChb.png" alt="Wrong layout"&gt;&lt;/p&gt;
&lt;p&gt;To achieve this result, would I need to subclass UICollectionViewFlowLayout or is there a way of organising the cells to take up as much free space as possible?&lt;/p&gt;</t>
  </si>
  <si>
    <t>2013-12-30 22:45:12.703000+00:00</t>
  </si>
  <si>
    <t>2014-01-03 23:31:28.813000+00:00</t>
  </si>
  <si>
    <t>2013-12-30 23:43:38.657000+00:00</t>
  </si>
  <si>
    <t>ios|objective-c|uicollectionview|uicollectionviewlayout</t>
  </si>
  <si>
    <t>Wget downloading incomplete file from a URL</t>
  </si>
  <si>
    <t>&lt;p&gt;I want to get a file downloaded on my linux system whose url is&lt;/p&gt;
&lt;pre&gt;&lt;code&gt;http://download.oracle.com/otn-pub/java/jdk/7u51-b13/jre-7u51-linux-i586.tar.gz  
&lt;/code&gt;&lt;/pre&gt;
&lt;p&gt;and I am issuing the following command as :  &lt;/p&gt;
&lt;blockquote&gt;
  &lt;p&gt;&lt;code&gt;wget -U 'Mozilla/5.0 (X11; Ubuntu; Linux i686; rv:16.0) Gecko/20100101 Firefox/16.0' http://download.oracle.com/otn-pub/java/jdk/7u51-b13/jre-7u51-linux-i586.tar.gz&lt;/code&gt;&lt;/p&gt;
&lt;/blockquote&gt;
&lt;p&gt;whereas the user agent is being passed to -U which i have copied from my browser's user agent. But it downloads the file only of size 5.3KB whereas entire file is 46.09MB and the downloaded file is corrupted.&lt;/p&gt;
&lt;p&gt;How can I resolve this issue?&lt;/p&gt;</t>
  </si>
  <si>
    <t>2014-01-29 12:36:45.407000+00:00</t>
  </si>
  <si>
    <t>2014-01-29 13:10:07.553000+00:00</t>
  </si>
  <si>
    <t>2014-01-29 12:45:04.333000+00:00</t>
  </si>
  <si>
    <t>wget</t>
  </si>
  <si>
    <t>Merge data in SQL Server</t>
  </si>
  <si>
    <t>&lt;p&gt;I have a table that tracks history of customer location by period. It looks like this:&lt;/p&gt;
&lt;pre&gt;&lt;code&gt;CusID   Location  Period
1       SYD       201501
1       MEL       201504
1       SYD       201506
&lt;/code&gt;&lt;/pre&gt;
&lt;p&gt;I have a &lt;code&gt;Period&lt;/code&gt; table with a list of all periods. Is there any way to select data from these two tables so I see this result:&lt;/p&gt;
&lt;pre&gt;&lt;code&gt;CusID   Location  Period
1       SYD       201501
1       SYD       201502
1       SYD       201503
1       MEL       201504
1       MEL       201504
1       SYD       201506
&lt;/code&gt;&lt;/pre&gt;</t>
  </si>
  <si>
    <t>2016-04-05 23:37:15.003000+00:00</t>
  </si>
  <si>
    <t>2016-04-05 23:50:16.557000+00:00</t>
  </si>
  <si>
    <t>2016-04-05 23:38:13.533000+00:00</t>
  </si>
  <si>
    <t>Open file linked to href in windows application using Javascript</t>
  </si>
  <si>
    <t>&lt;p&gt;I created HTML5 web page that has an href link, this is linked to a file in the SQL server. I need a solution to open the linked file in a windows application like Image viewer, MS Word etc..or pop up an  "Open with" window to choose the application I want to open the file. I want to implement this functionality in Javascript.&lt;/p&gt;</t>
  </si>
  <si>
    <t>2015-06-04 05:33:39.997000+00:00</t>
  </si>
  <si>
    <t>2015-06-04 05:37:44.523000+00:00</t>
  </si>
  <si>
    <t>javascript|windows|html5|web-applications|href</t>
  </si>
  <si>
    <t>Publish a Meteor App in Windows Store</t>
  </si>
  <si>
    <t>&lt;p&gt;Hello everybody and thanks in advance for responses,&lt;/p&gt;
&lt;p&gt;Anybody knows if it's possible to publish a Meteor App in Windows Store. We are thinking to publish it as a Web app. Anybody has tried it?&lt;/p&gt;
&lt;p&gt;Thanks in advance,&lt;/p&gt;</t>
  </si>
  <si>
    <t>2017-09-21 09:35:22.163000+00:00</t>
  </si>
  <si>
    <t>meteor|windows-store-apps|windows-store</t>
  </si>
  <si>
    <t>Python3 - Urllib &amp; BeautifulSoup4 to Extract Specific Text</t>
  </si>
  <si>
    <t>&lt;p&gt;I am new to python and I am trying to get a script working alongside with urllib and BeautifulSoup4 to collect the tweets which are streamable via the emojitracker API. It outputs the tweets of a specific emoji as .json files. An example is this link (opens in chrome):
&lt;a href="http://emojitracker.com/api/details/1F52B" rel="nofollow"&gt;http://emojitracker.com/api/details/1F52B&lt;/a&gt;&lt;/p&gt;
&lt;p&gt;I can get all the text from the .json, but I only want to get the tweet (which is after "text:"). I had a look around and there was an example to get all the links on the page, using soup.findAll("a",class_="classname").&lt;/p&gt;
&lt;p&gt;I used inspect element and found that the tweet i need is stored as: (span class="type-string")tweet goes here(/span). So I tried the following:&lt;/p&gt;
&lt;pre&gt;&lt;code&gt;from bs4 import BeautifulSoup
import urllib.request
url = "http://emojitracker.com/api/details/1F52B"
page = urllib.request.urlopen(url)
soup = BeautifulSoup(page.read(),"html.parser")
tweets = soup.findAll("span", class_"type-string")
for tweet in tweets:
    print (tweet.string)
&lt;/code&gt;&lt;/pre&gt;
&lt;p&gt;Running, this it did not print anything. How can I make it so that it only prints out the tweets?&lt;/p&gt;</t>
  </si>
  <si>
    <t>2015-09-02 16:03:45.123000+00:00</t>
  </si>
  <si>
    <t>2015-09-03 03:42:02.157000+00:00</t>
  </si>
  <si>
    <t>python|json|twitter</t>
  </si>
  <si>
    <t>How to write data to an installer on the server?</t>
  </si>
  <si>
    <t>&lt;p&gt;I have a complicated situation.&lt;br&gt;
There is a downloadable link to my installer on the web.&lt;br&gt;
Before anyone downloads the installer they have to fill out a form in the browser.&lt;br&gt;
I would like to save the information filled out in the form in the installer itself.&lt;br&gt;
How could I accomplish this?&lt;br&gt;
*Compiling the installer on the server each time anyone fills out the form is not an option because the installer is very heavy and this process would take a lot of time.&lt;br&gt;
*Creating the form in the installer is not an option.&lt;br&gt;
*I only need to save a single number in my executable.&lt;/p&gt;</t>
  </si>
  <si>
    <t>2015-09-07 15:06:48.070000+00:00</t>
  </si>
  <si>
    <t>2015-09-08 10:59:16.853000+00:00</t>
  </si>
  <si>
    <t>inno-setup</t>
  </si>
  <si>
    <t>Dynamically routing url path in angularjs</t>
  </si>
  <si>
    <t>&lt;p&gt;I was wondering, is there a way to dynamically route the user to a specific page based on a certain parameter? For example, I may have a url that look something like this:&lt;/p&gt;
&lt;p&gt;&lt;code&gt;http://localhost:8080/admin/{{id}}/home-page.html&lt;/code&gt;&lt;/p&gt;
&lt;p&gt;Here are examples of how I would want it to look like:&lt;/p&gt;
&lt;p&gt;&lt;code&gt;http://localhost:8080/admin/13/home-page.html&lt;/code&gt;&lt;/p&gt;
&lt;p&gt;&lt;code&gt;http://localhost:8080/admin/9/home-page.html&lt;/code&gt;&lt;/p&gt;
&lt;p&gt;And based on each URL, I would navigate the user to the home-page.html file, but the data displayed on home-page.html would differ based on which id I pass in. I tried to look at &lt;a href="https://stackoverflow.com/a/30874018/1871869"&gt;https://stackoverflow.com/a/30874018/1871869&lt;/a&gt; as a guide but I can���t seem to figure out where to put the &lt;code&gt;$routeParams&lt;/code&gt;  &lt;code&gt;when&lt;/code&gt; code because unless I create another controller/page prior to &lt;code&gt;home-page.html&lt;/code&gt;, only then can i perform the redirection. Is there any way to accomplish this? Thanks!&lt;/p&gt;</t>
  </si>
  <si>
    <t>2016-05-06 01:50:09.463000+00:00</t>
  </si>
  <si>
    <t>2016-05-06 07:18:16.953000+00:00</t>
  </si>
  <si>
    <t>2017-05-23 11:54:28.677000+00:00</t>
  </si>
  <si>
    <t>javascript|angularjs|url|routes</t>
  </si>
  <si>
    <t>Lot of SELECT and INSERTS in one script</t>
  </si>
  <si>
    <t>&lt;p&gt;I want to add a lot of lines in my mysql database. And for each of those lines I need to do a search in the database. I will describe how I am doing it right now, but there must be a better way for this.&lt;/p&gt;
&lt;p&gt;In a while loop I loop trough an array in which I have the data for that I need to insert the values for value1, value2, value3.&lt;/p&gt;
&lt;p&gt;Then I do a &lt;code&gt;SELECT id FROM table WHERE column='value3';&lt;/code&gt;&lt;/p&gt;
&lt;p&gt;And after that I &lt;code&gt;INSERT INTO insertTable VALUES (value1, value2, id);&lt;/code&gt;&lt;/p&gt;
&lt;p&gt;This method results in a lot of queries. A possible improvement could be to instead of queuing the inserts, put the insert values in a array again and create a multi insert at the end. But there are still a lot of SELECT queries.&lt;/p&gt;
&lt;p&gt;Any clues how to improve this?&lt;/p&gt;</t>
  </si>
  <si>
    <t>2016-06-25 21:43:59.470000+00:00</t>
  </si>
  <si>
    <t>2016-06-25 23:31:33.137000+00:00</t>
  </si>
  <si>
    <t>2016-06-25 21:52:54.200000+00:00</t>
  </si>
  <si>
    <t>php|mysql|sql|select|sql-insert</t>
  </si>
  <si>
    <t>AFNetwoking with swift 3.0 &amp; xcode 8 : POST Request &amp; GET Request</t>
  </si>
  <si>
    <t>&lt;p&gt;I am trying to parse data using AFNetworking &amp;amp; swift 3.0 and xcode 8.0 but i am getting error like below.below code works fine for swift 2.3 but not working in 3.0&lt;/p&gt;
&lt;p&gt;&lt;strong&gt;Or if is there anyone know about AFNetworking &amp;amp; swift 3.0 using xcode 8.0 for POST &amp;amp; GET request please tell me. with simple example.
Thanks in Advance&lt;/strong&gt;&lt;/p&gt;
&lt;p&gt;You can see below error.&lt;/p&gt;
&lt;p&gt;&lt;a href="https://i.stack.imgur.com/pNYbx.png" rel="nofollow noreferrer"&gt;&lt;img src="https://i.stack.imgur.com/pNYbx.png" alt="enter image description here"&gt;&lt;/a&gt;&lt;/p&gt;
&lt;pre&gt;&lt;code&gt; func callApi(apiName: String, param: [String : AnyObject]?, data: NSDictionary?, withMethod type: String, CompletionHandler:@escaping (_ code: Int, _ error:NSError?, _ response:AnyObject?) -&amp;gt; Void)
    {
        MBProgressHUD.showAdded(to: AppDelegateObj.window, animated: true)
        let str_URL : String = kHOSTPATH+apiName
        let manager: AFHTTPSessionManager = AFHTTPSessionManager()
        if (type == kREQ_POST) {
            manager.POST(str_URL, parameters: param, constructingBodyWithBlock: { (formData: AFMultipartFormData!) in
                if data?.allValues.count != 0 &amp;amp;&amp;amp; data != nil
                {
                    let fileUrl = NSURL(fileURLWithPath: (data?.valueForKey("filePath"))! as! String)
                    try! formData.appendPartWithFileURL(fileUrl, name: (data?.valueForKey("key"))! as! String)
                }
                }, progress: { (NSProgress) in
                }, success: { (task:URLSessionDataTask, responseObject) -&amp;gt; Void in
                    CompletionHandler(code: 1, error: nil, response:responseObject)
                    MBProgressHUD.hideHUDForView(AppDelegateObj.window, animated: true)
                }, failure: { (task:URLSessionDataTask?, error:NSError) -&amp;gt; Void in
                    CompletionHandler(code: 0, error: error, response:nil)
                    MBProgressHUD.hideHUDForView(AppDelegateObj.window, animated: true)
            })
        }
        else {
            manager.GET(str_URL, parameters: param, progress: { (NSProgress) in
                }, success: { (task:URLSessionDataTask, responseObject) -&amp;gt; Void  in
                    CompletionHandler(code: 1, error: nil, response:responseObject)
                    MBProgressHUD.hideHUDForView(AppDelegateObj.window, animated: true)
                }, failure: { (task:URLSessionDataTask?, error:NSError) -&amp;gt; Void  in
                    CompletionHandler(code: 0, error: error, response:nil)
                    MBProgressHUD.hideHUDForView(AppDelegateObj.window, animated: true)
            })
        }
    }
&lt;/code&gt;&lt;/pre&gt;
&lt;p&gt;but i am getting error like this &lt;/p&gt;
&lt;pre&gt;&lt;code&gt;cannot convert the value of type (URLSessionDataTask?,NSError)-&amp;gt;Void to expected argument type '((URLSessionDataTask?,NSError)-&amp;gt;Void)?'
&lt;/code&gt;&lt;/pre&gt;</t>
  </si>
  <si>
    <t>2016-09-22 13:10:25.003000+00:00</t>
  </si>
  <si>
    <t>2017-04-21 16:49:30.523000+00:00</t>
  </si>
  <si>
    <t>2016-09-24 08:10:46.973000+00:00</t>
  </si>
  <si>
    <t>post|get|swift3|xcode8</t>
  </si>
  <si>
    <t>Infinitely lazy factorial in Haskell</t>
  </si>
  <si>
    <t>&lt;p&gt;In a similar fashion as the Fibonacci series may be generated as follows,&lt;/p&gt;
&lt;pre&gt;&lt;code&gt;fibs :: [Integer]
fibs = 1 : 1 : zipWith (+) fibs (tail fibs)
&lt;/code&gt;&lt;/pre&gt;
&lt;p&gt;how to define the series for factorial.&lt;/p&gt;
&lt;p&gt;&lt;strong&gt;Update&lt;/strong&gt;&lt;/p&gt;
&lt;p&gt;Embarrassingly enough, tried this quite before adding this question,&lt;/p&gt;
&lt;pre&gt;&lt;code&gt;Prelude&amp;gt; let factorial = 2 : 6 : zipWith(*) factorial (tail factorial)
Prelude&amp;gt; take 5 factorial
[2,6,12,72,864]
&lt;/code&gt;&lt;/pre&gt;
&lt;p&gt;Indeed the numbers in the tail are not successive values, to start with.&lt;/p&gt;</t>
  </si>
  <si>
    <t>2014-10-22 12:23:45.790000+00:00</t>
  </si>
  <si>
    <t>2014-10-22 18:03:03.273000+00:00</t>
  </si>
  <si>
    <t>2014-10-22 12:49:10.790000+00:00</t>
  </si>
  <si>
    <t>haskell|lazy-evaluation|factorial</t>
  </si>
  <si>
    <t>Entity Framework doesn't lazy load Complex Type</t>
  </si>
  <si>
    <t>&lt;p&gt;I have a problem with Lazy Loading in Entity Framework. I have some members, who check in regulary, so the following (simplified) model: &lt;/p&gt;
&lt;pre&gt;&lt;code&gt;public class Member
{
    public int memberId { get; set; }
    public string name{ get; set; }
}
class CheckIn
{
    public int checkInId { get; set; }
    public virtual Member member { get; set; }
    public DateTime timestamp { get; set; }
}
&lt;/code&gt;&lt;/pre&gt;
&lt;p&gt;and in the context: &lt;/p&gt;
&lt;pre&gt;&lt;code&gt;public DbSet&amp;lt;Member&amp;gt; leden { get; set; }
public DbSet&amp;lt;CheckIn&amp;gt; checkins { get; set; }
&lt;/code&gt;&lt;/pre&gt;
&lt;p&gt;So i verified that in the database the member property is filled in (it contains the memberId).&lt;/p&gt;
&lt;p&gt;however, when i try to get all checkins: &lt;/p&gt;
&lt;pre&gt;&lt;code&gt;IQueryable&amp;lt;CheckIn&amp;gt; Checkins = db.checkins;
&lt;/code&gt;&lt;/pre&gt;
&lt;p&gt;it gathers all checkins, but everywhere, the member property is null. 
I tried setting&lt;/p&gt;
&lt;pre&gt;&lt;code&gt;db.Configuration.LazyLoadingEnabled= true;
&lt;/code&gt;&lt;/pre&gt;
&lt;p&gt;but that didn't help. Anyone with an idea why this doesn't work? &lt;/p&gt;</t>
  </si>
  <si>
    <t>2013-08-22 14:52:22.223000+00:00</t>
  </si>
  <si>
    <t>2016-02-23 18:03:19.803000+00:00</t>
  </si>
  <si>
    <t>c#|entity-framework|lazy-loading</t>
  </si>
  <si>
    <t>Clicking on a Label to focus another control in WPF</t>
  </si>
  <si>
    <t>&lt;p&gt;I have taken a break from WPF for about a year and I am stumped by this simple problem. I swear there was an easy way to tell a label to focus to another control when it is clicked.&lt;/p&gt;
&lt;pre&gt;&lt;code&gt; &amp;lt;StackPanel&amp;gt;
    &amp;lt;Label Target="TextBox1"&amp;gt;Label Text&amp;lt;/Label&amp;gt;
    &amp;lt;TextBox Name="TextBox1" /&amp;gt;
&amp;lt;/StackPanel&amp;gt;
&lt;/code&gt;&lt;/pre&gt;
&lt;p&gt;When the user clicks on "Label Text" I want the TextBox to receive focus. Is this possible?&lt;/p&gt;</t>
  </si>
  <si>
    <t>2011-04-28 22:14:04.027000+00:00</t>
  </si>
  <si>
    <t>2014-01-14 11:01:08.410000+00:00</t>
  </si>
  <si>
    <t>2011-08-28 03:30:20.083000+00:00</t>
  </si>
  <si>
    <t>c#|wpf|xaml|click|label</t>
  </si>
  <si>
    <t>How to pass the subscription to other users using Laravel Cashier</t>
  </si>
  <si>
    <t>&lt;p&gt;I���m building a project using Laravel PHP Framework. I���m using Laravel Auth for authentication and Laravel Cashier as an interface for Stripe. &lt;/p&gt;
&lt;p&gt;How can I accomplish the following scenario:
A user subscribed to my service. He is allowed to add users working under him using his settings page. I want all that work under him to fall under his subscription. &lt;/p&gt;
&lt;p&gt;So for example when the subscription of the main user has expired, I want all the sub users to get an expired subscription alert. When the main user re-subscribes I want all sub users to be able to login.&lt;/p&gt;
&lt;p&gt;I don���t want a complete code, I just want to know how to approach this.&lt;/p&gt;
&lt;p&gt;All users info is getting stored in ���users��� table (that is the default table for authentication). &lt;/p&gt;
&lt;p&gt;Subscription info is getting stored in ���subscriptions��� table (that is the default table for Cashier). &lt;/p&gt;
&lt;p&gt;Any help is appreciated. &lt;/p&gt;
&lt;p&gt;Thanks. &lt;/p&gt;</t>
  </si>
  <si>
    <t>2018-08-14 10:49:43.103000+00:00</t>
  </si>
  <si>
    <t>2018-08-14 11:17:53.847000+00:00</t>
  </si>
  <si>
    <t>php|laravel|stripe-payments|laravel-cashier|laravel-authentication</t>
  </si>
  <si>
    <t>Fails to build SceneKit in iOS project (only on device!)</t>
  </si>
  <si>
    <t>&lt;p&gt;I have an iOS app written in Swift that uses SceneKit, and it works well on simulators. When I tried to build it for an iOS 8 device (iPad mini or iPad air) I get "no such module 'SceneKit'", or "Could not build 'SceneKit'".&lt;/p&gt;
&lt;p&gt;On the simulator I can simply "import SceneKit", but on the device, even if I add the framework, it still doesn't work.&lt;/p&gt;
&lt;p&gt;I even get this problem if I start a new SceneKit project using the template, so something odd is definitely going on here.&lt;/p&gt;
&lt;p&gt;I'm using Xcode 6.0 GM.&lt;/p&gt;
&lt;p&gt;Any ideas?&lt;/p&gt;</t>
  </si>
  <si>
    <t>2014-09-22 15:32:20.203000+00:00</t>
  </si>
  <si>
    <t>swift|ios8|xcode6|ios-frameworks|scenekit</t>
  </si>
  <si>
    <t>Display the checked row in another datatable when the button is clicked</t>
  </si>
  <si>
    <t>&lt;p&gt;Display the checked row values in another table
Firstly i m trying to display the records in another table through Ajax..&lt;/p&gt;
&lt;pre&gt;&lt;code&gt;&amp;lt;script&amp;gt;
    $(document).ready(function() {
        $('#btn').click(function() {
            var dataArr = [];
            $('input:checked').each(function() {
                alert($(this).closest('tr[id]').attr('id'));
                dataArr.push($(this).closest('tr[id]').attr('id')); 
            });
            // send data to back-end via ajax
            $.ajax({
                type : "POST",
                url : 'Server.php/user',
                data : "content="+dataArr,
                success: function(data) {
                    alert(data);// alert the data from the server
                },
                error : function() {
                }
            });
        });
    });
&amp;lt;/script&amp;gt;
&lt;/code&gt;&lt;/pre&gt;
&lt;p&gt;I am sending multiple id in ajax.
 &lt;strong&gt;My model is&lt;/strong&gt; &lt;/p&gt;
&lt;pre&gt;&lt;code&gt;function get_row_details($jsonvalue) {
    $this-&amp;gt;db-&amp;gt;select("echo_id,echo_scan,price");
    $this-&amp;gt;db-&amp;gt;from('echo_investigation');
    $this-&amp;gt;db-&amp;gt;where_in('echo_id', $jsonvalue);
    $query = $this-&amp;gt;db-&amp;gt;get();
    return $query-&amp;gt;result();
}
&lt;/code&gt;&lt;/pre&gt;
&lt;p&gt;In my Console I am getting the output as:&lt;/p&gt;
&lt;pre&gt;&lt;code&gt;Array
(
[0] =&amp;gt; stdClass Object
    (
        [echo_id] =&amp;gt; 1
        [echo_scan] =&amp;gt; Echo
        [price] =&amp;gt; 1000
    )
[1] =&amp;gt; stdClass Object
    (
        [echo_id] =&amp;gt; 2
        [echo_scan] =&amp;gt; Fetal Echo
        [price] =&amp;gt; 1500
    )
  )
&lt;/code&gt;&lt;/pre&gt;
&lt;p&gt;But I don't know how to append in data table...Or else i have to use JavaScript to display the checked row in datatable....I am new to Ajax so Kindly Suggest me&lt;/p&gt;</t>
  </si>
  <si>
    <t>2017-01-18 11:58:02.350000+00:00</t>
  </si>
  <si>
    <t>2017-01-18 13:03:15.397000+00:00</t>
  </si>
  <si>
    <t>javascript|php|jquery|arrays|ajax</t>
  </si>
  <si>
    <t>How to add $_POST values in a multi-dimensional array (PHP)?</t>
  </si>
  <si>
    <t>&lt;p&gt;I know there may be sources for this out there but I'v tried everything and I'm still not getting the proper solution. That why I'm asking for you help out here.&lt;/p&gt;
&lt;p&gt;I have a $_POST array and I want to put values in a an array. Here is the final out I want:&lt;/p&gt;
&lt;pre&gt;&lt;code&gt;$response = [
             ['category' =&amp;gt; 2, 'value' =&amp;gt; "june"],
             ['category' =&amp;gt; 5, 'value' =&amp;gt; "may"],
             ['category' =&amp;gt; 8, 'value' =&amp;gt; "april"]
            ]
&lt;/code&gt;&lt;/pre&gt;
&lt;p&gt;Here is the catch,the $_POST contains a value of an integer with a space in between and then a string eg '2 june', '5 may' etc&lt;/p&gt;
&lt;p&gt;When I get this value, I split it using explode then I try to add the individual values into the response array. This is only adding just one result.&lt;/p&gt;
&lt;p&gt;What I tried:&lt;/p&gt;
&lt;pre&gt;&lt;code&gt;$response = [];
foreach ($_POST as $key =&amp;gt; $value) {
    $split = explode(" ", $value);
    $result = ['category' =&amp;gt; $split[0], 'value' =&amp;gt; $split[1]];
    $response[] = $result;
}
&lt;/code&gt;&lt;/pre&gt;
&lt;p&gt;for some reason, the results are not as suggested above. Any ideas and suggestion will be appreciated.&lt;/p&gt;</t>
  </si>
  <si>
    <t>2017-03-17 08:08:40.590000+00:00</t>
  </si>
  <si>
    <t>2017-03-26 03:30:23.287000+00:00</t>
  </si>
  <si>
    <t>2017-03-17 12:02:00.497000+00:00</t>
  </si>
  <si>
    <t>php|arrays|post</t>
  </si>
  <si>
    <t>Filling a hidden field based on another form input in Rails</t>
  </si>
  <si>
    <t>&lt;p&gt;I'm using omniauth and koala in a rails app to get a list of the friends (and uid's) of the logged in user. I want to let a user start typing the name of a friend and have autocomplete work so that when the user selects a friend, the form will put that friend's uid into a hidden field in the form. Seems like something that should be possible, if not easy.&lt;/p&gt;
&lt;p&gt;One other complication is that I'm using haml so I'm not entirely comfortable with writing haml, javascript, and ruby in the same document.&lt;/p&gt;
&lt;p&gt;Here is the HAML&lt;/p&gt;
&lt;pre&gt;&lt;code&gt;=form_for @nag do |f|
  =f.hidden_field :user_id, value: current_user.id
  =f.text_field :lendee_name, id: 'who', placeholder: 'Who owes you?'
  %div#friend-list
  =f.text_field :item, id: 'what', placeholder: 'What do they owe you?'
  =f.text_field :due_date, id: 'when', placeholder: 'When is it due?'
  =f.text_field :lendee_uid, id: 'lendee_uid', placeholder: 'Lendee uid?'
:javascript
  var allFriends = #{@friends};
&lt;/code&gt;&lt;/pre&gt;
&lt;p&gt;and here is the Javascript&lt;/p&gt;
&lt;pre&gt;&lt;code&gt;  $(function() {
    $("#who").autocomplete({
      source: allFriends,
      appendTo: $("#friend-list"),
      focus: function( event, ui ) {
        $( "#who" ).val( ui.item.value );
        return false;
      },
      position: { of: "#friend-list", at: "left top" }
    }).keyup(function (e) { // Dismiss the typeahead dropdown when hitting enter
          if(e.which === 13) {
              $(".ui-menu-item").hide();
          }
      });;
  });
&lt;/code&gt;&lt;/pre&gt;</t>
  </si>
  <si>
    <t>2013-03-05 03:18:56.970000+00:00</t>
  </si>
  <si>
    <t>2013-03-05 03:35:40.990000+00:00</t>
  </si>
  <si>
    <t>javascript|ruby-on-rails|ruby|ruby-on-rails-3|autocomplete</t>
  </si>
  <si>
    <t>Bash convert file to lowercase and sort</t>
  </si>
  <si>
    <t>&lt;p&gt;I am trying to write a script that will take in an &lt;code&gt;inputFile&lt;/code&gt;, convert it to lowercase, sort it, and then store the results back in the original file. I'm fairly new to bash, so this is the solution I've come up with so far:&lt;/p&gt;
&lt;pre&gt;&lt;code&gt;awk '{ print tolower($0) }' $inputFile
index=0
for i in `cat $inputFile`
do                   
    tables[${index}]=$i
    index=$(($index + 1))
done
IFS=$'\n' tables=($(sort &amp;lt;&amp;lt;&amp;lt;"${tables[*]}"))
rm -r $inputFile
printf "%s\n" "${tables[@]}" &amp;gt;&amp;gt; $inputFile
&lt;/code&gt;&lt;/pre&gt;
&lt;p&gt;The sorting aspect of this works fairly well, but I am unable to store the results of &lt;code&gt;awk&lt;/code&gt; to the original &lt;code&gt;inputFile&lt;/code&gt;, so the sorted table still includes uppercase letters. I have tried to redirect the output of &lt;code&gt;awk&lt;/code&gt; to &lt;code&gt;&amp;gt; inputFile&lt;/code&gt;, but this didn't work either.&lt;/p&gt;
&lt;p&gt;Sample &lt;code&gt;inputFile&lt;/code&gt;:&lt;/p&gt;
&lt;pre&gt;&lt;code&gt;TABLE.thisisaTABLE
taBLe.hellO
HELLO.table
hi.table
&lt;/code&gt;&lt;/pre&gt;
&lt;p&gt;Desired output (back into original &lt;code&gt;inputFile&lt;/code&gt;):&lt;/p&gt;
&lt;pre&gt;&lt;code&gt;hello.table
hi.table
table.hello
table.thisisatable
&lt;/code&gt;&lt;/pre&gt;</t>
  </si>
  <si>
    <t>2015-02-06 19:19:27.083000+00:00</t>
  </si>
  <si>
    <t>2015-02-07 21:34:29.090000+00:00</t>
  </si>
  <si>
    <t>2015-02-06 19:25:27.680000+00:00</t>
  </si>
  <si>
    <t>bash|sorting|awk|lowercase|ifs</t>
  </si>
  <si>
    <t>Why are all my results 0?</t>
  </si>
  <si>
    <t>&lt;p&gt;I'm doing rounded-integer batch conversion of Fahrenheit to Celsius (yes, for codeabbey.com), and I've spent hours on this to get stuck in something that looks like it should run smoothly. Specifically, my results are all zero. So somewhere in the &lt;code&gt;for&lt;/code&gt; loop, probably in the assignment of &lt;code&gt;j&lt;/code&gt; and &lt;code&gt;k&lt;/code&gt;, the math is breaking down. I've looked at it again and again. Why am I getting zeroes in my results?&lt;/p&gt;
&lt;pre&gt;&lt;code&gt;fahrenheit = raw_input().split() # Dump copy-and-pasted values into a list.
iter = int(fahrenheit.pop(0)) # Remove the first value and use it as a counter.
celsius = [] # Make an empty list for results.
x = 0 # Index counter 
for i in fahrenheit:
    j = (int(i)-32) * (5.0/9)
    k = (int(i)-32) * (5/9)
    if float(j) == k:
        celsius.append(j)
    elif j &amp;gt; 0: # For positive results
        if (j - k) &amp;gt;= 0.5: # If integer value needs +1 to round up.
            celsius.append(k+1)
        else:
            celsius.append(k)
    elif j &amp;lt; 0: # For negative results
        if (k - j) &amp;gt;= 0.5:
            celsius.append(k+1) # If integer values needs +1 to bring it closer to 0.
        else:
            celsius.append(k)
    else:
        celsius.append(k) # If the result is 0.
print ' '.join(celsius)
&lt;/code&gt;&lt;/pre&gt;
&lt;p&gt;The formatting of the data calls for this strange setup. The first number in the data is not a temperature to test. All others are. So &lt;code&gt;5 80 -3 32 212 71&lt;/code&gt; calls for five calculations: 80, -3, 32, 212, and 71 converted to Celsius.&lt;/p&gt;</t>
  </si>
  <si>
    <t>2015-11-05 15:53:16.477000+00:00</t>
  </si>
  <si>
    <t>2015-11-05 17:06:08.287000+00:00</t>
  </si>
  <si>
    <t>Two of my four links on my contact div does not work</t>
  </si>
  <si>
    <t>&lt;p&gt;On my contact gif I have used the social media symbols as a link to my social media sites, however, the Twitter and the GitHub link is not working and I cannot figure out why. The Facebook and the CodePen link does work. Also is there a better way correctly line and organize the Here is the links so that they can stay more consistent? site if you want to take a look for yourself &lt;a href="http://misaelalopez.com" rel="nofollow noreferrer"&gt;misaelalopez.com&lt;/a&gt;. Thank you for your help!&lt;/p&gt;
&lt;p&gt;&lt;div class="snippet" data-lang="js" data-hide="false" data-console="true" data-babel="false"&gt;_x000D_
&lt;div class="snippet-code"&gt;_x000D_
&lt;pre class="snippet-code-css lang-css prettyprint-override"&gt;&lt;code&gt;#contact _x000D_
{_x000D_
  background-image: url(https://lh3.googleusercontent.com/-2wI0PCtgivjkGQruaV-_2JYgbuD-yNFkRLN_DGAPXHxFq5gac-lnc5IheHflI6V_Z9AtgJjyfF-LBGa4tt_W6XB2Xs26xEyAH46S7kJlgiyHeIbi-ZM62zJuHcjJuZNnhO9lMGt6jw);_x000D_
  height: 250px;_x000D_
  padding: 300px;_x000D_
  margin: 0 auto;_x000D_
  background-size: cover;_x000D_
  _x000D_
}_x000D_
_x000D_
#contact h1  _x000D_
{_x000D_
  color: white;_x000D_
  position: relative;_x000D_
  text-align: center;_x000D_
}_x000D_
_x000D_
#contact h2 _x000D_
{_x000D_
  color: white;_x000D_
  position: relative;_x000D_
  text-align: center;_x000D_
}_x000D_
_x000D_
.facebook_x000D_
{_x000D_
  position: relative;_x000D_
  float: left;_x000D_
}_x000D_
_x000D_
.twitter_x000D_
{_x000D_
  position: relative;_x000D_
  left: 50px;_x000D_
  float: left;_x000D_
}_x000D_
_x000D_
.instagram_x000D_
{_x000D_
  position: relative;_x000D_
  left: 100px;_x000D_
  float: left;_x000D_
}_x000D_
.gitHub_x000D_
{_x000D_
  position: relative;_x000D_
  left: 150px;_x000D_
  float: left;_x000D_
}_x000D_
_x000D_
.codePen_x000D_
{_x000D_
  position: relative;_x000D_
  left: 200px;_x000D_
}&lt;/code&gt;&lt;/pre&gt;_x000D_
&lt;pre class="snippet-code-html lang-html prettyprint-override"&gt;&lt;code&gt; &amp;lt;div id="contact"&amp;gt;_x000D_
    &amp;lt;div class="Content"&amp;gt;_x000D_
        &amp;lt;div class="facebook"&amp;gt;_x000D_
          &amp;lt;a target="_blank" href="https://facebook.com/misael.a.lopez"&amp;gt;&amp;lt;img src="http://www.freeiconspng.com/uploads/facebook-transparent-12.png"&amp;gt;&amp;lt;/a&amp;gt;_x000D_
        &amp;lt;/div&amp;gt;_x000D_
        _x000D_
        &amp;lt;div class="twitter"&amp;gt;_x000D_
          &amp;lt;a target="_blank" href="https://twitter.com/cables25"&amp;gt;&amp;lt;img src="https://s3.amazonaws.com/piktochartv2-dev/v2/uploads/a8f46883-78d7-4dfc-b0b3-be090e70e2b3/27c835d6dd2cbb4b696abd3e7ac9c0370bbedefe_original.png"&amp;gt;&amp;lt;/a&amp;gt;_x000D_
        &amp;lt;/div&amp;gt;_x000D_
        _x000D_
        &amp;lt;div class="instagram"&amp;gt;_x000D_
          &amp;lt;a target= "_blank" href= "https://www.instagram.com/misael2590/?hl=en"&amp;gt;&amp;lt;img src= "http://bbcpersian7.com/images/instagram-clipart-png-transparent-background-3.jpg" alt="Instagram"&amp;gt;&amp;lt;/a&amp;gt;_x000D_
        &amp;lt;/div&amp;gt;_x000D_
        _x000D_
        &amp;lt;div class="gitHub"&amp;gt;_x000D_
          &amp;lt;a target= "_blank" href="https://github.com/Misael2590"&amp;gt;&amp;lt;img src="https://cdn4.iconfinder.com/data/icons/iconsimple-logotypes/512/github-256.png" alt="GitHub"&amp;gt;&amp;lt;/a&amp;gt;_x000D_
        &amp;lt;/div&amp;gt;_x000D_
        _x000D_
        &amp;lt;div class="codePen"&amp;gt;_x000D_
          &amp;lt;a target= "_blank" href="https://codepen.io/misael25900/"&amp;gt;&amp;lt;img src= "http://blog.codepen.io/wp-content/uploads/2012/06/Button-Fill-Black-Large.png" alt="CodePen"&amp;gt;&amp;lt;/a&amp;gt;_x000D_
        &amp;lt;/div&amp;gt;_x000D_
        &amp;lt;br&amp;gt;_x000D_
        &amp;lt;h1&amp;gt;Reach out to me!&amp;lt;/h1&amp;gt;_x000D_
        &amp;lt;h2&amp;gt;Email me at Misael25900@gmail.com&amp;lt;/h2&amp;gt;_x000D_
    &amp;lt;/div&amp;gt;_x000D_
  &amp;lt;/div&amp;gt;&lt;/code&gt;&lt;/pre&gt;_x000D_
&lt;/div&gt;_x000D_
&lt;/div&gt;_x000D_
&lt;/p&gt;</t>
  </si>
  <si>
    <t>2017-07-31 02:43:34.183000+00:00</t>
  </si>
  <si>
    <t>2017-07-31 08:52:43.757000+00:00</t>
  </si>
  <si>
    <t>2017-07-31 06:33:49.330000+00:00</t>
  </si>
  <si>
    <t>Bootstrap Navbar Dropdown Not Working in Browser, Codepen okay</t>
  </si>
  <si>
    <t>&lt;p&gt;I have a document with a navbar whose dropdown menu just won't work.  It works in my &lt;a href="https://codepen.io/LisaCee/pen/Mpeaqx" rel="nofollow noreferrer"&gt;codepen&lt;/a&gt;, but not through my text-editor(Sublime). I have searched all over for a solution, so here I am.&lt;/p&gt;
&lt;p&gt;I have tried: &lt;br&gt;
-Bootstrap Docs &lt;br&gt;
-Making sure jQuery script is before Boostrap script&lt;br&gt;
-Triple checking my closures&lt;br&gt;
-Lots of searching Google and StackOverflow.&lt;br&gt;
-Adding this code:&lt;/p&gt;
&lt;pre&gt;&lt;code&gt; &amp;lt;script&amp;gt;
      $("document").ready(function() {
        $(".dropdown").dropdown();
      });
    &amp;lt;/script&amp;gt;
&lt;/code&gt;&lt;/pre&gt;
&lt;p&gt;Here's what I believe to be the relevant code.  Any insights to my mistake will be greatly appreciated.  &lt;/p&gt;
&lt;pre&gt;&lt;code&gt;&amp;lt;!DOCTYPE html&amp;gt;
&amp;lt;html lang = "en"&amp;gt;
&amp;lt;head&amp;gt;
    &amp;lt;meta charset = "UTF-8"&amp;gt;
    &amp;lt;meta http-equiv = "X-UA-Compatible" content = "IE=edge"&amp;gt;
  &amp;lt;meta name="viewport" content="width=device-width, initial-scale=1"&amp;gt;
  &amp;lt;!-- The above 3 meta tags *must* come first in the head; any other head
       content must come *after* these tags --&amp;gt;
    &amp;lt;title&amp;gt;JakobiArtWorks&amp;lt;/title&amp;gt;
    &amp;lt;link href = "https://cdnjs.cloudflare.com/ajax/libs/twitter-bootstrap/4.0.0-alpha.6/css/bootstrap.min.css" rel = "stylesheet"&amp;gt;
    &amp;lt;link href = "https://cdnjs.cloudflare.com/ajax/libs/font-awesome/4.7.0/css/font-awesome.min.css" rel = "stylesheet"&amp;gt;
    &amp;lt;link href = "https://cdnjs.cloudflare.com/ajax/libs/slick-carousel/1.6.0/slick.css" rel = "stylesheet"&amp;gt;
    &amp;lt;link href = "https://fonts.googleapis.com/css?family=Russo+One" rel = "stylesheet"&amp;gt;
    &amp;lt;link href = "style.css" rel = "stylesheet"&amp;gt;
&amp;lt;/head&amp;gt;
&amp;lt;body&amp;gt;
&amp;lt;header&amp;gt;
    &amp;lt;!--nav--&amp;gt;
    &amp;lt;nav class="navbar navbar-toggleable-md navbar-light bg-faded" id = "top"&amp;gt;
  &amp;lt;button class="navbar-toggler navbar-toggler-right" type="button" data-toggle="collapse" data-target="#navbarSupportedContent" aria-controls="navbarSupportedContent" aria-expanded="false" aria-label="Toggle navigation"&amp;gt;
    &amp;lt;span class="navbar-toggler-icon"&amp;gt;&amp;lt;/span&amp;gt;
  &amp;lt;/button&amp;gt;
  &amp;lt;a class="navbar-brand" href="#"&amp;gt;JAW&amp;lt;/a&amp;gt;
  &amp;lt;div class="collapse navbar-collapse" id="navbarSupportedContent"&amp;gt;
    &amp;lt;ul class="navbar-nav mr-auto"&amp;gt;
      &amp;lt;li class="nav-item active"&amp;gt;
        &amp;lt;a class="nav-link" href="#"&amp;gt;Home &amp;lt;span class="sr-only"&amp;gt;(current)&amp;lt;/span&amp;gt;&amp;lt;/a&amp;gt;
      &amp;lt;/li&amp;gt;
      &amp;lt;li class="nav-item"&amp;gt;
        &amp;lt;a class="nav-link" href="#art"&amp;gt;Art&amp;lt;/a&amp;gt;
                 &amp;lt;li class="nav-item dropdown"&amp;gt;
        &amp;lt;a class="nav-link dropdown-toggle" href="http://example.com" id="navbarDropdownMenuLink" data-toggle="dropdown" aria-haspopup="true" aria-expanded="false"&amp;gt;
          Material
        &amp;lt;/a&amp;gt;
        &amp;lt;div class="dropdown-menu" aria-labelledby="navbarDropdownMenuLink"&amp;gt;
          &amp;lt;a class="dropdown-item" href="#wire"&amp;gt;Wire&amp;lt;/a&amp;gt;
          &amp;lt;a class="dropdown-item" href="#clay"&amp;gt;Clay&amp;lt;/a&amp;gt;
          &amp;lt;a class="dropdown-item" href="#plywood"&amp;gt;Plywood&amp;lt;/a&amp;gt;
          &amp;lt;a class = "dropdown-item" href = "#concrete"&amp;gt;Concrete&amp;lt;/a&amp;gt;
        &amp;lt;/div&amp;gt;
            &amp;lt;/li&amp;gt;
      &amp;lt;/li&amp;gt;
    &amp;lt;/ul&amp;gt;
            &amp;lt;ul class = "nav navbar-nav navbar-right"&amp;gt;
                &amp;lt;li&amp;gt;&amp;lt;a href = "#"&amp;gt;Contact&amp;lt;/a&amp;gt;&amp;lt;/li&amp;gt;
            &amp;lt;/ul&amp;gt;
  &amp;lt;/div&amp;gt;
&amp;lt;/nav&amp;gt;
&amp;lt;!--end nav--&amp;gt;
&amp;lt;/header&amp;gt;
...
&amp;lt;script src = "https://cdnjs.cloudflare.com/ajax/libs/jquery/3.1.1/jquery.min.js"&amp;gt;&amp;lt;/script&amp;gt;
    &amp;lt;!-- Latest compiled and minified JavaScript --&amp;gt;
    &amp;lt;script src = "https://maxcdn.bootstrapcdn.com/bootstrap/3.3.7/js/bootstrap.min.js"&amp;gt;&amp;lt;/script&amp;gt;
    &amp;lt;script src = "https://cdnjs.cloudflare.com/ajax/libs/slick-carousel/1.6.0/slick.js"&amp;gt;&amp;lt;/script&amp;gt;
    &amp;lt;script src = "script.js"&amp;gt;&amp;lt;/script&amp;gt;
&amp;lt;/body&amp;gt;
&amp;lt;/html&amp;gt;
&lt;/code&gt;&lt;/pre&gt;</t>
  </si>
  <si>
    <t>2017-05-26 20:12:41.270000+00:00</t>
  </si>
  <si>
    <t>2017-05-26 20:47:15.947000+00:00</t>
  </si>
  <si>
    <t>javascript|jquery|twitter-bootstrap</t>
  </si>
  <si>
    <t>breakpoint inside interrupt C</t>
  </si>
  <si>
    <t>&lt;p&gt;I'm using &lt;strong&gt;LCDK C6748&lt;/strong&gt; of &lt;strong&gt;Texas Intruments&lt;/strong&gt; with &lt;strong&gt;Code Composer Studio&lt;/strong&gt;                                 and                  &lt;strong&gt;TMDSEMU100V2U-14T - XDS100v2 USB JTAG Emulator&lt;/strong&gt;.&lt;/p&gt;
&lt;p&gt;LCDK comes with bunch of support functions, including a function that initialize the board and defines which callback functions are called for each interrupt.&lt;/p&gt;
&lt;p&gt;I just implemented the callback function, so it does something whenever a new sample comes from the ADC.&lt;/p&gt;
&lt;p&gt;I tried to set a breakpoint inside the interrupt but in run time the program "flow" didn't get there.&lt;/p&gt;
&lt;p&gt;Furthermore, I've done something simpler:&lt;/p&gt;
&lt;pre&gt;&lt;code&gt;volatile int flag = 0;
interrupt void interrupt4(void) // interrupt service routine
{
   flag = 1;
   return;
}
int main(){
    // board initializing function, defining sampling rate etc.
    L138_initialise_intr(FS_48000_HZ,ADC_GAIN_0DB,DAC_ATTEN_0DB);
    while(1){
       if (flag == 1){
          printf("interrupt entered");
          flag = 0;
       }
    }
}
&lt;/code&gt;&lt;/pre&gt;
&lt;p&gt;but the from some reason the while loop was entered only once.&lt;/p&gt;
&lt;p&gt;it surprised me because if I don't set breakpoint the interrupt is entered continuously-
I tried to just pass the samples to the speakers line without doing anything else and I heard music.&lt;/p&gt;
&lt;p&gt;I have a feeling that I'm missing something very basic about interrupts, I'm quite new to this subject.&lt;/p&gt;
&lt;p&gt;Can someone please explain to me [or link me to good source that explain how the mechnism works in DSP]:&lt;/p&gt;
&lt;p&gt;1) why we can't set a breakpoint inside interrupt?&lt;/p&gt;
&lt;p&gt;2) why even if I set breakpoint in the main, it seems the interrupt doesn't occur, and if I don't it does.&lt;/p&gt;
&lt;p&gt;3) which ways I have to have access to the variables in run time, in CCS?&lt;/p&gt;
&lt;p&gt;thanks&lt;/p&gt;</t>
  </si>
  <si>
    <t>2015-01-12 20:27:05.557000+00:00</t>
  </si>
  <si>
    <t>2015-01-14 04:15:24.403000+00:00</t>
  </si>
  <si>
    <t>2015-01-13 14:53:00.943000+00:00</t>
  </si>
  <si>
    <t>c|embedded|interrupt|texas-instruments|code-composer</t>
  </si>
  <si>
    <t>From YAML, list indices must be integers or slices, not str</t>
  </si>
  <si>
    <t>&lt;p&gt;I am trying to pass some variable from a YAML file to a python script.
My YAML file is a nested dictionary with a list as value for specific key&lt;/p&gt;
&lt;pre&gt;&lt;code&gt;---
source:
  address:
    - 10.0.0.1
    - 10.0.0.2
    - 172.16.0.1
  mask:
    - 255.255.255.255
    - 255.255.255.255
    - 255.255.255.0
&lt;/code&gt;&lt;/pre&gt;
&lt;p&gt;I am trying to loop through the lists and print each value of the list &lt;/p&gt;
&lt;pre&gt;&lt;code&gt;#!/usr/bin/env python3
import yaml, sys
inventory = yaml.load(open(sys.argv[1], 'rb'))
def function():
    for i,j in ['source']['address'],['source']['mask']:
        if inventory['source']['mask'] == '255.255.255.255':
            print('object-group network H-{}-32'.format(i))
function()
&lt;/code&gt;&lt;/pre&gt;
&lt;p&gt;However I am getting the following error&lt;/p&gt;
&lt;pre&gt;&lt;code&gt;TypeError: list indices must be integers or slices, not str
&lt;/code&gt;&lt;/pre&gt;
&lt;p&gt;Thanks&lt;/p&gt;</t>
  </si>
  <si>
    <t>2018-03-21 11:18:12.540000+00:00</t>
  </si>
  <si>
    <t>2018-03-21 11:21:52.543000+00:00</t>
  </si>
  <si>
    <t>python|python-3.x|loops|yaml</t>
  </si>
  <si>
    <t>Wordpress upload folder permissions 751</t>
  </si>
  <si>
    <t>&lt;p&gt;I want to protect my images on my wordpress site. So I changed the folder permissions of the following folders to 751:
wp-content/uploads
wp-content/uploads/2018
wp-content/uploads/2018/11&lt;/p&gt;
&lt;p&gt;However, now when I upload an image via the Media upload, the image is not shown.&lt;/p&gt;
&lt;p&gt;Is there any way to keep 403 Error for the above folders while still being able to upload and see the images correctly in the wp-backend?&lt;/p&gt;
&lt;p&gt;I know this can be done, because Ive seen this before, I just dont know how to apply it myself.&lt;/p&gt;
&lt;p&gt;Any help is greatly appreciated&lt;/p&gt;</t>
  </si>
  <si>
    <t>2018-11-07 15:20:13.360000+00:00</t>
  </si>
  <si>
    <t>2018-11-11 06:46:22.643000+00:00</t>
  </si>
  <si>
    <t>php|wordpress|file-permissions</t>
  </si>
  <si>
    <t>Using a Regular Expression to capture a word that contains a letter at a specific position?</t>
  </si>
  <si>
    <t>&lt;p&gt;I'm looking for a regex expression that will highlight all words in a text document that contain a letter at a specific position that I specify in the expression.&lt;/p&gt;
&lt;p&gt;Any help would be appreciated, thanks!&lt;/p&gt;</t>
  </si>
  <si>
    <t>2018-07-03 01:04:09.060000+00:00</t>
  </si>
  <si>
    <t>2018-07-03 02:10:59.253000+00:00</t>
  </si>
  <si>
    <t>regex|capture</t>
  </si>
  <si>
    <t>android studio flashcard changing texts</t>
  </si>
  <si>
    <t>&lt;p&gt;we are really beginner level programmers who are trying to build a flashcard app for the final project.
We are successfully making the card flip animation but now stuck at how to change textviews.
We just want the cards to display a question on the front, answer on the back, have previous, flip, and next buttons.&lt;/p&gt;
&lt;hr&gt;
&lt;p&gt;I've been looking into lots of pages and I think what I don't understand are @+id/questions and @+id/answers part.
I do not understand how to build question banks as new java class and call them in.
Here are some of my codes:&lt;/p&gt;
&lt;p&gt;MathCardFlipActivity.java exists to handle flip card motions&lt;/p&gt;
&lt;p&gt;MathCardQuestionWork.java&lt;/p&gt;
&lt;pre&gt;&lt;code&gt;&amp;gt; // package name here
import android.content.Intent;
import android.os.Bundle;
import android.view.View;
import android.widget.Button;
import android.widget.TextView;
public class MathCardQuestionWork extends MathCardFlipActivity {
    Button btn_flip, PrevCard, NextCard;
    TextView front, back;
    private MathQuestions mQuestions = new MathQuestions();
    private MathAnswers mAnswers = new MathAnswers();
    private int mQuestionsLength = mQuestions.mQuestions.length;
    private int mQuestionIndex = 0;
    @Override
    protected void onCreate (final Bundle savedInstanceState){
        super.onCreate(savedInstanceState);
        setContentView(R.layout.math_card_flip);
        btn_flip = (Button) findViewById(R.id.btn_flip);
        PrevCard = (Button) findViewById(R.id.PrevCard);
        NextCard = (Button) findViewById(R.id.NextCard);
        front = (TextView) findViewById(R.id.questions);
        back = (TextView) findViewById(R.id.answers);
        btn_flip.setOnClickListener(new View.OnClickListener() {
            public void onClick(View v) {
                Intent intent = new Intent(MathCardQuestionWork.this, MathCardFlipActivity.class);
                startActivity(intent);
            }
        });
        PrevCard.setOnClickListener(new View.OnClickListener() {
            @Override
            public void onClick(View v) {
                if (mQuestionIndex == 0)
                {
                    PrevCard.setVisibility(View.INVISIBLE);
                }
                else {
                    mQuestionIndex = (mQuestionIndex - 1) % mQuestionsLength;
                    updateQuestion(mQuestionIndex);
                }
            }
        });
        NextCard.setOnClickListener(new View.OnClickListener() {
            @Override
            public void onClick(View v) {
                if (mQuestionIndex == mQuestionsLength - 1)
                {
                    NextCard.setVisibility(View.INVISIBLE);
                }
                else {
                    mQuestionIndex = (mQuestionIndex + 1) % mQuestionsLength;
                    updateQuestion(mQuestionIndex);
                }
            }
        });
    }
    private void updateQuestion(int num) {
        front.setText(mQuestions.getQuestion(num));
        back.setText(mAnswers.getAnswer(num));
    }
}
&lt;/code&gt;&lt;/pre&gt;
&lt;p&gt;MathQuestions.java&lt;/p&gt;
&lt;pre&gt;&lt;code&gt;public class MathQuestions {
    public String mQuestions[] = new String[]{
            "2+3",
            "4+5"};
    public String getQuestion(int a) {
        String question = mQuestions[a];
        return question;
    }
}
&lt;/code&gt;&lt;/pre&gt;
&lt;p&gt;MathAnswers.java&lt;/p&gt;
&lt;pre&gt;&lt;code&gt;public class MathAnswers {
    public String mAnswers[] = new String[]{"5", "9"};
    public String getAnswer(int a) {
        String answer = mAnswers[a];
        return answer;
    }
}
&lt;/code&gt;&lt;/pre&gt;
&lt;p&gt;math_card_front.xml&lt;/p&gt;
&lt;pre&gt;&lt;code&gt;&amp;lt;?xml version="1.0" encoding="utf-8"?&amp;gt;
&amp;lt;FrameLayout xmlns:android="http://schemas.android.com/apk/res/android"
    xmlns:tools="http://schemas.android.com/tools"
    android:layout_width="match_parent"
    android:layout_height="match_parent"
    android:visibility="visible"&amp;gt;
    &amp;lt;TextView
        android:layout_width="wrap_content"
        android:layout_height="wrap_content"
        android:layout_gravity="center"
        android:fontFamily="casual"
        android:text="@+id/questions"
        android:textSize="36sp"
        tools:text="@+id/questions" /&amp;gt;
&amp;lt;/FrameLayout&amp;gt;
&lt;/code&gt;&lt;/pre&gt;
&lt;p&gt;math_card_back.xml is essentially same but texts are @+id/answers.&lt;/p&gt;
&lt;p&gt;When I run this, everything compiles but the card shows "false" for both front and back.
I guess that is because I am not bringing the question and answer banks correctly.&lt;/p&gt;
&lt;p&gt;How can we figure this out? Or would the only way be creating multiple C classes? I think this is viable but I thought there must be a better way.&lt;/p&gt;
&lt;p&gt;Thank you all!&lt;/p&gt;
&lt;p&gt;Edit)
We initially wanted to use database but we are incorporating images also.&lt;/p&gt;
&lt;p&gt;So we would just like to code and use something like &lt;code&gt;findViewById&lt;/code&gt;.&lt;/p&gt;
&lt;p&gt;I do not have enough badge to attach images but basically, we have question at the front of the card, flip button flips the card, and have previous and next buttons that leads to previous/next questions.&lt;/p&gt;</t>
  </si>
  <si>
    <t>2017-11-30 03:13:15.253000+00:00</t>
  </si>
  <si>
    <t>2017-11-30 04:00:23.517000+00:00</t>
  </si>
  <si>
    <t>Map displays only the world location on device</t>
  </si>
  <si>
    <t>&lt;p&gt;I am developing my application for Android Environment using IBM Worklight and the following Library: &lt;a href="http://storelocator.googlecode.com/git/index.html" rel="nofollow"&gt;http://storelocator.googlecode.com/git/index.html&lt;/a&gt;&lt;/p&gt;
&lt;p&gt;Whenever I enter any location from the textbox, I am getting the world map, not the location which I entered. I need to zoom in to see the exact location. It is working correctly on Worklight Console. But on device, Whenever I enter any city name, I am getting only world map. There is not any error on LogCat.&lt;/p&gt;
&lt;p&gt;Also, I am getting two alerts continuously. &lt;/p&gt;
&lt;ol&gt;
&lt;li&gt;"Rate Limit Exceeded"&lt;/li&gt;
&lt;li&gt;"The SQL Query is malformed. (there might be something wrong with these URL parameters: select, Where, orderBy, intersects)."&lt;/li&gt;
&lt;/ol&gt;
&lt;p&gt;The following is HTML code:&lt;/p&gt;
&lt;pre&gt;&lt;code&gt; &amp;lt;!DOCTYPE HTML&amp;gt;
  &amp;lt;html&amp;gt;
    &amp;lt;head&amp;gt;
        &amp;lt;meta charset="UTF-8"&amp;gt;
        &amp;lt;title&amp;gt;testeApp&amp;lt;/title&amp;gt;
        &amp;lt;meta name="viewport" content="width=device-width, initial-scale=1.0, maximum-scale=1.0, 
         minimum-scale=1.0, user-scalable=0"&amp;gt;
        &amp;lt;!--  
            &amp;lt;link rel="shortcut icon" href="images/favicon.png"&amp;gt;
            &amp;lt;link rel="apple-touch-icon" href="images/apple-touch-icon.png"&amp;gt; 
        --&amp;gt;
        &amp;lt;link href="jqueryMobile/jquery.mobile-1.4.3.css" rel="stylesheet"&amp;gt;
        &amp;lt;link href="jqueryMobile/jquery.mobile.inline-png-1.4.3.css" rel="stylesheet"&amp;gt;
        &amp;lt;link href="jqueryMobile/jquery.mobile.inline-svg-1.4.3.css" rel="stylesheet"&amp;gt;
        &amp;lt;link href="jqueryMobile/jquery.mobile.structure-1.4.3.css" rel="stylesheet"&amp;gt;
        &amp;lt;link href="jqueryMobile/jquery.mobile.theme-1.4.3.css" rel="stylesheet"&amp;gt;
        &amp;lt;link href="jqueryMobile/jquery.mobile.external-png-1.4.3.css" rel="stylesheet"&amp;gt;
        &amp;lt;link rel="stylesheet" href="css/main.css"&amp;gt;
        &amp;lt;link rel="stylesheet" href="jqueryMobile/jquery.mobile.icons-1.4.3.css"&amp;gt;
        &amp;lt;script&amp;gt;window.$ = window.jQuery = WLJQ;&amp;lt;/script&amp;gt;
        &amp;lt;script src="jqueryMobile/jquery.mobile-1.4.3.js"&amp;gt;&amp;lt;/script&amp;gt;
        &amp;lt;script type="text/javascript" charset="utf-8"
          src="http://maps.googleapis.com/maps/api/js?sensor=false&amp;amp;libraries=places"&amp;gt;&amp;lt;/script&amp;gt;
        &amp;lt;script type="text/javascript" src="js/gme.js"&amp;gt;&amp;lt;/script&amp;gt;
        &amp;lt;script type="text/javascript" charset="utf-8" src="js/store-locator.min.js"&amp;gt;&amp;lt;/script&amp;gt;
        &amp;lt;link rel="stylesheet" href="css/storelocator.css"&amp;gt;
        &amp;lt;script src="js/medicare-static-ds.js" type="text/javascript"&amp;gt;&amp;lt;/script&amp;gt;
         &amp;lt;style type="text/css"&amp;gt;
          body { font-family: sans-serif; }
          #map-canvas, #panel { height: 500px; }
          #panel { width: 300px; float: left; margin-right: 10px; }
           p.attribution, p.attribution a { color: #666; }
         &amp;lt;/style&amp;gt;
&amp;lt;/head&amp;gt;
  &amp;lt;body&amp;gt;
        &amp;lt;div data-role="page" &amp;gt;
            &amp;lt;div data-role="content"&amp;gt;
               &amp;lt;div id="panel" class="storelocator-panel" style="width : 100% ; height : 30%; " &amp;gt;   
            &amp;lt;form class="storelocator-filter" &amp;gt;
            &amp;lt;div class="location-search" id="locationSearch" style="height :35%; "&amp;gt;
            &amp;lt;/div&amp;gt;
            &amp;lt;div class="feature-filter"&amp;gt;
            &amp;lt;/div&amp;gt;
            &amp;lt;/form&amp;gt;
            &amp;lt;/div&amp;gt;
            &amp;lt;div id="map-canvas" &amp;gt;
            &amp;lt;/div&amp;gt;      
    &amp;lt;/div&amp;gt;
    &amp;lt;/div&amp;gt;
    &amp;lt;/body&amp;gt;         
&lt;/code&gt;&lt;/pre&gt;
&lt;p&gt;The following is the javascript code for the Map.&lt;/p&gt;
&lt;pre&gt;&lt;code&gt;   google.maps.event.addDomListener(window, 'load', function() {
     var map = new google.maps.Map(document.getElementById('map-canvas'), {
       center: new google.maps.LatLng(43.67023, -79.38676),
        zoom: 4,
       mapTypeId: google.maps.MapTypeId.ROADMAP
    });
  var panelDiv = document.getElementById('panel');
  var data = new storeLocator.GMEDataFeed({
  tableId: '12421761926155747447-06672618218968397709',
  apiKey: 'AIzaSyAtunhRg0VTElV-P7n4Agpm9tYlABQDCAM',
  propertiesModifier: function(props) {
  var shop = ([props.NAME]);
  var locality = join([props.CITY, props.POSTAL_CODE], ', ');
  return {
    id: props.STORE,
    title: props.NAME,
    address: join([shop, props.ADDRESS, locality], '&amp;lt;br&amp;gt;'),
     };
  }
  });
   var view = new storeLocator.View(map, data, {
      geolocation: false
    });
        new storeLocator.Panel(panelDiv, {
      view: view
      });
     });
     function join(arr, sep) {
      var parts = [];
         for (var i = 0, ii = arr.length; i &amp;lt; ii; i++) {
            arr[i] &amp;amp;&amp;amp; parts.push(arr[i]);
            }
          return parts.join(sep);
      }
&lt;/code&gt;&lt;/pre&gt;</t>
  </si>
  <si>
    <t>2014-09-29 22:38:34.877000+00:00</t>
  </si>
  <si>
    <t>2014-10-05 10:35:53.303000+00:00</t>
  </si>
  <si>
    <t>2014-09-30 14:09:33.893000+00:00</t>
  </si>
  <si>
    <t>android|google-maps|ibm-mobilefirst</t>
  </si>
  <si>
    <t>allocating view controller the right way</t>
  </si>
  <si>
    <t>&lt;p&gt;i am trying to archiv something really simple.&lt;/p&gt;
&lt;p&gt;I add a property for a NSScrollView in my ViewController header file called PanelController:&lt;/p&gt;
&lt;pre&gt;&lt;code&gt;@property (strong) IBOutlet NSScrollView *listurls_fld;
&lt;/code&gt;&lt;/pre&gt;
&lt;p&gt;I add the ViewController.h file to my NSObject Interface called "qhandler.h"&lt;/p&gt;
&lt;pre&gt;&lt;code&gt;#import "handler.h"
#import "PanelController.h"
&lt;/code&gt;&lt;/pre&gt;
&lt;p&gt;i have a +(void) function inside the qhandler.m -&gt; &lt;/p&gt;
&lt;pre&gt;&lt;code&gt;+ (void)do_handle:(NSDictionary *)response
{
    PanelController *MyView=[[PanelController alloc] init];
    NSLog(@"add moo");
    [MyView.listurls_fld setStringValue:@"moo"];
}
&lt;/code&gt;&lt;/pre&gt;
&lt;p&gt;which doesn't work...&lt;/p&gt;
&lt;p&gt;It does neither work with setAlphaValue or whatever, i guess it's because i am allocating a new instance of PanelController, but as a matter of fact, I tried to change the main instance.&lt;/p&gt;
&lt;p&gt;I know it's basic but i have enormous problems using IBOutlets from a viewcontroller, inside an external obj-c file.&lt;/p&gt;
&lt;p&gt;Thanks,
john&lt;/p&gt;</t>
  </si>
  <si>
    <t>2013-04-23 21:08:21.077000+00:00</t>
  </si>
  <si>
    <t>2013-04-25 08:27:25.157000+00:00</t>
  </si>
  <si>
    <t>2013-04-23 22:18:50.847000+00:00</t>
  </si>
  <si>
    <t>macos|viewcontroller|alloc</t>
  </si>
  <si>
    <t>hibernate one-to-one mapping, how to make two entities have same primary key</t>
  </si>
  <si>
    <t>&lt;p&gt;I have two entity &lt;code&gt;Resource&lt;/code&gt;(table resource) and &lt;code&gt;VideoInfo&lt;/code&gt;(table video_info), there is one-to-one unidirectional relationship from &lt;code&gt;VideoInfo&lt;/code&gt; to &lt;code&gt;Resource&lt;/code&gt;. The following code save one-to-one relationship but the saved column resource.id doesn't equal to video_info.resourceId. Is there anything wrong with the annotations? I know I can manually set video_info.resourceId equal to Resource.id, does any automatic way exist?&lt;/p&gt;
&lt;pre&gt;&lt;code&gt;public static void main(String[] args) throws IOException {
    Resource r=new Resource();
    r.setName("test");
    r.setPath("foo");
    r.setType("video");
    VideoInfo videoInfo=new VideoInfo();
    videoInfo.setResource(r);
    Session session=Database.getSessionFactory().openSession();
    Transaction transaction=session.beginTransaction();
    try {
        session.save(videoInfo);
        transaction.commit();
    }catch (Exception e){
        transaction.rollback();
        return;
    }
    System.out.println(r.getId());
    System.out.println(videoInfo.getResourceId());
}
&lt;/code&gt;&lt;/pre&gt;
&lt;p&gt;output:&lt;/p&gt;
&lt;pre&gt;&lt;code&gt;19
0
&lt;/code&gt;&lt;/pre&gt;
&lt;p&gt;VideoInfo entity:&lt;/p&gt;
&lt;pre&gt;&lt;code&gt;@Entity
@Table(name = "video_info")
public class VideoInfo {
    @Id
    private int resourceId;
    @Column(name = "type")
    private String type;
    @Column(name = "time")
    private Integer time;
    @Column(name = "actors")
    private String actors;
    @OneToOne(fetch = FetchType.LAZY, cascade = CascadeType.ALL)
    @JoinColumn(name = "resourceId")
    private Resource resource;
    //getters and setters
}
&lt;/code&gt;&lt;/pre&gt;
&lt;p&gt;Resource entity:&lt;/p&gt;
&lt;pre&gt;&lt;code&gt;@Entity
@Table(name = "resource")
public class Resource {
    @Id
    @GeneratedValue(strategy = GenerationType.IDENTITY)
    private int id;
    @Column(name = "name")
    private String name;
    @Column(name = "path")
    private String path;
    @Column(name = "type")
    private String type;
    //getters and setters
}
&lt;/code&gt;&lt;/pre&gt;</t>
  </si>
  <si>
    <t>2017-07-02 02:46:00.200000+00:00</t>
  </si>
  <si>
    <t>2017-07-02 13:10:04.867000+00:00</t>
  </si>
  <si>
    <t>2017-07-02 10:29:43.583000+00:00</t>
  </si>
  <si>
    <t>java|hibernate</t>
  </si>
  <si>
    <t>What is another way of Angular dependency injection using es6?</t>
  </si>
  <si>
    <t>&lt;p&gt;Is there another way to make dependency injection in Angular controller's class except:&lt;/p&gt;
&lt;pre&gt;&lt;code&gt; constructor($http) {
   this.$http = $http;
 }
&lt;/code&gt;&lt;/pre&gt;
&lt;p&gt;Sometimes there are too many services to use, that constructor is seems to be "a little big".&lt;/p&gt;</t>
  </si>
  <si>
    <t>2017-01-25 09:27:22.443000+00:00</t>
  </si>
  <si>
    <t>2017-01-25 09:33:39.613000+00:00</t>
  </si>
  <si>
    <t>angularjs|ecmascript-6</t>
  </si>
  <si>
    <t>Teaching myself algorithm basics with arrays and for-loops. Why doesn't this for-loop work</t>
  </si>
  <si>
    <t>&lt;p&gt;The below code is intended to compare an array index with the next index and then print "yay" if the previous index is smaller.  I think I understand what I'm doing wrong in that the for loop is thumbing through each index and I'm trying to store the "next" index in a variable before it's looped through it. I'm curious how to solve this. I could google it but I would rather see what people come up with here. I think it's better for learning.&lt;/p&gt;
&lt;pre&gt;&lt;code&gt;list = [1,2,3,4,5,6,7,8,9];
for(i=0; i&amp;lt;list.length; i++) {
    var small = list[i];
    var large = list[i++];
    if(small&amp;lt;large) {
     document.write("yay");
    }
}
&lt;/code&gt;&lt;/pre&gt;</t>
  </si>
  <si>
    <t>2013-01-26 12:06:48.460000+00:00</t>
  </si>
  <si>
    <t>2013-01-26 12:30:58.457000+00:00</t>
  </si>
  <si>
    <t>How to override the name and id properties of a select dropdown</t>
  </si>
  <si>
    <t>&lt;p&gt;How do I override the id and name properties of an HTML select dropdown?&lt;/p&gt;
&lt;p&gt;I have the following markup in my HTML to generate a select dropdown:&lt;/p&gt;
&lt;pre&gt;&lt;code&gt;@Html.DropDownListFor(
     m =&amp;gt; m.CountryId,
     new SelectList(Model.Countries, "Id", "Name", Model.CountryId),
     "-- Select --",
     new { @class = "form-control" }
)
&lt;/code&gt;&lt;/pre&gt;
&lt;p&gt;The output from the code above looks like this:&lt;/p&gt;
&lt;pre&gt;&lt;code&gt;&amp;lt;select name="CountryId" id="CountryId" data-val-required="Country is required" data-val-number="The field CountryId must be a number." data-val="true" class="form-control"&amp;gt;
     &amp;lt;option value=""&amp;gt;-- Select --&amp;lt;/option&amp;gt;
     &amp;lt;option value="1"&amp;gt;Country 1&amp;lt;/option&amp;gt;
     &amp;lt;option value="2"&amp;gt;Country 2&amp;lt;/option&amp;gt;
     &amp;lt;option value="3"&amp;gt;Country 3&amp;lt;/option&amp;gt;
     &amp;lt;option value="4"&amp;gt;Country 4&amp;lt;/option&amp;gt;
&amp;lt;/select&amp;gt;
&lt;/code&gt;&lt;/pre&gt;
&lt;p&gt;I see that it made both the name and id properties equal to CountryId.  I like more descriptive names for my markup, something like Countries.  And I also prefer to have my name and id properties to have the same description/name. So I tried the following:&lt;/p&gt;
&lt;pre&gt;&lt;code&gt;@Html.DropDownListFor(
     m =&amp;gt; m.CountryId,
     new SelectList(Model.Countries, "Id", "Name", Model.CountryId),
     "-- Select --",
     new { id = "Countries", name = "Countries", @class = "form-control" }
)
&lt;/code&gt;&lt;/pre&gt;
&lt;p&gt;The output from the code above looks like this:&lt;/p&gt;
&lt;pre&gt;&lt;code&gt;&amp;lt;select name="CountryId" id="Countries" data-val-required="Country is required" data-val-number="The field CountryId must be a number." data-val="true" class="form-control"&amp;gt;
     &amp;lt;option value=""&amp;gt;-- Select --&amp;lt;/option&amp;gt;
     &amp;lt;option value="1"&amp;gt;Country 1&amp;lt;/option&amp;gt;
     &amp;lt;option value="2"&amp;gt;Country 2&amp;lt;/option&amp;gt;
     &amp;lt;option value="3"&amp;gt;Country 3&amp;lt;/option&amp;gt;
     &amp;lt;option value="4"&amp;gt;Country 4&amp;lt;/option&amp;gt;
&amp;lt;/select&amp;gt;
&lt;/code&gt;&lt;/pre&gt;
&lt;p&gt;Why was just the id property changed to Countries and name was left at CountryId?&lt;/p&gt;</t>
  </si>
  <si>
    <t>2014-02-18 12:52:12.340000+00:00</t>
  </si>
  <si>
    <t>2014-02-18 13:11:03.483000+00:00</t>
  </si>
  <si>
    <t>2014-02-18 13:10:02.947000+00:00</t>
  </si>
  <si>
    <t>c#|asp.net|asp.net-mvc|asp.net-mvc-4|razor</t>
  </si>
  <si>
    <t>iOS - can't get background to act as tappable object</t>
  </si>
  <si>
    <t>&lt;p&gt;I am struggling to get the background to act as a tappable object in a small iOS app I'm developing.
I have 4 input text fields, and if I tap on the background when in the first one, the keyboard goes away.
However, that does not happen with the other 3 and I can't see why.
I made a Touch Down connection with the View controller.
Any help greatly appreciated!&lt;/p&gt;</t>
  </si>
  <si>
    <t>2013-07-22 16:26:02.323000+00:00</t>
  </si>
  <si>
    <t>2013-07-22 16:31:46.287000+00:00</t>
  </si>
  <si>
    <t>ios|keyboard|touch</t>
  </si>
  <si>
    <t>Difference between using instance variables vs 'attr_reader'</t>
  </si>
  <si>
    <t>&lt;p&gt;What is the difference between using &lt;code&gt;@name&lt;/code&gt; and &lt;code&gt;name&lt;/code&gt; (with an &lt;code&gt;attr_reader&lt;/code&gt;)? They use different path ways: &lt;code&gt;@name&lt;/code&gt; is direct while &lt;code&gt;name&lt;/code&gt; uses a method to reach &lt;code&gt;@name&lt;/code&gt;. But besides that, is there any difference? The outcome is the same.&lt;/p&gt;</t>
  </si>
  <si>
    <t>2018-06-03 21:38:18.827000+00:00</t>
  </si>
  <si>
    <t>2018-06-04 03:38:29.273000+00:00</t>
  </si>
  <si>
    <t>ruby|instance-variables|accessor</t>
  </si>
  <si>
    <t>Python function-unexpected output</t>
  </si>
  <si>
    <t>&lt;p&gt;I have this Python function:&lt;/p&gt;
&lt;pre&gt;&lt;code&gt;def main(n,x):
   g=0
   for i in range(1,n):
       g+=((-1)^i)*(x^(2*i+1))/(2*i+1)
   return g
print main(3,2)
&lt;/code&gt;&lt;/pre&gt;
&lt;p&gt;and the output is -6, when I think it should be 86/15. Where is my mistake? I want to find the n-value of x-(x^3)/3+(x^5)/5+...&lt;/p&gt;</t>
  </si>
  <si>
    <t>2018-07-21 15:02:06.347000+00:00</t>
  </si>
  <si>
    <t>2018-07-21 15:22:11.340000+00:00</t>
  </si>
  <si>
    <t>python|function|output</t>
  </si>
  <si>
    <t>Traverse a directory with wildcards - built-in method?</t>
  </si>
  <si>
    <t>&lt;p&gt;I am trying to look for a file &lt;code&gt;xsd.exe&lt;/code&gt; that can be in one of many places, and select the one with the latest timestamp.  There are many different versions of this file; on my dev system alone I had like 8 different versions, and most if not all looked different from each other.&lt;/p&gt;
&lt;p&gt;What I want to do is set an initializer, looking in the common locations, collecting a list of the possible candidates, and then selecting from among them.&lt;/p&gt;
&lt;p&gt;I thought I had a pretty elegant method of doing so:&lt;/p&gt;
&lt;pre&gt;&lt;code&gt;var potentialLocations = new[]
    {
        @"C:\Program Files (x86)\Microsoft SDKs\Windows\*\Bin\*",
        @"C:\Program Files\Microsoft SDKs\Windows\*\bin",
        @"C:\Program Files\Microsoft Visual Studio*\SDK\*\Bin"
    };
IEnumerable&amp;lt;FileInfo&amp;gt; files = new List&amp;lt;FileInfo&amp;gt;();
files = potentialLocations.Aggregate(files,
                                        (current,
                                        potentialLocation) =&amp;gt;
                                        current.Concat(
                                            Directory.GetDirectories(potentialLocation)
                                                    .Select(x =&amp;gt; new DirectoryInfo(x))
                                                    .SelectMany(x =&amp;gt; x.GetFiles("xsd.exe"))));
var file = files
    .OrderByDescending(x =&amp;gt; x.CreationTimeUtc)
    .FirstOrDefault();
&lt;/code&gt;&lt;/pre&gt;
&lt;p&gt;... but unfortunately, &lt;code&gt;Directory.GetDirectories&lt;/code&gt; does not like my wildcard patterns; I get an &lt;code&gt;ArgumentException&lt;/code&gt;: "Illegal characters in path".&lt;/p&gt;
&lt;p&gt;Is there a method to traverse these directory structures using wildcards like I've specified?  Or am I going to have to build something custom for this?&lt;/p&gt;</t>
  </si>
  <si>
    <t>2013-11-18 15:22:34.143000+00:00</t>
  </si>
  <si>
    <t>2013-11-18 16:41:32.007000+00:00</t>
  </si>
  <si>
    <t>c#|filesystems|wildcard</t>
  </si>
  <si>
    <t>General convention for python libraries that also have an interface module?</t>
  </si>
  <si>
    <t>&lt;p&gt;Right now I've got a project that has the following layout:&lt;/p&gt;
&lt;pre&gt;&lt;code&gt;foo/
  __init__.py
  __main__.py
  foo.py
&lt;/code&gt;&lt;/pre&gt;
&lt;p&gt;In this case, &lt;code&gt;foo.py&lt;/code&gt; is actually the main api file, so developers are meant to do "from foo import foo", but I also wanted to make it so that end users could just run &lt;code&gt;~$ foo&lt;/code&gt; and get an interface.&lt;/p&gt;
&lt;p&gt;which, when I do a distutils install, creates &lt;code&gt;/usr/bin/__main__.py&lt;/code&gt; because (a) I don't know how to use distutils, [less important] and (b) I am not sure about what is generally considered to be the Right Thing.&lt;/p&gt;
&lt;p&gt;As far as I can tell I have three options:&lt;/p&gt;
&lt;ol&gt;
&lt;li&gt;&lt;p&gt;Make distutils smarter, so that &lt;code&gt;setup.py install&lt;/code&gt; creates the
symlink &lt;code&gt;/usr/bin/foo -&amp;gt; $PYTHONLIB/foo/__main__.py&lt;/code&gt;. This is my
immediate intuition, and I could probably figure out how to do it,
although the things that I'm thinking of doing all feel like hacks
and I haven't found anybody talking about this.&lt;/p&gt;&lt;/li&gt;
&lt;li&gt;&lt;p&gt;Rename &lt;code&gt;__main__.py&lt;/code&gt; to just &lt;code&gt;foo&lt;/code&gt; before distribution, and modify the call to
distutils' setup to be &lt;code&gt;setup(scripts=['foo'], ...)&lt;/code&gt;. This is pretty similar to (1), except for when it happens, I think.&lt;/p&gt;&lt;/li&gt;
&lt;li&gt;&lt;p&gt;Just don't include an interface with a library package. I feel
like this depends mostly on the size of the library/interface as
to whether it makes sense.&lt;/p&gt;&lt;/li&gt;
&lt;/ol&gt;
&lt;p&gt;I haven't seen very many packages that include a &lt;code&gt;__main__.py&lt;/code&gt;, if any, so I'm not sure if people just don't use them or I haven't been using the right packages. The fact that I couldn't find any blog posts or articles dealing with &lt;code&gt;__main__.py&lt;/code&gt; and distutils suggests to me that it's not a particularly popular combination, though.&lt;/p&gt;</t>
  </si>
  <si>
    <t>2010-10-18 19:30:37.793000+00:00</t>
  </si>
  <si>
    <t>2010-10-27 21:29:10.863000+00:00</t>
  </si>
  <si>
    <t>python|distribution|conventions|distutils</t>
  </si>
  <si>
    <t>JS: How to pass selected data to the next page?</t>
  </si>
  <si>
    <t>&lt;p&gt;My users have a sharepoint list where they can add items. Sometimes they have to create very similar items. So I would like to add a column to the list where is a button or make one of the column into a link. If this pressed:&lt;/p&gt;
&lt;ol&gt;
&lt;li&gt;&lt;p&gt;The item's data from the button/link's row is stored.&lt;/p&gt;&lt;/li&gt;
&lt;li&gt;&lt;p&gt;Go to the new item creation page.&lt;/p&gt;&lt;/li&gt;
&lt;li&gt;&lt;p&gt;Autofill all inputfiels with the stored data.&lt;/p&gt;&lt;/li&gt;
&lt;/ol&gt;
&lt;p&gt;This way the user just have to modify few fields and can finish a new item creation much faster. Simply accessing the display page from the new item page is not enough because we need to know at least the item's ID to be able to select the right item.&lt;/p&gt;
&lt;p&gt;What would be the best approach? Thanks you very much for any idea!&lt;/p&gt;</t>
  </si>
  <si>
    <t>2017-10-27 13:17:34.587000+00:00</t>
  </si>
  <si>
    <t>2017-10-27 13:43:01.890000+00:00</t>
  </si>
  <si>
    <t>javascript|jquery|sharepoint</t>
  </si>
  <si>
    <t>How can I solve "No report compiler set for language : null" error?</t>
  </si>
  <si>
    <t>&lt;p&gt;My project is using jasper ireport v(2.5) and I made a report using jasper ireport v(4.5), when I am integrating with java application it throws following error. &lt;/p&gt;
&lt;p&gt;I did everything "like:- jar files, and edited language=java in xml" but still it shows error. &lt;/p&gt;
&lt;pre&gt;&lt;code&gt;net.sf.jasperreports.engine.JRException: No report compiler set for language : null
11:00:15,593 ERROR [STDERR]     at net.sf.jasperreports.engine.JasperCompileManager.getCompiler(JasperCompileManager.java:508)
11:00:15,593 ERROR [STDERR]     at net.sf.jasperreports.engine.JasperCompileManager.compileReport(JasperCompileManager.java:219)
11:00:15,593 ERROR [STDERR]     at com.Utilities.JasperReport.getReport(Unknown Source)
11:00:15,593 ERROR [STDERR]     at com.Report.Payment.ChequedebitAction.Submit(Unknown Source)
11:00:15,593 ERROR [STDERR]     at sun.reflect.NativeMethodAccessorImpl.invoke0(Native Method)
11:00:15,593 ERROR [STDERR]     at sun.reflect.NativeMethodAccessorImpl.invoke(NativeMethodAccessorImpl.java:39)
11:00:15,594 ERROR [STDERR]     at sun.reflect.DelegatingMethodAccessorImpl.invoke(DelegatingMethodAccessorImpl.java:25)
11:00:15,594 ERROR [STDERR]     at java.lang.reflect.Method.invoke(Method.java:585)
&lt;/code&gt;&lt;/pre&gt;</t>
  </si>
  <si>
    <t>2013-10-15 11:47:07.083000+00:00</t>
  </si>
  <si>
    <t>2016-07-02 00:32:18.287000+00:00</t>
  </si>
  <si>
    <t>2016-07-02 00:29:59.507000+00:00</t>
  </si>
  <si>
    <t>jasper-reports|ireport</t>
  </si>
  <si>
    <t>Desigining Kafka Topics - Many Topics vs One Big Topic</t>
  </si>
  <si>
    <t>&lt;p&gt;Considering a stream of different events the recommended way would be &lt;/p&gt;
&lt;ul&gt;
&lt;li&gt;one big topic containing all events&lt;/li&gt;
&lt;li&gt;multiple topics for different types of events&lt;/li&gt;
&lt;/ul&gt;
&lt;p&gt;Which option would be better?&lt;/p&gt;
&lt;p&gt;I understand that messages not being in the same partition of a topic it means there are &lt;strong&gt;no order guarantee&lt;/strong&gt;, but are there any &lt;strong&gt;other factors to be considered&lt;/strong&gt; when making this decision?&lt;/p&gt;</t>
  </si>
  <si>
    <t>2016-11-20 13:15:49.920000+00:00</t>
  </si>
  <si>
    <t>2016-11-20 22:42:17.483000+00:00</t>
  </si>
  <si>
    <t>apache-kafka|message-queue|messaging|distributed-computing|kafka-producer-api</t>
  </si>
  <si>
    <t>Where can I find code that will let me know when an email is opened that will work for a large number of recipients?</t>
  </si>
  <si>
    <t>&lt;p&gt;If I send someone an email I'd like to know if they have read it. We have a large number of clients and need to be able to send thousands of emails at once.&lt;/p&gt;
&lt;p&gt;We are not using gmail, outlook or any other email client that supports this functionality. Switching email providers is not an option, at least in the short term. What we need is similar to read receipt in outlook or oracle plugin for gmail. I think the right solution is some code to embed in the email, but haven't found anything that works. Services like didtheyreadit.com just get the email sent to spam folders and others don't send to enough addresses or charge too much.&lt;/p&gt;
&lt;p&gt;Any help in solving this problem would be appreciated!&lt;/p&gt;</t>
  </si>
  <si>
    <t>2010-11-27 20:01:00.223000+00:00</t>
  </si>
  <si>
    <t>2010-11-27 20:27:36.903000+00:00</t>
  </si>
  <si>
    <t>java|email|tracking|html-email|email-client</t>
  </si>
  <si>
    <t>E-mail arrival notification with Indy IMAP client (Delphi 2009)</t>
  </si>
  <si>
    <t>&lt;p&gt;I am working on a deamon application that uses e-mail inbox as its input queue. Response times should be as high as possible with server overhead kept to minimum, so polling e-mail inbox is out of question. As IMAP protocol enables the notifications on new e-mails, this is ideal for the application.&lt;/p&gt;
&lt;p&gt;However, I've run into troubles when I tried implementing this mechanism in my Delphi/Indy application. TIdIMAP4 works great (apart from some Unicode problems that are irrelevant in my case) but I couldn't find the way to implement notifications in it.&lt;/p&gt;
&lt;p&gt;This should be a simple GIYF problem but for some to-me-unknown reason, I cannot find ANY relevant information on Indy components when searching online.&lt;/p&gt;
&lt;p&gt;A solution or alternative approaches would be deeply appreciated.&lt;/p&gt;
&lt;p&gt;Edit: Since Indy appearently does not support asynchronous e-mail notifications, does anybody know what free components for delphi would enable that.&lt;/p&gt;</t>
  </si>
  <si>
    <t>2010-07-01 20:03:14.933000+00:00</t>
  </si>
  <si>
    <t>2011-04-23 00:51:14.080000+00:00</t>
  </si>
  <si>
    <t>delphi|delphi-2009|imap|indy10</t>
  </si>
  <si>
    <t>(dojo) dojox.form.Manager not firing observers</t>
  </si>
  <si>
    <t>&lt;p&gt;I have a customer dialog widget that I am attempting to use &lt;code&gt;dojox.form.Manager&lt;/code&gt; on.&lt;/p&gt;
&lt;p&gt;I have just stumbled across this control and it looks to do most of what I was implementing (unified onchange events) but much more.  There is just one problem, the observer events will not fire.  &lt;/p&gt;
&lt;p&gt;I have a form element containing multiple digits, form, and custom widgets.  Each is set up something like&lt;/p&gt;
&lt;pre&gt;&lt;code&gt;  &amp;lt;form id="resd_tab_details"dojoType="dojox.form.Manager"&amp;gt;
        &amp;lt;input type="checkbox" dojoType="dijit.form.CheckBox" name="w01" value="w01"
        observer="testfunction1"&amp;gt;
    &amp;lt;/form&amp;gt;
&lt;/code&gt;&lt;/pre&gt;
&lt;p&gt;I can attach to the form set values and everything else I have tried, except the events.&lt;/p&gt;
&lt;p&gt;What might I be doing wrong?&lt;/p&gt;</t>
  </si>
  <si>
    <t>2009-11-20 20:26:42.723000+00:00</t>
  </si>
  <si>
    <t>2012-07-20 14:59:49.060000+00:00</t>
  </si>
  <si>
    <t>dojo</t>
  </si>
  <si>
    <t>why doesn't Visual Studio 2010 (msbuild?) build faster?</t>
  </si>
  <si>
    <t>&lt;p&gt;Oftentimes when building a large solution with many projects in Visual Studio 2010, Windows 7 Resource Monitor will show that devenv.exe as Not Responding, however Average CPU reads a low number like 0.91 like shown:&lt;/p&gt;
&lt;p&gt;&lt;img src="https://i.stack.imgur.com/DSV3M.png" alt="Visual Studio 2010 slow build on AMD Phenom II x4"&gt;&lt;/p&gt;
&lt;p&gt;and this is on Windows 7 x64 with a AMD Phenom II 920 4-core CPU, 8 GB RAM. Visual Studio is not responding, yet it hardly seems to be using any CPU resources.&lt;/p&gt;
&lt;p&gt;When I tried running the build with msbuild.exe and the switch "&lt;a href="http://msdn.microsoft.com/en-us/library/bb651793.aspx" rel="nofollow noreferrer"&gt;/maxcpucount:4&lt;/a&gt;", the Average CPU value still stays low, and the RHS graphs never show a value above 5-10%.&lt;/p&gt;
&lt;p&gt;Why doesn't Visual Studio 2010 (or msbuild) seem to be taking advantage of the CPU(s) during a build? &lt;/p&gt;</t>
  </si>
  <si>
    <t>2011-07-16 03:15:55.590000+00:00</t>
  </si>
  <si>
    <t>2011-10-31 03:54:18.643000+00:00</t>
  </si>
  <si>
    <t>visual-studio-2010|msbuild</t>
  </si>
  <si>
    <t>Notice: Undefined variable: rezistent. Where rezistent is refering to database</t>
  </si>
  <si>
    <t>&lt;p&gt;I am getting the mentioned error. I have the database connection in conn.php which I am including in fn.php. However, on a particular line it is giving the error&lt;/p&gt;
&lt;p&gt;Notice: Undefined variable: rezistent in fn.php on line 16&lt;/p&gt;
&lt;p&gt;Line 16 is: &lt;/p&gt;
&lt;pre&gt;&lt;code&gt;    $a = mysqli_query($rezistent, "SELECT is_verified FROM users WHERE veri_key = '$key'") or die(mysqli_error());
&lt;/code&gt;&lt;/pre&gt;
&lt;p&gt;Here's my conn.php&lt;/p&gt;
&lt;pre&gt;&lt;code&gt;    &amp;lt;?php 
    $user = "mmoin";
    $pass = "pass";
    $host = "localhost";
    $dbname = "rezistent";
    $rezistent = mysqli_connect($host, $user, $pass, $dbname) or die("cannot connect with database");
    ?&amp;gt;
&lt;/code&gt;&lt;/pre&gt;
&lt;p&gt;and here's the fn.php&lt;/p&gt;
&lt;pre&gt;&lt;code&gt;    &amp;lt;?php
    include "conn.php";
    function hashit($v){
        $hash = md5($v);
        $hash .= rand(11,99);
        return $hash;
    }
    function user_verification($k){
    $account_type = substr($k, 0, 1);
    $key = substr($k, 1);
    $msg_to_display = "";
    if($account_type == "h" || $account_type == "t"){
        $a = mysqli_query($rezistent, "SELECT is_verified FROM users WHERE veri_key = '$key'") or die(mysqli_error());
        $rows = mysqli_num_rows($a);
        if($rows &amp;gt; 0){
            mysqli_query($rezistent, "UPDATE users SET is_verified = '1' WHERE veri_key='$key'");
            $msg_to_display = "User successfully verified. Please use the login link to login with your credentials.";
        }
    }
    else{
        $msg_to_display = "There seems to be a problem with the verification key. Please try again from the link provided in the email.";
    }
    return $msg_to_display;
    }
    ?&amp;gt;
&lt;/code&gt;&lt;/pre&gt;
&lt;p&gt;What can be the problem? I have tried even connecting with database immediately before the function but it still gives the same notice message.&lt;/p&gt;</t>
  </si>
  <si>
    <t>2013-08-04 07:15:07.390000+00:00</t>
  </si>
  <si>
    <t>2013-08-04 07:19:53.570000+00:00</t>
  </si>
  <si>
    <t>Add widget/controls within gmail Ui like boomerang/streak</t>
  </si>
  <si>
    <t>&lt;p&gt;I'm thinking of an idea to develop a widget lives within Gmail and do action on demand.&lt;/p&gt;
&lt;p&gt;Like selecting a line of text clicking my button should create a task on a list (say asana.com)&lt;/p&gt;
&lt;p&gt;I'm currently looking into &lt;a href="https://developers.google.com/google-apps/gmail/contextual_gadgets" rel="nofollow noreferrer"&gt;https://developers.google.com/google-apps/gmail/contextual_gadgets&lt;/a&gt; &lt;/p&gt;
&lt;p&gt;but wondering I'm heading right direction?&lt;/p&gt;
&lt;p&gt;Check this one - &lt;a href="http://www.streak.com/" rel="nofollow noreferrer"&gt;http://www.streak.com/&lt;/a&gt; they even have custom UI (in main view of gmail).&lt;/p&gt;
&lt;p&gt;It would be really helpful if you share good resources and point the direction.&lt;/p&gt;
&lt;p&gt;eg:&lt;/p&gt;
&lt;p&gt;&lt;img src="https://i.stack.imgur.com/LO874.png" alt="Boomerang"&gt;&lt;/p&gt;
&lt;p&gt;&lt;img src="https://i.stack.imgur.com/Wquhm.png" alt="streak"&gt;&lt;/p&gt;</t>
  </si>
  <si>
    <t>2012-07-13 09:00:16.977000+00:00</t>
  </si>
  <si>
    <t>2013-03-25 09:10:01.097000+00:00</t>
  </si>
  <si>
    <t>2012-07-13 12:10:40.707000+00:00</t>
  </si>
  <si>
    <t>javascript|gmail|widget|google-gadget|gmail-contextual-gadgets</t>
  </si>
  <si>
    <t>Mysqli showing table content in one row and column name not retrieved from db</t>
  </si>
  <si>
    <t>&lt;p&gt;I was trying to use Mysqli instead of Mysql with php in order to gather contents from my database and the code below (code 1) works fine but i have 2 problems:&lt;/p&gt;
&lt;p&gt;1 - The code 1 shows all the rows on the same line instead of one above each other.&lt;/p&gt;
&lt;p&gt;2 - I cant get how to get the columns name of the table like when i was doing with mysql method (code 2).&lt;/p&gt;
&lt;p&gt;---------------------code 1----------------&lt;/p&gt;
&lt;pre&gt;&lt;code&gt; &amp;lt;?php
    $db = new mysqli('localhost', 'root', '', '...');
    if($db-&amp;gt;connect_errno &amp;gt; 0){
    die('Unable to connect to database [' . $db-&amp;gt;connect_error . ']');
    }
    $sql = &amp;lt;&amp;lt;&amp;lt;SQL SELECT * FROM `...`
    SQL;
    if(!$result = $db-&amp;gt;query($sql)){
        die('There was an error running the query [' . $db-&amp;gt;error . ']');
    }
    while($row = $result-&amp;gt;fetch_assoc()){
        echo "&amp;lt;tr class='info'&amp;gt;
                    &amp;lt;td&amp;gt;" . $row['...'] . "&amp;lt;/td&amp;gt;
                    &amp;lt;td&amp;gt;" . $row['...'] . "&amp;lt;/td&amp;gt;
                    &amp;lt;td&amp;gt;" . $row['...'] . "&amp;lt;/td&amp;gt; 
                    &amp;lt;/tr&amp;gt;";     }    ?&amp;gt;
&lt;/code&gt;&lt;/pre&gt;
&lt;p&gt;---------------- code 2------------&lt;/p&gt;
&lt;pre&gt;&lt;code&gt;&amp;lt;?php
$connection = mysql_connect('localhost', 'root', ''); 
mysql_select_db('dhocp');    
$query = "SELECT * FROM ..."; 
$result = mysql_query($query);
echo "&amp;lt;table class='table'&amp;gt;";
echo '&amp;lt;tr&amp;gt;';
for ($i = 0; $i &amp;lt; mysql_num_fields($result); $i++) { 
    echo "&amp;lt;th&amp;gt;".mysql_field_name($result, $i)."&amp;lt;/th&amp;gt;"; 
}
echo '&amp;lt;/tr&amp;gt;';
while($row = mysql_fetch_array($result)){   //Creates a loop to loop through results
echo "&amp;lt;tr class='info'&amp;gt;&amp;lt;td&amp;gt;" . $row['...'] . "&amp;lt;/td&amp;gt;
               &amp;lt;td&amp;gt;" . $row['...'] . "&amp;lt;/td&amp;gt;
               &amp;lt;td&amp;gt;" . $row['...'] . "&amp;lt;/td&amp;gt;
               &amp;lt;/tr&amp;gt;"; 
}
echo "&amp;lt;/table&amp;gt;"; 
mysql_close(); 
?&amp;gt;
&lt;/code&gt;&lt;/pre&gt;
&lt;p&gt;------------ fix update ------------------&lt;/p&gt;
&lt;p&gt;addedd&lt;/p&gt;
&lt;pre&gt;&lt;code&gt;  echo "&amp;lt;table class='table'&amp;gt;";
&lt;/code&gt;&lt;/pre&gt;
&lt;p&gt;in code 1 before the while loop&lt;/p&gt;
&lt;p&gt;------------ fix update 2 --------------Show column table----&lt;/p&gt;
&lt;pre&gt;&lt;code&gt;$db = new mysqli("localhost", "...", "...", "...");
$query = "SELECT * from ...";
if ($result = $db-&amp;gt;query($query)) {
    /* Get field information for all columns */
    while ($finfo = $result-&amp;gt;fetch_field()) {
        printf("%s\n", $finfo-&amp;gt;name);
    }
    $result-&amp;gt;close();
}
&lt;/code&gt;&lt;/pre&gt;</t>
  </si>
  <si>
    <t>2015-10-21 21:06:39.987000+00:00</t>
  </si>
  <si>
    <t>2015-10-23 19:01:48.250000+00:00</t>
  </si>
  <si>
    <t>AEM 6.2 Targetting not working properly in Author instance</t>
  </si>
  <si>
    <t>&lt;p&gt;In my Author instance when I am trying to create a Segment in Personalization--&gt;Audiences--&gt;Create--&gt;Create ContextHub Segment, it is not populating the dropdown values as shown in the screen shot below. Earlier it was showing the drop downs default values pre-filled. Also, in preview mode it is not showing personas to select to verify Targetting.&lt;/p&gt;
&lt;p&gt;&lt;a href="https://i.stack.imgur.com/JKzpq.png" rel="nofollow noreferrer"&gt;&lt;img src="https://i.stack.imgur.com/JKzpq.png" alt="enter image description here"&gt;&lt;/a&gt;&lt;/p&gt;
&lt;p&gt;Can anyone share if faced similar issue earlier?&lt;/p&gt;</t>
  </si>
  <si>
    <t>2017-12-15 08:31:34.810000+00:00</t>
  </si>
  <si>
    <t>2017-12-15 08:40:49.013000+00:00</t>
  </si>
  <si>
    <t>aem</t>
  </si>
  <si>
    <t>Display Word Count in Blog Post with Wagtail</t>
  </si>
  <si>
    <t>&lt;p&gt;I am wondering how to create a template tag that will get the word count for an entire blog post in Wagtail. I have looked around and seen some different ways to do with with python, but not quite sure how to do it with wagtail given views are often abstracted away. It seems like the query also gets more complex given that in many cases there can be multiple parts to a wagtail template (intro, body, etc.) that the creator might want to count.&lt;/p&gt;
&lt;p&gt;I noticed there is also &lt;a href="https://github.com/takeflight/wagtail-charcount" rel="nofollow noreferrer"&gt;a nice package&lt;/a&gt; that does this in the admin for you, but I would like to display it on the user side.&lt;/p&gt;
&lt;p&gt;I am guessing this is a pretty simple answer, but am still not familiar with passing new variables to templates in Wagtail without a view.&lt;/p&gt;
&lt;p&gt;Thanks!&lt;/p&gt;</t>
  </si>
  <si>
    <t>2017-03-03 18:16:26.830000+00:00</t>
  </si>
  <si>
    <t>2017-03-03 20:32:55.483000+00:00</t>
  </si>
  <si>
    <t>python|django|wagtail</t>
  </si>
  <si>
    <t>Large table querying</t>
  </si>
  <si>
    <t>&lt;p&gt;I have a database table that accepts more than 2,000,000 records each month. I have created it as a partitioned table. All searchable fields are indexed. But when applying a paging select on the table by the &lt;code&gt;with&lt;/code&gt; keyword it takes long time to get the result.&lt;/p&gt;
&lt;p&gt;Is there any other solution to tune this table's performance?&lt;/p&gt;</t>
  </si>
  <si>
    <t>2010-10-09 08:16:30.487000+00:00</t>
  </si>
  <si>
    <t>2010-10-09 08:24:57.957000+00:00</t>
  </si>
  <si>
    <t>2010-10-09 08:24:37.657000+00:00</t>
  </si>
  <si>
    <t>how to get Google Lens like sticky overlay graphic with Google Mobile vision API</t>
  </si>
  <si>
    <t>&lt;p&gt;I am using Google vision API for barcode reads but the overlay is not consistent and flickering but when I saw google lens the dots are much sticky and they are not flickering. anyone help me to create a smooth overlay using mobile vision API. I know ML kit will replace it in future yet i think they both work the same.&lt;/p&gt;</t>
  </si>
  <si>
    <t>2018-09-21 17:42:05.097000+00:00</t>
  </si>
  <si>
    <t>android|mobile|vision</t>
  </si>
  <si>
    <t>img_data_lock iphone - imageNamed vs imageWithContentsofFile</t>
  </si>
  <si>
    <t>&lt;p&gt;I am noticing a surge in memory and the responsible caller as listed in instruments is img_data_lock and responsible library is &lt;code&gt;CoreGraphics&lt;/code&gt;.&lt;/p&gt;
&lt;p&gt;I have been reading that the issue relates to cached vs not cached image load
(&lt;a href="https://stackoverflow.com/questions/316236/uiimage-imagenamed-vs-uiimage-imagewithdata"&gt;Difference between [UIImage imageNamed...] and [UIImage imageWithData...]?&lt;/a&gt;)  Currently my app loads a series of images via &lt;code&gt;imageNamed&lt;/code&gt;&lt;/p&gt;
&lt;p&gt;replacing the &lt;code&gt;imageNamed&lt;/code&gt; call with &lt;code&gt;imageWithContentsOfFile&lt;/code&gt; seems to solve the issue. &lt;/p&gt;
&lt;p&gt;Does anybody have any information about the img_data_lock caller ? 
Why would someone use &lt;code&gt;imageNamed&lt;/code&gt; if it takes such a toll on memory ? &lt;/p&gt;</t>
  </si>
  <si>
    <t>2010-05-25 19:16:11.847000+00:00</t>
  </si>
  <si>
    <t>2013-07-10 11:46:59.613000+00:00</t>
  </si>
  <si>
    <t>2017-05-23 11:50:50.760000+00:00</t>
  </si>
  <si>
    <t>iphone|memory-management</t>
  </si>
  <si>
    <t>Haskell count length using foldr throw type error</t>
  </si>
  <si>
    <t>&lt;p&gt;Trying to implement list counting through foldr function&lt;/p&gt;
&lt;pre&gt;&lt;code&gt;lengthList = foldr (\x s -&amp;gt; s + 1) 0 
&lt;/code&gt;&lt;/pre&gt;
&lt;p&gt;gives following error&lt;/p&gt;
&lt;pre&gt;&lt;code&gt;   * Ambiguous type variable `t0' arising from a use of `foldr'
  prevents the constraint `(Foldable t0)' from being solved.
  Relevant bindings include
    lengthList :: t0 a -&amp;gt; Integer (bound at lenListFoldr.hs:2:1)
  Probable fix: use a type annotation to specify what `t0' should be.
  These potential instances exist:
    instance Foldable (Either a) -- Defined in `Data.Foldable'
    instance Foldable Maybe -- Defined in `Data.Foldable'
    instance Foldable ((,) a) -- Defined in `Data.Foldable'
    ...plus one other
    ...plus 23 instances involving out-of-scope types
    (use -fprint-potential-instances to see them all)
* In the expression: foldr (\ x s -&amp;gt; s + 1) 0
  In an equation for `lengthList':
      lengthList = foldr (\ x s -&amp;gt; s + 1) 0
&lt;/code&gt;&lt;/pre&gt;
&lt;p&gt;How can I fix that?&lt;/p&gt;</t>
  </si>
  <si>
    <t>2018-09-17 13:43:51.210000+00:00</t>
  </si>
  <si>
    <t>2018-09-18 04:13:46.510000+00:00</t>
  </si>
  <si>
    <t>2018-09-17 17:17:05.220000+00:00</t>
  </si>
  <si>
    <t>haskell|types|compiler-errors|parametric-polymorphism|monomorphism-restriction</t>
  </si>
  <si>
    <t>Facebook iOS/Android SDK share link on friend's feed</t>
  </si>
  <si>
    <t>&lt;p&gt;I'm working on a game that runs on iOS, Android and Web. On the Web client I can set up a feed dialog that let's a user post on a friend's timeline:&lt;/p&gt;
&lt;p&gt;&lt;a href="https://i.stack.imgur.com/urJCw.png" rel="nofollow noreferrer"&gt;&lt;img src="https://i.stack.imgur.com/urJCw.png" alt="Share on friend-s feed"&gt;&lt;/a&gt;&lt;/p&gt;
&lt;p&gt;That's achieved by using this code:&lt;/p&gt;
&lt;pre&gt;&lt;code&gt;var params =
{
    name: name,
    link: link,
    picture: picture,
    caption: caption,
    description: description,
    actions: actions,
    properties: properties
};
params.method = 'feed';
params.to = friend_id;
FB.ui(params, function(response){
    ...
});
&lt;/code&gt;&lt;/pre&gt;
&lt;p&gt;The &lt;code&gt;to&lt;/code&gt; field in the &lt;code&gt;params&lt;/code&gt; is what makes the dialog select the friend's feed by default.&lt;/p&gt;
&lt;p&gt;I want to do the same on the iOS and Android clients, but I can't find a way to achieve this with SDK 4.x.&lt;/p&gt;
&lt;p&gt;The docs say: &lt;/p&gt;
&lt;blockquote&gt;
  &lt;p&gt;"With the Share Button you will allow people to share content to their
  Facebook timeline, to a friend's timeline or in a group."&lt;/p&gt;
&lt;/blockquote&gt;
&lt;p&gt;Although it's true that the dialog &lt;em&gt;allows&lt;/em&gt; the player to share on their friend's timeline, there doesn't seem to be a way to select this option before presenting the dialog to the user.&lt;/p&gt;
&lt;p&gt;Looking at &lt;code&gt;FBSDKShareDialog&lt;/code&gt;'s and &lt;code&gt;FBSDKShareLinkContent&lt;/code&gt;'s interfaces I don't see a way to specify the "to" as we do in JS. Is this functionality just missing from the mobile SDKs?&lt;/p&gt;</t>
  </si>
  <si>
    <t>2017-02-22 14:21:17.353000+00:00</t>
  </si>
  <si>
    <t>2017-02-22 17:20:51.933000+00:00</t>
  </si>
  <si>
    <t>android|ios|facebook|facebook-android-sdk|facebook-ios-sdk-4.0</t>
  </si>
  <si>
    <t>Azure ServiceBus high amount of server errors in metrics</t>
  </si>
  <si>
    <t>&lt;p&gt;We are using Azure Service Bus in the West Europe region.&lt;/p&gt;
&lt;p&gt;When I looked in our metrics to investigate a duplicating issue, I noticed that we have a high amount of "server errors". It's nearly 50% of the requests it seems.&lt;/p&gt;
&lt;p&gt;Now there is not a lot of information regarding the meaning of server errors by Microsoft, other than saying it's "internal service bus errors" (see &lt;a href="https://docs.microsoft.com/en-us/azure/service-bus-messaging/service-bus-metrics-azure-monitor" rel="nofollow noreferrer"&gt;https://docs.microsoft.com/en-us/azure/service-bus-messaging/service-bus-metrics-azure-monitor&lt;/a&gt;)&lt;/p&gt;
&lt;p&gt;&lt;a href="https://i.stack.imgur.com/MZc8z.png" rel="nofollow noreferrer"&gt;&lt;img src="https://i.stack.imgur.com/MZc8z.png" alt="Metrics from Last 30 Days"&gt;&lt;/a&gt;&lt;/p&gt;
&lt;p&gt;&lt;strong&gt;My Question:&lt;/strong&gt;
Do I have to be concerned? Can I still rely on Service Bus in West Europe currently (there were some issues the last month in this region with Service Bus). &lt;/p&gt;
&lt;p&gt;What does it mean and how can I solve it?&lt;/p&gt;
&lt;p&gt;Thx in advance&lt;/p&gt;</t>
  </si>
  <si>
    <t>2018-05-10 09:46:08.750000+00:00</t>
  </si>
  <si>
    <t>2018-05-10 12:18:25.837000+00:00</t>
  </si>
  <si>
    <t>azure|azureservicebus|azure-servicebus-queues|azure-servicebus-topics</t>
  </si>
  <si>
    <t>Implementing Image collage to a 'Word' shape using HTML5/JS</t>
  </si>
  <si>
    <t>&lt;p&gt;I would like to implement an image collage, where the photos are arranged on the page within a 'Word' object.&lt;/p&gt;
&lt;p&gt;This is really hard to explain, this maybe why I haven't found any examples on the web. But as an example, let's take the word 'HTML'.&lt;/p&gt;
&lt;p&gt;I would like to create a shape on a canvas on the screen, and then have photos transition onto the screen (easing, sliding, flying) and then arranging themselves sporadically around that shape. Then have the images clickable/zoomable. If possible, draggable as well within the shape.&lt;/p&gt;
&lt;p&gt;Now, my first question, is this achievable, and how would I go about doing something like this?&lt;/p&gt;
&lt;p&gt;I don't know too much surrounding HTML5 canvas, and am using this project to get my teeth into it. So I would really like to know briefly how something like this could be done.&lt;/p&gt;
&lt;p&gt;thanks!&lt;/p&gt;</t>
  </si>
  <si>
    <t>2013-07-26 01:43:59.523000+00:00</t>
  </si>
  <si>
    <t>2017-07-25 05:21:43.620000+00:00</t>
  </si>
  <si>
    <t>javascript|html5|html5-canvas</t>
  </si>
  <si>
    <t>C# Reference object in a collection by a string instead of integer</t>
  </si>
  <si>
    <t>&lt;p&gt;I have a collection of objects stored in a List.&lt;/p&gt;
&lt;p&gt;I would like to address the an object by using a string name instead of an integer.&lt;/p&gt;
&lt;pre&gt;&lt;code&gt;List&amp;lt;Foo&amp;gt; fooList = new List&amp;lt;Foo&amp;gt;;
Foo item = fooList["Foo Name"]
&lt;/code&gt;&lt;/pre&gt;
&lt;p&gt;instead of:&lt;/p&gt;
&lt;pre&gt;&lt;code&gt;List&amp;lt;Foo&amp;gt; fooList = new List&amp;lt;Foo&amp;gt;;
Foo item = fooList[0]
&lt;/code&gt;&lt;/pre&gt;
&lt;p&gt;I was thinking that I need to create a collection class that inherits from List, but from there, I'm not sure.&lt;/p&gt;</t>
  </si>
  <si>
    <t>2011-11-09 21:47:10.440000+00:00</t>
  </si>
  <si>
    <t>2011-11-09 22:23:41.930000+00:00</t>
  </si>
  <si>
    <t>c#|list|collections</t>
  </si>
  <si>
    <t>iOS Changing .m to .mm = error</t>
  </si>
  <si>
    <t>&lt;p&gt;I'm trying to add box2D to my existing project. I think everything goes ok but when I add the&lt;/p&gt;
&lt;pre&gt;&lt;code&gt;#import "Box2D.h"
#import "GLES-Render.h"
&lt;/code&gt;&lt;/pre&gt;
&lt;p&gt;in the scene I want to use Box2D, and change the file extension from .m to .mm I get error in the CCLabelTTF , exactly one like this in each CCLabelTTF:&lt;/p&gt;
&lt;p&gt;Cannot initialize a parameter of type CCTextAigment with an rvalue of type '
&lt;p&gt;I don't know what to do in order to fix that error &lt;/p&gt;
&lt;p&gt;Thanks&lt;/p&gt;</t>
  </si>
  <si>
    <t>2012-10-01 21:59:17.963000+00:00</t>
  </si>
  <si>
    <t>2012-10-01 22:37:49.927000+00:00</t>
  </si>
  <si>
    <t>iphone|ios|cocos2d-iphone|box2d</t>
  </si>
  <si>
    <t>Passing variable length struct from User Mode to Kernel Mode</t>
  </si>
  <si>
    <t>&lt;p&gt;I'm writing virtual disk driver, and there I have structure defined like that:&lt;/p&gt;
&lt;pre&gt;&lt;code&gt;typedef struct _MOUNT_NEW_QUERY {
    PWCHAR imagePath;
    WCHAR letter;
    PCHAR key;
} MOUNT_NEW_QUERY, *PMOUNT_NEW_QUERY;
&lt;/code&gt;&lt;/pre&gt;
&lt;p&gt;So I have sort of dynamically sized structure.&lt;/p&gt;
&lt;p&gt;How must I pass it from User Mode to my driver?&lt;/p&gt;</t>
  </si>
  <si>
    <t>2013-04-26 00:02:12.070000+00:00</t>
  </si>
  <si>
    <t>2013-04-26 00:12:32.117000+00:00</t>
  </si>
  <si>
    <t>c|windows|drivers|wdk</t>
  </si>
  <si>
    <t>Iterate a list through a dictionary</t>
  </si>
  <si>
    <t>&lt;p&gt;I have a list with the same values as the keys of a dictionary. I want to write a code that does something to the values of the dictionary (e.g. increases them by one) as many times as their key appears in the list.&lt;/p&gt;
&lt;p&gt;So e.g. &lt;/p&gt;
&lt;pre&gt;&lt;code&gt;listy=['dgdg','thth','zuh','zuh','thth','dgdg']
dicty = {'dgdg':1, 'thth':2, 'zuh':5}
&lt;/code&gt;&lt;/pre&gt;
&lt;p&gt;I tried this code:&lt;/p&gt;
&lt;pre&gt;&lt;code&gt;def functy (listx,dictx):
    for i in range (0, len(listx)):
        for k,v in dictx:
            if listx[i]==k:
                v=v+1
            else:
                pass
functy(listy, dicty)
&lt;/code&gt;&lt;/pre&gt;
&lt;p&gt;But it raises this error:&lt;/p&gt;
&lt;pre&gt;&lt;code&gt;Traceback (most recent call last):
  File "C:\Python34\8.py", line 12, in &amp;lt;module&amp;gt;
    functy(listy, dicty)
  File "C:\Python34\8.py", line 6, in functy
    for k,v in dictx:
ValueError: too many values to unpack (expected 2)
&lt;/code&gt;&lt;/pre&gt;
&lt;p&gt;Could you tell me why it doesn't work and how I can make it?&lt;/p&gt;</t>
  </si>
  <si>
    <t>2015-11-02 19:10:43.020000+00:00</t>
  </si>
  <si>
    <t>2015-11-02 20:42:52.180000+00:00</t>
  </si>
  <si>
    <t>How to limit a chrome extension to one tab?</t>
  </si>
  <si>
    <t>&lt;p&gt;I have a extension that does random bing searches. &lt;/p&gt;
&lt;pre&gt;&lt;code&gt;chrome.browserAction.onClicked.addListener(function(){   
var a = Math.floor((Math.random()*100)+1);
chrome.tabs.update(tabId,{'url': "http://www.bing.com/search?q=" + a});
var x = 0;
var intervalID = setInterval(function(){
    a = Math.floor((Math.random()*100)+1);
    chrome.tabs.update({'url': "http://www.bing.com/search?q=" + a});
    // how many times it should work 
    if(++x === 7){
        window.clearInterval(intervalID);
    }
},5000); // this is the delay, in milliseconds
&lt;/code&gt;&lt;/pre&gt;
&lt;p&gt;});&lt;/p&gt;
&lt;p&gt;The problem is that this will do searches on the current tab. So if I switch tabs or open a new window, it does a search on my current tab. I want it to continue on the tab it had started on.&lt;/p&gt;
&lt;p&gt;My solution was to pass in a tabId into chrome.tabs.update. However, the problem I am having is I can't figure out how to get the tab.id of the previous tab. How can I fix this problem?&lt;/p&gt;
&lt;p&gt;Thanks for the help!&lt;/p&gt;
&lt;p&gt;--- my attempted fix:&lt;/p&gt;
&lt;pre&gt;&lt;code&gt;var tabId;
chrome.tabs.query(
  {currentWindow: true, active : true},
  function(tabArray){
    tabId = tab.id;
  }
);
chrome.browserAction.onClicked.addListener(function(){   
var a = Math.floor((Math.random()*100)+1);
chrome.tabs.update(tabId,{'url': "http://www.bing.com/search?q=" + a});
var x = 0;
var intervalID = setInterval(function(){
    a = Math.floor((Math.random()*100)+1);
    chrome.tabs.update(tabId,{'url': "http://www.bing.com/search?q=" + a});
    // how many times it should work (after the first one initially
    if(++x === 3){
        window.clearInterval(intervalID);
    }
},5000); // this is the delay
&lt;/code&gt;&lt;/pre&gt;
&lt;p&gt;});&lt;/p&gt;</t>
  </si>
  <si>
    <t>2014-02-18 22:37:20.587000+00:00</t>
  </si>
  <si>
    <t>javascript|google-chrome|tabs</t>
  </si>
  <si>
    <t>How can I create (deploy) multiproject?</t>
  </si>
  <si>
    <t>&lt;p&gt;I have three pools(apps) that transform data sequentially and communicate with each other by socket (or get, post - nevermind). And I have servlets, that accept data and transfer data to one of the starting pool. How can I run it all in one container (tomcat, wildfly)? Make 3 jar, 1 war  artifact or something else? 
that should be written in the pom.xml?&lt;/p&gt;</t>
  </si>
  <si>
    <t>2017-01-17 17:59:47.377000+00:00</t>
  </si>
  <si>
    <t>2017-01-18 23:29:41.153000+00:00</t>
  </si>
  <si>
    <t>maven|tomcat|java-ee|wildfly|web-deployment-project</t>
  </si>
  <si>
    <t>How do I add a space in an XML schema element?</t>
  </si>
  <si>
    <t>&lt;p&gt;How do I add a space in an XML schema element? I'd like to have "Last Name" without using an underscore. Thanks.&lt;/p&gt;
&lt;pre&gt;&lt;code&gt;&amp;lt;xs:element name="Last Name" type="xs:string" minOccurs="0" /&amp;gt;
&lt;/code&gt;&lt;/pre&gt;</t>
  </si>
  <si>
    <t>2009-06-10 19:12:37.840000+00:00</t>
  </si>
  <si>
    <t>2009-06-10 19:19:56.547000+00:00</t>
  </si>
  <si>
    <t>xml|xsd</t>
  </si>
  <si>
    <t>How do I remove WordPress Shortcode Ultimate Accordion auto-open option on mobile using jquery?</t>
  </si>
  <si>
    <t>&lt;p&gt;I am currently using Wordpress Shortcode Ultimate's Accordion. The plugin already have the option to open the accordion on page load and I'm using that option now but I also want them to be closed on mobile. &lt;/p&gt;
&lt;p&gt;How do I remove that option on mobile using jquery?&lt;/p&gt;
&lt;p&gt;Here is their code:&lt;/p&gt;
&lt;pre&gt;&lt;code&gt;$('body:not(.su-other-shortcodes-loaded)').on('click', '.su-spoiler-title', function (e) {
    var $title = $(this),
        $spoiler = $title.parent(),
        bar = ($('#wpadminbar').length &amp;gt; 0) ? 28 : 0;
    // Open/close spoiler
    $spoiler.toggleClass('su-spoiler-closed');
    // Close other spoilers in accordion
    $spoiler.parent('.su-accordion').children('.su-spoiler').not($spoiler).addClass('su-spoiler-closed');
    // Scroll in spoiler in accordion
    if ($(window).scrollTop() &amp;gt; $title.offset().top) $(window).scrollTop($title.offset().top - $title.height() - bar);
    e.preventDefault();
});
$('.su-spoiler-content').removeAttr('style');
&lt;/code&gt;&lt;/pre&gt;
&lt;p&gt;Thank you very much!&lt;/p&gt;</t>
  </si>
  <si>
    <t>2017-01-05 04:16:48.800000+00:00</t>
  </si>
  <si>
    <t>2018-09-11 21:54:26.423000+00:00</t>
  </si>
  <si>
    <t>2017-01-05 04:29:05.320000+00:00</t>
  </si>
  <si>
    <t>javascript|jquery|wordpress|jquery-mobile</t>
  </si>
  <si>
    <t>Laravel Homestead: Provisioning failing on Windows 8</t>
  </si>
  <si>
    <t>&lt;p&gt;I'm trying to use Laravel Homestead for a Laravel 4.2.9 project. Here's what I'm running:&lt;/p&gt;
&lt;ul&gt;
&lt;li&gt;Windows 8.1 64-bit&lt;/li&gt;
&lt;li&gt;VirtualBox 4.3.17&lt;/li&gt;
&lt;li&gt;Vagrant 1.6.5&lt;/li&gt;
&lt;li&gt;Latest Homestead version&lt;/li&gt;
&lt;/ul&gt;
&lt;p&gt;When running the box with &lt;strong&gt;vagrant up&lt;/strong&gt; for the first time or issuing the &lt;strong&gt;vagrant provision&lt;/strong&gt; command, I get this:&lt;/p&gt;
&lt;pre&gt;&lt;code&gt;==&amp;gt; default: Running provisioner: shell...
    default: Running: inline script
==&amp;gt; default: /tmp/vagrant-shell: line 1: /home/vagrant/.ssh/$2: ambiguous redirect
The SSH command responded with a non-zero exit status. Vagrant
assumes that this means the command failed. The output for this command
should be in the log above. Please read the output to determine what
went wrong.
&lt;/code&gt;&lt;/pre&gt;
&lt;p&gt;Contents of &lt;strong&gt;/tmp/vagrant-shell&lt;/strong&gt; on the box:&lt;/p&gt;
&lt;pre&gt;&lt;code&gt;echo "$1" &amp;gt; /home/vagrant/.ssh/$2 &amp;amp;&amp;amp; chmod 600 /home/vagrant/.ssh/$2
&lt;/code&gt;&lt;/pre&gt;
&lt;p&gt;This seems to be affecting nginx configuration as there is no default server conf and it's not listening on port 80 as expected. Presumably the provisioning script would handle that if it was able to proceed.&lt;/p&gt;
&lt;p&gt;What might be causing this to happen?&lt;/p&gt;</t>
  </si>
  <si>
    <t>2014-09-20 21:32:18.907000+00:00</t>
  </si>
  <si>
    <t>2015-06-01 14:28:35.170000+00:00</t>
  </si>
  <si>
    <t>windows|laravel|laravel-4|vagrant|virtualbox</t>
  </si>
  <si>
    <t>Alternative of too many fields in elasticsearch document</t>
  </si>
  <si>
    <t>&lt;p&gt;I am using elasticsearch 5 version. They have set a
&lt;a href="https://www.elastic.co/guide/en/elasticsearch/reference/5.6/mapping.html" rel="nofollow noreferrer"&gt; limit on maximum no of fields in an index.&lt;/a&gt;&lt;/p&gt;
&lt;blockquote&gt;
  &lt;p&gt;The maximum number of fields in an index. The default value is 1000.&lt;/p&gt;
&lt;/blockquote&gt;
&lt;p&gt;I have a _type named 'customer' in the _index 'company', 
&lt;strong&gt;customer&lt;/strong&gt; can have too many fileds (say 2000) in its doc.&lt;/p&gt;
&lt;h2&gt;Solution1:&lt;/h2&gt;
&lt;p&gt;We can achieve above requirement by changing in &lt;strong&gt;company&lt;/strong&gt; setting as below &lt;/p&gt;
&lt;pre&gt;&lt;code&gt;PUT company/_settings
{
  "index.mapping.total_fields.limit": 2000
}
&lt;/code&gt;&lt;/pre&gt;
&lt;p&gt;and then put the mapping of &lt;strong&gt;customer&lt;/strong&gt; like:&lt;/p&gt;
&lt;pre&gt;&lt;code&gt;PUT /company/_mapping/customer
{
   "customer": {
      "properties": {
         "property1": {
            "type": "text"
         },
         "property2": {
            "type": "text"
         },
         .
         .
         .
         "property2000": {
            "type": "text"
         }
      }
   }
}
&lt;/code&gt;&lt;/pre&gt;
&lt;h2&gt;Problem:&lt;/h2&gt;
&lt;p&gt;Above solution leads to data sparsity problem, since each customer doesn't have all the properties.&lt;/p&gt;
&lt;h2&gt;Solution2:&lt;/h2&gt;
&lt;p&gt;We can create a separate _type for customer properties(say &lt;strong&gt;custom_props&lt;/strong&gt;) with following mapping&lt;/p&gt;
&lt;pre&gt;&lt;code&gt;PUT /company/_mapping/custom_props
{
   "custom_props": {
      "_parent": {
         "type": "customer"
      },
      "_routing": {
         "required": true
      },
      "properties": {
         "property_name": {
            "type": "text"
         },
         "property_value": {
            "type": "text"
         }
      }
   }
}
&lt;/code&gt;&lt;/pre&gt;
&lt;p&gt;Now each property of customer will have a separate doc in custom_props.&lt;/p&gt;
&lt;h2&gt;Problem:&lt;/h2&gt;
&lt;p&gt;When searching for a particular customer with certain properties we need to make has_child query and some time has_child query with inner_hits in some use cases. As per ES documentation these queries are much slower than simple search queries.&lt;/p&gt;
&lt;blockquote&gt;
  &lt;p&gt;So I want a best alternative of solving this problem when we have too
  many fields in our elasticsearch _index.&lt;/p&gt;
&lt;/blockquote&gt;</t>
  </si>
  <si>
    <t>2018-03-12 07:37:49.150000+00:00</t>
  </si>
  <si>
    <t>2018-03-14 18:50:52.033000+00:00</t>
  </si>
  <si>
    <t>Is intellisense not working properly in VS 2008?</t>
  </si>
  <si>
    <t>&lt;p&gt;I've got trouble getting Intellisense to work in ASP.NET source view.&lt;/p&gt;
&lt;p&gt;For example, I register the Telerik RadControls DLL with a tag prefix, as it says in the samples:&lt;/p&gt;
&lt;pre&gt;&lt;code&gt;&amp;lt;%@ Register Assembly="Telerik.Web.UI" Namespace="Telerik.Web.UI" TagPrefix="telerik" %&amp;gt;
&lt;/code&gt;&lt;/pre&gt;
&lt;p&gt;But when typing &amp;lt;telerik: no intellisense appears.&lt;/p&gt;
&lt;p&gt;Also, after adding a couple of controls, they get highlighted with the error "Unrecognized tag prefix or device filter 'telerik'". This is pretty annoying and I can't seem to find a solution.&lt;/p&gt;
&lt;p&gt;Btw, the webpage itself works - its just the Intellisense that doesn't.&lt;/p&gt;</t>
  </si>
  <si>
    <t>2009-05-20 11:38:46.740000+00:00</t>
  </si>
  <si>
    <t>2013-12-19 10:05:21.327000+00:00</t>
  </si>
  <si>
    <t>2009-05-20 12:27:26.550000+00:00</t>
  </si>
  <si>
    <t>asp.net|visual-studio-2008|telerik</t>
  </si>
  <si>
    <t>How do i bind a button to close command in window style</t>
  </si>
  <si>
    <t>&lt;p&gt;i want to create a custom close button in window style that it relyes window's close command.
i wrote something like this:&lt;/p&gt;
&lt;pre&gt;&lt;code&gt;&amp;lt;Style x:Key="WindowsGeneralStyle"  TargetType="Window"&amp;gt;
   ...
    &amp;lt;Setter Property="Template" &amp;gt;
        &amp;lt;Setter.Value&amp;gt;
            &amp;lt;ControlTemplate TargetType="{x:Type Window}"&amp;gt;
                &amp;lt;Grid&amp;gt;
                     ...
                     &amp;lt;Button x:Name="closebtn" Command={Binding Close} ... /&amp;gt;
                &amp;lt;/Grid&amp;gt; 
            &amp;lt;/ControlTemplate&amp;gt;
        &amp;lt;/Setter.Value&amp;gt;
    &amp;lt;/Setter&amp;gt;
&amp;lt;/Style&amp;gt;
&lt;/code&gt;&lt;/pre&gt;
&lt;p&gt;but it didn't work. How do this?&lt;/p&gt;</t>
  </si>
  <si>
    <t>2012-05-04 12:51:48.343000+00:00</t>
  </si>
  <si>
    <t>2012-05-05 05:19:25.367000+00:00</t>
  </si>
  <si>
    <t>.net|wpf|xaml</t>
  </si>
  <si>
    <t>Performance and complexity of force-directed graph layouts?</t>
  </si>
  <si>
    <t>&lt;p&gt;I have a graph of several thousand nodes and edges and I notice that the performance of Cytoscape.js with force-directed JavaScript layout algorithms (cose and cola) is lacking.&lt;/p&gt;
&lt;p&gt;I wonder if I should invest time to look for other libraries or algorithms or if the complexity of those algorithms is too high in general. In a naive algorithm, I guess that every node has to be compared to every other one, so there should be a quadratic complexity, but with clever filtering on data with low connectivity I could imagine good approximations (I don't need mathematically perfect results, just something intuitive for the users).&lt;/p&gt;
&lt;p&gt;My goal is to layout a graph in under 10 seconds on a typical user machine.&lt;/p&gt;
&lt;p&gt;Publications I found (Google Scholar for "force directed complexity"):&lt;/p&gt;
&lt;ul&gt;
&lt;li&gt;&lt;a href="https://link.springer.com/content/pdf/10.1007%2F3-540-58950-3_393.pdf" rel="nofollow noreferrer"&gt;A fast adaptive layout algorithm for undirected graphs (1995)&lt;/a&gt; estimates O(|V|^3)&lt;/li&gt;
&lt;li&gt;&lt;a href="https://link.springer.com/chapter/10.1007/978-3-662-45803-7_13" rel="nofollow noreferrer"&gt;The Galois Complexity of Graph Drawing: Why Numerical Solutions Are Ubiquitous for Force-Directed, Spectral, and Circle Packing Drawings&lt;/a&gt; says it's difficult to compute precisely (?, I'm not a graph theorist)&lt;/li&gt;
&lt;li&gt;&lt;a href="https://link.springer.com/content/pdf/10.1007%2F3-540-44541-2_20.pdf" rel="nofollow noreferrer"&gt;A Multi-dimensional Approach to Force-Directed Layouts of Large Graphs&lt;/a&gt;
"produces drawings in two, three, and higher dimensions in sub-quadratic time and space", I will try to find a JavaScript implementation of that one.&lt;/li&gt;
&lt;/ul&gt;</t>
  </si>
  <si>
    <t>2017-06-23 13:09:24.310000+00:00</t>
  </si>
  <si>
    <t>2017-06-23 14:33:13.837000+00:00</t>
  </si>
  <si>
    <t>javascript|algorithm|time-complexity|graph-layout</t>
  </si>
  <si>
    <t>Do getElementById for an HTML element inside a ExtJS panel</t>
  </si>
  <si>
    <t>&lt;p&gt;I need to fetch an HTML element from an ExtJS panel and replace it with another HTML element.&lt;/p&gt;
&lt;p&gt;I have a normal ExtJS panel -&gt; rptPanel, whose innerHTML is copied to another panel -&gt; outputDataPanel.&lt;/p&gt;
&lt;p&gt;Please refer the code below.&lt;/p&gt;
&lt;pre&gt;&lt;code&gt;    var html = rptPanel.body.dom.innerHTML;
    me.outputDataPanel.insert(me.itemIndex,{
        html    : html,
        border  : 0,
        cls     : 'htmlView_font_higher htmlView_font',
        style   : 'margin: 10px 0px 20px 0px; width: 100%;'
    });
&lt;/code&gt;&lt;/pre&gt;
&lt;p&gt;Now, I need to fetch an HTML element inside &lt;code&gt;outputDataPanel&lt;/code&gt; (something like &lt;code&gt;getElementById('table_data')&lt;/code&gt; on &lt;code&gt;outputDataPanel&lt;/code&gt; ) and replace it with another HTML element.&lt;/p&gt;
&lt;p&gt;Can anyone please help?&lt;/p&gt;</t>
  </si>
  <si>
    <t>2015-12-23 11:35:57.613000+00:00</t>
  </si>
  <si>
    <t>2015-12-23 18:36:29.270000+00:00</t>
  </si>
  <si>
    <t>2015-12-23 12:10:08.830000+00:00</t>
  </si>
  <si>
    <t>javascript|html|extjs|extjs4</t>
  </si>
  <si>
    <t>How to add Responsive.css in Custom Wordpress Theme</t>
  </si>
  <si>
    <t>&lt;p&gt;I am new to wordpress. I have created a wordpress theme which has &lt;code&gt;style.css&lt;/code&gt; , &lt;code&gt;header.php&lt;/code&gt; and &lt;code&gt;index.php&lt;/code&gt; and &lt;code&gt;footer.php&lt;/code&gt;. Now I want to make my &lt;code&gt;index.php&lt;/code&gt; page responsive because after resizing of browser window layout of index.php went horrible(doesn't view properly on mobile and other handle held devices). &lt;/p&gt;
&lt;p&gt;I want to make index.php responsive with the help of &lt;code&gt;@media&lt;/code&gt; query or bootstrap.&lt;/p&gt;
&lt;p&gt;Please suggest how i can make index.php a responsive page? &lt;/p&gt;</t>
  </si>
  <si>
    <t>2016-07-08 12:49:17.890000+00:00</t>
  </si>
  <si>
    <t>2016-07-08 13:22:11.287000+00:00</t>
  </si>
  <si>
    <t>2016-07-08 13:09:27.307000+00:00</t>
  </si>
  <si>
    <t>css|wordpress|twitter-bootstrap|responsive-design|media-queries</t>
  </si>
  <si>
    <t>CSS Text Selection override for Text Box</t>
  </si>
  <si>
    <t>&lt;p&gt;I have a layout as follows:&lt;/p&gt;
&lt;p&gt;HTML&lt;/p&gt;
&lt;pre&gt;&lt;code&gt;&amp;lt;div class="Non-Select"&amp;gt;
  &amp;lt;div&amp;gt;Title&amp;lt;/div&amp;gt;
  &amp;lt;div&amp;gt;&amp;lt;input name="title" type="textbox" /&amp;gt;&amp;lt;/div&amp;gt;
&amp;lt;/div&amp;gt;
&lt;/code&gt;&lt;/pre&gt;
&lt;p&gt;CSS:&lt;/p&gt;
&lt;pre&gt;&lt;code&gt;Non-Select {
  user-select: none; 
  -khtml-user-select: none; 
  -moz-user-select: none;
}
&lt;/code&gt;&lt;/pre&gt;
&lt;p&gt;I want to be able to override the Non-Select class so that I can select text in the Text Box.&lt;/p&gt;
&lt;p&gt;Any suggestions would be greatly appreciated.&lt;/p&gt;</t>
  </si>
  <si>
    <t>2012-08-09 07:42:24.200000+00:00</t>
  </si>
  <si>
    <t>2012-08-09 09:26:55.717000+00:00</t>
  </si>
  <si>
    <t>2012-08-09 07:50:31.213000+00:00</t>
  </si>
  <si>
    <t>jQuery document delete key</t>
  </si>
  <si>
    <t>&lt;p&gt;I attached the delete key to document so when delete key is pressed, div gets removed. However when i'm inside a textarea, i don't want this behavior. The delete key inside textarea should only delete text and not affect the document and deleting the div. The following is not working;&lt;/p&gt;
&lt;pre&gt;&lt;code&gt;$(document).keyup(function() {
    if (e.which == 46) {
        $('div').remove()
    }
})
&lt;/code&gt;&lt;/pre&gt;
&lt;p&gt;Check &lt;a href="http://jsfiddle.net/a3Vdu/2/" rel="nofollow"&gt;http://jsfiddle.net/a3Vdu/2/&lt;/a&gt;&lt;/p&gt;</t>
  </si>
  <si>
    <t>2011-05-14 04:29:23.150000+00:00</t>
  </si>
  <si>
    <t>2011-05-14 04:44:29.367000+00:00</t>
  </si>
  <si>
    <t>2011-05-14 04:35:33.667000+00:00</t>
  </si>
  <si>
    <t>Hibernate: Mapping toString() class method to String db column</t>
  </si>
  <si>
    <t>&lt;p&gt;I have 2 classes A and C of this kind&lt;/p&gt;
&lt;pre&gt;&lt;code&gt;@Entity
@Table(name = "A")
public class A
{
    private int id;
    private String b;
    private C c;
    // Getters &amp;amp; Setters with @Column annotation
}
public class C
{
    private String d;
    private String e;
    // Getters &amp;amp; Setters ...
    public String toString() {...}
    public boolean fromString(String serializedC){ ... }
}
&lt;/code&gt;&lt;/pre&gt;
&lt;p&gt;and a db table like this&lt;/p&gt;
&lt;pre&gt;&lt;code&gt;CREATE TABLE A
{
    INT id NOT NULL,
    VARCHAR(64) b,
    TEXT c
};
&lt;/code&gt;&lt;/pre&gt;
&lt;p&gt;I would like to store the whole C element within c column thanks to the toString() method and read it from the database thx to the fromString() one.
Is there any way to achieve it easily with an hibernate mapping?&lt;/p&gt;</t>
  </si>
  <si>
    <t>2014-09-10 08:33:39.957000+00:00</t>
  </si>
  <si>
    <t>2014-09-15 07:51:15.393000+00:00</t>
  </si>
  <si>
    <t>2014-09-10 08:44:20.010000+00:00</t>
  </si>
  <si>
    <t>java|spring|hibernate|tostring</t>
  </si>
  <si>
    <t>Conditionally replace elements in list1 with elements in list2</t>
  </si>
  <si>
    <t>&lt;p&gt;I am trying to merge two lists but I am getting an &lt;code&gt;out-of-range&lt;/code&gt; error:&lt;/p&gt;
&lt;p&gt;Example:&lt;/p&gt;
&lt;pre&gt;&lt;code&gt;List1 = [1,2,0,7,0]
List2 = [3,6]
For i in range(len(List1)):
    if List1[i] == 0:
        List1[i] = List2[i]
        print(List1)
&lt;/code&gt;&lt;/pre&gt;
&lt;p&gt;What's wrong with this code?&lt;/p&gt;</t>
  </si>
  <si>
    <t>2017-02-24 06:15:36.327000+00:00</t>
  </si>
  <si>
    <t>2017-02-24 14:44:05.047000+00:00</t>
  </si>
  <si>
    <t>2017-02-24 14:41:52.460000+00:00</t>
  </si>
  <si>
    <t>python|list|python-3.x</t>
  </si>
  <si>
    <t>SQLite order by field</t>
  </si>
  <si>
    <t>&lt;p&gt;I'd like to make a query in SQLite that uses a list of contact IDs and is sorted based on the order position of those IDs in the list.&lt;/p&gt;
&lt;p&gt;For example:&lt;/p&gt;
&lt;pre&gt;&lt;code&gt;select * from Contact where Contact.ID in (1,3,2,4) 
// then order by (1,3,2,4)
&lt;/code&gt;&lt;/pre&gt;
&lt;p&gt;Is there any equivalent construct in SQLite like "ORDER BY FIELD" in mysql?
e.g.&lt;/p&gt;
&lt;pre&gt;&lt;code&gt;select * from Contact where Contact.ID in (1,3,2,4) 
order by field (Contact.ID,1,3,2,4)
&lt;/code&gt;&lt;/pre&gt;
&lt;p&gt;that will also support if given a long list of IDs, not as short as an example above.&lt;/p&gt;
&lt;p&gt;Thanks!&lt;/p&gt;</t>
  </si>
  <si>
    <t>2018-01-14 02:30:50.523000+00:00</t>
  </si>
  <si>
    <t>2018-01-14 07:47:45.927000+00:00</t>
  </si>
  <si>
    <t>2018-01-14 02:59:57.987000+00:00</t>
  </si>
  <si>
    <t>sqlite</t>
  </si>
  <si>
    <t>Ignoring change to a file which is part of a git repository</t>
  </si>
  <si>
    <t>&lt;p&gt;I had to make a local modification of a file which is part of my git repo, but I don't to commit that file, or lose my modification. I don't want to have to git add -p every time either.
I added the file to my gitignore but this didn't work.&lt;/p&gt;</t>
  </si>
  <si>
    <t>2015-01-16 10:46:12.850000+00:00</t>
  </si>
  <si>
    <t>2015-01-16 10:50:34.233000+00:00</t>
  </si>
  <si>
    <t>Open file with tabs</t>
  </si>
  <si>
    <t>&lt;p&gt;Here's my code for opening a new file:&lt;/p&gt;
&lt;pre&gt;&lt;code&gt;private void openToolStripMenuItem_Click(object sender, EventArgs e)
{
    OpenFileDialog openFD = new OpenFileDialog();
    string Chosen_File = "";
    openFD.InitialDirectory = "C:";
    openFD.Title = "Open a Text File";
    openFD.FileName = "";
    openFD.Filter = "Text Files|*.txt|Word Documents|*.doc";
    if (openFD.ShowDialog() != DialogResult.Cancel)
    {
        Chosen_File = openFD.FileName;
        GetRichTextBox().LoadFile(Chosen_File, RichTextBoxStreamType.PlainText);
    }
&lt;/code&gt;&lt;/pre&gt;
&lt;p&gt;I'm using tabs also. I can only open files when I have a tab opened. How can I set it to open a new tab with that file? It only works when I open a tab and then open a file.&lt;/p&gt;</t>
  </si>
  <si>
    <t>2013-08-23 20:23:00.923000+00:00</t>
  </si>
  <si>
    <t>2013-08-23 20:54:45.977000+00:00</t>
  </si>
  <si>
    <t>2013-08-23 20:40:40.833000+00:00</t>
  </si>
  <si>
    <t>Python ImportError - correctly importing file but error on importing contained function</t>
  </si>
  <si>
    <t>&lt;p&gt;I am getting an &lt;code&gt;ImportError&lt;/code&gt; as &lt;code&gt;ImportError: cannot import name filter_name&lt;/code&gt;
on executing &lt;code&gt;FilterTest.py&lt;/code&gt; with only this line &lt;code&gt;from Filter2D import filter_name&lt;/code&gt;
I can easily import functions from other &lt;code&gt;.py&lt;/code&gt; files, but going the same route with &lt;code&gt;filter_name&lt;/code&gt; function from &lt;code&gt;FilterTest.py&lt;/code&gt;, I get this error. I could only find ImportErrors problems related to cyclic imports, and I can't reduce this to it. What am I doing wrong?&lt;/p&gt;
&lt;pre&gt;&lt;code&gt;try2/
        - asian.py
            - toAsian()
        - europe.py
            - man2euro()
            - euro2asian()
        - Filter2D.py
            -- from FilterMain import filter
            - filter_name() -&amp;gt; filter()
        - FilterMain.py
            -- from asian import toAsian
            -- from europe import euro2asian
            - filter() -&amp;gt; toAsian(), euro2asian()
        - FilterTest.py
            #-- from asian import toAsian       # works well
            #-- from europe import euro2asian   # works well
            #-- import Filter2D                 # works well
            -- from Filter2D import filter_name # ImportError: cannot import name filter_name
&lt;/code&gt;&lt;/pre&gt;</t>
  </si>
  <si>
    <t>2015-07-16 00:44:39.890000+00:00</t>
  </si>
  <si>
    <t>python|python-import</t>
  </si>
  <si>
    <t>Invalid Array Index Out Bound Excception</t>
  </si>
  <si>
    <t>&lt;p&gt;I am getting Array Index out of bound exception unnecessary. I tried to do the dry run in copy but everything seems good. And in logcat I am getting this exception around if or else if condition.&lt;/p&gt;
&lt;pre&gt;&lt;code&gt;for (int[] winningPosition : winningPos) {
    if (gameState[winningPosition[0]] == 0 &amp;amp;&amp;amp; gameState[winningPosition[1]] != 1) {
        num = winningPosition[3];
        priority=true;
    }
    else if (gameState[winningPosition[1]] != 1 &amp;amp;&amp;amp;   gameState[winningPosition[3]] == 0) {
        num = winningPosition[1];
        priority=true;
    }
}
&lt;/code&gt;&lt;/pre&gt;</t>
  </si>
  <si>
    <t>2016-07-04 08:05:58.977000+00:00</t>
  </si>
  <si>
    <t>2016-07-04 08:44:22.427000+00:00</t>
  </si>
  <si>
    <t>2016-07-04 08:18:31.957000+00:00</t>
  </si>
  <si>
    <t>android|indexoutofboundsexception</t>
  </si>
  <si>
    <t>Error when decrypt word, powerpoint file</t>
  </si>
  <si>
    <t>&lt;p&gt;I'm using aes cryptography to encrypt file.&lt;/p&gt;
&lt;pre&gt;&lt;code&gt;private static void Encrypt(string inputFilePath, string outputfilePath)
    {
        string EncryptionKey = "MAKV2SPBNI99212";
        using (Aes encryptor = Aes.Create())
        {
            Rfc2898DeriveBytes pdb = new Rfc2898DeriveBytes(EncryptionKey, new byte[] { 0x49, 0x76, 0x61, 0x6e, 0x20, 0x4d, 0x65, 0x64, 0x76, 0x65, 0x64, 0x65, 0x76 });
            encryptor.Key = pdb.GetBytes(32);
            encryptor.IV = pdb.GetBytes(16);
            using (FileStream fsOutput = new FileStream(outputfilePath, FileMode.Create))
            {
                using (CryptoStream cs = new CryptoStream(fsOutput, encryptor.CreateEncryptor(), CryptoStreamMode.Write))
                {
                    using (FileStream fsInput = new FileStream(inputFilePath, FileMode.Open))
                    {
                        //int data;
                        //while ((data = fsInput.ReadByte()) != -1)
                        //{
                        //    cs.WriteByte((byte)data);
                        //}
                        byte[] bytes = new byte[fsInput.Length];
                        while (fsInput.Read(bytes, 0, (int)fsInput.Length) &amp;gt; 0) ;
                        cs.Write(bytes, 0, bytes.Length);
                    }
                }
            }
        }
    }
    private static void Decrypt(string inputFilePath, string outputfilePath)
    {
        string EncryptionKey = "MAKV2SPBNI99212";
        using (Aes encryptor = Aes.Create())
        {
            Rfc2898DeriveBytes pdb = new Rfc2898DeriveBytes(EncryptionKey, new byte[] { 0x49, 0x76, 0x61, 0x6e, 0x20, 0x4d, 0x65, 0x64, 0x76, 0x65, 0x64, 0x65, 0x76 });
            encryptor.Key = pdb.GetBytes(32);
            encryptor.IV = pdb.GetBytes(16);
            using (FileStream fsInput = new FileStream(inputFilePath, FileMode.Open))
            {
                using (CryptoStream cs = new CryptoStream(fsInput, encryptor.CreateDecryptor(), CryptoStreamMode.Read))
                {
                    using (FileStream fsOutput = new FileStream(outputfilePath, FileMode.Create))
                    {
                        //int data;
                        //while ((data = cs.ReadByte()) != -1)
                        //{
                        //    fsOutput.WriteByte((byte)data);
                        //}
                        byte[] bytes = new byte[fsInput.Length];
                        while (cs.Read(bytes, 0, (int)fsInput.Length) &amp;gt; 0) ;
                        fsOutput.Write(bytes, 0, bytes.Length);
                    }
                }
            }
        }
    }
&lt;/code&gt;&lt;/pre&gt;
&lt;p&gt;In main function i encrypt, decrypt word file:&lt;/p&gt;
&lt;pre&gt;&lt;code&gt;Encrypt(@"E:\test.docx", @"E:\test.enc");
Decrypt(@"E:\test.enc", @"E:\test_new.docx");
&lt;/code&gt;&lt;/pre&gt;
&lt;p&gt;When i use ReadByte function to encrypt, decrypt each byte. File test_new.docx is created and open normally. But when i use Read function to encrypt, decrypt many bytes, file test_new.docx is created but can't open, error content.
Any have ideas? Thanks!&lt;/p&gt;</t>
  </si>
  <si>
    <t>2016-10-25 12:44:06.737000+00:00</t>
  </si>
  <si>
    <t>2016-10-26 09:13:19.113000+00:00</t>
  </si>
  <si>
    <t>c#|.net|encryption|cryptography</t>
  </si>
  <si>
    <t>Is it wrong to use php debug_backtrace to get argument from caller function?</t>
  </si>
  <si>
    <t>&lt;p&gt;Is it ok to use this code to get some arguments from the calling (as in parent) function? &lt;/p&gt;
&lt;p&gt;I do this because i can not easily modify the existing code base (Magento) without fear breaking things.&lt;/p&gt;
&lt;pre&gt;&lt;code&gt;function my_func() {
    // to get first attribute of caller function
    $caller = debug_backtrace();
    $optionValue = current($caller[1][���args���]);
)
function caller($has, $some, $arguments) {
    // ..
    my_func();
    // ..
}
&lt;/code&gt;&lt;/pre&gt;</t>
  </si>
  <si>
    <t>2012-03-27 12:50:49.200000+00:00</t>
  </si>
  <si>
    <t>2012-03-27 13:38:32.387000+00:00</t>
  </si>
  <si>
    <t>php|debugging</t>
  </si>
  <si>
    <t>Ruby on Rails: provide vs content_for</t>
  </si>
  <si>
    <t>&lt;p&gt;I came across the view helper function "provide" today. By looking into its manual I am still confused on how it is different from "content_for".&lt;/p&gt;
&lt;blockquote&gt;
  &lt;p&gt;provide(name, content = nil, &amp;amp;block)&lt;/p&gt;
  &lt;p&gt;The same as content_for but when used with streaming flushes straight
  back to the layout. In other words, if you want to concatenate several
  times to the same buffer when rendering a given template, you should
  use content_for, if not, use provide to tell the layout to stop
  looking for more contents.&lt;/p&gt;
&lt;/blockquote&gt;
&lt;p&gt;Question 1: this is quite abstract to me - could anyone flesh it out by giving a demonstrative example?&lt;/p&gt;
&lt;p&gt;Question 2: working with asset pipeline, which performs better and why?&lt;/p&gt;
&lt;p&gt;Thanks!&lt;/p&gt;</t>
  </si>
  <si>
    <t>2015-01-07 07:34:57.463000+00:00</t>
  </si>
  <si>
    <t>2015-09-24 16:26:40.727000+00:00</t>
  </si>
  <si>
    <t>ruby-on-rails|ruby|asset-pipeline|content-for</t>
  </si>
  <si>
    <t>Java - Spring - Basic authentication - How to hash the password defined in application.properties</t>
  </si>
  <si>
    <t>&lt;p&gt;Iam implementing a basic authentication for Spring Boot application and iam defining my credentials in application.properties class but I want to hash-encode the password and then check if the hash is the same as the hash for the password in application.properties then I can login. If possible to do all of the logic in the &lt;strong&gt;configure method&lt;/strong&gt; then it would be great.&lt;/p&gt;
&lt;p&gt;&lt;strong&gt;application.properties:&lt;/strong&gt;&lt;/p&gt;
&lt;h1&gt;BASIC AUTHENTICATION&lt;/h1&gt;
&lt;pre&gt;&lt;code&gt;user.name=test
user.password={noop}example
&lt;/code&gt;&lt;/pre&gt;
&lt;p&gt;&lt;strong&gt;SecurityConfig class:&lt;/strong&gt;&lt;/p&gt;
&lt;pre&gt;&lt;code&gt;@Configuration
@EnableWebSecurity
public class SecurityConfig extends WebSecurityConfigurerAdapter {
    private static final Logger logger = LoggerFactory.getLogger(SecurityConfig.class);
    private AuthenticationProvider authenticationProvider;
    @Override
    protected void configure(HttpSecurity http) throws Exception {
        http.csrf().disable().authorizeRequests().anyRequest().authenticated().and().httpBasic()
                .and().sessionManagement().and().authenticationProvider(authenticationProvider)
                .sessionCreationPolicy(SessionCreationPolicy.STATELESS)
    }
&lt;/code&gt;&lt;/pre&gt;
&lt;p&gt;&lt;strong&gt;&lt;em&gt;UPDATED CODE&lt;/em&gt;&lt;/strong&gt;&lt;/p&gt;
&lt;pre&gt;&lt;code&gt;import org.slf4j.Logger;
import org.slf4j.LoggerFactory;
import org.springframework.beans.factory.annotation.Value;
import org.springframework.context.annotation.Bean;
import org.springframework.context.annotation.Configuration;
import org.springframework.security.config.annotation.authentication.builders.AuthenticationManagerBuilder;
import org.springframework.security.config.annotation.web.builders.HttpSecurity;
import org.springframework.security.config.annotation.web.configuration.EnableWebSecurity;
import org.springframework.security.config.annotation.web.configuration.WebSecurityConfigurerAdapter;
import org.springframework.security.config.http.SessionCreationPolicy;
import org.springframework.security.crypto.bcrypt.BCryptPasswordEncoder;
import org.springframework.security.crypto.password.PasswordEncoder;
@Configuration
@EnableWebSecurity
public class SecurityConfig extends WebSecurityConfigurerAdapter {
    private static final Logger logger = LoggerFactory.getLogger(SecurityConfig.class);
    @Value("${security.user.password}")
    private String password;
    @Value("${security.user.name}")
    private String username;
    @Override
    protected void configure(HttpSecurity http) throws Exception {
        http.csrf().disable().authorizeRequests().anyRequest().authenticated()
                .and().logout().and().httpBasic().and().sessionManagement().sessionCreationPolicy(SessionCreationPolicy.STATELESS);
    }
    @Override
    public void configure(AuthenticationManagerBuilder auth) throws Exception {
        auth.inMemoryAuthentication().
                passwordEncoder(passwordEncoder()).withUser(username).password(password);
    }
    @Bean
    public PasswordEncoder passwordEncoder() {
        return new BCryptPasswordEncoder();
    }
    @Bean
    public String generateHashedPassword(String password) {
        return BCrypt.hashpw(password, BCrypt.gensalt(10));
    }
}
&lt;/code&gt;&lt;/pre&gt;
&lt;p&gt;&lt;strong&gt;UPDATE 2&lt;/strong&gt;&lt;/p&gt;
&lt;p&gt;Currently the way it works now is when i start the application, i visit localhost:8080 then a login popup appears and i type the username and password (that are defined in application.properties) &lt;/p&gt;
&lt;p&gt;if I type the right username and password i get logged in but if i manage to login with the username and password defined in application.properties then whats the point with hashing the password? I was thinking more like having a list of hashed keys and compare the input password with the list and if success then login.&lt;/p&gt;</t>
  </si>
  <si>
    <t>2018-03-21 11:34:58.920000+00:00</t>
  </si>
  <si>
    <t>2018-03-21 22:04:41.677000+00:00</t>
  </si>
  <si>
    <t>java|spring|security|authentication</t>
  </si>
  <si>
    <t>Is there a simple way in Java to get the difference between two collections using a custom equals function without overriding the equals?</t>
  </si>
  <si>
    <t>&lt;p&gt;I'm open to use a lib. I just want something simple to diff two collections on a different criteria than the normal equals function.&lt;/p&gt;
&lt;p&gt;Right now I use something like :&lt;/p&gt;
&lt;pre&gt;&lt;code&gt;collection1.stream()
           .filter(element -&amp;gt; !collection2.stream()
                                          .anyMatch(element2 -&amp;gt; element2.equalsWithoutSomeField(element)))
           .collect(Collectors.toSet());
&lt;/code&gt;&lt;/pre&gt;
&lt;p&gt;and I would like something like :&lt;/p&gt;
&lt;pre&gt;&lt;code&gt;Collections.diff(collection1, collection2, Foo::equalsWithoutSomeField);
&lt;/code&gt;&lt;/pre&gt;
&lt;p&gt;(edit) More context:&lt;/p&gt;
&lt;p&gt;Should of mentioned that I'm looking for something that exists already and not to code it myself. I might code a small utils from your ideas if nothing exists.&lt;/p&gt;
&lt;p&gt;Also, Real duplicates aren't possible in my case: the collections are Sets. However, duplicates according to the custom equals are possible and should not be removed by this operation. It seems to be a limitation in a lot of possible solutions.&lt;/p&gt;</t>
  </si>
  <si>
    <t>2018-03-16 15:32:34.177000+00:00</t>
  </si>
  <si>
    <t>2018-03-21 04:22:28.890000+00:00</t>
  </si>
  <si>
    <t>2018-03-19 15:43:50.523000+00:00</t>
  </si>
  <si>
    <t>java|collections|java-8|java-stream</t>
  </si>
  <si>
    <t>Environment.Exit(0) or Application.Exit() after all, which to use?</t>
  </si>
  <si>
    <t>&lt;p&gt;I am new to C# programming, and I recently got this form application project from my coworker. Inside FormClosed event method, I see two lines of code:&lt;/p&gt;
&lt;pre&gt;&lt;code&gt;Environment.Exit(0);
Application.Exit();
&lt;/code&gt;&lt;/pre&gt;
&lt;p&gt;Then I looked them up to see the difference, and I read many SO posts about this. Many say if you are using&lt;/p&gt;
&lt;pre&gt;&lt;code&gt;Application.Run();
&lt;/code&gt;&lt;/pre&gt;
&lt;p&gt;method to start the form application, use&lt;/p&gt;
&lt;pre&gt;&lt;code&gt;Application.Exit();
&lt;/code&gt;&lt;/pre&gt;
&lt;p&gt;However, many also say just using&lt;/p&gt;
&lt;pre&gt;&lt;code&gt;Environment.Exit(0);
&lt;/code&gt;&lt;/pre&gt;
&lt;p&gt;is enough too. So after all, which needs to be used? The more I read, the more I get confused and at a loss which to use.
I also noticed that if I put breakpoints on both lines, when the program comes to the line:&lt;/p&gt;
&lt;pre&gt;&lt;code&gt;Environment.Exit(0);
&lt;/code&gt;&lt;/pre&gt;
&lt;p&gt;the form closes and goes back to the coding screen. So I switched the order so both of them will be executed, but is it even correct to run both of them upon closing the application?&lt;/p&gt;</t>
  </si>
  <si>
    <t>2017-06-28 12:25:22.897000+00:00</t>
  </si>
  <si>
    <t>c#|exit</t>
  </si>
  <si>
    <t>Link to another file in chrome extension</t>
  </si>
  <si>
    <t>&lt;p&gt;I want to have a link in the popup.html file for my extension that loads another file (which will be included with the extension) how can I do this? or will I need to keep it in the same page?&lt;/p&gt;
&lt;p&gt;I tried using this code:&lt;/p&gt;
&lt;pre&gt;&lt;code&gt;&amp;lt;a href="/mail.html"&amp;gt;
    &amp;lt;img id="newmail_icon" src="" width="16" height="16" /&amp;gt;
    &amp;lt;span id="newmail"&amp;gt;loading&amp;lt;/span&amp;gt;&amp;lt;br /&amp;gt;
&amp;lt;/a&amp;gt;
&lt;/code&gt;&lt;/pre&gt;
&lt;p&gt;But when I click the link nothing happens.&lt;/p&gt;
&lt;p&gt;I just found out that adding &lt;code&gt;target="_blank"&lt;/code&gt; to the link will make it work and open in a new tab, but I can't get it to open in the popup. I have tried &lt;code&gt;target="_self"&lt;/code&gt; but it didn't do anything.&lt;/p&gt;</t>
  </si>
  <si>
    <t>2010-02-05 14:55:16.533000+00:00</t>
  </si>
  <si>
    <t>2014-05-18 19:01:32.490000+00:00</t>
  </si>
  <si>
    <t>2010-02-05 22:41:51.177000+00:00</t>
  </si>
  <si>
    <t>google-chrome</t>
  </si>
  <si>
    <t>passing this as parameter in static method</t>
  </si>
  <si>
    <t>&lt;p&gt;I'm having some trouble with some code in Visual C# for Windows Phone
The trouble is not that it does not work, because it does, but I don't understand how =P
Within a static class, a static method is created, which gives itself as a parameter:&lt;/p&gt;
&lt;pre&gt;&lt;code&gt;public static void MethodONe( this Timeline animation )
{
    //this class does not extend the TimeLine class, and is not connected to it in any                   
    //such way.
    animation.MethodTwo( );
}
public static void MethodTwo( this Timeline animation )
{
    someCode( );
}
&lt;/code&gt;&lt;/pre&gt;
&lt;p&gt;How is this parameterpassing called, and what does it do, exactly? &lt;/p&gt;</t>
  </si>
  <si>
    <t>2012-01-11 12:26:11.057000+00:00</t>
  </si>
  <si>
    <t>2012-01-11 12:48:53.770000+00:00</t>
  </si>
  <si>
    <t>2012-01-11 12:37:08.213000+00:00</t>
  </si>
  <si>
    <t>c#|this|parameter-passing</t>
  </si>
  <si>
    <t>Searching a single MySQL text column with fuzzy matching</t>
  </si>
  <si>
    <t>&lt;p&gt;I have a MySQL InnoDB table with a 'name' column (VARCHAR(255)) which I want users to be able to search against, returning all the matching rows. However, I can't just use a LIKE query because the search needs to allow for users typing in names which are similar to the available names (e.g. prefixing with 'The', or not knowing that the correct name includes an apostrophe).&lt;/p&gt;
&lt;p&gt;Two examples are:&lt;/p&gt;
&lt;p&gt;Name in DB: 'Rose and Crown'&lt;/p&gt;
&lt;p&gt;Example possible searches which should match: 'Rose &amp;amp; Crown', 'Rose and Crown', 'rose and crown', 'The Rose and Crown'&lt;/p&gt;
&lt;p&gt;Name in DB: 'Diver's Inn'&lt;/p&gt;
&lt;p&gt;Example possible searches which should match: 'Divers' Inn', 'The Diver's Inn', 'Divers Inn'&lt;/p&gt;
&lt;p&gt;I also want to be able to rank the results by a 'closest match' relevance, although I'm not sure how that would be done (edit distance perhaps?).&lt;/p&gt;
&lt;p&gt;It's unlikely that the table will ever grow beyond a few thousand rows, so a method which doesn't scale to millions of rows is fine. Once entered, the name value for a given row will not change, so if an expensive indexing operation is required that's not a problem.&lt;/p&gt;
&lt;p&gt;Is there an existing tool which will perform this task? I've looked at Zend_Search_Lucence but that seems to focus on documents, whereas I'm only interesting in searching a single column.&lt;/p&gt;
&lt;p&gt;Edit: On SOUNDEX searching, this doesn't produce the results I want. For example:&lt;/p&gt;
&lt;pre&gt;&lt;code&gt;SELECT soundex( 'the rose &amp;amp; crown' ) AS soundex1, soundex( 'rose and crown' ) AS soundex2;
soundex1    soundex2
T6265   R253265
&lt;/code&gt;&lt;/pre&gt;
&lt;p&gt;Solution: In the end I've used Zend_Search_Lucence and just pretended that every name is in fact a document, which seems to achieve the result I want. I guess it's full text search in a way, even though each string is at most 3-4 words.&lt;/p&gt;</t>
  </si>
  <si>
    <t>2011-05-29 16:27:12.750000+00:00</t>
  </si>
  <si>
    <t>2011-06-01 12:56:53.080000+00:00</t>
  </si>
  <si>
    <t>php|mysql|sql|search</t>
  </si>
  <si>
    <t>Pulling Data from Word Form</t>
  </si>
  <si>
    <t>&lt;p&gt;Using C#, I need to pull data from a word document. I have NetOffice for word installed in the project. The data is in two parts.  &lt;/p&gt;
&lt;p&gt;First, I need to pull data from the document settings. &lt;/p&gt;
&lt;p&gt;Second, I need to pull the content of controls in the document.  The content of the fields includes checkboxes, a date, and a few paragraphs.  The input method is via controls, so there must be some way to interact with the controls via the api, but I don't know how to do that.&lt;/p&gt;
&lt;p&gt;right now, I've got the following code to pull the flat text from the document:&lt;/p&gt;
&lt;pre&gt;&lt;code&gt;private static string wordDocument2String(string file)
    {
        NetOffice.WordApi.Application wordApplication = new NetOffice.WordApi.Application();
        NetOffice.WordApi.Document newDocument = wordApplication.Documents.Open(file);
        string txt = newDocument.Content.Text;
        wordApplication.Quit();
        wordApplication.Dispose();
        return txt;
    }
&lt;/code&gt;&lt;/pre&gt;
&lt;p&gt;So the question is: how do I pull the data from the controls from the document, and how do I pull the document settings (such as the title, author, etc. as seen from word), using either NetOffice, or some other package?&lt;/p&gt;</t>
  </si>
  <si>
    <t>2015-04-20 20:09:09.113000+00:00</t>
  </si>
  <si>
    <t>2015-04-23 18:27:12.807000+00:00</t>
  </si>
  <si>
    <t>2015-04-22 21:37:03.090000+00:00</t>
  </si>
  <si>
    <t>c#|ms-office|text-extraction</t>
  </si>
  <si>
    <t>Entity Framework 6 - How to update customer's database with CodeFirst migration</t>
  </si>
  <si>
    <t>&lt;p&gt;My team develops an application which deploys MSSQL database at customer's system. We encountered a problem with using migrations to update the customer's  database structure .&lt;/p&gt;
&lt;p&gt;We can't use automated migrations because more than one instance of the app can run on the same database so if one of instances gets updated and therefore changes the model and therefore the structure of database the others change it back so neither of them can work on the database.&lt;/p&gt;
&lt;p&gt;We can't use nonautomated migrations because we have no access to customer's database to run the update-database command.  &lt;/p&gt;
&lt;p&gt;The question is what's the best approach to keep the database and the model always up to date on the level of code ?&lt;/p&gt;</t>
  </si>
  <si>
    <t>2016-05-31 15:23:28.227000+00:00</t>
  </si>
  <si>
    <t>2016-05-31 19:49:42.910000+00:00</t>
  </si>
  <si>
    <t>database|entity-framework|deployment</t>
  </si>
  <si>
    <t>Apache remap to apache within docker container</t>
  </si>
  <si>
    <t>&lt;p&gt;I am currently having an apache server running several virtual hosts.&lt;/p&gt;
&lt;p&gt;However I want to use another apache setup on one virtual host. My idea is to install apache with different settings inside a docker container. But then how would I set it up?
If I have an apache inside a docker container it would have to listen to another port, right? And the apache outside of docker would have to somehow redirect traffic to apache inside of docker?&lt;/p&gt;
&lt;p&gt;Currently my config looks like this:&lt;/p&gt;
&lt;pre&gt;&lt;code&gt;&amp;lt;Virtualhost *:80&amp;gt;
    ServerName host1.com
    ...
&amp;lt;/Virtualhost&amp;gt;
&amp;lt;Virtualhost *:80&amp;gt;
    ServerName host2.com
    ...
&amp;lt;/Virtualhost&amp;gt;
&lt;/code&gt;&lt;/pre&gt;
&lt;p&gt;Say I want host2.com to be handled inside the apache inside of docker.
I "guess" I could do a redirect in the apache outside of docker with:&lt;/p&gt;
&lt;pre&gt;&lt;code&gt;&amp;lt;Virtualhost *:80&amp;gt;
    ServerName host2.com
    RedirectMatch ^(.*)$ http://host2.com:81$1
&amp;lt;/Virtualhost&amp;gt;
&lt;/code&gt;&lt;/pre&gt;
&lt;p&gt;and then have this inside of the apache inside docker:&lt;/p&gt;
&lt;pre&gt;&lt;code&gt;&amp;lt;Virtualhost *:81&amp;gt;
    ServerName host2.com
    ...
&amp;lt;/Virtualhost&amp;gt;
&lt;/code&gt;&lt;/pre&gt;
&lt;p&gt;But I would like the redirect/rewrite/remapping to be internal so that the client could not see any change. Is this possible?&lt;/p&gt;</t>
  </si>
  <si>
    <t>2014-03-29 21:13:01.600000+00:00</t>
  </si>
  <si>
    <t>2014-03-29 21:53:44.250000+00:00</t>
  </si>
  <si>
    <t>apache|rewrite|virtualhost|docker</t>
  </si>
  <si>
    <t>How can get value from anonymous inner class?</t>
  </si>
  <si>
    <t>&lt;p&gt;I have a ImageView that I need get Image Width and Height in Java and store them in some variables and use it some times that I need, but when I want save height and width values it will return NULL value to message string.&lt;/p&gt;
&lt;p&gt;I created some outside method and pass value to it for store values but it didn't work too, Also i created a Text View and I assigned values to TextView text, it showed in screen but when I used &lt;code&gt;getText()&lt;/code&gt; for get text it got default text of Text view, look, there is no any way for get value from inner class, is there any way get value from anonymous inner class?&lt;/p&gt;
&lt;pre&gt;&lt;code&gt;final String[] message = new String[2];
final ImageView iv = (ImageView)findViewById(R.id.main_item2);
final TextView tv = (TextView)findViewById(R.id.storePostions);
ViewTreeObserver vto = iv.getViewTreeObserver();
vto.addOnPreDrawListener(new ViewTreeObserver.OnPreDrawListener() {
  public boolean onPreDraw() {
      iv.getViewTreeObserver().removeOnPreDrawListener(this);
      int finalHeight, finalWidth;
      finalHeight = iv.getMeasuredHeight();
      finalWidth = iv.getMeasuredWidth();
      message[0] = String.valueOf(finalHeight);
      message[1] = String.valueOf(finalWidth);
      return true;
    }
});
Toast.makeText(MainActivity.this, "finalHeight = " + message[0] + " ,finalWidth = " + message[1], Toast.LENGTH_LONG).show();
// show "finalHeight = NULL ,finalWidth =  NULL"
&lt;/code&gt;&lt;/pre&gt;</t>
  </si>
  <si>
    <t>2016-02-13 08:02:30.460000+00:00</t>
  </si>
  <si>
    <t>2018-08-28 23:53:31.050000+00:00</t>
  </si>
  <si>
    <t>java|anonymous</t>
  </si>
  <si>
    <t>Trying to load a gif image but does not load in chrome</t>
  </si>
  <si>
    <t>&lt;p&gt;I am trying to load a gif image on a button click but it doesn't work on chrome, works fine in others. It works if I load a png image but I need animation for loading.&lt;/p&gt;
&lt;p&gt;code used: &lt;/p&gt;
&lt;pre&gt;&lt;code&gt;function showModalandLoadingAni(){
    $('#shadeSearchLoading').show();
    $('#modalSearchLoading').show();
    $('#modalSearchLoading').html('&amp;lt;div class="loading-big-img" style="z-index:99999; top:65px;"&amp;gt;&amp;lt;/div&amp;gt;');
}
&lt;/code&gt;&lt;/pre&gt;
&lt;p&gt;I have tried loading the image in &lt;code&gt;$(document).ready&lt;/code&gt;.. but no luck..&lt;/p&gt;
&lt;p&gt;Relevant CSS (from a comment):&lt;/p&gt;
&lt;pre&gt;&lt;code&gt;.loading-big-img {
    display:block; 
    background: #FFF url('../images/custom/loading_big.gif') no-repeat center center; 
    float:left; 
    width:106px; 
    height:106px; 
    position: absolute; 
    top:185px; 
    left: 385px;
}
&lt;/code&gt;&lt;/pre&gt;</t>
  </si>
  <si>
    <t>2012-02-14 10:39:05.963000+00:00</t>
  </si>
  <si>
    <t>2014-07-28 23:42:52.767000+00:00</t>
  </si>
  <si>
    <t>2012-02-14 11:30:54.953000+00:00</t>
  </si>
  <si>
    <t>javascript|jquery|google-chrome</t>
  </si>
  <si>
    <t>Can't get my stored procedure to execute on MySQL</t>
  </si>
  <si>
    <t>&lt;p&gt;I tried creating the most simple procedure and still can't execute. &lt;/p&gt;
&lt;pre&gt;&lt;code&gt;create procedure sp_getinfo()
begin
SELECT * FROM `metals`
end 
&lt;/code&gt;&lt;/pre&gt;
&lt;p&gt;I get this error:&lt;/p&gt;
&lt;blockquote&gt;
  &lt;p&gt;ERROR  #1064 - You have an error in your SQL syntax; check the
  manual that corresponds to your MySQL server version for the right
  syntax to use near '' at line 4&lt;/p&gt;
&lt;/blockquote&gt;</t>
  </si>
  <si>
    <t>2013-03-15 22:06:23.320000+00:00</t>
  </si>
  <si>
    <t>2013-03-15 22:12:25.600000+00:00</t>
  </si>
  <si>
    <t>How to stop scroll event from propagating with javascript?</t>
  </si>
  <si>
    <t>&lt;p&gt;Lets take this simple example:&lt;/p&gt;
&lt;p&gt;HTML:&lt;/p&gt;
&lt;pre&gt;&lt;code&gt;&amp;lt;div id="A"&amp;gt;
    &amp;lt;div id="B"&amp;gt;
    &amp;lt;/div&amp;gt;
&amp;lt;/div&amp;gt;
&lt;/code&gt;&lt;/pre&gt;
&lt;p&gt;When user moves mouse to the element B and starts to scroll, the element A should not get scroll event. How to disable scroll event from propagation?&lt;/p&gt;
&lt;p&gt;EDIT:
I've tried this js code and it does not work. Any ideas?&lt;/p&gt;
&lt;pre&gt;&lt;code&gt;document.getElementById("B").scroll = function(e) {e.stopPropagation();}
&lt;/code&gt;&lt;/pre&gt;</t>
  </si>
  <si>
    <t>2015-12-08 12:17:19.467000+00:00</t>
  </si>
  <si>
    <t>2015-12-08 12:52:56.617000+00:00</t>
  </si>
  <si>
    <t>2015-12-08 12:39:32.263000+00:00</t>
  </si>
  <si>
    <t>Php code is not working on linux ubuntu</t>
  </si>
  <si>
    <t>&lt;p&gt;&lt;strong&gt;My PHP code is :-&lt;/strong&gt;&lt;/p&gt;
&lt;pre&gt;&lt;code&gt;&amp;lt;?php
/*************************************************
*  PHP file for generating index (Login) Page    *
*************************************************/
?&amp;gt;
&amp;lt;link href="../assets/css/bootstrap.css" rel="stylesheet" /&amp;gt;
&amp;lt;link href="../assets/css/login.css" rel="stylesheet" /&amp;gt;
&amp;lt;link href="../assets/css/ajax.css" rel="stylesheet" /&amp;gt;
&amp;lt;html&amp;gt;
    &amp;lt;head&amp;gt;
        &amp;lt;script&amp;gt;
            function login_func(form_id)
            {
                if(Empty_check('gui'))
                    alert("Please Enter username and password");
                else
                {
                    var ajax_object = new Ajax();
                    var data = ajax_object.create_url_data(form_id);
                    ajax_object.processPOST('ajax_server/login.php',POST_AJAX_login,data);
                }
            }
        function POST_AJAX_login(response)
        {
            if(response == '1')
            {
                window.location.href="homepage.php";
            }
            else    
            {
                alert("Invalid username or password");
            }
        }
    &amp;lt;/script&amp;gt;
    &amp;lt;script src="../assets/js/bootstrap.min.js"&amp;gt;&amp;lt;/script&amp;gt;
    &amp;lt;script src="../assets/js/jquery-1.10.2.js"&amp;gt;&amp;lt;/script&amp;gt;
    &amp;lt;script src="../lib_js/ajax.js"&amp;gt;&amp;lt;/script&amp;gt;
    &amp;lt;script src="js/my_javascript.js"&amp;gt;&amp;lt;/script&amp;gt;
&amp;lt;/head&amp;gt;
&amp;lt;body&amp;gt;
&amp;lt;div id="ajax-loader" class="ajax-loader"&amp;gt;&amp;lt;img src="../assets/img/loading_apple.gif" class="img-responsive" /&amp;gt;&amp;lt;/div&amp;gt;
    &amp;lt;div class="container"&amp;gt;
        &amp;lt;div class="row" id="vertical-offset"&amp;gt;
            &amp;lt;div class="col-md-4 col-md-offset-4"&amp;gt;
                &amp;lt;div class="panel panel-default"&amp;gt;
                    &amp;lt;div class="panel-heading panel"&amp;gt;
                        &amp;lt;h3 class="panel-title"&amp;gt;Please sign in&amp;lt;/h3&amp;gt;
                    &amp;lt;/div&amp;gt;
                    &amp;lt;div class="panel-body"&amp;gt;
                        &amp;lt;form id="gui"&amp;gt;
                            &amp;lt;fieldset&amp;gt;
                                &amp;lt;div class="form-group"&amp;gt;
                                    &amp;lt;input class="form-control" placeholder="username" name="username" type="text" required&amp;gt;
                                &amp;lt;/div&amp;gt;
                                &amp;lt;div class="form-group"&amp;gt;
                                    &amp;lt;input class="form-control" placeholder="password" name="password" type="password" required&amp;gt;
                                &amp;lt;/div&amp;gt;
                                &amp;lt;input class="btn btn-lg btn-success btn-block" type="button" value="Login" onclick="login_func('gui');"&amp;gt;
                            &amp;lt;/fieldset&amp;gt;
                        &amp;lt;/form&amp;gt;
                    &amp;lt;/div&amp;gt;
                &amp;lt;/div&amp;gt;
            &amp;lt;/div&amp;gt;
        &amp;lt;/div&amp;gt;
    &amp;lt;/div&amp;gt;
&amp;lt;/body&amp;gt;
&lt;/code&gt;&lt;/pre&gt;
&lt;p&gt;&lt;/p&gt;
&lt;p&gt;&lt;strong&gt;LOGIN SERVER&lt;/strong&gt;&lt;/p&gt;
&lt;pre&gt;&lt;code&gt;  &amp;lt;?php
/***************************************************************************
*                               Login Server                                *
****************************************************************************/
session_start();
$root=$_SERVER["DOCUMENT_ROOT"];
require_once $root. '/School_Soft/config/ClassConnectDB.php';
$username = $_REQUEST["username"];
$password = $_REQUEST['password'];
$sql = "SELECT * from Admin where admin_id='$username' and password='$password'";
$result = $DB_CONN-&amp;gt;query($sql);
if($obj = $result-&amp;gt;fetch_object())
{
    $_SESSION['user'] =$obj-&amp;gt;admin_id;
    echo '1';
}
else
    echo '0';
?&amp;gt;
&lt;/code&gt;&lt;/pre&gt;
&lt;p&gt;&lt;strong&gt;Same Code is running Perfectly in Windows but in Ubuntu it is not working...&lt;/strong&gt;   &lt;/p&gt;
&lt;p&gt;&lt;a href="https://i.stack.imgur.com/cQCVr.png" rel="nofollow noreferrer"&gt;&lt;img src="https://i.stack.imgur.com/cQCVr.png" alt="This is my Login Page. After clickong on login ,the same page reopens but in windows it works without any issue"&gt;&lt;/a&gt;&lt;/p&gt;
&lt;p&gt;I am using ajax to send request as well as to receive response. I have checked that Ajax is working Properly. &lt;/p&gt;
&lt;p&gt;When I put die statement before that require_once statement in login.php server, I got my result but my code is not working after that require_once statement, I think! &lt;/p&gt;</t>
  </si>
  <si>
    <t>2018-04-07 07:39:24.643000+00:00</t>
  </si>
  <si>
    <t>2018-04-07 07:59:51.263000+00:00</t>
  </si>
  <si>
    <t>2018-04-07 07:43:32.047000+00:00</t>
  </si>
  <si>
    <t>php|ubuntu</t>
  </si>
  <si>
    <t>How to perform save in ASP.Net using angularjs</t>
  </si>
  <si>
    <t>&lt;p&gt;I'm trying to save data to DB. The breakpoint is not hit in code behind and the data is not saved. All I see in the console log is - &lt;code&gt;PASS : [object Object]&lt;/code&gt;. Where am i going wrong.&lt;/p&gt;
&lt;p&gt;&lt;strong&gt;default.aspx:&lt;/strong&gt;&lt;/p&gt;
&lt;pre&gt;&lt;code&gt;&amp;lt;div data-ng-controller="defaultCtrl"&amp;gt;
        Username
        &amp;lt;input type="text" id="txtUsername" data-ng-model="AdminUser.Username" /&amp;gt;
        &amp;lt;br /&amp;gt;
        Password
        &amp;lt;input type="text" id="txtPassword" data-ng-model="AdminUser.Password" /&amp;gt;        
        &amp;lt;br /&amp;gt;
        &amp;lt;button type="submit" data-ng-click="AddUser(AdminUser)"&amp;gt;Submit&amp;lt;/button&amp;gt;
&amp;lt;/div&amp;gt;
&lt;/code&gt;&lt;/pre&gt;
&lt;p&gt;&lt;strong&gt;default.aspx.cs:&lt;/strong&gt;
&lt;strong&gt;class:&lt;/strong&gt;&lt;/p&gt;
&lt;pre&gt;&lt;code&gt;public class AdminUser
    {
        public string Username { get; set; }
        public string Password { get; set; }        
    }
[WebMethod]
[ScriptMethod(UseHttpGet = true, ResponseFormat = ResponseFormat.Json)]
        public void AddUser(AdminUser adminUser)
        { --breakpoint set here but not hit
            --code to save data
            AdminUserDB.AddUser(adminUser);
        }
&lt;/code&gt;&lt;/pre&gt;
&lt;p&gt;&lt;strong&gt;defaultCtrl.js:&lt;/strong&gt;&lt;/p&gt;
&lt;pre&gt;&lt;code&gt;app.controller("defaultCtrl",["$scope","DefaultFactory",function ($scope,DefaultFactory){
$scope.AddUser = function (AdminUser) {
var promise = DefaultFactory.AddUser(AdminUser);
        promise.then(function (success) {
            console.log("PASS : " + success);
},
        function (error) {
            console.log("ERR : " + error);
        })
    }
}]);
&lt;/code&gt;&lt;/pre&gt;
&lt;p&gt;&lt;strong&gt;defaultFactory.js:&lt;/strong&gt;&lt;/p&gt;
&lt;pre&gt;&lt;code&gt;app.factory("DefaultFactory", ["$http", function ($http) {
    var Factory = {};
    //add new user
    Factory.AddUser = function ($params) {   
        //console.log($params); -- i can see the object with the data in console.     
        return $http({
            url: "http://localhost:49271/default.aspx/AddUser",
            method: "GET", --when i put POST here, there is an error in console
            data: $params            
        })
            .success(function (data, status) {
        })
            .error(function (data, status) {
                console.log("DATA : " + data);
                console.log("STATUS : " + status);
        });
    };    
    return Factory;
}]);
&lt;/code&gt;&lt;/pre&gt;</t>
  </si>
  <si>
    <t>2015-06-22 08:14:25.937000+00:00</t>
  </si>
  <si>
    <t>2015-06-22 08:58:02.543000+00:00</t>
  </si>
  <si>
    <t>2015-06-22 08:20:53.733000+00:00</t>
  </si>
  <si>
    <t>c#|asp.net|angularjs</t>
  </si>
  <si>
    <t>How to extract the 256x256 icon from an icon and display it in .Net, Winforms, XP</t>
  </si>
  <si>
    <t>&lt;p&gt;Here's the code that I use to extract the icon size that I want:&lt;/p&gt;
&lt;pre&gt;&lt;code&gt;    Dim i As Icon = My.Resources.Spectrum
    Using i2 As New Icon(i, New Size(256, 256))
        Me.PictureBox1.Image = i2.ToBitmap
    End Using
&lt;/code&gt;&lt;/pre&gt;
&lt;p&gt;This works from 16x16 up to 128x128 but for 256x256 it extracts the 128x128 icon. I tried 0x0, because I seem to remember that that is how the large size is stored in the meta data, but that didn't work either.&lt;/p&gt;</t>
  </si>
  <si>
    <t>2010-03-18 09:32:19.097000+00:00</t>
  </si>
  <si>
    <t>2010-03-18 10:07:53.143000+00:00</t>
  </si>
  <si>
    <t>c#|.net|vb.net|winforms|icons</t>
  </si>
  <si>
    <t>variable href in cgi-bin</t>
  </si>
  <si>
    <t>&lt;p&gt;I have a bash cgi script which runs some command and executable files and in the end it creates a result zip files in a new directory.
here is the bashcgi.sh file code:&lt;/p&gt;
&lt;pre&gt;&lt;code&gt;#!/bin/sh
echo "Content-type: text/html"
echo '&amp;lt;!DOCTYPE html&amp;gt;'
echo '&amp;lt;html lang="en"&amp;gt;'
echo '  &amp;lt;head&amp;gt; '
echo ' &amp;lt;h1&amp;gt;&amp;lt;a href="/test/index.html"&amp;gt;Test&amp;lt;/a&amp;gt;&amp;lt;/h1&amp;gt;'
echo ' &amp;lt;/head&amp;gt;
echo '&amp;lt;body&amp;gt;'
**my script and variables here**
echo 'Download the output files: '
echo '&amp;lt;a href="/var/htdocs/test/$variableOutput/output.zip"&amp;gt;click here to download result&amp;lt;/a&amp;gt;&amp;lt;br&amp;gt; '
echo '&amp;lt;/body&amp;gt;
echo '&amp;lt;/html&amp;gt;
&lt;/code&gt;&lt;/pre&gt;
&lt;p&gt;The above script file is located in "/var/cgi-bin/" and which there are many variables and creates an output folder inside var/htdocs/test/ the folder name changes according to user input (in previous php, the input name will be saved as a text file) 
Is there any way to give link to that variable folder in href? 
that is when users click on the link they should be redirected to the link with name of variable folder. ex if &lt;code&gt;$variableOutput = testresult1&lt;/code&gt; they should redirect to  &lt;code&gt;/var/htdocs/test/testresult1/output.zip&lt;/code&gt; .&lt;/p&gt;</t>
  </si>
  <si>
    <t>2016-07-11 06:44:54.880000+00:00</t>
  </si>
  <si>
    <t>2017-02-10 20:23:07.313000+00:00</t>
  </si>
  <si>
    <t>html|bash|cgi</t>
  </si>
  <si>
    <t>(Cpanel Centos 7.2) Prevent external domain to access my domain just by pointing ip address</t>
  </si>
  <si>
    <t>&lt;p&gt;I have a user account with dedicated ip address on cPanel (WHM) and a website e.g. www.domain1.com is running on that. If i use same ip address to point some external domain www.domain2.com to that account ip without adding it as addon domain, it serves the website present on that ip (www.domain1.com) on www.domain2.com. How can I restrict that if possible?&lt;/p&gt;</t>
  </si>
  <si>
    <t>2016-10-25 18:17:34.100000+00:00</t>
  </si>
  <si>
    <t>2016-10-25 19:43:02.087000+00:00</t>
  </si>
  <si>
    <t>apache|cpanel|whm</t>
  </si>
  <si>
    <t>Need to retrieve data from cookie that holds the logged on client</t>
  </si>
  <si>
    <t>&lt;p&gt;I have two different pages in my WP7 Application, Page1 and Page2. On the first page the user is asked to log in using the .NET membership API through a WCF-service. When the user is logged in this client is saved in a cookie.&lt;/p&gt;
&lt;p&gt;When the user fills in their username and password an clicks OK, the application redirects this person to the next page using the NavigationService. But after the person is redirected to Page2 I can not access the cookie of the current logged in user.&lt;/p&gt;
&lt;p&gt;I can retrieve the logged in user on Page1 where the CookieContainer is created and the client is saved to this specific container. On Page2 I want to use the same cookie as in Page1, how do I do this?&lt;/p&gt;</t>
  </si>
  <si>
    <t>2012-03-20 09:20:09.250000+00:00</t>
  </si>
  <si>
    <t>2012-05-01 14:21:37.057000+00:00</t>
  </si>
  <si>
    <t>wcf|silverlight|windows-phone-7</t>
  </si>
  <si>
    <t>jQuery validation are not working</t>
  </si>
  <si>
    <t>&lt;p&gt;code:&lt;/p&gt;
&lt;p&gt;&lt;div class="snippet" data-lang="js" data-hide="false" data-console="true" data-babel="false"&gt;_x000D_
&lt;div class="snippet-code"&gt;_x000D_
&lt;pre class="snippet-code-js lang-js prettyprint-override"&gt;&lt;code&gt;        $(document).ready(function(){_x000D_
           $("#insert").click(function(event){_x000D_
               event.preventDefault();_x000D_
               name = $("#name").val();_x000D_
               phone = $("#phone").val(); _x000D_
               email = $("#email").val();_x000D_
               message = $("#message").val();_x000D_
               if(name == '')_x000D_
               {_x000D_
                   $(".msg").text("Please enter your name");_x000D_
               }_x000D_
               else if (email !== "") {  _x000D_
                    if (!isValidEmailAddress(email)) {_x000D_
                        $("msg").show(); _x000D_
                        $("#email").focus(); _x000D_
                        return false;  _x000D_
                    }_x000D_
                } _x000D_
           });_x000D_
        });_x000D_
                function isValidEmailAddress(emailAddress) {_x000D_
            var pattern = new RegExp(/^(("[\w-+\s]+")|([\w-+]+(?:\.[\w-+]+)*)|("[\w-+\s]+")([\w-+]+(?:\.[\w-+]+)*))(@((?:[\w-+]+\.)*\w[\w-+]{0,66})\.([a-z]{2,6}(?:\.[a-z]{2})?)$)|(@\[?((25[0-5]\.|2[0-4][\d]\.|1[\d]{2}\.|[\d]{1,2}\.))((25[0-5]|2[0-4][\d]|1[\d]{2}|[\d]{1,2})\.){2}(25[0-5]|2[0-4][\d]|1[\d]{2}|[\d]{1,2})\]?$)/i);_x000D_
            return pattern.test(emailAddress);_x000D_
        };&lt;/code&gt;&lt;/pre&gt;_x000D_
&lt;pre class="snippet-code-html lang-html prettyprint-override"&gt;&lt;code&gt;&amp;lt;script src="https://ajax.googleapis.com/ajax/libs/jquery/2.1.1/jquery.min.js"&amp;gt;&amp;lt;/script&amp;gt;_x000D_
&amp;lt;form method="post"&amp;gt;_x000D_
  &amp;lt;input class="form-control1" id="name" name="name" placeholder="Enter Your Name" type="text"&amp;gt;_x000D_
  &amp;lt;input class="form-control1" id="email" name="email" placeholder="Enter Your Email Id"  type="text"&amp;gt;_x000D_
  &amp;lt;input class="form-control1" id="phone" name="phone" placeholder="Enter Your Phone"  type="text"&amp;gt;_x000D_
  &amp;lt;textarea class="form-control1" name="message" id="message" placeholder="Enter Your Message" &amp;gt;&amp;lt;/textarea&amp;gt;_x000D_
  &amp;lt;input name="insert" id="insert" value="Submit" type="submit"&amp;gt;_x000D_
 &amp;lt;/form&amp;gt;&lt;/code&gt;&lt;/pre&gt;_x000D_
&lt;/div&gt;_x000D_
&lt;/div&gt;_x000D_
&lt;/p&gt;
&lt;p&gt;In this code I have created a contact &lt;code&gt;form&lt;/code&gt; and want to validate phone and email using jQuery. Now, when I use If statement and click on button it show me please enter your name after enter name when I click on button again it show me the same message. So, How can I fix this problem ?Please help me.&lt;/p&gt;
&lt;p&gt;Thank You &lt;/p&gt;</t>
  </si>
  <si>
    <t>2017-11-13 10:00:27.867000+00:00</t>
  </si>
  <si>
    <t>2017-11-13 10:38:47.650000+00:00</t>
  </si>
  <si>
    <t>2017-11-13 10:06:40.413000+00:00</t>
  </si>
  <si>
    <t>AngularJS $index works incorrectly after orderBy</t>
  </si>
  <si>
    <t>&lt;p&gt;Working on a project where users can vote on items, and after an orderBy, the function works only on the original indexes of the items. I would like to track the items by their ID property which is pulled from the database but am having issues. I have also tried passing the objects rather than their indexes but again am having trouble getting my head around it.&lt;/p&gt;
&lt;p&gt;Relevant JS&lt;/p&gt;
&lt;pre&gt;&lt;code&gt;angular.module("cardSite", ['masonry'])
    .controller('mainCtrl', function($scope, dataService) {
        $scope.cards = [];
        dataService.getCards().then(function(response) {
            $scope.cards = response.data;
        }, function() {});
        $scope.plusOne = function($index) {
            $scope.cards[$index].card_rating += 1;
        };
    });
&lt;/code&gt;&lt;/pre&gt;
&lt;p&gt;Relevant HTML &lt;/p&gt;
&lt;pre&gt;&lt;code&gt;&amp;lt;div class="col-lg-3 tile grid-item" ng-repeat="card in cards | orderBy : '-card_rating' | limitTo:8 track by card.ID"&amp;gt;
&amp;lt;div class="panel panel-default {{ card.card_category | lowercase }}_panel"&amp;gt;
    &amp;lt;p&amp;gt;Card ID: {{card.ID}}&amp;lt;/p&amp;gt;
    &amp;lt;!DOCTYPE svg&amp;gt;
    &amp;lt;p ng-click="plusOne($index)"&amp;gt; Vote up&amp;lt;/p&amp;gt;
    &amp;lt;p&amp;gt;{{card.card_rating}}&amp;lt;/p&amp;gt;
&amp;lt;/div&amp;gt;
&lt;/code&gt;&lt;/pre&gt;
&lt;p&gt;&lt;/p&gt;
&lt;p&gt;Does anyone have any suggestions?&lt;/p&gt;</t>
  </si>
  <si>
    <t>2016-02-26 12:43:52.063000+00:00</t>
  </si>
  <si>
    <t>2016-02-26 12:48:07.917000+00:00</t>
  </si>
  <si>
    <t>Counting rows in SQL with multiple AND &amp; OR statements</t>
  </si>
  <si>
    <t>&lt;p&gt;I'm trying to count the number of rows in a database by a date range in which they were created and by if they are one of several zip codes.  Semantically what I'm trying to say is count all the complaints from these zip codes during this period of time.  My query looks like this,&lt;/p&gt;
&lt;p&gt;&lt;code&gt;
select COUNT(*) 
  from complaints 
    where created_date::date &amp;gt;= '2013-10-03' 
      AND created_date::date &amp;lt;= '2014-05-31' 
        AND incident_zip = 11209
          OR incident_zip = 11201
            OR incident_zip = 11202;
&lt;/code&gt;&lt;/p&gt;
&lt;p&gt;I can't seem to get the query to run without the &lt;code&gt;OR&lt;/code&gt; statement making the &lt;code&gt;AND&lt;/code&gt; statements meaningless.  Could someone explain how to group it so the &lt;code&gt;OR&lt;/code&gt; statement only affects the incident_zip column and not the created_date column?&lt;/p&gt;</t>
  </si>
  <si>
    <t>2014-10-29 02:31:53.087000+00:00</t>
  </si>
  <si>
    <t>2014-10-29 03:31:49.280000+00:00</t>
  </si>
  <si>
    <t>ruby-on-rails|database|postgresql|where</t>
  </si>
  <si>
    <t>Millisecond sleep in C on iOS4</t>
  </si>
  <si>
    <t>&lt;p&gt;Im trying to sleep for a specified amount of millisecond in C on iphone but I keep getting some complaints on the console:&lt;/p&gt;
&lt;blockquote&gt;
  &lt;p&gt;Detected an attempt to call a symbol in system libraries that is not present on the iPhone:
  nanosleep$UNIX2003 called from function ...&lt;/p&gt;
  &lt;p&gt;Detected an attempt to call a symbol in system libraries that is not present on the iPhone:
  usleep$UNIX2003 called from function ...&lt;/p&gt;
  &lt;p&gt;Detected an attempt to call a symbol in system libraries that is not present on the iPhone:
  select$UNIX2003 called from function ...&lt;/p&gt;
&lt;/blockquote&gt;
&lt;p&gt;If usleep, nanosleep  and select a not available how can I sleep for ? milliseconds in C on iOS4???&lt;/p&gt;
&lt;p&gt;Im running out of ideas here...&lt;/p&gt;
&lt;p&gt;Tks in advance,&lt;/p&gt;</t>
  </si>
  <si>
    <t>2010-10-21 06:04:06.277000+00:00</t>
  </si>
  <si>
    <t>2012-03-07 00:22:04.143000+00:00</t>
  </si>
  <si>
    <t>iphone|ios|ios4</t>
  </si>
  <si>
    <t>Keep Column Names the same after applying Data.table function</t>
  </si>
  <si>
    <t>&lt;p&gt;I have the following line of code which extracts certain columns from the data frame "Diff". When applying the data.table function the columns names get renamed V1,V2,V3 etc. How can I keep the columns names the same as before (as they appear in the Diff dataframe)?&lt;/p&gt;
&lt;pre&gt;&lt;code&gt;data.table(Diff$FactSet.Fund.Code, Diff$FactsetDate.x, , Diff$DeskName.x)
&lt;/code&gt;&lt;/pre&gt;</t>
  </si>
  <si>
    <t>2017-08-22 13:55:25.443000+00:00</t>
  </si>
  <si>
    <t>2017-08-22 14:58:04.913000+00:00</t>
  </si>
  <si>
    <t>r|dataframe|format|data.table</t>
  </si>
  <si>
    <t>JUnit tests is success on eclipse but failed on CLI wiht gradle Why?</t>
  </si>
  <si>
    <t>&lt;p&gt;I have a Spring-boot project.
This use Mybatis 1.3.1.
I have tested the Mapper used by Mybatis���using @MybatisTest provide by mybatis-spring-boot-starter-test 1.3.2.
But I'm in trouble as things like themes have happened&lt;/p&gt;
&lt;p&gt;I will post the code below&lt;/p&gt;
&lt;pre&gt;&lt;code&gt;@Mapper
@SpringBootTest
@RunWith(SpringRunner.class)
@MybatisTest
public class SampleMapperTest  {
@Autowired
SampleMapper mapper;
@Test
public void findByOneById() {
    testData record = mapper.findOneById(1);
    assertThat(record.getId(), is(1));
}
}
&lt;/code&gt;&lt;/pre&gt;
&lt;p&gt;The above tests will work as expected on eclipse with Junit but faild on gradle.
I will post the log below&lt;/p&gt;
&lt;pre&gt;&lt;code&gt;org.apache.ibatis.binding.BindingException: Invalid bound statement (not 
found): domain.mapper.SampleMapper.findOneById
&lt;/code&gt;&lt;/pre&gt;
&lt;p&gt;Looking at this, it seems that it is not bind with Sql statement on SampleMapper.xml but it exists and the project working after deproy.&lt;/p&gt;
&lt;p&gt;I found a &lt;a href="https://stackoverflow.com/questions/48668619/spring-test-succeed-on-eclipse-but-fail-on-gradle-build"&gt;similar question&lt;/a&gt;, but that was inadequate.&lt;/p&gt;</t>
  </si>
  <si>
    <t>2018-06-01 07:09:02.837000+00:00</t>
  </si>
  <si>
    <t>2018-08-03 05:21:00.303000+00:00</t>
  </si>
  <si>
    <t>spring-boot|gradle|spring-mybatis</t>
  </si>
  <si>
    <t>Error using async in AngularFireObject</t>
  </si>
  <si>
    <t>&lt;p&gt;I'm having trouble using async in AngularFireObject. What's the solution?&lt;/p&gt;
&lt;p&gt;HomePage.ts:&lt;/p&gt;
&lt;pre&gt;&lt;code&gt;import { AngularFireObject } from 'angularfire2/database';
export class HomePage {
     profileData: AngularFireObject&amp;lt;any&amp;gt;;
     constructor(public authProvider: AuthProvider){}
     ionViewWillLoad(){
        // Here is returning the user logged in correctly
        // and passing data.uid as parameter
        this.authProvider.authState().subscribe(data =&amp;gt; {
        this.profileData = this.authProvider.getUserProfile(data.uid);
     })
}
&lt;/code&gt;&lt;/pre&gt;
&lt;p&gt;HomePage.html:&lt;/p&gt;
&lt;pre&gt;&lt;code&gt;&amp;lt;ion-content padding&amp;gt;
  &amp;lt;p&amp;gt;Nome: {{(profileData | async)?.nome}}&amp;lt;/p&amp;gt;
&amp;lt;/ion-content&amp;gt;
&lt;/code&gt;&lt;/pre&gt;
&lt;p&gt;AuthProvider.ts:&lt;/p&gt;
&lt;pre&gt;&lt;code&gt;export class AuthProvider {
  constructor(
    private afAuth: AngularFireAuth,
    private afDatabase: AngularFireDatabase) {}
  getUserProfile(data: any) {
    return this.afDatabase.object(`user-profile/${data.uid}`); // returns AngularFireObject
  }
&lt;/code&gt;&lt;/pre&gt;
&lt;p&gt;The following error is returned when I try to use async on an AngularFireObject.&lt;/p&gt;
&lt;pre&gt;&lt;code&gt;Error: InvalidPipeArgument: '[object Object]' for pipe 'AsyncPipe'
    at invalidPipeArgumentError (http://localhost:8100/build/vendor.js:22387:12)
    at AsyncPipe._selectStrategy (http://localhost:8100/build/vendor.js:23798:15)
    at AsyncPipe._subscribe (http://localhost:8100/build/vendor.js:23780:31)
    at AsyncPipe.transform (http://localhost:8100/build/vendor.js:23754:22)
    at Object.eval [as updateRenderer] (ng:///AppModule/HomePage.ngfactory.js:132:73)
    at Object.debugUpdateRenderer [as updateRenderer] (http://localhost:8100/build/vendor.js:14730:21)
    at checkAndUpdateView (http://localhost:8100/build/vendor.js:13866:14)
    at callViewAction (http://localhost:8100/build/vendor.js:14211:21)
    at execComponentViewsAction (http://localhost:8100/build/vendor.js:14143:13)
    at checkAndUpdateView (http://localhost:8100/build/vendor.js:13867:5)
&lt;/code&gt;&lt;/pre&gt;</t>
  </si>
  <si>
    <t>2018-01-23 02:44:53.913000+00:00</t>
  </si>
  <si>
    <t>2018-01-23 07:17:46.730000+00:00</t>
  </si>
  <si>
    <t>2018-01-23 02:49:11.203000+00:00</t>
  </si>
  <si>
    <t>html|angular|typescript|firebase|ionic3</t>
  </si>
  <si>
    <t>When a security update is applied as a patch, does the product name change?</t>
  </si>
  <si>
    <t>&lt;p&gt;When a security update is applied as a patch, does the product name change?&lt;/p&gt;
&lt;p&gt;I.e. Windows Server 2008&lt;/p&gt;
&lt;p&gt;If this server undergoes a patch and/or security update, does it still appear as Windows Server 2008, or does it have to undergo a name change - &lt;/p&gt;
&lt;p&gt;I.e Windows Server 2008 version 2, or Windows Server 2008 R2? &lt;/p&gt;</t>
  </si>
  <si>
    <t>2015-06-18 00:05:56.800000+00:00</t>
  </si>
  <si>
    <t>2015-06-18 00:09:57.237000+00:00</t>
  </si>
  <si>
    <t>security|patch</t>
  </si>
  <si>
    <t>Why does't the selectedImage of a tab bar show up properly?</t>
  </si>
  <si>
    <t>&lt;p&gt;I'm trying to specify an image for the &lt;code&gt;selectedImage&lt;/code&gt; of a &lt;code&gt;UITabBar&lt;/code&gt; tab. This image is contained in the Asset Catalogs folder. The image is called &lt;code&gt;secondActive&lt;/code&gt;.&lt;/p&gt;
&lt;p&gt;&lt;img src="https://i.imgur.com/gjTyDS4.png" alt=""&gt;&lt;/p&gt;
&lt;p&gt;The image that shows up in the Simulator, however, does not represent the image. It's just a blue square. When the &lt;code&gt;tintColor&lt;/code&gt; changes, the color of the square changes too.&lt;/p&gt;
&lt;p&gt;&lt;img src="https://i.imgur.com/ncKaI0i.png" alt=""&gt;&lt;/p&gt;
&lt;p&gt;I'm specifying the &lt;code&gt;selectedImage&lt;/code&gt; of the tab in the &lt;em&gt;User Defined Runtime Attributes&lt;/em&gt; and in the &lt;em&gt;Attributes Inspector&lt;/em&gt;.&lt;/p&gt;
&lt;p&gt;&lt;img src="https://i.imgur.com/pVbibo3.png" alt=""&gt;&lt;/p&gt;
&lt;p&gt;Why does't the &lt;code&gt;selectedImage&lt;/code&gt; of a tab bar show up properly?&lt;/p&gt;</t>
  </si>
  <si>
    <t>2015-06-22 19:11:52.493000+00:00</t>
  </si>
  <si>
    <t>2015-06-22 19:21:01.103000+00:00</t>
  </si>
  <si>
    <t>ios|storyboard|uitabbar</t>
  </si>
  <si>
    <t>Mailchimp signup form is not working subscribe button</t>
  </si>
  <si>
    <t>&lt;p&gt;Here is my &lt;a href="http://jsfiddle.net/uLn0cr09/" rel="nofollow"&gt;&lt;strong&gt;JSFIDDLE&lt;/strong&gt;&lt;/a&gt;:&lt;/p&gt;
&lt;p&gt;When i run this code, when i click subscribe button, Nothing happened.&lt;/p&gt;
&lt;p&gt;I m trying to change the location placing code, but still i couldn't find the mistake.&lt;/p&gt;
&lt;pre&gt;&lt;code&gt;&amp;lt;div class='popup'&amp;gt;
&amp;lt;div class='cnt223'&amp;gt;
&amp;lt;img src='http://s14.postimg.org/w3j8ay2bh/1440412582_cross_24.png' 
alt='quit' class='x' id='x' /&amp;gt;
&amp;lt;p&amp;gt;
&amp;lt;div id="mc_embed_signup"&amp;gt;
&amp;lt;form action"//wafytech.us11.list-manage.com/subscribe
/post?u=4cc1d72c9827dd3ef80675e4c&amp;amp;amp;id=4d5daa8c14" method="post" id="mc-
embedded-subscribe-form" name="mc-embedded-subscribe-form" class="validate" 
target="_blank" novalidate&amp;gt;
 &amp;lt;div id="mc_embed_signup_scroll"&amp;gt;
    &amp;lt;h2&amp;gt;Subscribe to our mailing list&amp;lt;/h2&amp;gt;
&amp;lt;div class="indicates-required"&amp;gt;&amp;lt;span class="asterisk"&amp;gt;*&amp;lt;/span&amp;gt; indicates 
required&amp;lt;/div&amp;gt;
&amp;lt;div class="mc-field-group"&amp;gt;
    &amp;lt;label for="mce-EMAIL"&amp;gt;Email Address  &amp;lt;span class="asterisk"&amp;gt;*&amp;lt;/span&amp;gt;
&amp;lt;/label&amp;gt;
    &amp;lt;input type="email" value="" name="EMAIL" class="required email" id="mce-
EMAIL"&amp;gt;
&amp;lt;/div&amp;gt;
&amp;lt;div class="mc-field-group"&amp;gt;
    &amp;lt;label for="mce-FNAME"&amp;gt;First Name &amp;lt;/label&amp;gt;
    &amp;lt;input type="text" value="" name="FNAME" class="" id="mce-FNAME"&amp;gt;
&amp;lt;/div&amp;gt;
&amp;lt;div class="mc-field-group"&amp;gt;
    &amp;lt;label for="mce-LNAME"&amp;gt;Last Name &amp;lt;/label&amp;gt;
    &amp;lt;input type="text" value="" name="LNAME" class="" id="mce-LNAME"&amp;gt;
&amp;lt;/div&amp;gt;
    &amp;lt;div id="mce-responses" class="clear"&amp;gt;
        &amp;lt;div class="response" id="mce-error-response" style="display:none"&amp;gt;&amp;lt;/div&amp;gt;
        &amp;lt;div class="response" id="mce-success-response" style="display:none"&amp;gt;&amp;lt;/div&amp;gt;
    &amp;lt;/div&amp;gt;    &amp;lt;!-- real people should not fill this in and expect good 
things - do not remove this or risk form bot signups--&amp;gt;
    &amp;lt;div style="position: absolute; left: -5000px;"&amp;gt;&amp;lt;input type="text" 
name="b_4cc1d72c9827dd3ef80675e4c_4d5daa8c14" tabindex="-1" value=""&amp;gt;&amp;lt;/div&amp;gt;
    &amp;lt;div class="clear"&amp;gt;
    &amp;lt;input type="submit" value="Subscribe" name="subscribe" id="mc-embedded-
subscribe" class="button"&amp;gt;&amp;lt;/div&amp;gt;
    &amp;lt;/div&amp;gt;
&amp;lt;/form&amp;gt;
&amp;lt;/div&amp;gt;
&amp;lt;br/&amp;gt;
&amp;lt;/p&amp;gt;
&amp;lt;/div&amp;gt;
&amp;lt;/div&amp;gt;
&lt;/code&gt;&lt;/pre&gt;</t>
  </si>
  <si>
    <t>2015-08-24 10:33:12.173000+00:00</t>
  </si>
  <si>
    <t>2016-08-05 13:24:13.773000+00:00</t>
  </si>
  <si>
    <t>PHP MSSQL issue with accented characters</t>
  </si>
  <si>
    <t>&lt;p&gt;I'm having issues with accented characters and encoding while using MSSQL and PHP - we have a table that contains characters such as �� - when we display that using PHP we get squares - ���.&lt;/p&gt;
&lt;p&gt;I've tried setting the charset as UTF-8, using 'SET NAMES UTF-8', also tried removing those settings... I cannot get it working!&lt;/p&gt;
&lt;p&gt;Interestingly, if I run 'echo mb_detect_encoding($VarWithAccentedChars);'&lt;/p&gt;
&lt;p&gt;it returns UTF-8...&lt;/p&gt;
&lt;p&gt;Any ideas on where i'm going wrong?!&lt;/p&gt;
&lt;p&gt;As a note, if I look at the table in SSMS I can view the data correctly..&lt;/p&gt;
&lt;p&gt;Thanks&lt;/p&gt;</t>
  </si>
  <si>
    <t>2014-12-17 09:57:03.213000+00:00</t>
  </si>
  <si>
    <t>php|sql-server|utf-8|character-encoding</t>
  </si>
  <si>
    <t>How to get Regular Customer list</t>
  </si>
  <si>
    <t>&lt;p&gt;i want to get list of regular customer records. can anybody help me in the mysql query to get regular customer records.&lt;/p&gt;
&lt;p&gt;Regular customer records defination : A customer who place single order in month for last 3 month that called regular customer.&lt;/p&gt;
&lt;p&gt;ie.: customer A place one order on jun, jul and aug that called regular but if he place order on may, jul and aug then it's not a regular customer.&lt;/p&gt;
&lt;p&gt;Following my table list:&lt;/p&gt;
&lt;pre&gt;&lt;code&gt;CREATE TABLE IF NOT EXISTS `customer_mst` (
  `ID` int(11) NOT NULL AUTO_INCREMENT,
  `firstName` varchar(50) NOT NULL,
  `lastName` varchar(50) NOT NULL,
  `email` varchar(150) NOT NULL,
  `phone` varchar(20) NOT NULL,
  `dateCreated` datetime NOT NULL,
  `lastActivity` datetime NOT NULL,
  `ipAddress` varchar(40) NOT NULL,
  PRIMARY KEY (`ID`)
)
CREATE TABLE IF NOT EXISTS `order_mst` (
  `ID` int(11) NOT NULL AUTO_INCREMENT,
  `custId` int(11) NOT NULL COMMENT 'FK customer_mst(ID)',
  `grandTotal` float NOT NULL,
  `createdDate` datetime NOT NULL,
  PRIMARY KEY (`ID`),
  KEY `custId` (`custId`)
) 
&lt;/code&gt;&lt;/pre&gt;</t>
  </si>
  <si>
    <t>2013-10-31 08:05:54.727000+00:00</t>
  </si>
  <si>
    <t>2013-10-31 09:17:16.900000+00:00</t>
  </si>
  <si>
    <t>2013-10-31 08:12:47.667000+00:00</t>
  </si>
  <si>
    <t>php|mysql|sql</t>
  </si>
  <si>
    <t>MySQL query vs JavaScript processing performance</t>
  </si>
  <si>
    <t>&lt;p&gt;This is just a vague question based on curiosity.&lt;/p&gt;
&lt;p&gt;Let's say I was storing colours in a database as just the hex value (ignore keys). The application should display the hex value and the RGB value.&lt;/p&gt;
&lt;p&gt;I'm wondering if it would be better to store the RGB values in the database as well or use a JavaScript function on the hex value to produce the RGB after the query. The function is only like four lines and naturally the query would be the same but would return more data.&lt;/p&gt;
&lt;p&gt;Would there be any discernible difference in performance? Presumably you would only really start to notice any if there were hundreds of thousands of entries.&lt;/p&gt;
&lt;p&gt;Which method makes more sense conceptually?&lt;/p&gt;</t>
  </si>
  <si>
    <t>2014-02-25 04:38:53.120000+00:00</t>
  </si>
  <si>
    <t>2014-02-25 04:48:49.707000+00:00</t>
  </si>
  <si>
    <t>javascript|mysql|performance</t>
  </si>
  <si>
    <t>How to make tetris blocks fall down every second?</t>
  </si>
  <si>
    <t>&lt;p&gt;I am making a Tetris clone and I am using a tick method for the game loop (not sure if this is necessary). I want to increase the y value of the block object by 50 pixels every second or so. Can I add some type of delay in my tick method, or is there an easier way?&lt;/p&gt;
&lt;pre&gt;&lt;code&gt;public class SquareBlock extends GameObject{
    public SquareBlock(int x, int y, ID id){
        super(x,y,id);
    }
    public void tick(){
        y += 50;
    }
    public void render(Graphics g){
        g.setColor(Color.red);
        g.fillRect(x, y, 50, 50);
        g.fillRect(x, y + 50, 50, 50);
        g.fillRect(x + 50, y, 50, 50);
        g.fillRect(x + 50, y + 50, 50, 50);
    }
}
&lt;/code&gt;&lt;/pre&gt;
&lt;p&gt;Thanks&lt;/p&gt;</t>
  </si>
  <si>
    <t>2017-06-12 02:00:37.330000+00:00</t>
  </si>
  <si>
    <t>2017-06-12 03:53:49.963000+00:00</t>
  </si>
  <si>
    <t>2017-06-12 02:16:07.337000+00:00</t>
  </si>
  <si>
    <t>java|tetris</t>
  </si>
  <si>
    <t>ReactJs: Set data- attributes on elements without JSX</t>
  </si>
  <si>
    <t>&lt;p&gt;React supports data-* and aria-* attributes on elements. When using the component API, I would guess these attributes could be set just like the rest:&lt;/p&gt;
&lt;pre&gt;&lt;code&gt;React.DOM.div({style: {...}, dataMyFoo: 'bar'}, ...)
&lt;/code&gt;&lt;/pre&gt;
&lt;p&gt;Nope. That doesn't work. The &lt;code&gt;dataMyFoo&lt;/code&gt; attribute is silently ignored. I read somewhere that these need to be all lowercase. How about:&lt;/p&gt;
&lt;pre&gt;&lt;code&gt;React.DOM.div({style: {...}, datamyfoo: 'bar'}, ...)
&lt;/code&gt;&lt;/pre&gt;
&lt;p&gt;Again, silently ignored.&lt;/p&gt;
&lt;p&gt;Is this possible? If so, what is the secret? I spent quite a while searching without finding the answer.&lt;/p&gt;</t>
  </si>
  <si>
    <t>2014-07-15 19:44:35.970000+00:00</t>
  </si>
  <si>
    <t>2016-09-05 14:30:24.277000+00:00</t>
  </si>
  <si>
    <t>How to pass information between different objects from the same class and other classes as events in C#</t>
  </si>
  <si>
    <t>&lt;p&gt;I draw the following topology where each node is an object of class &lt;code&gt;SensorNode&lt;/code&gt;, the blue links indicate the links between each node with its neighbors where the circles around the nodes represent the transmission range for each node.
The sink also is an object of class &lt;code&gt;Sink&lt;/code&gt;.
I need to instantiate messaging and communication between them but I have no idea what mechanisms should I used to perform message passing between theses objects (sensor nodes) where each node has its unique ID, the sink has a fixed ID which is 1 in my code because I use only a single sink. &lt;/p&gt;
&lt;p&gt;&lt;a href="https://i.stack.imgur.com/afDcb.png" rel="nofollow noreferrer"&gt;&lt;img src="https://i.stack.imgur.com/afDcb.png" alt="enter image description here"&gt;&lt;/a&gt;&lt;/p&gt;
&lt;p&gt;The following are the classes where I am still stuck to how to implement send receive, and forward in terms of making this communication applicable between these different objects... &lt;/p&gt;
&lt;p&gt;&lt;strong&gt;Class "SensorNode"&lt;/strong&gt;&lt;/p&gt;
&lt;pre&gt;&lt;code&gt;namespace CRN_Topology
{
    class SensorNode
    {
       public int snID;
       public string snName;
       public int snDepth;
       public DateTime schedulingTime;
       public double holdingTime;
       public double energy;
       public List&amp;lt;int&amp;gt; queue11 = new List&amp;lt;int&amp;gt;();
       public List&amp;lt;DateTime&amp;gt; queue12 = new List&amp;lt;DateTime&amp;gt;();
       public List&amp;lt;Packet&amp;gt; queue21 = new List&amp;lt;Packet&amp;gt;();
       public List&amp;lt;DateTime&amp;gt; queue22 = new List&amp;lt;DateTime&amp;gt;();
       public SensorNode(int id,string name,int depth, double energy)
       {
           this.snID = id;
           this.snName = name;
           this.snDepth = depth;
           this.energy = energy;
       }
       public void insertHistoryQueue(int packetID, DateTime receivingTime)
       {
           queue11.Add(packetID);
           queue12.Add(receivingTime);
       }
       public void insertPriorityQueue(Packet packet, DateTime schedulingTime)
       {
           queue21.Add(packet);
           queue22.Add(schedulingTime);
       }
       public DateTime schedulingTimeCalculations(double holdingTime, DateTime systemTime)       
       {
           schedulingTime = DateTime.FromOADate(holdingTime).Date + systemTime.TimeOfDay;
           return schedulingTime; 
       }
       public double holdingTimeCalculations(double alpha, double depth, double beta)
       {
           holdingTime = alpha * depth + beta;
           return holdingTime; 
       }
       public void receive(Packet packet)
       {
       }
       public void forward(Packet packet, int neighborID)
       {
       }
       public void remove()
       {
       }
       public void sendDirect(int rxID, Packet packet)
       {
       }
    }
}
&lt;/code&gt;&lt;/pre&gt;
&lt;p&gt;&lt;strong&gt;Class "Sink"&lt;/strong&gt;&lt;/p&gt;
&lt;pre&gt;&lt;code&gt;namespace CRN_Topology
{
    class Sink
    {
        public string name;
        public int sinkID;
        public int sinkX;
        public int sinkY;
        public List&amp;lt;Packet&amp;gt; queue1 = new List&amp;lt;Packet&amp;gt;();
        public List&amp;lt;DateTime&amp;gt; queue2 = new List&amp;lt;DateTime&amp;gt;();
        public Sink(string name, int Id , int xLocation, int yLocation)
        {
            this.name = name;
            this.sinkID = Id;
            this.sinkX = xLocation;
            this.sinkY = yLocation;
        }
        public void insert(Packet packet, DateTime receivingTime)
        {
            queue1.Add(packet);
            queue2.Add(receivingTime);
        }
    }
}
&lt;/code&gt;&lt;/pre&gt;
&lt;p&gt;Any idea, I need your suggestions and your help as I do not have an idea how to pass information between these objects (sensor nodes) and between the sensor nodes and the sink. What is the library which is responsible for this application in C#? &lt;/p&gt;</t>
  </si>
  <si>
    <t>2017-04-30 14:52:43.087000+00:00</t>
  </si>
  <si>
    <t>2017-05-02 01:29:02.983000+00:00</t>
  </si>
  <si>
    <t>2017-04-30 17:29:10.360000+00:00</t>
  </si>
  <si>
    <t>user5483831</t>
  </si>
  <si>
    <t>c#|sendmessage|message-passing|topology</t>
  </si>
  <si>
    <t>Minimalistic Clean Responsive Layout in CSS3 Flexbox: Desktop &lt;&gt; Mobile toggle</t>
  </si>
  <si>
    <t>&lt;p&gt;I am trying to achieve a simple clean minimalistic responsive layout in CSS3 Flex, where:&lt;/p&gt;
&lt;p&gt;A) in the desktop mode the body contains three vertical elements side by side "all in one row", and;&lt;br&gt;
 B) an alternative vertical oriented mobile version mode where the body contains the elements as rows on top of eachother, "all in one column". &lt;/p&gt;
&lt;p&gt;But my code is broken somewhere as I dont see the mobile version kicking in when resizing the the window to narrow vertical orientation. What am I missing?&lt;/p&gt;
&lt;p&gt;&lt;div class="snippet" data-lang="js" data-hide="false" data-console="true" data-babel="false"&gt;_x000D_
&lt;div class="snippet-code"&gt;_x000D_
&lt;pre class="snippet-code-css lang-css prettyprint-override"&gt;&lt;code&gt;*{_x000D_
      margin: 0;_x000D_
     padding: 0;_x000D_
 -webkit-box-sizing: border-box;_x000D_
    -moz-box-sizing: border-box;_x000D_
         box-sizing: border-box;_x000D_
}_x000D_
_x000D_
body {_x000D_
         display: flex;_x000D_
         min-height: 100vh;_x000D_
         flex-direction: row;_x000D_
         flex: 1;_x000D_
         background: yellow;_x000D_
}_x000D_
_x000D_
main {_x000D_
 flex: 2;_x000D_
 background: tomato;_x000D_
}_x000D_
_x000D_
nav {_x000D_
 flex: 1;_x000D_
 background: tan;_x000D_
}_x000D_
_x000D_
aside {_x000D_
 flex:1;_x000D_
 background: thistle;_x000D_
}_x000D_
_x000D_
_x000D_
/* FOR MOBILE PHONES */_x000D_
@media only screen and (orientation: vertical) and (max-width: 768px) { _x000D_
_x000D_
 body{_x000D_
  flex-direction: column;_x000D_
 }_x000D_
_x000D_
 main {_x000D_
  background: crimson; /* test to see if mobile mode is activated */_x000D_
 }_x000D_
}&lt;/code&gt;&lt;/pre&gt;_x000D_
&lt;pre class="snippet-code-html lang-html prettyprint-override"&gt;&lt;code&gt;&amp;lt;body&amp;gt;_x000D_
    &amp;lt;main&amp;gt;content&amp;lt;/main&amp;gt;_x000D_
    &amp;lt;nav&amp;gt;nav&amp;lt;/nav&amp;gt;_x000D_
    &amp;lt;aside&amp;gt;aside&amp;lt;/aside&amp;gt;_x000D_
&amp;lt;/body&amp;gt;&lt;/code&gt;&lt;/pre&gt;_x000D_
&lt;/div&gt;_x000D_
&lt;/div&gt;_x000D_
&lt;/p&gt;</t>
  </si>
  <si>
    <t>2017-05-27 09:20:14.883000+00:00</t>
  </si>
  <si>
    <t>2017-05-27 10:08:07.153000+00:00</t>
  </si>
  <si>
    <t>2017-05-27 09:36:30.800000+00:00</t>
  </si>
  <si>
    <t>css3|mobile|responsive-design|flexbox|desktop</t>
  </si>
  <si>
    <t>How does immutable.js #get work?</t>
  </si>
  <si>
    <t>&lt;p&gt;I know how Map() can create an empty Map object, but how does the &lt;code&gt;get&lt;/code&gt; here work?? Does it mean it will get get the value from the &lt;code&gt;active&lt;/code&gt; key and if there isn't a key there, it will create an empty Map object? Where is the docs for this?&lt;/p&gt;
&lt;pre&gt;&lt;code&gt;const activeSelector = createSelector(
  rootSelector,
  (root) =&amp;gt; root.get('active', Map())
);
&lt;/code&gt;&lt;/pre&gt;</t>
  </si>
  <si>
    <t>2017-05-26 18:29:32.357000+00:00</t>
  </si>
  <si>
    <t>2017-05-26 18:32:40.527000+00:00</t>
  </si>
  <si>
    <t>javascript|immutable.js</t>
  </si>
  <si>
    <t>Border XML not loading dynamically in Android</t>
  </si>
  <si>
    <t>&lt;p&gt;I am trying to set a RelativeLayout border generated dynamically. For some reason, when I do it manually in the activity XML it works perfectly, but when I try to add it dynamically it doesn't show. &lt;/p&gt;
&lt;p&gt;&lt;strong&gt;border.xml located in drawables folder&lt;/strong&gt;&lt;/p&gt;
&lt;pre&gt;&lt;code&gt;&amp;lt;?xml version="1.0" encoding="utf-8"?&amp;gt;
&amp;lt;layer-list xmlns:android="http://schemas.android.com/apk/res/android"&amp;gt;
    &amp;lt;item&amp;gt;
        &amp;lt;shape android:shape="rectangle"&amp;gt;
            &amp;lt;solid android:color="#000" /&amp;gt;
        &amp;lt;/shape&amp;gt;
    &amp;lt;/item&amp;gt;
    &amp;lt;item android:bottom="1dp"&amp;gt;
        &amp;lt;shape android:shape="rectangle"&amp;gt;
            &amp;lt;solid android:color="#fff" /&amp;gt;
        &amp;lt;/shape&amp;gt;
    &amp;lt;/item&amp;gt;
&amp;lt;/layer-list&amp;gt;
&lt;/code&gt;&lt;/pre&gt;
&lt;p&gt;&lt;strong&gt;activity XML file&lt;/strong&gt;&lt;/p&gt;
&lt;pre&gt;&lt;code&gt;&amp;lt;RelativeLayout
            android:layout_width="match_parent"
            android:layout_height="wrap_content"
            android:paddingBottom="5px"
            android:paddingTop="5px"
            android:background="@drawable/border"&amp;gt;
&lt;/code&gt;&lt;/pre&gt;
&lt;p&gt;&lt;strong&gt;Code to add it directly and append it to an existing LinearLayout&lt;/strong&gt;&lt;/p&gt;
&lt;pre&gt;&lt;code&gt;public void load(){
LinearLayout UsersContainer = (LinearLayout) findViewById(R.id.usersContainer);
RelativeLayout UserContainer = new RelativeLayout(this);
UserContainer.setLayoutParams(new RelativeLayout.LayoutParams(RelativeLayout.LayoutParams.MATCH_PARENT, RelativeLayout.LayoutParams.WRAP_CONTENT));
UserContainer.setPadding(0,5,5,0);
UserContainer.setBackgroundResource(R.drawable.border);
UsersContainer.addView(UserContainer);
}
&lt;/code&gt;&lt;/pre&gt;
&lt;p&gt;I would really appreciate your help! I have tried loading a TextView to the LinearLayout and it works fine. The RelativeLayout however does not show the border (it does load though!). &lt;/p&gt;</t>
  </si>
  <si>
    <t>2014-09-16 00:23:53.863000+00:00</t>
  </si>
  <si>
    <t>2014-09-16 01:07:48.230000+00:00</t>
  </si>
  <si>
    <t>android|css|xml|android-layout</t>
  </si>
  <si>
    <t>Centos sudo yum update fails</t>
  </si>
  <si>
    <t>&lt;p&gt;I have the following error when trying to update yum for security can someone advise a fix, i have run yum clean metadata and that didnt work i am worried about running yum clean all as this was suggested as a fix in another post as i am not sure what it does?&lt;/p&gt;
&lt;pre&gt;&lt;code&gt;    sudo yum update
Loaded plugins: priorities, update-motd, upgrade-helper
amzn-main/latest                                         | 2.1 kB     00:00     
amzn-updates/latest                                      | 2.3 kB     00:00     
centos                                                   | 3.7 kB     00:00     
http://apt.sw.be/redhat/el5/en/x86_64/dag/repodata/repomd.xml: [Errno 14] PYCURL ERROR 22 - "The requested URL returned error: 404 Not Found"
Trying other mirror.
epel/x86_64/metalink                                     |  23 kB     00:00     
epel/x86_64                                              | 4.3 kB     00:00     
epel/x86_64/updateinfo                                   | 736 kB     00:00     
epel/x86_64/primary_db                                   | 5.9 MB     00:00     
http://apt.sw.be/redhat/el6/en/x86_64/rpmforge/repodata/repomd.xml: [Errno 14] PYCURL ERROR 22 - "The requested URL returned error: 404 Not Found"
Trying other mirror.
rpmforge                                                 | 1.9 kB     00:00     
4028 packages excluded due to repository priority protections
Resolving Dependencies
--&amp;gt; Running transaction check
---&amp;gt; Package aws-cli.noarch 0:1.10.46-1.40.amzn1 will be updated
---&amp;gt; Package aws-cli.noarch 0:1.10.56-1.41.amzn1 will be an update
---&amp;gt; Package compat-libtiff3.x86_64 0:3.9.4-10.13.amzn1 will be updated
---&amp;gt; Package compat-libtiff3.x86_64 0:3.9.4-18.14.amzn1 will be an update
---&amp;gt; Package curl.x86_64 0:7.40.0-8.58.amzn1 will be updated
---&amp;gt; Package curl.x86_64 0:7.40.0-8.59.amzn1 will be an update
---&amp;gt; Package dracut.noarch 0:004-336.28.amzn1 will be updated
---&amp;gt; Package dracut.noarch 0:004-409.31.amzn1 will be an update
http://apt.sw.be/redhat/el5/en/x86_64/dag/repodata/filelists.sqlite.bz2: [Errno 14] PYCURL ERROR 22 - "The requested URL returned error: 404 Not Found"
Trying other mirror.
&lt;/code&gt;&lt;/pre&gt;
&lt;p&gt;Thanks&lt;/p&gt;</t>
  </si>
  <si>
    <t>2016-08-22 20:45:16.550000+00:00</t>
  </si>
  <si>
    <t>2016-09-05 08:31:46.097000+00:00</t>
  </si>
  <si>
    <t>sqlite|centos|sudo|yum</t>
  </si>
  <si>
    <t>Designing UI in Kindle KDK (extended java.awt)</t>
  </si>
  <si>
    <t>&lt;p&gt;I have some experience with Android development and now I have decided to learn something new - developing for Kindle (NOT Android based Kindle Fire).&lt;/p&gt;
&lt;p&gt;Amazon offers &lt;a href="http://kdk-javadocs.s3.amazonaws.com/1.3/index.html" rel="nofollow"&gt;KDK&lt;/a&gt; + &lt;a href="http://docs.oracle.com/javame/config/cdc/ref-impl/pbp1.1.2/jsr217/index.html" rel="nofollow"&gt;Personal Basis Profile 1.1.2 (JSR 217)&lt;/a&gt; as a platform. &lt;/p&gt;
&lt;p&gt;My problem is, how to design UI. I do not have any experience with awt (just did som apps in java swing), but is doesn't seem to be a big issue, because it's quite simple... Main issue is with 'replacing' android's &lt;code&gt;ListView&lt;/code&gt;.&lt;/p&gt;
&lt;p&gt;I've tried to use component named &lt;code&gt;KPages&lt;/code&gt;. I'm, however, not able to put anything else but &lt;code&gt;KLabel&lt;/code&gt; into the pages model...&lt;/p&gt;
&lt;pre&gt;&lt;code&gt;    PageProvider pp = PageProviders.createKBoxLayoutProvider(KBoxLayout.PAGE_AXIS);
    final KPages pages = new KPages(pp);
    for (int i = 0; i &amp;lt; 40; i++) {
        final KPanel listItem = new KPanel();
        // listItem.add(new KLabelMultiline("label numero " + i + " is not very good, because it will be displayed over more than one line and 'pages' won't be able to deal with it"));
        listItem.add(new KLabel("label numero " + i + " is very good, because it won't be displayed over more than one line and 'pages' will be able to deal with it"));
        listItem.add(new KButton("read"));
        listItem.add(new KButton("edit"));
        pages.addItem(listItem);
    }
    context.getRootContainer().add(pages);
&lt;/code&gt;&lt;/pre&gt;
&lt;p&gt;Sample code above shows my effort to list some items. &lt;code&gt;KPages&lt;/code&gt; works well only when adding &lt;code&gt;KLabel&lt;/code&gt; using &lt;code&gt;pages.addItem()&lt;/code&gt;. Just inserting &lt;code&gt;KLabelMultiline&lt;/code&gt; causes paging to mulfunction (instead of showing labels 0-12 it 'displays' 0-26 as in single line, but screen of kindle shows only 14-26). Trying to insert whole &lt;code&gt;KPanel&lt;/code&gt; with label and 2 buttons results in listing the labels followed by one empty line for each item, without any button...  displaying same &lt;code&gt;KPanel&lt;/code&gt; outside pages works fine - I can see the label and both buttons...&lt;/p&gt;
&lt;p&gt;I'm almost sure it's my fault for leaving something out, but thanks to really little information available on KDK, I'm not able to find it... Can anybody give me a hand? Thanks&lt;/p&gt;</t>
  </si>
  <si>
    <t>2013-02-06 17:59:39.947000+00:00</t>
  </si>
  <si>
    <t>2013-02-07 23:14:57.647000+00:00</t>
  </si>
  <si>
    <t>java|android-layout|awt|kindle|kindle-kdk</t>
  </si>
  <si>
    <t>Can two GWT modules in the same project access the same database on GAE?</t>
  </si>
  <si>
    <t>&lt;p&gt;I'm planning to divide my GWT project into two different &lt;a href="https://developers.google.com/web-toolkit/doc/1.6/DevGuideOrganizingProjects#DevGuideModules" rel="nofollow"&gt;modules&lt;/a&gt;. &lt;/p&gt;
&lt;p&gt;In my project I'm using the &lt;a href="https://developers.google.com/appengine/docs/java/datastore/" rel="nofollow"&gt;Google Datastore&lt;/a&gt;.&lt;/p&gt;
&lt;p&gt;The question is if the two modules will be able to access the same Datastore or not (I would like them to). &lt;/p&gt;
&lt;p&gt;Thanks!&lt;/p&gt;</t>
  </si>
  <si>
    <t>2013-06-28 13:50:58.967000+00:00</t>
  </si>
  <si>
    <t>2015-03-05 04:55:35.490000+00:00</t>
  </si>
  <si>
    <t>google-app-engine|gwt|module|google-cloud-datastore|gae-module</t>
  </si>
  <si>
    <t>How to properly draw text with "Core Text" in flipped NSView</t>
  </si>
  <si>
    <t>&lt;p&gt;I use my own NSView with&lt;/p&gt;
&lt;pre&gt;&lt;code&gt;- (BOOL) isFlipped { return TRUE; }
&lt;/code&gt;&lt;/pre&gt;
&lt;p&gt;to have left-top-based coordinate.
The problem is then I draw text with Core Text:&lt;/p&gt;
&lt;pre&gt;&lt;code&gt;CTFontRef font = CTFontCreateWithFontDescriptor(descriptor, size, NULL);
CFAttributedStringRef attrStr = makeAttrStringRef(str, font);
CTLineRef line = CTLineCreateWithAttributedString(attrStr);
CGContextSetTextPosition(context, pos.x, pos.y); // pos is left-top corener
CTLineDraw(line, context);
&lt;/code&gt;&lt;/pre&gt;
&lt;p&gt;the text is flipped:&lt;/p&gt;
&lt;p&gt;&lt;a href="https://i.stack.imgur.com/OvuGv.png" rel="nofollow noreferrer"&gt;&lt;img src="https://i.stack.imgur.com/OvuGv.png" alt="enter image description here"&gt;&lt;/a&gt;&lt;/p&gt;
&lt;p&gt;If I pass flipped matrix to &lt;code&gt;CTFontCreateWithFontDescriptor&lt;/code&gt; &lt;/p&gt;
&lt;pre&gt;&lt;code&gt;CGAffineTransform flipped = (CGAffineTransform){1,0,0,-1,0,0};
&lt;/code&gt;&lt;/pre&gt;
&lt;p&gt;the text is shifted (left-top corner of text if not at &lt;code&gt;pos&lt;/code&gt;):&lt;/p&gt;
&lt;p&gt;&lt;a href="https://i.stack.imgur.com/SY2Ch.png" rel="nofollow noreferrer"&gt;&lt;img src="https://i.stack.imgur.com/SY2Ch.png" alt="enter image description here"&gt;&lt;/a&gt;&lt;/p&gt;
&lt;p&gt;What is a proper way to draw text in flipped NSView with keeping left-top-based coordinates?&lt;/p&gt;</t>
  </si>
  <si>
    <t>2018-05-24 12:49:14.950000+00:00</t>
  </si>
  <si>
    <t>2018-05-25 00:12:41.163000+00:00</t>
  </si>
  <si>
    <t>2018-05-25 00:00:55.473000+00:00</t>
  </si>
  <si>
    <t>cocoa|core-text</t>
  </si>
  <si>
    <t>Unable to read MongoDB JSON file from Python</t>
  </si>
  <si>
    <t>&lt;p&gt;I have a mongo collection called test.json,I am unable to read the test.json from python.If i run the below code its giving the error&lt;/p&gt;
&lt;blockquote&gt;
  &lt;p&gt;ValueError: No JSON object could be decoded&lt;/p&gt;
&lt;/blockquote&gt;
&lt;pre&gt;&lt;code&gt;from bson import ObjectId
import json
from pprint import pprint
with open('E:/Work/Paths/Production/test.json') as data_file:    
    data = json.load(data_file)
pprint(data)
&lt;/code&gt;&lt;/pre&gt;
&lt;p&gt;test.json&lt;/p&gt;
&lt;pre&gt;&lt;code&gt;{ 
    "_id" : ObjectId("582c2011fe5dc80c8f2f8077"), 
    "menuNumber" : NumberInt(14603), 
    "imageurl" : "menu/test.png", 
    "imageurl_thumb" : "master/14603_thumb.png"
}
{ 
    "_id" : ObjectId("582c2018fe5dc80c8f2f8078"), 
    "menuNumber" : NumberInt(14614), 
    "imageurl" : "menu/test1.png", 
    "imageurl_thumb" : "master/14614_thumb.png"
}
&lt;/code&gt;&lt;/pre&gt;</t>
  </si>
  <si>
    <t>2016-11-17 06:23:15.710000+00:00</t>
  </si>
  <si>
    <t>2016-11-17 06:38:12.260000+00:00</t>
  </si>
  <si>
    <t>python|json</t>
  </si>
  <si>
    <t>Removing horizontal spaces Between image Columns in bootstrap</t>
  </si>
  <si>
    <t>&lt;p&gt;I am having a hard time with the spaces in the second row, I want to make the images down to add up to the spaces but the stuff isn't working out I have tried other solutions but they did not help.&lt;/p&gt;
&lt;p&gt;How can I fix this?&lt;/p&gt;
&lt;p&gt;Here is the image of what I am trying to get rid of, the spaces in 2nd row:&lt;/p&gt;
&lt;p&gt;&lt;a href="https://i.stack.imgur.com/evhQb.png" rel="nofollow noreferrer"&gt;&lt;img src="https://i.stack.imgur.com/evhQb.png" alt="enter image description here"&gt;&lt;/a&gt;&lt;/p&gt;
&lt;pre&gt;&lt;code&gt;&amp;lt;div class="col-lg-9 col-md-12 pull-right"&amp;gt; 
  &amp;lt;div class="row"&amp;gt;
    &amp;lt;div class="col-lg-4"&amp;gt;
      &amp;lt;div class="thumbnail nothing"&amp;gt;
        &amp;lt;img src="http://justcuteanimals.com/wp-content/uploads/2016/10/baby-bear-pictures-cute-animal-pics.jpg" class="image-responsive"&amp;gt;
      &amp;lt;/div&amp;gt;
    &amp;lt;/div&amp;gt;
    &amp;lt;div class="col-lg-4"&amp;gt;
      &amp;lt;div class="thumbnail nothing"&amp;gt;
        &amp;lt;img src="http://justcuteanimals.com/wp-content/uploads/2016/10/baby-bear-pictures-cute-animal-pics.jpg" class="image-responsive"&amp;gt;
      &amp;lt;/div&amp;gt;
    &amp;lt;/div&amp;gt;
    &amp;lt;div class="col-lg-4"&amp;gt;
      &amp;lt;div class="thumbnail nothing"&amp;gt;
        &amp;lt;img src="http://justcuteanimals.com/wp-content/uploads/2016/10/baby-bear-pictures-cute-animal-pics.jpg" class="image-responsive"&amp;gt;
      &amp;lt;/div&amp;gt;
    &amp;lt;/div&amp;gt;
  &amp;lt;/div&amp;gt;
&amp;lt;/div&amp;gt;
&lt;/code&gt;&lt;/pre&gt;
&lt;p&gt;so this is just the code that i used for the columns feel free to look into it 
  pls&lt;/p&gt;</t>
  </si>
  <si>
    <t>2017-07-21 02:24:03.387000+00:00</t>
  </si>
  <si>
    <t>2018-02-23 11:11:54.350000+00:00</t>
  </si>
  <si>
    <t>HTTP 403.0 coming from IIS - Subcode useless and not explaining "Access denied"</t>
  </si>
  <si>
    <t>&lt;p&gt;We're suddenly getting 403 "Access Denied" errors, but there's no apparent reason. 
The problem only occurs with pages where hyphens are used. For example:&lt;br&gt;
&lt;a href="http://example.com/my-page" rel="nofollow"&gt;http://example.com/my-page&lt;/a&gt;&lt;br&gt;
However if we rename this page to: 
&lt;a href="http://example.com/my_page" rel="nofollow"&gt;http://example.com/my_page&lt;/a&gt;&lt;br&gt;
It works. &lt;/p&gt;
&lt;p&gt;It's a Sitefinity CMS application/site, so we initially thought the problem was there, but we're able to get the exact same app/db up and running on testing VM and the problem disappears.  &lt;/p&gt;
&lt;p&gt;The environment is Windows Server 2012 with IIS 8. &lt;/p&gt;
&lt;p&gt;We suspect that there has been a change in the environment, but we're not sure what it could be. &lt;/p&gt;
&lt;p&gt;One last point is that it doesn't happen with all hyphenated pages. But, all the problem pages are hyphenated pages. &lt;/p&gt;</t>
  </si>
  <si>
    <t>2015-04-02 17:25:27.580000+00:00</t>
  </si>
  <si>
    <t>iis|sitefinity</t>
  </si>
  <si>
    <t>GPUImageWriter intermittent crash</t>
  </si>
  <si>
    <t>&lt;p&gt;I am using the GPUImage framework to record videos.  However, while recording, I like to be able to stop recording, start recording, and repeat.  My code is as follow:&lt;/p&gt;
&lt;pre&gt;&lt;code&gt;-(void) startRecording {
NSLog(@"begin recording ");
dispatch_async(recordingQ, ^{
    @autoreleasepool {
        _assetURL = [self mediaURLAsVideo:YES];
        _movieWriter = [[GPUImageMovieWriter alloc] initWithMovieURL:[self mediaURLAsVideo:YES] size:CGSizeMake(640, 480)];
        [_overlay addTarget:_movieWriter];
        [_movieWriter startRecording];
    }
});
&lt;/code&gt;&lt;/pre&gt;
&lt;p&gt;}&lt;/p&gt;
&lt;pre&gt;&lt;code&gt;-(void) stopRecording {
NSLog(@"stop recording");
dispatch_sync(recordingQ, ^{
    [_overlay removeTarget:_movieWriter];
    [_movieWriter finishRecording];
});
}
&lt;/code&gt;&lt;/pre&gt;
&lt;p&gt;Occasionally, I see this crash:&lt;/p&gt;
&lt;pre&gt;&lt;code&gt;*** Assertion failure in -[GPUImageMovieWriter createDataFBO], /Users/.../Pods/GPUImage/framework/Source/iOS/GPUImageMovieWriter.m:548
&lt;/code&gt;&lt;/pre&gt;
&lt;p&gt;I am not sure why this is the case but any help would be appreciated.&lt;/p&gt;
&lt;p&gt;There's a second issue to this as well.  Occasionally, the console logs &lt;/p&gt;
&lt;pre&gt;&lt;code&gt;Couldn't write a frame
Couldn't write a frame
Couldn't write a frame
Couldn't write a frame
&lt;/code&gt;&lt;/pre&gt;</t>
  </si>
  <si>
    <t>2014-08-26 21:38:06.657000+00:00</t>
  </si>
  <si>
    <t>gpuimage</t>
  </si>
  <si>
    <t>The general process of creating a printable pdf from xml</t>
  </si>
  <si>
    <t>&lt;p&gt;This is a very, very basic question. I'm self-taught using html, xml and css, so please forgive my absolute ignorance. My situation is as follows: I Know how to write XMl files, I can create the html output I want and use Css to style the page the way I need to. Now, I would like to print a book from this result. I need it to split the content of my html page into A4-pages, add page numbers and line numbers. What techniques do I have to learn to do this? I have read online that xsl:fo is used to transform xml to pdf. Is there any way I could use the html/css output with this or do I need to write an entire new stylesheet using xsl:fo?  Do I need to learn javascript? I'm willing to do any of this, I just don't know where to start.&lt;/p&gt;
&lt;p&gt;I had a look at importing my xml file into indesign and that would work, but then I'd have to do all the work of styling the text again. There has to be a better way.&lt;/p&gt;</t>
  </si>
  <si>
    <t>2014-09-17 12:05:02.710000+00:00</t>
  </si>
  <si>
    <t>2014-09-17 16:55:16.643000+00:00</t>
  </si>
  <si>
    <t>html|css|xml|xslt</t>
  </si>
  <si>
    <t>jQuery's datepicker delete issue</t>
  </si>
  <si>
    <t>&lt;p&gt;I seem to be having a problem with the date picker.  Here is the current code I have:&lt;/p&gt;
&lt;p&gt;jQuery:&lt;/p&gt;
&lt;pre&gt;&lt;code&gt;$("txtDate").datepicker({
showOn:"both",
buttonImage:"calendar.png",
buttonImageOnly:true,
onClose: function() {
// do something here
}
});
&lt;/code&gt;&lt;/pre&gt;
&lt;p&gt;HTML:&lt;/p&gt;
&lt;pre&gt;&lt;code&gt;&amp;lt;asp:TextBox id="txtDate" Runat="server" /&amp;gt;
&lt;/code&gt;&lt;/pre&gt;
&lt;p&gt;This works fine until the user deletes a character from the textbox itself after selecting a date.  For example, if the user selects 01-01-2013, and then deletes the last digit, i.e. 3, all other date selections after that will have the last digit missing until a different year is selected.&lt;/p&gt;
&lt;p&gt;How do I stop this from happening?  So basically, if the user deletes any characters from the selected date, selecting the same date again or any other date should not result in the last character missing.&lt;/p&gt;</t>
  </si>
  <si>
    <t>2013-10-07 08:58:34.633000+00:00</t>
  </si>
  <si>
    <t>2013-10-07 09:16:31.800000+00:00</t>
  </si>
  <si>
    <t>Set reverse security-constraint</t>
  </si>
  <si>
    <t>&lt;p&gt;I am trying to set up security-constraints backwards.  I want to say all pages need a login except for the ones I specify.  I use:&lt;/p&gt;
&lt;pre&gt;&lt;code&gt;&amp;lt;security-constraint&amp;gt;
    &amp;lt;web-resource-collection&amp;gt;
        &amp;lt;url-pattern&amp;gt;/*&amp;lt;/url-pattern&amp;gt;
    &amp;lt;/web-resource-collection&amp;gt;
    &amp;lt;auth-constraint&amp;gt;
        &amp;lt;role-name&amp;gt;*&amp;lt;/role-name&amp;gt;
    &amp;lt;/auth-constraint&amp;gt;
&amp;lt;/security-constraint&amp;gt;
&lt;/code&gt;&lt;/pre&gt;
&lt;p&gt;But I can't figure out how to say index.jsp doesn't need a login.  &lt;/p&gt;</t>
  </si>
  <si>
    <t>2011-01-29 18:51:23.350000+00:00</t>
  </si>
  <si>
    <t>2012-12-27 08:42:28.277000+00:00</t>
  </si>
  <si>
    <t>java|security|jsp</t>
  </si>
  <si>
    <t>How do I prevent my .png images being compressed in cocos2d?</t>
  </si>
  <si>
    <t>&lt;ul&gt;
&lt;li&gt;&lt;p&gt;I set the pixel format to RGBA8888:&lt;/p&gt;
&lt;pre&gt;&lt;code&gt;[CCTexture2D setDefaultAlphaPixelFormat:kTexture2DPixelFormat_RGBA8888];
&lt;/code&gt;&lt;/pre&gt;&lt;/li&gt;
&lt;li&gt;&lt;p&gt;In the xcode build settings, I set "Compress PNG Files" to "No"&lt;/p&gt;&lt;/li&gt;
&lt;li&gt;&lt;p&gt;My images are exported in photoshop as png-24.&lt;/p&gt;&lt;/li&gt;
&lt;li&gt;&lt;p&gt;I'm running in the simulator.&lt;/p&gt;&lt;/li&gt;
&lt;/ul&gt;
&lt;p&gt;And my images png images are still being compressed! Any idea's how to solve this?&lt;/p&gt;</t>
  </si>
  <si>
    <t>2011-11-28 07:59:58.190000+00:00</t>
  </si>
  <si>
    <t>2011-11-28 17:10:37.977000+00:00</t>
  </si>
  <si>
    <t>iphone|xcode4|cocos2d-iphone</t>
  </si>
  <si>
    <t>Android Volley Library Exception Handling</t>
  </si>
  <si>
    <t>&lt;p&gt;I run recursively the following code checking to my database until a field goes 1.The problem is when i want to run more than one function at the same time and i need to handle the exceptions.
Here is a simple example:&lt;/p&gt;
&lt;pre&gt;&lt;code&gt;package com.example.sakis.responseproject;
import android.support.v7.app.AppCompatActivity;
import android.os.Bundle;
import android.util.Log;
import android.widget.TextView;
import com.android.volley.RequestQueue;
import com.android.volley.Response;
import com.android.volley.VolleyError;
import com.android.volley.VolleyLog;
import com.android.volley.toolbox.Volley;
import org.json.JSONException;
import org.json.JSONObject;
public class MainActivity extends AppCompatActivity {
TextView text1;
TextView text2;
TextView text3;
int back1;
int back2;
int back3;
@Override
protected void onCreate(Bundle savedInstanceState) {
    super.onCreate(savedInstanceState);
    setContentView(R.layout.activity_main);
   func1();
   func2();
    func3();
}
public void func1()  {
    text1=(TextView) findViewById(R.id.Value1);
    Response.Listener&amp;lt;String&amp;gt; response1Listener = new Response.Listener&amp;lt;String&amp;gt;() {
        @Override
        public void onResponse(final String response) {
            try {
                JSONObject jsonResponse = new JSONObject(response);
                back1 = jsonResponse.getInt("back");
                if (back1 == 0) {
                    text1.setText(" " + back1);
                    func1();
                } else {
                    text1.setText(" " + back1);
                }
            } catch (JSONException e)
            {
                Log.w("Catch1", "Catch1");
                e.printStackTrace();
                ///      func1();
            }
        }
        };
    ResponseRequest backRequestRequest = new ResponseRequest(response1Listener);
    RequestQueue queue1 = Volley.newRequestQueue(MainActivity.this);
    queue1.add(backRequestRequest);
}
public void func2()  {
    text2=(TextView) findViewById(R.id.Value2);
    Response.Listener&amp;lt;String&amp;gt; response1Listener = new Response.Listener&amp;lt;String&amp;gt;() {
        @Override
        public void onResponse(final String response) {
            try {
                JSONObject jsonResponse = new JSONObject(response);
                back2=jsonResponse.getInt("back");
                if(back2==0)  {
                    text2.setText(" "+back2);
                    func2();
                }
                else {
                    text2.setText(" "+back2);
                }
            } catch (JSONException e)
            {
                Log.w("Catch2","Catch2");
                e.printStackTrace();
           ///     func2();
            }
        }
    };
    ResponseRequest backRequestRequest = new ResponseRequest(response1Listener);
    RequestQueue queue1 = Volley.newRequestQueue(MainActivity.this);
    queue1.add(backRequestRequest);
}
public void func3()  {
    text3=(TextView) findViewById(R.id.Value3);
    Response.Listener&amp;lt;String&amp;gt; response1Listener = new Response.Listener&amp;lt;String&amp;gt;() {
        @Override
        public void onResponse(final String response) {
            try {
                JSONObject jsonResponse = new JSONObject(response);
                back3=jsonResponse.getInt("back");
                if(back3==0)  {
                    text3.setText(" "+back3);
                    func3();
                }
                else {
                    text3.setText(" "+back3);
                }
            } catch (JSONException e)
            {
                Log.w("Catch3","Catch3");
                e.printStackTrace();
              //  func3();
            }
        }
    };
    ResponseRequest backRequestRequest = new ResponseRequest(response1Listener);
    RequestQueue queue1 = Volley.newRequestQueue(MainActivity.this);
    queue1.add(backRequestRequest);
}
}
&lt;/code&gt;&lt;/pre&gt;
&lt;p&gt;Here is the ResponseRequest.class:&lt;/p&gt;
&lt;pre&gt;&lt;code&gt;package com.example.sakis.responseproject;
import com.android.volley.Response;
import com.android.volley.toolbox.StringRequest;
import java.util.HashMap;
import java.util.Map;
public class ResponseRequest extends StringRequest {
private static final String REGISTER_REQUEST_URL ="http://xxxx/Response.php";
private Map&amp;lt;String, String&amp;gt; params;
public ResponseRequest( Response.Listener&amp;lt;String&amp;gt; listener) {
    super(Method.POST, REGISTER_REQUEST_URL, listener, null);
    params = new HashMap&amp;lt;&amp;gt;();
}
@Override
public Map&amp;lt;String, String&amp;gt; getParams() {
    return params;
}
}
&lt;/code&gt;&lt;/pre&gt;
&lt;p&gt;And the Response.php:&lt;/p&gt;
&lt;pre&gt;&lt;code&gt;&amp;lt;?php
 $connect = mysqli_connect("xxx", "xxx",     "xxx", "xxx");
 $username1 ="elpi";
 $sql = "SELECT back FROM User WHERE username='$username1'";
$result = mysqli_query($connect, $sql);
$row = mysqli_fetch_assoc($result);
$response["back"]=$row[back];
print_r(json_encode($response));
?&amp;gt;
&lt;/code&gt;&lt;/pre&gt;
&lt;p&gt;It is working fine with one function but when i need to check more fields recursivly the application crashes in different time each time and i want to handle those exception.I need to try run the recursive function again when it fails for some reasons.&lt;/p&gt;</t>
  </si>
  <si>
    <t>2016-07-24 16:11:12.457000+00:00</t>
  </si>
  <si>
    <t>java|android|exception-handling|android-volley</t>
  </si>
  <si>
    <t>After click button the page content are gone (invisible)</t>
  </si>
  <si>
    <t>&lt;p&gt;I've a page and I've postpack control in my cs file.
For example in post.aspx page users can comment.
They give name, email, url and comment and then click send button.
After click send button page content are gone.
Why is this happened?&lt;/p&gt;
&lt;p&gt;Again I have a postback control in page_load like&lt;/p&gt;
&lt;pre&gt;&lt;code&gt;if(!page.ispostback)
&lt;/code&gt;&lt;/pre&gt;</t>
  </si>
  <si>
    <t>2010-08-18 13:27:23.533000+00:00</t>
  </si>
  <si>
    <t>2011-01-29 00:01:43.517000+00:00</t>
  </si>
  <si>
    <t>Not getting output in shell scripting due to mysql query</t>
  </si>
  <si>
    <t>&lt;p&gt;This is my script for generating graphs and combining them.
The problem is when i give the inputs and run the file in terminal,it is showing null in the dump file.I think its not executing the mysql command also. Mysql command is working fine if i give the inputs datetime1,datetime2 and moteid in the command itself.I couldnt find where i am going wrong in the mysql query&lt;/p&gt;
&lt;pre&gt;&lt;code&gt;datetime1=$1
&lt;/code&gt;&lt;/pre&gt;
&lt;p&gt;datetime2=$2
moteid=$3&lt;/p&gt;
&lt;pre&gt;&lt;code&gt;echo " \\documentclass[a4paper,12pt]{article} \
\\usepackage{graphicx} \
\\usepackage{subfigure} \
\\begin{document} \
\\begin{center} \
\\begin{Large} \
\\textbf{ A Network Management System} \\\ \
\\end{Large} \
\\end{center} \
\\vspace{5mm} \
{\bf Report }" &amp;gt; report.tex
flag=0
count_null=0
echo "\\begin{center} \
      {\bf Report generated } \
      \\end{center} " &amp;gt;&amp;gt; report.tex
mysql -u root -e "SELECT (b.l2framessent - a.l2framessent) AS netl2framessent,(b.Frames_Drop-a.Frames_Drop) AS netframesdrop,(b.ETX - a.ETX) AS netetx,CONVERT(endOfInterval*500, DATETIME) endOfInterval FROM (SELECT datetime DIV 500 startOfInterval,l2framessent,Frames_Drop,ETX FROM Statistics3,(SELECT MIN(datetime) mindate FROM Statistics3 WHERE ipaddress=\"$moteid\" AND datetime BETWEEN \"$datetime1\" AND \"$datetime2\" GROUP BY datetime DIV 500) b WHERE ipaddress=\"$moteid\" AND datetime = mindate) a, (SELECT datetime DIV 500 endOfInterval, l2framessent,Frames_Drop,ETX FROM Statistics3, (SELECT MIN(datetime) mindate FROM Statistics3 WHERE ipaddress = \"$moteid\" AND datetime BETWEEN \"$datetime1\" AND \"$datetime2\" GROUP BY datetime DIV 500) b WHERE ipaddress = \"$moteid\" AND datetime = mindate) b WHERE endOfInterval = startOfInterval+ 1 ;" &amp;gt;&amp;gt; dump
sed '1d' dump
##### ETX ######
echo "reset \
set terminal png \
set xdata time \
set timefmt \"%H:%M:%S\" \
set xlabel \"Time\" \
set ylabel \"netetx\" \
set title \"ETX\" \
set grid \
plot \"dump\" using 4:3 title \"ETX\" " &amp;gt;&amp;gt; etx.sh
gnuplot etx.sh &amp;gt; etx.png
#L2 Frames Sent
echo "reset \
set terminal png \
set xdata time \
set timefmt \"%H:%M:%S\" \
set xlabel \"Time\" \
set ylabel \"netL2Framessent\" \
set title \"L2 Frames Sent\" \
set grid \
plot \"dump\" using 4:1 title \"L2 Frames Sent\" " &amp;gt;&amp;gt; frames.sh
gnuplot frames.sh &amp;gt; frames.png
#Frames Drop
echo "reset \
set terminal png \
set xdata time \
set timefmt \"%H:%M:%S\" \
set xlabel \"Time\" \
set ylabel \"netframesdrop\" \
set title \"L2 Frames Drop\" \
set grid \
plot \"dump\" using 4:2 title \"L2 Frames Drop\" " &amp;gt;&amp;gt; framesdrop.sh
gnuplot framesdrop.sh &amp;gt; framesdrop.png
##   TEX  FILE  GENERATION ####
echo "\\begin{figure}[h] \
\\begin{center} \
\\subfigure[ETX]{\label{fig:edge-1a}\includegraphics[width=2.6in,height=2.5in]{etx.png}} \
\\hspace{1mm} \
\\subfigure[L2 Frames Sent]{\label{fig:edge-1b}\includegraphics[width=2.6in,height=2.5in]{frames.png}} \
\\end{center} \
\\label{fig:edge} \
\\end{figure} \
\\begin{figure}[h] \
\\begin{center} " &amp;gt;&amp;gt; report.tex
echo "\\subfigure[L2 Frames Drop]{\label{fig:edge-2a}\includegraphics[width=2.5in,height=2.5in]{framesdrop.png}} \
\\hspace{3mm}  &amp;gt;&amp;gt; report.tex
\\end{center} \
\\label{fig:edge} \
\\end{figure} \
\\clearpage " &amp;gt;&amp;gt; report.tex
echo "\\end{document} " &amp;gt;&amp;gt; report.tex
pdflatex report.tex &amp;gt; /dev/null
&lt;/code&gt;&lt;/pre&gt;
&lt;p&gt;In the terminal to run the output i gave,
sh plot.sh "2012-09-25 15:45:00" "2012-09-29 18:45:00" "5"
and the output is&lt;/p&gt;
&lt;pre&gt;&lt;code&gt;plot "dump" using 4:3 title "ETX" 
                            ^
"etx.sh", line 12: warning: Skipping data file with no valid points
plot "dump" using 4:3 title "ETX" 
                                  ^
"etx.sh", line 12: x range is invalid
plot "dump" using 4:1 title "L2 Frames Sent" 
                            ^
"frames.sh", line 12: warning: Skipping data file with no valid points
plot "dump" using 4:1 title "L2 Frames Sent" 
                                             ^
"frames.sh", line 12: x range is invalid
plot "dump" using 4:2 title "L2 Frames Drop" 
                            ^
"drop.sh", line 12: warning: Skipping data file with no valid points
plot "dump" using 4:2 title "L2 Frames Drop" 
                                             ^
"drop.sh", line 12: x range is invalid
RUN SUCCESSFUL (total time: 154ms)
&lt;/code&gt;&lt;/pre&gt;
&lt;p&gt;If i give this mysql query instead of that,its working fine&lt;/p&gt;
&lt;pre&gt;&lt;code&gt;mysql -u root -e "SELECT (b.l2framessent - a.l2framessent) AS netl2framessent,(b.Frames_Drop-a.Frames_Drop) AS netframesdrop,(b.ETX - a.ETX) AS netetx,CONVERT(endOfInterval*500, DATETIME) endOfInterval FROM (SELECT datetime DIV 500 startOfInterval,l2framessent,Frames_Drop,ETX FROM Statistics3,(SELECT MIN(datetime) mindate FROM Statistics3 WHERE ipaddress='moteid5' AND datetime BETWEEN '2012-09-25 15:45:00' AND '2012-09-25 18:45:00' GROUP BY datetime DIV 500) b WHERE ipaddress='moteid5' AND datetime = mindate) a, (SELECT datetime DIV 500 endOfInterval, l2framessent,Frames_Drop,ETX FROM Statistics3, (SELECT MIN(datetime) mindate FROM Statistics3 WHERE ipaddress = 'moteid5' AND datetime BETWEEN '2012-09-25 15:45:00' AND '2012-09-25 18:45:00' GROUP BY datetime DIV 500) b WHERE ipaddress = 'moteid5'AND datetime = mindate) b WHERE endOfInterval = startOfInterval+ 1 ;" &amp;gt;&amp;gt; dump
&lt;/code&gt;&lt;/pre&gt;</t>
  </si>
  <si>
    <t>2012-10-15 05:24:33.820000+00:00</t>
  </si>
  <si>
    <t>2012-10-16 04:33:04.040000+00:00</t>
  </si>
  <si>
    <t>2012-10-15 12:20:17.227000+00:00</t>
  </si>
  <si>
    <t>mysql|shell</t>
  </si>
  <si>
    <t>symfony1 enums with column aggregation inheritence</t>
  </si>
  <si>
    <t>&lt;p&gt;I have a profile table that saves all profiles for all user.
I have different types of users and want each type of user to have different select options for choosing a certain field.&lt;br&gt;
So both user types can choose how long they want to register for, but the have different options - one can choose 2 years and the other cant.&lt;br&gt;
The schema.yml looks something like this:  &lt;/p&gt;
&lt;p&gt;UserProfile:&lt;/p&gt;
&lt;pre&gt;&lt;code&gt;columns:
    username:
        type: string(255)
        notnull: true
        unique: false
&lt;/code&gt;&lt;/pre&gt;
&lt;p&gt;WriterUserProfile:&lt;/p&gt;
&lt;pre&gt;&lt;code&gt;inheritance:
    type: column_aggregation
    extends: UserProfile
columns:
    register_time:
        type: enum
        values:
            - 6 months
            - 1 year
            - 2 years
            - Other
        default: other
&lt;/code&gt;&lt;/pre&gt;
&lt;p&gt;ReaderUserProfile:&lt;/p&gt;
&lt;pre&gt;&lt;code&gt;inheritance:
    type: column_aggregation
    extends: UserProfile
columns:
    register_time:
        type: enum
        values:
            - 6 months
            - 1 year
            - Other
        default: other
&lt;/code&gt;&lt;/pre&gt;
&lt;p&gt;For some reason I am unable to select the '2 year' option - the form gives an 'invalid' error.&lt;br&gt;
Does the '2 years' and 'Other' coincide with eachother because they are both the 3rd option?&lt;/p&gt;</t>
  </si>
  <si>
    <t>2013-06-25 11:40:02.650000+00:00</t>
  </si>
  <si>
    <t>2013-06-25 20:11:15.980000+00:00</t>
  </si>
  <si>
    <t>doctrine|symfony-1.4</t>
  </si>
  <si>
    <t>Android Vertical Custom ViewGroup</t>
  </si>
  <si>
    <t>&lt;p&gt;I have a simple problem. I'm extending ViewGroup, and I want to align buttons to the right side of the screen from top-to-bottom. Problem is, nothing shows up on my screen. I've confirmed it's not a problem with anything else, only my onLayout() overriden method. Could you help me out?&lt;/p&gt;
&lt;p&gt;Code in question:&lt;/p&gt;
&lt;pre&gt;&lt;code&gt;    final int count = getChildCount();
    int curWidth, curHeight, curLeft, curTop;
    //get the available size of child view
    int childLeft = this.getPaddingLeft();
    int childTop = this.getPaddingTop();
    int childRight = this.getMeasuredWidth() - this.getPaddingRight();
    int childBottom = this.getMeasuredHeight() - this.getPaddingBottom();
    int childWidth = childRight - childLeft;
    int childHeight = childBottom - childTop;
    curTop = childTop;
    for (int i = 0; i &amp;lt; count; i++) {
        View child = getChildAt(i);
        //Get the maximum size of the child
        child.measure(MeasureSpec.makeMeasureSpec(childWidth, MeasureSpec.AT_MOST),
                MeasureSpec.makeMeasureSpec(childHeight, MeasureSpec.AT_MOST));
        curWidth = child.getMeasuredWidth();
        curHeight = child.getMeasuredHeight();
        child.layout(getMeasuredWidth() - getPaddingRight() - curWidth,
                curTop, getMeasuredWidth() - getPaddingRight(), curTop - curHeight);
        curTop -= childHeight;
    }
&lt;/code&gt;&lt;/pre&gt;
&lt;p&gt;I've added a few LOG statements to my code, and what I have is frankly infuriating.&lt;/p&gt;
&lt;pre&gt;&lt;code&gt;07-11 14:46:46.321  32172-32172/milespeele.canvas D/Miles��� LEFT: 912
07-11 14:46:46.322  32172-32172/milespeele.canvas D/Miles��� TOP: 1008
07-11 14:46:46.322  32172-32172/milespeele.canvas D/Miles��� RIGHT: 1080
07-11 14:46:46.322  32172-32172/milespeele.canvas D/Miles��� BOTTOM: 1008
&lt;/code&gt;&lt;/pre&gt;
&lt;p&gt;These are all valid coordinates (for one button) given the dimensions of my phone's creen, but no buttons are appearing. &lt;/p&gt;</t>
  </si>
  <si>
    <t>2015-07-11 18:22:56.907000+00:00</t>
  </si>
  <si>
    <t>2015-07-11 19:37:40.980000+00:00</t>
  </si>
  <si>
    <t>2015-07-11 18:48:46.987000+00:00</t>
  </si>
  <si>
    <t>android|view|viewgroup</t>
  </si>
  <si>
    <t>How to use Skulpt to eval Python line by line</t>
  </si>
  <si>
    <t>&lt;p&gt;The example given by &lt;a href="http://www.skulpt.org/" rel="nofollow"&gt;Skulpt&lt;/a&gt; runs the interpreter on the whole string containing the python program:&lt;/p&gt;
&lt;p&gt;&lt;a href="https://github.com/skulpt/skulpt/blob/master/example/calling_from_js.html" rel="nofollow"&gt;https://github.com/skulpt/skulpt/blob/master/example/calling_from_js.html&lt;/a&gt;&lt;/p&gt;
&lt;p&gt;Is there a possibility to run the interpreter line by line, for example in order to highlight the Python line which is currently executed?&lt;/p&gt;
&lt;p&gt;Thank you in advance.&lt;/p&gt;</t>
  </si>
  <si>
    <t>2015-07-09 13:09:13.123000+00:00</t>
  </si>
  <si>
    <t>2015-07-09 14:00:25.647000+00:00</t>
  </si>
  <si>
    <t>javascript|python|interpreter|skulpt</t>
  </si>
  <si>
    <t>Linking a jsp page to a java class</t>
  </si>
  <si>
    <t>&lt;p&gt;I have written a hello world program in jsp and now i am trying to process forms via JSP.&lt;/p&gt;
&lt;p&gt;My jsp form(GetName.jsp) looks like this&lt;/p&gt;
&lt;pre&gt;&lt;code&gt;&amp;lt;%@page contentType="text/html" pageEncoding="UTF-8"%&amp;gt;
&amp;lt;!DOCTYPE html&amp;gt;
&amp;lt;html&amp;gt;
    &amp;lt;head&amp;gt;
        &amp;lt;meta http-equiv="Content-Type" content="text/html; charset=UTF-8"&amp;gt;
        &amp;lt;title&amp;gt;JSP Page&amp;lt;/title&amp;gt;
    &amp;lt;/head&amp;gt;
    &amp;lt;body&amp;gt;
&amp;lt;FORM METHOD=POST ACTION="SaveName.jsp"&amp;gt;
Name &amp;lt;INPUT TYPE=TEXT NAME=username SIZE=20&amp;gt;&amp;lt;BR&amp;gt;
Email &amp;lt;INPUT TYPE=TEXT NAME=email SIZE=20&amp;gt;&amp;lt;BR&amp;gt;
Age &amp;lt;INPUT TYPE=TEXT NAME=age SIZE=4&amp;gt;
&amp;lt;P&amp;gt;&amp;lt;INPUT TYPE=SUBMIT&amp;gt;
&amp;lt;/FORM&amp;gt;
&amp;lt;/BODY&amp;gt;
&amp;lt;/HTML&amp;gt;
    &amp;lt;/body&amp;gt;
&amp;lt;/html&amp;gt;
&lt;/code&gt;&lt;/pre&gt;
&lt;p&gt;Similarly SaveName.jsp looks like this&lt;/p&gt;
&lt;pre&gt;&lt;code&gt;&amp;lt;%@page contentType="text/html" pageEncoding="UTF-8"%&amp;gt;
&amp;lt;!DOCTYPE html&amp;gt;
&amp;lt;html&amp;gt;
    &amp;lt;head&amp;gt;
        &amp;lt;meta http-equiv="Content-Type" content="text/html; charset=UTF-8"&amp;gt;
        &amp;lt;title&amp;gt;JSP Page&amp;lt;/title&amp;gt;
    &amp;lt;/head&amp;gt;
    &amp;lt;body&amp;gt;
        &amp;lt;jsp:useBean id="userData" class="javabeans.UserData" scope="session"/&amp;gt;
&amp;lt;jsp:setProperty name="userData" property="*"/&amp;gt; 
&amp;lt;/BODY&amp;gt;
&amp;lt;/HTML&amp;gt;
    &amp;lt;/body&amp;gt;
&amp;lt;/html&amp;gt;
&lt;/code&gt;&lt;/pre&gt;
&lt;p&gt;And in the same project in a package named javabeans the class named UserData looks like this.&lt;/p&gt;
&lt;pre&gt;&lt;code&gt;package javabeans;
public class UserData {
    String username;
    String email;
    int age;
    public void setUsername( String value )
    {
        username = value;
    }
    public void setEmail( String value )
    {
        email = value;
    }
    public void setAge( int value )
    {
        age = value;
    }
    public String getUsername() { return username; }
    public String getEmail() { return email; }
    public int getAge() { return age; }
}
&lt;/code&gt;&lt;/pre&gt;
&lt;p&gt;Now when  run GetName.jsp i get the following errors&lt;/p&gt;
&lt;pre&gt;&lt;code&gt;D:\javaworkspace\Netbeans7-2\HelloWeb\build\generated\src\org\apache\jsp\SaveName_jsp.java:56: cannot find symbol
symbol  : class UserData
location: class org.apache.jsp.SaveName_jsp
      UserData user = null;
      ^
D:\javaworkspace\Netbeans7-2\HelloWeb\build\generated\src\org\apache\jsp\SaveName_jsp.java:58: cannot find symbol
symbol  : class UserData
location: class org.apache.jsp.SaveName_jsp
        user = (UserData) _jspx_page_context.getAttribute("user", PageContext.SESSION_SCOPE);
D:\javaworkspace\Netbeans7-2\HelloWeb\build\generated\src\org\apache\jsp\SaveName_jsp.java:60: cannot find symbol
symbol  : class UserData
location: class org.apache.jsp.SaveName_jsp
          user = new UserData();
3 errors
D:\javaworkspace\Netbeans7-2\HelloWeb\nbproject\build-impl.xml:930: The following error occurred while executing this line:
D:\javaworkspace\Netbeans7-2\HelloWeb\nbproject\build-impl.xml:284: Compile failed; see the compiler error output for details.
BUILD FAILED (total time: 2 seconds)
&lt;/code&gt;&lt;/pre&gt;</t>
  </si>
  <si>
    <t>2012-11-20 13:38:04.923000+00:00</t>
  </si>
  <si>
    <t>2012-11-20 14:29:49.280000+00:00</t>
  </si>
  <si>
    <t>2012-11-20 13:44:24.323000+00:00</t>
  </si>
  <si>
    <t>java|jsp</t>
  </si>
  <si>
    <t>How to draw inf values in networkx?</t>
  </si>
  <si>
    <t>&lt;p&gt;I'm trying to draw a graph &lt;code&gt;G&lt;/code&gt; with networkx, where the edge colors are given by the parameter &lt;code&gt;parameter&lt;/code&gt; previously assigned to every edge.
Some of the edges' parameter value is &lt;code&gt;inf&lt;/code&gt;. This is drawn using the lowest color of the specified colorbar, I think.  &lt;/p&gt;
&lt;p&gt;I'd like to draw edges with &lt;code&gt;inf&lt;/code&gt; value in another color, e.g. red. Is this possible? If yes, how would I go about it?  &lt;/p&gt;
&lt;p&gt;Here's the relevant part of my code:&lt;/p&gt;
&lt;pre&gt;&lt;code&gt;def plot_graph_colored_edges(G, node_positions, parameter):
    '''
        plot graph G with node positions node_positions,
        color edges according to their parameter value
    '''
    # calculate range for assigning colors to edges
    param_list = []
    for edge in nx.to_edgelist(G):
        param_list.append(edge[2][parameter])
    vmin = min(param_list)
    vmax = max(param_list)
    # choose color map
    cmap = plt.cm.Greens
    # draw graph
    plt.clf()
    # workaround to create colorbar, since nx.draw_networkx returns None...
    sm = plt.cm.ScalarMappable(cmap=cmap,
                               norm=plt.Normalize(vmin=vmin, vmax=vmax))
    sm._A = []
    plt.colorbar(sm)
    # draw actual graph
    nx.draw(
            G,
            pos=node_positions,
            node_size=1,
            node_color='black',
            with_labels=False,
            edge_color=param_list,
            edge_cmap=cmap,
            edge_vmin=vmin,
            edge_vmax=vmax)
&lt;/code&gt;&lt;/pre&gt;
&lt;p&gt;Searching for a solution, I found &lt;a href="https://stackoverflow.com/a/46649061"&gt;this&lt;/a&gt; answer about plotting NaNs with matplotlib's &lt;code&gt;imshow&lt;/code&gt;. I tried adding in something along the lines of&lt;/p&gt;
&lt;pre&gt;&lt;code&gt;    current_cmap = plt.cm.get_cmap()
    current_cmap.set_bad(color='red')
&lt;/code&gt;&lt;/pre&gt;
&lt;p&gt;but it doesn't seem to change anything.  &lt;/p&gt;
&lt;p&gt;Based on comments by @michaelg and @Bonlenfum I tried converting the &lt;code&gt;inf&lt;/code&gt; values to &lt;code&gt;NaN&lt;/code&gt;. Unfortunately, the technique I linked did not work here either. Do I have to add anything but the above two lines of code?  &lt;/p&gt;
&lt;p&gt;Per request, here is the data I use. I didn't know how to get rid of the unneeded parameters, I hope that's not a problem.  &lt;/p&gt;
&lt;pre&gt;&lt;code&gt;d = {1.0: {2.0: {'reactance': 0.059999999999999998, 'eta': 0.83909678373550689, 'flow': -9.1694698723315451, 'b_over_lambda': inf, 'weight': 16.666666666666668}, 3.0: {'reactance': 0.19, 'eta': 0.49047314849577706, 'flow': -14.360530127668513, 'b_over_lambda': inf, 'weight': 5.2631578947368425}}, 2.0: {1.0: {'reactance': 0.059999999999999998, 'eta': 0.83909678373550689, 'flow': -9.1694698723315451, 'b_over_lambda': inf, 'weight': 16.666666666666668}, 4.0: {'reactance': 0.17000000000000001, 'eta': 0.37921956001532092, 'flow': -15.627963158963901, 'b_over_lambda': inf, 'weight': 5.8823529411764701}, 5.0: {'reactance': 0.20000000000000001, 'eta': 0.58355218282638743, 'flow': -13.327708980010653, 'b_over_lambda': inf, 'weight': 5.0}, 6.0: {'reactance': 0.17999999999999999, 'eta': 0.37134303478394659, 'flow': -19.483797733356994, 'b_over_lambda': inf, 'weight': 5.5555555555555554}}, 3.0: {1.0: {'reactance': 0.19, 'eta': 0.49047314849577706, 'flow': -14.360530127668513, 'b_over_lambda': inf, 'weight': 5.2631578947368425}, 4.0: {'reactance': 0.040000000000000001, 'eta': 0.89273118915700589, 'flow': -11.960530127668466, 'b_over_lambda': inf, 'weight': 25.0}}, 4.0: {2.0: {'reactance': 0.17000000000000001, 'eta': 0.37921956001532092, 'flow': -15.627963158963901, 'b_over_lambda': inf, 'weight': 5.8823529411764701}, 3.0: {'reactance': 0.040000000000000001, 'eta': 0.89273118915700589, 'flow': -11.960530127668466, 'b_over_lambda': inf, 'weight': 25.0}, 12.0: {'reactance': 0.26000000000000001, 'eta': 0.61403349336337587, 'flow': 1.2697530878775052, 'b_over_lambda': 3.0290565015147966, 'weight': 3.8461538461538458}, 6.0: {'reactance': 0.040000000000000001, 'eta': 0.80940687806357203, 'flow': -21.258246374509891, 'b_over_lambda': inf, 'weight': 25.0}}, 5.0: {2.0: {'reactance': 0.20000000000000001, 'eta': 0.58355218282638743, 'flow': -13.327708980010653, 'b_over_lambda': inf, 'weight': 5.0}, 7.0: {'reactance': 0.12, 'eta': 0.75013130969583208, 'flow': -13.32770898001063, 'b_over_lambda': inf, 'weight': 8.3333333333333339}}, 6.0: {2.0: {'reactance': 0.17999999999999999, 'eta': 0.37134303478394659, 'flow': -19.483797733356994, 'b_over_lambda': inf, 'weight': 5.5555555555555554}, 4.0: {'reactance': 0.040000000000000001, 'eta': 0.80940687806357203, 'flow': -21.258246374509891, 'b_over_lambda': inf, 'weight': 25.0}, 7.0: {'reactance': 0.080000000000000002, 'eta': 0.83342087313055435, 'flow': -9.4722910199893366, 'b_over_lambda': inf, 'weight': 12.5}, 8.0: {'reactance': 0.040000000000000001, 'eta': 0.86541457345199835, 'flow': -24.745577899639326, 'b_over_lambda': 24.565475998899824, 'weight': 25.0}, 9.0: {'reactance': 0.20999999999999999, 'eta': 0.61668495900560116, 'flow': -4.7993677388878737, 'b_over_lambda': inf, 'weight': 4.7619047619047619}, 10.0: {'reactance': 0.56000000000000005, 'eta': 0.2376576513790267, 'flow': -2.7424958507930732, 'b_over_lambda': inf, 'weight': 1.7857142857142856}, 28.0: {'reactance': 0.059999999999999998, 'eta': 0.76994976284796102, 'flow': 1.0176884014427254, 'b_over_lambda': 16.37698399926655, 'weight': 16.666666666666668}}, 7.0: {5.0: {'reactance': 0.12, 'eta': 0.75013130969583208, 'flow': -13.32770898001063, 'b_over_lambda': inf, 'weight': 8.3333333333333339}, 6.0: {'reactance': 0.080000000000000002, 'eta': 0.83342087313055435, 'flow': -9.4722910199893366, 'b_over_lambda': inf, 'weight': 12.5}}, 8.0: {28.0: {'reactance': 0.20000000000000001, 'eta': 0.32707286725999196, 'flow': 5.2544221003606832, 'b_over_lambda': 0.95157943242831233, 'weight': 5.0}, 6.0: {'reactance': 0.040000000000000001, 'eta': 0.86541457345199835, 'flow': -24.745577899639326, 'b_over_lambda': 24.565475998899824, 'weight': 25.0}}, 9.0: {10.0: {'reactance': 0.11, 'eta': 0.79921593090769583, 'flow': -4.7993677388878861, 'b_over_lambda': inf, 'weight': 9.0909090909090917}, 11.0: {'reactance': 0.20999999999999999, 'eta': 0.99999999999999956, 'flow': -1.691768418476429e-14, 'b_over_lambda': inf, 'weight': 4.7619047619047619}, 6.0: {'reactance': 0.20999999999999999, 'eta': 0.61668495900560116, 'flow': -4.7993677388878737, 'b_over_lambda': inf, 'weight': 4.7619047619047619}}, 10.0: {17.0: {'reactance': 0.080000000000000002, 'eta': 0.88587066598343633, 'flow': -3.1781631185688246, 'b_over_lambda': inf, 'weight': 12.5}, 20.0: {'reactance': 0.20999999999999999, 'eta': 0.75604815509229739, 'flow': -5.5634585757720183, 'b_over_lambda': inf, 'weight': 4.7619047619047619}, 21.0: {'reactance': 0.070000000000000007, 'eta': 0.66908555958681726, 'flow': 2.916515482079026, 'b_over_lambda': 2.040886852390539, 'weight': 14.285714285714285}, 6.0: {'reactance': 0.56000000000000005, 'eta': 0.2376576513790267, 'flow': -2.7424958507930732, 'b_over_lambda': inf, 'weight': 1.7857142857142856}, 9.0: {'reactance': 0.11, 'eta': 0.79921593090769583, 'flow': -4.7993677388878861, 'b_over_lambda': inf, 'weight': 9.0909090909090917}, 22.0: {'reactance': 0.14999999999999999, 'eta': 0.34472314596697323, 'flow': 4.083242622580765, 'b_over_lambda': 0.95241386444891818, 'weight': 6.666666666666667}}, 11.0: {9.0: {'reactance': 0.20999999999999999, 'eta': 0.99999999999999956, 'flow': -1.691768418476429e-14, 'b_over_lambda': inf, 'weight': 4.7619047619047619}}, 12.0: {16.0: {'reactance': 0.20000000000000001, 'eta': 0.7146766649585925, 'flow': -9.3218368814312171, 'b_over_lambda': inf, 'weight': 5.0}, 4.0: {'reactance': 0.26000000000000001, 'eta': 0.61403349336337587, 'flow': 1.2697530878775052, 'b_over_lambda': 3.0290565015147966, 'weight': 3.8461538461538458}, 13.0: {'reactance': 0.14000000000000001, 'eta': 1.0, 'flow': 37.000000000000021, 'b_over_lambda': 0.19305019305019291, 'weight': 7.1428571428571423}, 14.0: {'reactance': 0.26000000000000001, 'eta': 0.53969541277500099, 'flow': -5.4527005152370398, 'b_over_lambda': inf, 'weight': 3.8461538461538458}, 15.0: {'reactance': 0.13, 'eta': 0.65679140068610276, 'flow': -9.755709515454182, 'b_over_lambda': inf, 'weight': 7.6923076923076916}}, 13.0: {12.0: {'reactance': 0.14000000000000001, 'eta': 1.0, 'flow': 37.000000000000021, 'b_over_lambda': 0.19305019305019291, 'weight': 7.1428571428571423}}, 14.0: {12.0: {'reactance': 0.26000000000000001, 'eta': 0.53969541277500099, 'flow': -5.4527005152370398, 'b_over_lambda': inf, 'weight': 3.8461538461538458}, 15.0: {'reactance': 0.20000000000000001, 'eta': 0.6459195482884621, 'flow': 0.74729948476293384, 'b_over_lambda': 6.6907579918727658, 'weight': 5.0}}, 15.0: {18.0: {'reactance': 0.22, 'eta': 0.74443140057288215, 'flow': -9.3365414242279687, 'b_over_lambda': inf, 'weight': 4.5454545454545459}, 12.0: {'reactance': 0.13, 'eta': 0.65679140068610276, 'flow': -9.755709515454182, 'b_over_lambda': inf, 'weight': 7.6923076923076916}, 14.0: {'reactance': 0.20000000000000001, 'eta': 0.6459195482884621, 'flow': 0.74729948476293384, 'b_over_lambda': 6.6907579918727658, 'weight': 5.0}, 23.0: {'reactance': 0.20000000000000001, 'eta': 0.7681958897824761, 'flow': 8.5281313935367535, 'b_over_lambda': 0.58629490673529827, 'weight': 5.0}}, 16.0: {17.0: {'reactance': 0.19, 'eta': 0.72894283171066321, 'flow': -5.8218368814312145, 'b_over_lambda': inf, 'weight': 5.2631578947368425}, 12.0: {'reactance': 0.20000000000000001, 'eta': 0.7146766649585925, 'flow': -9.3218368814312171, 'b_over_lambda': inf, 'weight': 5.0}}, 17.0: {16.0: {'reactance': 0.19, 'eta': 0.72894283171066321, 'flow': -5.8218368814312145, 'b_over_lambda': inf, 'weight': 5.2631578947368425}, 10.0: {'reactance': 0.080000000000000002, 'eta': 0.88587066598343633, 'flow': -3.1781631185688246, 'b_over_lambda': inf, 'weight': 12.5}}, 18.0: {19.0: {'reactance': 0.13, 'eta': 0.84898219124761187, 'flow': -6.1365414242279579, 'b_over_lambda': inf, 'weight': 7.6923076923076916}, 15.0: {'reactance': 0.22, 'eta': 0.74443140057288215, 'flow': -9.3365414242279687, 'b_over_lambda': inf, 'weight': 4.5454545454545459}}, 19.0: {18.0: {'reactance': 0.13, 'eta': 0.84898219124761187, 'flow': -6.1365414242279579, 'b_over_lambda': inf, 'weight': 7.6923076923076916}, 20.0: {'reactance': 0.070000000000000007, 'eta': 0.91868271836409798, 'flow': 3.3634585757719888, 'b_over_lambda': 4.2473287432818747, 'weight': 14.285714285714285}}, 20.0: {10.0: {'reactance': 0.20999999999999999, 'eta': 0.75604815509229739, 'flow': -5.5634585757720183, 'b_over_lambda': inf, 'weight': 4.7619047619047619}, 19.0: {'reactance': 0.070000000000000007, 'eta': 0.91868271836409798, 'flow': 3.3634585757719888, 'b_over_lambda': 4.2473287432818747, 'weight': 14.285714285714285}}, 21.0: {10.0: {'reactance': 0.070000000000000007, 'eta': 0.66908555958681726, 'flow': 2.916515482079026, 'b_over_lambda': 2.040886852390539, 'weight': 14.285714285714285}, 22.0: {'reactance': 0.02, 'eta': 0.90545301702480707, 'flow': 20.416515482079145, 'b_over_lambda': 2.1428849118147109, 'weight': 50.0}}, 22.0: {24.0: {'reactance': 0.17999999999999999, 'eta': 0.74163751225150298, 'flow': 2.9097581046598764, 'b_over_lambda': 1.9092843307691201, 'weight': 5.5555555555555554}, 10.0: {'reactance': 0.14999999999999999, 'eta': 0.34472314596697323, 'flow': 4.083242622580765, 'b_over_lambda': 0.95241386444891818, 'weight': 6.666666666666667}, 21.0: {'reactance': 0.02, 'eta': 0.90545301702480707, 'flow': 20.416515482079145, 'b_over_lambda': 2.1428849118147109, 'weight': 50.0}}, 23.0: {24.0: {'reactance': 0.27000000000000002, 'eta': 0.68706445120634296, 'flow': -7.4718686064632687, 'b_over_lambda': inf, 'weight': 3.7037037037037033}, 15.0: {'reactance': 0.20000000000000001, 'eta': 0.7681958897824761, 'flow': 8.5281313935367535, 'b_over_lambda': 0.58629490673529827, 'weight': 5.0}}, 24.0: {25.0: {'reactance': 0.33000000000000002, 'eta': 0.7417557744746629, 'flow': 4.1378894981965759, 'b_over_lambda': 0.73233058341063306, 'weight': 3.0303030303030303}, 22.0: {'reactance': 0.17999999999999999, 'eta': 0.74163751225150298, 'flow': 2.9097581046598764, 'b_over_lambda': 1.9092843307691201, 'weight': 5.5555555555555554}, 23.0: {'reactance': 0.27000000000000002, 'eta': 0.68706445120634296, 'flow': -7.4718686064632687, 'b_over_lambda': inf, 'weight': 3.7037037037037033}}, 25.0: {24.0: {'reactance': 0.33000000000000002, 'eta': 0.7417557744746629, 'flow': 4.1378894981965759, 'b_over_lambda': 0.73233058341063306, 'weight': 3.0303030303030303}, 26.0: {'reactance': 0.38, 'eta': 0.99999999999999922, 'flow': -3.4999999999999889, 'b_over_lambda': inf, 'weight': 2.6315789473684212}, 27.0: {'reactance': 0.20999999999999999, 'eta': 0.83566276557478492, 'flow': 7.6378894981965928, 'b_over_lambda': 0.6234581899920274, 'weight': 4.7619047619047619}}, 26.0: {25.0: {'reactance': 0.38, 'eta': 0.99999999999999922, 'flow': -3.4999999999999889, 'b_over_lambda': inf, 'weight': 2.6315789473684212}}, 27.0: {25.0: {'reactance': 0.20999999999999999, 'eta': 0.83566276557478492, 'flow': 7.6378894981965928, 'b_over_lambda': 0.6234581899920274, 'weight': 4.7619047619047619}, 28.0: {'reactance': 0.40000000000000002, 'eta': 0.68697669633292435, 'flow': -6.2721105018034065, 'b_over_lambda': inf, 'weight': 2.5}, 29.0: {'reactance': 0.41999999999999998, 'eta': 0.71428571428571319, 'flow': -6.0408163265306021, 'b_over_lambda': inf, 'weight': 2.3809523809523809}, 30.0: {'reactance': 0.59999999999999998, 'eta': 0.59183673469387654, 'flow': -6.9591836734693775, 'b_over_lambda': inf, 'weight': 1.6666666666666667}}, 28.0: {8.0: {'reactance': 0.20000000000000001, 'eta': 0.32707286725999196, 'flow': 5.2544221003606832, 'b_over_lambda': 0.95157943242831233, 'weight': 5.0}, 27.0: {'reactance': 0.40000000000000002, 'eta': 0.68697669633292435, 'flow': -6.2721105018034065, 'b_over_lambda': inf, 'weight': 2.5}, 6.0: {'reactance': 0.059999999999999998, 'eta': 0.76994976284796102, 'flow': 1.0176884014427254, 'b_over_lambda': 16.37698399926655, 'weight': 16.666666666666668}}, 29.0: {27.0: {'reactance': 0.41999999999999998, 'eta': 0.71428571428571319, 'flow': -6.0408163265306021, 'b_over_lambda': inf, 'weight': 2.3809523809523809}, 30.0: {'reactance': 0.45000000000000001, 'eta': 0.69387755102040727, 'flow': -3.6408163265306075, 'b_over_lambda': inf, 'weight': 2.2222222222222223}}, 30.0: {27.0: {'reactance': 0.59999999999999998, 'eta': 0.59183673469387654, 'flow': -6.9591836734693775, 'b_over_lambda': inf, 'weight': 1.6666666666666667}, 29.0: {'reactance': 0.45000000000000001, 'eta': 0.69387755102040727, 'flow': -3.6408163265306075, 'b_over_lambda': inf, 'weight': 2.2222222222222223}}}
&lt;/code&gt;&lt;/pre&gt;
&lt;p&gt;This is in dict_of_dict format and can be read in via &lt;code&gt;G = networkx.from_dict_of_dicts(d)&lt;/code&gt;&lt;/p&gt;
&lt;p&gt;the node positions are:&lt;/p&gt;
&lt;pre&gt;&lt;code&gt;node_positions = {1.0: (1300.0, 3513.0), 2.0: (1400.0, 4700.0), 3.0: (1609.0, 3897.0), 4.0: (2321.0, 3831.0), 5.0: (3889.0, 4873.0), 6.0: (3869.0, 3965.0), 7.0: (3865.0, 4397.0), 8.0: (4700.0, 3565.0), 9.0: (3600.0, 3526.0), 10.0: (3881.0, 3070.0), 11.0: (3300.0, 3522.0), 12.0: (2381.0, 2934.0), 13.0: (2073.0, 3081.0), 14.0: (1737.0, 1993.0), 15.0: (2321.0, 1977.0), 16.0: (2861.0, 2649.0), 17.0: (3381.0, 3037.0), 18.0: (2905.0, 1969.0), 19.0: (3245.0, 2241.0), 20.0: (3417.0, 2517.0), 21.0: (3685.0, 2273.0), 22.0: (4017.0, 2193.0), 23.0: (3029.0, 1684.0), 24.0: (3789.0, 1508.0), 25.0: (3905.0, 1192.0), 26.0: (3225.0, 1152.0), 27.0: (4025.0, 808.0), 28.0: (4600.0, 772.0), 29.0: (3917.0, 324.0), 30.0: (3053.0, 316.0)}
&lt;/code&gt;&lt;/pre&gt;</t>
  </si>
  <si>
    <t>2018-03-19 14:48:17.730000+00:00</t>
  </si>
  <si>
    <t>2018-03-27 08:55:53.743000+00:00</t>
  </si>
  <si>
    <t>2018-03-23 10:23:40.977000+00:00</t>
  </si>
  <si>
    <t>python|matplotlib|networkx|colormap|inf</t>
  </si>
  <si>
    <t>Enable/disable a CheckBox column on edit/update</t>
  </si>
  <si>
    <t>&lt;p&gt;I have grid with a CheckBox column like this:&lt;/p&gt;
&lt;p&gt;&lt;a href="https://i.stack.imgur.com/vJsqF.png" rel="nofollow noreferrer"&gt;&lt;img src="https://i.stack.imgur.com/vJsqF.png" alt="enter image description here"&gt;&lt;/a&gt;&lt;/p&gt;
&lt;p&gt;I want to simply enable the CheckBox of selected row "e" on Edit and disable after Update/Cancel. This is what I have tried:&lt;/p&gt;
&lt;pre&gt;&lt;code&gt;protected void GridView1_RowDataBound(object sender, GridViewRowEventArgs e)
{
    try
    {
        if (e.Row.RowType == DataControlRowType.DataRow)
        {
            ((CheckBox)e.Row.FindControl("chkStatus")).Enabled = false;
        }
    }
    catch
    {
    }
}
&lt;/code&gt;&lt;/pre&gt;
&lt;p&gt;This is for enabling the CheckBox on Update/Edit:&lt;/p&gt;
&lt;pre&gt;&lt;code&gt;protected void GridView1_RowCommand(object sender, GridViewCommandEventArgs e)
{
    int index = Convert.ToInt32(e.CommandArgument);
    GridViewRow gvRow = GridView1.Rows[index];
    if (e.CommandName == "Edit" || e.CommandName == "Update")
    {
        ((CheckBox)gvRow.FindControl("chkStatus")).Enabled = true;
    }
    else if (e.CommandName == "Cancel")
    { 
    }
}
&lt;/code&gt;&lt;/pre&gt;
&lt;p&gt;But the problem is that after each Edit/Update, RowDataBound fires and disables the CheckBox again.&lt;/p&gt;
&lt;p&gt;How can I avoid this?&lt;/p&gt;</t>
  </si>
  <si>
    <t>2015-09-09 09:18:46.990000+00:00</t>
  </si>
  <si>
    <t>2015-09-09 13:13:57.470000+00:00</t>
  </si>
  <si>
    <t>2015-09-09 13:09:08.690000+00:00</t>
  </si>
  <si>
    <t>asp.net|gridview|checkbox</t>
  </si>
  <si>
    <t>importing data from firestore into bigQuery</t>
  </si>
  <si>
    <t>&lt;p&gt;I have upgraded my account to blaze which is one of the prerequisite. I have tried to followed the &lt;a href="https://support.google.com/firebase/answer/6318765" rel="nofollow noreferrer"&gt;FAQ&lt;/a&gt;  Link BigQuery to Firebase. still not able to see any of the data from firestore or firebase-realtimeDatabase into bigQuery. &lt;/p&gt;
&lt;p&gt;I see option in bigQuery to create Dataset. however after creating dataset it allows me to upload data from [file], [cloud storage], [bigQuery],[google Drive] . but not  firestore database. &lt;/p&gt;
&lt;p&gt;Plesae help.&lt;/p&gt;</t>
  </si>
  <si>
    <t>2017-11-16 14:26:36.747000+00:00</t>
  </si>
  <si>
    <t>2018-08-27 22:17:04.613000+00:00</t>
  </si>
  <si>
    <t>firebase|google-bigquery|google-cloud-firestore</t>
  </si>
  <si>
    <t>Change TextView color when SeekBar passes through value</t>
  </si>
  <si>
    <t>&lt;p&gt;I have 7 &lt;code&gt;TextViews&lt;/code&gt; and one &lt;code&gt;SeekBar&lt;/code&gt;&lt;/p&gt;
&lt;p&gt;&lt;img src="https://i.stack.imgur.com/l3hJQ.png" alt="enter image description here"&gt;&lt;/p&gt;
&lt;p&gt;I have the following code which is supposed to change the text color as I move the thumb in the &lt;code&gt;SeekBar&lt;/code&gt;:&lt;/p&gt;
&lt;pre&gt;&lt;code&gt;import android.os.Bundle;
import android.app.Activity;
import android.graphics.Color;
import android.text.Editable;
import android.text.TextWatcher;
import android.view.Menu;
import android.widget.EditText;
import android.widget.NumberPicker;
import android.widget.NumberPicker.OnValueChangeListener;
import android.widget.SeekBar;
import android.widget.TextView;
import android.widget.Toast;
public class MainActivity extends Activity implements SeekBar.OnSeekBarChangeListener {
    SeekBar sbOne, sbTwo;
    SeekBar sbSyst;
    TextView tvOne;
    TextView tvSOne, tvSTwo, tvSThree, tvSFour, tvSFive, tvSSix, tvSSeven;
    NumberPicker npO, npT;
    @Override
    protected void onCreate(Bundle savedInstanceState) {
        super.onCreate(savedInstanceState);
        setContentView(R.layout.main);
        sbSyst = (SeekBar) findViewById(R.id.syst_bar);
        sbSyst.setOnSeekBarChangeListener(this);
        sbOne = (SeekBar) findViewById(R.id.sb1);
        sbOne.setOnSeekBarChangeListener(this);
        sbTwo = (SeekBar) findViewById(R.id.sb2);
        sbTwo.setOnSeekBarChangeListener(this);
        tvOne = (TextView) findViewById(R.id.tv1);
        tvSOne = (TextView) findViewById(R.id.tvFirst);
        tvSTwo = (TextView) findViewById(R.id.tvSecond);
        tvSThree = (TextView) findViewById(R.id.tvThird);
        tvSFour = (TextView) findViewById(R.id.tvFourth);
        tvSFive = (TextView) findViewById(R.id.tvFifth);
        tvSSix = (TextView) findViewById(R.id.tvSixth);
        tvSSeven = (TextView) findViewById(R.id.tvSeventh);
        /*npO = (NumberPicker) findViewById(R.id.np1);
        npO.setMinValue(70);
        npO.setMaxValue(190);
        npO.setWrapSelectorWheel(true);
        npO.setOnValueChangedListener(new OnValueChangeListener() {
            @Override
            public void onValueChange(NumberPicker picker, int oldVal, int newVal) {
                // do something here
                tvOne.setText(String.valueOf(newVal));
            }
        });
        npT = (NumberPicker) findViewById(R.id.np2);
        npT.setMinValue(40);
        npT.setMaxValue(100);
        npT.setWrapSelectorWheel(true);*/
    }
public void onProgressChanged(SeekBar seekBar, int progress, boolean fromTouch) {
        //tvSColor.setBackgroundColor(getColorFromSeekbars());
    progress += 70;
        switch(seekBar.getId()) {
        case R.id.sb1:
            //etO.setText(String.valueOf(progress+70));
            //npO.setValue(progress+70);
            break;
        case R.id.sb2:
            //etT.setText(String.valueOf(progress+40));
            //npT.setValue(progress+40);
            break;
        case R.id.syst_bar:
            tvOne.setText(String.valueOf(progress));
            if (progress == 70) {
                tvSOne.setTextColor(Color.parseColor("#00996a"));
                tvSTwo.setTextColor(Color.WHITE);
                tvSThree.setTextColor(Color.WHITE);
                tvSFour.setTextColor(Color.WHITE);
                tvSFive.setTextColor(Color.WHITE);
                tvSSix.setTextColor(Color.WHITE);
                tvSSeven.setTextColor(Color.WHITE);
            }
            else if (progress == 90) {
                tvSOne.setTextColor(Color.WHITE);
                tvSTwo.setTextColor(Color.parseColor("#00996a"));
                tvSThree.setTextColor(Color.WHITE);
                tvSFour.setTextColor(Color.WHITE);
                tvSFive.setTextColor(Color.WHITE);
                tvSSix.setTextColor(Color.WHITE);
                tvSSeven.setTextColor(Color.WHITE);
            }
            else if (progress == 110) {
                tvSOne.setTextColor(Color.WHITE);
                tvSTwo.setTextColor(Color.WHITE);
                tvSThree.setTextColor(Color.parseColor("#00996a"));
                tvSFour.setTextColor(Color.WHITE);
                tvSFive.setTextColor(Color.WHITE);
                tvSSix.setTextColor(Color.WHITE);
                tvSSeven.setTextColor(Color.WHITE);
            }
            else if (progress == 130) {
                tvSOne.setTextColor(Color.WHITE);
                tvSTwo.setTextColor(Color.WHITE);
                tvSThree.setTextColor(Color.WHITE);
                tvSFour.setTextColor(Color.parseColor("#00996a"));
                tvSFive.setTextColor(Color.WHITE);
                tvSSix.setTextColor(Color.WHITE);
                tvSSeven.setTextColor(Color.WHITE);
            }
            else if (progress == 150) {
                tvSOne.setTextColor(Color.WHITE);
                tvSTwo.setTextColor(Color.WHITE);
                tvSThree.setTextColor(Color.WHITE);
                tvSFour.setTextColor(Color.WHITE);
                tvSFive.setTextColor(Color.parseColor("#00996a"));
                tvSSix.setTextColor(Color.WHITE);
                tvSSeven.setTextColor(Color.WHITE);
            }
            else if (progress == 170) {
                tvSOne.setTextColor(Color.WHITE);
                tvSTwo.setTextColor(Color.WHITE);
                tvSThree.setTextColor(Color.WHITE);
                tvSFour.setTextColor(Color.WHITE);
                tvSFive.setTextColor(Color.WHITE);
                tvSSix.setTextColor(Color.parseColor("#00996a"));
                tvSSeven.setTextColor(Color.WHITE);
            }
            else if (progress == 190) {
                tvSOne.setTextColor(Color.WHITE);
                tvSTwo.setTextColor(Color.WHITE);
                tvSThree.setTextColor(Color.WHITE);
                tvSFour.setTextColor(Color.WHITE);
                tvSFive.setTextColor(Color.WHITE);
                tvSSix.setTextColor(Color.WHITE);
                tvSSeven.setTextColor(Color.parseColor("#00996a"));
            }
            //etT.setText(String.valueOf(progress+70));
            //npT.setValue(progress+40);
            break;
        default:
            break;
        }
    }
    public void onStartTrackingTouch(SeekBar seekBar) {
        //mTrackingText.setText("Tracking on");
    }
    public void onStopTrackingTouch(SeekBar seekBar) {
        //tvOne.setText("Red: " + String.valueOf(progress));
    }
    @Override
    public boolean onCreateOptionsMenu(Menu menu) {
        // Inflate the menu; this adds items to the action bar if it is present.
        getMenuInflater().inflate(R.menu.main, menu);
        return true;
    }
}
&lt;/code&gt;&lt;/pre&gt;
&lt;p&gt;XML:&lt;/p&gt;
&lt;pre&gt;&lt;code&gt;&amp;lt;LinearLayout
    android:id="@+id/refresh_match_layout"
    android:layout_width="fill_parent"
    android:layout_height="wrap_content"
    android:layout_margin="5dp"
    android:background="@drawable/background_round"
    android:orientation="vertical"
    android:visibility="visible"
    android:layout_alignParentBottom="true" &amp;gt;
    &amp;lt;TextView
        android:layout_width="wrap_content"
        android:layout_height="wrap_content"
        android:padding="10dp"
        android:text="Systolic (top number)"
        android:textColor="#ffffff"
        android:textSize="20sp" /&amp;gt;
    &amp;lt;SeekBar
        android:id="@+id/syst_bar"
        android:layout_width="fill_parent"
        android:layout_height="wrap_content"
        android:layout_margin="10dp"
        android:progress="0"
        android:max="190"
        android:progressDrawable="@drawable/progress_bar"
        android:secondaryProgress="0"
        android:thumb="@drawable/thumb_state" /&amp;gt;
    &amp;lt;LinearLayout
        android:layout_width="fill_parent"
        android:layout_height="wrap_content"
        android:layout_margin="10dp"
        android:orientation="horizontal"
        android:visibility="visible"
        android:weightSum="14" &amp;gt;
        &amp;lt;TextView
            android:id="@+id/tvFirst"
            android:layout_width="0dp"
            android:layout_height="wrap_content"
            android:layout_weight="2"
            android:gravity="center_horizontal"
            android:text="70"
            android:textColor="@android:color/white"
            android:textStyle="bold" /&amp;gt;
        &amp;lt;TextView
            android:id="@+id/tvSecond"
            android:layout_width="0dp"
            android:layout_height="wrap_content"
            android:layout_weight="2"
            android:gravity="center_horizontal"
            android:text="90"
            android:textColor="@android:color/white"
            android:textStyle="bold" /&amp;gt;
        &amp;lt;TextView
            android:id="@+id/tvThird"
            android:layout_width="0dp"
            android:layout_height="wrap_content"
            android:layout_weight="2"
            android:gravity="center_horizontal"
            android:text="110"
            android:textColor="@android:color/white"
            android:textStyle="bold" /&amp;gt;
        &amp;lt;TextView
            android:id="@+id/tvFourth"
            android:layout_width="0dp"
            android:layout_height="wrap_content"
            android:layout_weight="2"
            android:gravity="center_horizontal"
            android:text="130"
            android:textColor="@android:color/white"
            android:textStyle="bold" /&amp;gt;
        &amp;lt;TextView
            android:id="@+id/tvFifth"
            android:layout_width="0dp"
            android:layout_height="wrap_content"
            android:layout_weight="2"
            android:gravity="center_horizontal"
            android:text="150"
            android:textColor="@android:color/white"
            android:textStyle="bold" /&amp;gt;
        &amp;lt;TextView
            android:id="@+id/tvSixth"
            android:layout_width="0dp"
            android:layout_height="wrap_content"
            android:layout_weight="2"
            android:gravity="center_horizontal"
            android:text="170"
            android:textColor="@android:color/white"
            android:textStyle="bold" /&amp;gt;
        &amp;lt;TextView
            android:id="@+id/tvSeventh"
            android:layout_width="0dp"
            android:layout_height="wrap_content"
            android:layout_weight="2"
            android:gravity="center_horizontal"
            android:text="190"
            android:textColor="@android:color/white"
            android:textStyle="bold" /&amp;gt;
    &amp;lt;/LinearLayout&amp;gt;
&amp;lt;/LinearLayout&amp;gt;
&lt;/code&gt;&lt;/pre&gt;
&lt;p&gt;I am probably not doing it correctly, but as you can see the value of &lt;code&gt;progress&lt;/code&gt; is 190 from the image but the third &lt;code&gt;TextView&lt;/code&gt; is green and not the last. Any idea how to resolve it?&lt;/p&gt;</t>
  </si>
  <si>
    <t>2013-12-27 00:00:00.310000+00:00</t>
  </si>
  <si>
    <t>2015-02-15 19:55:12.043000+00:00</t>
  </si>
  <si>
    <t>2013-12-27 00:26:35.520000+00:00</t>
  </si>
  <si>
    <t>java|android|seekbar</t>
  </si>
  <si>
    <t>swift switch statement cases have different and shared things to do</t>
  </si>
  <si>
    <t>&lt;p&gt;i have code like this&lt;/p&gt;
&lt;pre&gt;&lt;code&gt;switch thing {
  case thisThing:
     do thing #1
     do thing #2
  case thatThing:
     do thing #2
     do thing #3
  case anotherThing:
     do thing #4
  default:
     default
}
&lt;/code&gt;&lt;/pre&gt;
&lt;p&gt;So, EVERY case has something that ONLY IT does. Some cases also do the same things as one or more other cases.&lt;/p&gt;
&lt;p&gt;Is there a way to accomplish this if I don't want any repetitive code? &lt;/p&gt;
&lt;p&gt;OR, is there a much more efficient way of doing this without switch statements at all?? I mean, I could, for example, use if statements, but like switch statements, I can't think of a way to accomplish what I want without using repetitive code.&lt;/p&gt;
&lt;p&gt;also, this example might be more clear than the above&lt;/p&gt;
&lt;pre&gt;&lt;code&gt;myFavoriteNumbers = []
myLeastFavoriteNumbers = []
switch myNumber {
case 1:
  print("my number is number 1") // do this only for case 1
  myFavoriteNumbers += [1] // do this for case 1 and case 2
case 2:
  print("this is number 2") // do this only for case 2
  myFavoriteNumbers += [2] // do this for case 1 and case 2
case 3:
  print("I don't like number 3") // do this only for case 3
  myLeastFavoriteNumbers += [3] // do this for case 3 and case 4
case 4:
  print("Number Four") // do this only for case 4
  myLeastFavoriteNumbers += [4] // do this for case 3 and case 4
default:
  print("Default")
}
&lt;/code&gt;&lt;/pre&gt;</t>
  </si>
  <si>
    <t>2016-08-03 19:06:22.470000+00:00</t>
  </si>
  <si>
    <t>2016-08-04 05:34:47.130000+00:00</t>
  </si>
  <si>
    <t>2016-08-03 21:38:27.117000+00:00</t>
  </si>
  <si>
    <t>ios|swift|switch-statement|control-flow</t>
  </si>
  <si>
    <t>Output buffering alternative php</t>
  </si>
  <si>
    <t>&lt;p&gt;I'm trying to save the content of a file into a PDF using &lt;a href="http://html2pdf.fr/en/default" rel="nofollow"&gt;html2pdf&lt;/a&gt;, but the file has some PHP codes which need to be processed. I made some research and I found out that I had to use output buffering so that the PHP content in the file can be processed. So I did something like:&lt;/p&gt;
&lt;pre&gt;&lt;code&gt;&amp;lt;?php 
    require_once('html2pdf.class.php');    
    ob_start();
    require_once('my_file.php');
    $content = ob_get_clean();
    // force download of $content to a PDF
    $html2pdf = new HTML2PDF('P','A3','fr', false, 'ISO-8859-1');
    $html2pdf-&amp;gt;writeHTML($content);
    $html2pdf-&amp;gt;Output('file_name.pdf', 'D');
?&amp;gt;
&lt;/code&gt;&lt;/pre&gt;
&lt;p&gt;The file &lt;strong&gt;my_file.php&lt;/strong&gt; is the file that has some PHP code and the HTML content that I wanna save to a PDF, and the variable &lt;strong&gt;$content&lt;/strong&gt; is the actual content with the PHP codes processed and everything. This works fine on Apache, but not on IIS.&lt;/p&gt;
&lt;p&gt;Does anybody know an alternative way to make this work witout using ouput buffering? I tried file_get_contents('my_file.php'); but my php contents in my_file.php do not get processed when I do so.&lt;/p&gt;
&lt;p&gt;Please, I'm looking for ways to do this without output buffering so that it can work on any server. I'm not looking for answers telling me to change my IIS server configuration or to use something else other than html2pdf.&lt;/p&gt;
&lt;p&gt;Thanks in advance for any help&lt;/p&gt;</t>
  </si>
  <si>
    <t>2014-10-31 14:28:47.203000+00:00</t>
  </si>
  <si>
    <t>2014-10-31 14:42:42.627000+00:00</t>
  </si>
  <si>
    <t>2014-10-31 14:41:08.407000+00:00</t>
  </si>
  <si>
    <t>php|php-5.3|output-buffering</t>
  </si>
  <si>
    <t>Genymotion won't start my application</t>
  </si>
  <si>
    <t>&lt;p&gt;I'm trying to run my application from Android Studio on my Genymotion emulator.
In Android Studio I get the message that the application was launched on the emulator, though the application is not on the emulator and it seems not installed there.
What can I do?&lt;/p&gt;</t>
  </si>
  <si>
    <t>2015-12-26 17:21:59.033000+00:00</t>
  </si>
  <si>
    <t>2015-12-26 18:28:04.553000+00:00</t>
  </si>
  <si>
    <t>android-studio|genymotion</t>
  </si>
  <si>
    <t>Git-hub issue: Shows 87 files changed of my laravel project</t>
  </si>
  <si>
    <t>&lt;p&gt;I am new to git-hub and when I create a pull request it shows a large amount of file changed, I am working on Laravel5 and being a trainee in a company I have to send the PR to my team head. So, How to save a  fresh Laravel file in master branch and then after doing 1 or 2 changes I commit and generate PR?&lt;/p&gt;
&lt;blockquote&gt;
  &lt;p&gt;Showing  87 changed files  with 834 additions and 2,357 deletions&lt;/p&gt;
&lt;/blockquote&gt;</t>
  </si>
  <si>
    <t>2018-03-07 04:46:15.003000+00:00</t>
  </si>
  <si>
    <t>2018-03-07 05:42:01.503000+00:00</t>
  </si>
  <si>
    <t>laravel|github</t>
  </si>
  <si>
    <t>How to store key value pairs in App Engine datastore?</t>
  </si>
  <si>
    <t>&lt;p&gt;I have an entity with 2 properties: &lt;em&gt;UserId&lt;/em&gt;(String) and &lt;em&gt;RSSSubscriptions&lt;/em&gt;(String). Instances of this class will be storing in App Engine Datastore.&lt;/p&gt;
&lt;p&gt;Where &lt;em&gt;RSSSubscriptions&lt;/em&gt; should be a key value pair like &lt;code&gt;"Site1: Feed1", "Site2: Feed2".&lt;/code&gt;&lt;/p&gt;
&lt;p&gt;Since datatypes like Hashmaps are not persistable I am forced to keep this data in a String format. Currently I have stored it as a string type with JSONArray format. Say, &lt;code&gt;"[{"Site1: Feed1"}, {"Site2: Feed2"}]"&lt;/code&gt;.&lt;/p&gt;
&lt;p&gt;My client will be an Android app. So Iam supposed to parse this string as JSON Array at client side. But I think its a bad idea to create a String with JSON format and append it with existing string, each time when user is adding new subscription. Any better Ideas?&lt;/p&gt;</t>
  </si>
  <si>
    <t>2012-12-13 05:47:43.213000+00:00</t>
  </si>
  <si>
    <t>2012-12-14 13:10:55.160000+00:00</t>
  </si>
  <si>
    <t>Validate HTML dynamically</t>
  </si>
  <si>
    <t>&lt;p&gt;I want to display the text with HTML tags.&lt;/p&gt;
&lt;p&gt;I am having the following code:&lt;/p&gt;
&lt;pre&gt;&lt;code&gt;&amp;lt;pre th:id="'answer' + ${answerStat.index}"&amp;gt;&amp;lt;/pre&amp;gt;
&amp;lt;script type="text/javascript" th:inline="javascript"&amp;gt;
/*&amp;lt;![CDATA[*/
$("#answer" + [[${answerStat.index}]]).html([[${answer.value}]]);
/*]]&amp;gt;*/
&amp;lt;/script&amp;gt;
&lt;/code&gt;&lt;/pre&gt;
&lt;p&gt;It works perfect, but &lt;code&gt;answer.value&lt;/code&gt; was inputed by user earlier and it may contain syntax errors (like unclosed tag). And if &lt;code&gt;answer.value&lt;/code&gt; contains the syntax error, it leads to error.&lt;/p&gt;
&lt;p&gt;So, how can I dynamically check is &lt;code&gt;answer.value&lt;/code&gt; has no syntax errors?
Thank you, hope you will help me.&lt;/p&gt;</t>
  </si>
  <si>
    <t>2016-12-22 21:34:06.953000+00:00</t>
  </si>
  <si>
    <t>2017-07-09 19:09:50.297000+00:00</t>
  </si>
  <si>
    <t>javascript|html|thymeleaf</t>
  </si>
  <si>
    <t>How do i assign the reqOpenorder (from IBrokers package) results to a matrix?</t>
  </si>
  <si>
    <t>&lt;p&gt;The results from the &lt;code&gt;reqOpenOrders&lt;/code&gt; are given below&lt;/p&gt;
&lt;pre&gt;&lt;code&gt;**reqOpenOrders(tws)**                           
TWS Message: 2 3 399 Order Message:                     
Warning: Your order size is below the EUR 20000 IdealPro minimum and will be routed as an odd lot order.  
TWS OrderStatus: orderId=3 status=PreSubmitted filled=0 remaining=1 averageFillPrice=0  
TWS OrderStatus: orderId=3 status=Submitted filled=0 remaining=1 averageFillPrice=0  
TWS OrderStatus: orderId=3 status=Submitted filled=0 remaining=1 averageFillPrice=0  
TWS OrderStatus: orderId=3 status=Submitted filled=0 remaining=1 averageFillPrice=0  
TWS OrderStatus: orderId=3 status=Submitted filled=0 remaining=1 averageFillPrice=0  
TWS Execution: orderId=3 time=2012-08-29 15:38:48 side=BOT shares=1 symbol=EUR conId=12087792 price=1.25580
&lt;/code&gt;&lt;/pre&gt;
&lt;p&gt;But how do I get the above results in a vector/ matrix ?&lt;/p&gt;</t>
  </si>
  <si>
    <t>2012-08-29 10:32:31.920000+00:00</t>
  </si>
  <si>
    <t>2017-05-29 07:46:50.790000+00:00</t>
  </si>
  <si>
    <t>r|ibrokers</t>
  </si>
  <si>
    <t>ExtJS 5 Uncaught TypeError: cannot read property 'parentNode' of null in Tab Panel</t>
  </si>
  <si>
    <t>&lt;p&gt;I am using ExtJS version 5.1.0. &lt;/p&gt;
&lt;p&gt;Problem: I have a &lt;code&gt;Ext.panel.Panel&lt;/code&gt; in my view. In this panel's beforeRender, I am trying to add an &lt;code&gt;xtype:'form'&lt;/code&gt; whose items contain a &lt;code&gt;tabpanel&lt;/code&gt; with multiple tabs.&lt;/p&gt;
&lt;p&gt;When I switch the tab after some seconds of waiting on other tab, I get this exception &lt;/p&gt;
&lt;pre&gt;&lt;code&gt;Uncaught TypeError: cannot read property 'parentNode' of null
&lt;/code&gt;&lt;/pre&gt;
&lt;p&gt;And as a result of this, entire view of the switched tab is lost(its blank). &lt;/p&gt;
&lt;p&gt;I have been trying this for a time now, but unable to find a solution. &lt;/p&gt;
&lt;p&gt;Any suggestions on this would be a great help.&lt;/p&gt;
&lt;p&gt;Here is my code snippet:&lt;/p&gt;
&lt;pre&gt;&lt;code&gt;Ext.define({
    'myClass',
    extend: 'Ext.panel.Panel',
    layout: 'fit',
    viewModel: {
        type: 'abc'
    },
    beforeRender: function() {
        var me = this;
        me.add({
            xtype: 'form',
            trackResetOnLoad: 'true',
            layout: {
                type: 'vbox',
                align: 'stretch'
            },
            items: [
                me.getContainer()
            ]
        });
    },
    getContainer: function() {
        var me = this;
        var tabpanel = Ext.create({
            'Ext.TabPanel',
            allowDestroy: false,
            reference: 'abc', //being used in application somewhere
            layout: 'fit',
            border: 0,
            activeTab: 0,
            items: [{
                    xtype: 'container',
                    bind: {
                        data: {
                            abcd
                        }
                    },
                    title: 'tab1',
                    layout: 'fit',
                    items: [
                        me.createContainer1() // contains form fields  
                    ]
                },
                {
                    xtype: 'container',
                    title: 'tab2',
                    layout: 'fit',
                    bind: {
                        data: {
                            abcf
                        }
                    },
                    items: [
                        me.createContainer2() // contains form fields  
                    ]
                }
            ]
        });
    }
});
&lt;/code&gt;&lt;/pre&gt;
&lt;p&gt;This is not a duplicate, it is a issue related to tabpanel and not simple HTML. It uses framework related knowledge. If anyone has idea about this, then please explain.&lt;/p&gt;</t>
  </si>
  <si>
    <t>2018-04-08 14:31:58.480000+00:00</t>
  </si>
  <si>
    <t>2018-04-09 09:56:14.683000+00:00</t>
  </si>
  <si>
    <t>2018-04-09 09:45:41.963000+00:00</t>
  </si>
  <si>
    <t>javascript|extjs5|tabpanel</t>
  </si>
  <si>
    <t>how to fetch from firebase using golang</t>
  </si>
  <si>
    <t>&lt;p&gt;Database structure
I want to retrive all the data stored in this database using golang&lt;/p&gt;
&lt;pre&gt;&lt;code&gt;{
 "-KaMY9JKmgyRWVApfcXW" : {
          "EmailId" : "aaa@gmail.com",
          "FirstName" : "abc",
          "LastName" : "xyz",
          "UserType" : "user"
      }
 }
&lt;/code&gt;&lt;/pre&gt;</t>
  </si>
  <si>
    <t>2017-01-17 09:02:13.237000+00:00</t>
  </si>
  <si>
    <t>2017-01-18 06:02:58.080000+00:00</t>
  </si>
  <si>
    <t>2017-01-17 12:52:32.530000+00:00</t>
  </si>
  <si>
    <t>go|firebase|firebase-realtime-database</t>
  </si>
  <si>
    <t>HttpWebRequest or WebClient - Remove the Connection header when POSTing data - C#</t>
  </si>
  <si>
    <t>&lt;p&gt;I am building an application with C# and one of the requirements is that the headers have to contain very specific data. I have been working with the WebClient and HttpWebRequest classes in C# but both do not have the option to explicitly remove the Connection header. This is what I have tried: &lt;/p&gt;
&lt;p&gt;&lt;strong&gt;WebClient&lt;/strong&gt;&lt;/p&gt;
&lt;pre&gt;&lt;code&gt;client.Headers.Remove("Connection");
client.Headers.Add("Connection", null); // if only...
&lt;/code&gt;&lt;/pre&gt;
&lt;p&gt;&lt;strong&gt;HttpWebRequest&lt;/strong&gt;&lt;/p&gt;
&lt;pre&gt;&lt;code&gt;request.Connection = null;
request.Connection = "";
&lt;/code&gt;&lt;/pre&gt;
&lt;p&gt;Some of what I have read is that you can only have this header set to Keep-Alive or Close. I need it to not even be on the web request.&lt;/p&gt;
&lt;p&gt;All other required headers are adding just fine. It is this one that is causing a head ache. I'm beginning to believe that removing the Connection header is not possible. Is there any language where it is possible if this is the case?&lt;/p&gt;
&lt;p&gt;Much appreciation for the time you guys take to look at this!&lt;/p&gt;
&lt;p&gt;Thank you!&lt;/p&gt;</t>
  </si>
  <si>
    <t>2017-09-29 00:42:37.447000+00:00</t>
  </si>
  <si>
    <t>2017-09-29 01:12:20.077000+00:00</t>
  </si>
  <si>
    <t>c#|post|header</t>
  </si>
  <si>
    <t>IE structural problems</t>
  </si>
  <si>
    <t>&lt;p&gt;I have just made a very simple static side via wordpress. However, I made the theme from scratch with html and css. It looks perfect and exactly how I want in FFox,Chrome,Safari etc...but upon inspection in IE 6,7,8 is is not right.&lt;/p&gt;
&lt;p&gt;Click {&lt;em&gt;&lt;a href="http://www.paradeofflesh.com" rel="nofollow noreferrer"&gt;here&lt;/a&gt;&lt;/em&gt;} to see the site and if you don't have IE... Here is a screen shot of how it is rendering in there.&lt;/p&gt;
&lt;p&gt;&lt;img src="https://i.stack.imgur.com/SLVhn.png" alt="alt text"&gt;&lt;/p&gt;
&lt;p&gt;Any idea on what this may be or an idea on how to fix it would be greatly appreciated. I can't find any syntax errors in my css and the html seems right&lt;/p&gt;
&lt;p&gt;Thanks&lt;/p&gt;</t>
  </si>
  <si>
    <t>2011-01-18 17:32:04.803000+00:00</t>
  </si>
  <si>
    <t>2011-01-18 18:29:17.997000+00:00</t>
  </si>
  <si>
    <t>2011-01-18 17:40:24.273000+00:00</t>
  </si>
  <si>
    <t>html|css|internet-explorer|wordpress|syntax-error</t>
  </si>
  <si>
    <t>Python read from one CSV file search the corresponding row from another csv if there is a element match</t>
  </si>
  <si>
    <t>&lt;p&gt;I want to read through the first file1.csv and if the policy is present in file2.csv get the specific ID for policy and get the count of that policy ID from file3.csv.
So I have 3 csv files file1.csv file2.csv file3.csv as shown below, which has thousands of similar rows&lt;/p&gt;
&lt;pre&gt;&lt;code&gt;file2.csv
Name   Policies
Raj    12345, 676, 909
Sam    786
Lucy   899, 7676, 09
file2.csv
Policies       ID
676, 8787      212
909,898,707    342
89, 98,09      345
file3.csv
ID  Count
212 56
342 23
345 07
&lt;/code&gt;&lt;/pre&gt;
&lt;p&gt;SO finally my final output  would look something like this stored in a file or csv. Can use panda, numpy or anything&lt;/p&gt;
&lt;pre&gt;&lt;code&gt;Final.csv
Name  tuple of [Policies, ID, Count]
Raj     [676,212,56]
Raj     [909, 342, 23]
Lucy    [09, 345, 07]
&lt;/code&gt;&lt;/pre&gt;
&lt;p&gt;I'm stuck with the below code:&lt;/p&gt;
&lt;pre&gt;&lt;code&gt;policyid = csv.reader( 'file2.csv', delimiter=',')
with open('file1.csv', 'r') as f:
    reader = csv.DictReader(f)
    for row in reader:
        data = row['Policies'].split(",")
        if data:
            for policy in data:
                for policy, id in policyid:
                    data2 = policy.split(",")
                        if policy in data2:
                            print id
&lt;/code&gt;&lt;/pre&gt;</t>
  </si>
  <si>
    <t>2017-09-13 15:00:44.503000+00:00</t>
  </si>
  <si>
    <t>2017-09-13 15:41:23.033000+00:00</t>
  </si>
  <si>
    <t>2017-09-13 15:22:15.047000+00:00</t>
  </si>
  <si>
    <t>python|python-3.x|list|csv|file-read</t>
  </si>
  <si>
    <t>Design efficient user interactive event log so that I won't exceed my 10000 user object limit.</t>
  </si>
  <si>
    <t>&lt;p&gt;I have a problem: in my application I get some event-related information, so for event x I should get a form window in which I do some sort of things (enter some text and click on a button) &lt;/p&gt;
&lt;p&gt;My problem is that for my application there is a 10,000 user objects limit (as for all c# apps), and for my existing code there are already 3000 user objects occupied (so that leaves around 7000 user objects free). I receive from 200 clients info about events regarding some stuff going on each of the clients. &lt;/p&gt;
&lt;p&gt;When I receive info about an event from a client I would like to somehow display this as a label in an event log window and when I click on the label the specific form window (that I mentioned earlier) should pop-up so that I may enter some text and click on a button. &lt;/p&gt;
&lt;p&gt;I need to be able to display this event log window efficiently (because I could receive up to 1000 events from every client and if every label in this log occupies 1 object that means that for every client there will be 1000 objects (max, but possible) so I would exceed very much my 10000 limit). &lt;/p&gt;
&lt;p&gt;How can I do something about it efficiently?&lt;/p&gt;
&lt;p&gt;Currently for every event I launch a form window in which I enter text and click on a button but this is not efficient (because my form window occupies already 3 user objects and if I have a max 3 * 200 clients * 1000 user object i exceed my 7000 limit by far). &lt;/p&gt;</t>
  </si>
  <si>
    <t>2011-01-22 19:43:58.030000+00:00</t>
  </si>
  <si>
    <t>2018-10-25 14:59:32.897000+00:00</t>
  </si>
  <si>
    <t>c#|user-object</t>
  </si>
  <si>
    <t>Trouble converting PDO query to MySQLi</t>
  </si>
  <si>
    <t>&lt;p&gt;I have a query that is working fine in PDO but I am needing to convert the query to MySQLi to be compatible with an older server.&lt;/p&gt;
&lt;p&gt;Here is the PDO query:&lt;/p&gt;
&lt;pre&gt;&lt;code&gt;$conn = new PDO( DB_DSN, DB_USERNAME, DB_PASSWORD );
$sql = "SELECT * FROM users WHERE username=:username";
$st = $conn-&amp;gt;prepare( $sql );
$st-&amp;gt;bindValue( ":username", $username, PDO::PARAM_STR );
$st-&amp;gt;execute();
while ( $row = $st-&amp;gt;fetch() ) {
  $db_username = $row['username'];
  $db_password = $row['password'];
}
&lt;/code&gt;&lt;/pre&gt;
&lt;p&gt;Here is what I have to MySQLi, but it doesn't seem to be working:&lt;/p&gt;
&lt;pre&gt;&lt;code&gt;$mysqli = new mysqli( 'localhost', DB_USERNAME, DB_PASSWORD, DB_NAME );
$username = mysqli_real_escape_string($mysqli, $username);
$query = "SELECT * FROM users WHERE username=$username";
if ($result = $mysqli-&amp;gt;query($query)) {
while ($obj = $result-&amp;gt;fetch_object()) {
  $db_username = $obj-&amp;gt;username;
  $db_password = $obj-&amp;gt;password;
}
mysqli_free_result($result);
}
&lt;/code&gt;&lt;/pre&gt;
&lt;p&gt;Any help would be very much appreciated :)&lt;/p&gt;</t>
  </si>
  <si>
    <t>2015-04-24 13:58:42.007000+00:00</t>
  </si>
  <si>
    <t>2015-04-24 15:11:40.957000+00:00</t>
  </si>
  <si>
    <t>php|pdo|mysqli</t>
  </si>
  <si>
    <t>How to dock Firebug in browser window?</t>
  </si>
  <si>
    <t>&lt;p&gt;How to dock Firebug in browser window after I opened in a new window? With Firefox 3.0.8 and Firebug 1.3 on Mac OS X 10.5 I can't get it docked in the browser window back. :(&lt;/p&gt;</t>
  </si>
  <si>
    <t>2009-04-02 14:30:45.910000+00:00</t>
  </si>
  <si>
    <t>2014-12-11 05:11:18.910000+00:00</t>
  </si>
  <si>
    <t>2009-04-02 15:59:33.273000+00:00</t>
  </si>
  <si>
    <t>Patrick McElhaney</t>
  </si>
  <si>
    <t>Marc</t>
  </si>
  <si>
    <t>macos|firefox|firebug</t>
  </si>
  <si>
    <t>PostgreSQL update column X when column Y toggled</t>
  </si>
  <si>
    <t>&lt;p&gt;I have a table like this:&lt;/p&gt;
&lt;pre&gt;&lt;code&gt;CREATE TABLE bla (
  id BIGSERIAL PRIMARY KEY,
  created_at TIMESTAMP DEFAULT CURRENT_TIMESTAMP, -- 1
  updated_at TIMESTAMP, -- 2
  deleted_at TIMESTAMP, -- 3
  restored_at TIMESTAMP, -- 4
  created_by BIGINT,
  updated_by BIGINT,
  deleted_by BIGINT,
  restored_by BIGINT,
  is_deleted BOOLEAN DEFAULT FALSE,
  unique_id VARCHAR(20) UNIQUE,
  data TEXT
);
&lt;/code&gt;&lt;/pre&gt;
&lt;p&gt;Using only default &lt;code&gt;PostgreSQL&lt;/code&gt; features, how to:&lt;/p&gt;
&lt;p&gt;&lt;code&gt;1&lt;/code&gt;. automatically fill &lt;code&gt;created_at&lt;/code&gt; on &lt;code&gt;INSERT&lt;/code&gt;?
&lt;strong&gt;done&lt;/strong&gt;&lt;/p&gt;
&lt;p&gt;&lt;code&gt;2&lt;/code&gt;. automatically fill &lt;code&gt;updated_at&lt;/code&gt; on &lt;code&gt;UPDATE&lt;/code&gt; (only when updating &lt;code&gt;unique_id&lt;/code&gt; and &lt;code&gt;data&lt;/code&gt;)? &lt;strong&gt;done&lt;/strong&gt;&lt;/p&gt;
&lt;pre&gt;&lt;code&gt;CREATE OR REPLACE FUNCTION change_updated_at() RETURNS trigger AS $$ 
        DECLARE
            changed BOOLEAN;
        BEGIN
            changed := FALSE;
            IF (OLD.unique_id &amp;lt;&amp;gt; NEW.unique_id) OR (OLD.data &amp;lt;&amp;gt; NEW.data) THEN 
                changed := TRUE;
            END IF;
            IF changed THEN
                NEW.updated_at := NOW();
            END IF;
            RETURN NEW;
        END; $$ LANGUAGE plpgsql;
 CREATE TRIGGER bla__updated_at_trigger BEFORE UPDATE ON bla FOR EACH ROW EXECUTE PROCEDURE change_updated_at();
&lt;/code&gt;&lt;/pre&gt;
&lt;p&gt;&lt;code&gt;3&lt;/code&gt;. automatically fill &lt;code&gt;deleted_at&lt;/code&gt; on &lt;code&gt;UPDATE&lt;/code&gt; when &lt;code&gt;is_deleted&lt;/code&gt; becomes &lt;code&gt;true&lt;/code&gt;?&lt;/p&gt;
&lt;p&gt;&lt;code&gt;4&lt;/code&gt;. automatically fill &lt;code&gt;restored_at&lt;/code&gt; on &lt;code&gt;UPDATE&lt;/code&gt; when &lt;code&gt;is_deleted&lt;/code&gt; becomes &lt;code&gt;false&lt;/code&gt;?&lt;/p&gt;
&lt;p&gt;I will update this post after successful attempt.&lt;/p&gt;</t>
  </si>
  <si>
    <t>2014-12-12 04:22:03.833000+00:00</t>
  </si>
  <si>
    <t>2014-12-12 04:48:55.140000+00:00</t>
  </si>
  <si>
    <t>postgresql|triggers</t>
  </si>
  <si>
    <t>Devexpress grid - PerformCallback generates Invalid viewstate</t>
  </si>
  <si>
    <t>&lt;p&gt;I have a DevExpress grid that needs to be refreshed every time the value in a combobox is changed. For example, I have a combobox that sets the grid's page size. One of the requirements is that the combobox does not cause a full postback.&lt;/p&gt;
&lt;p&gt;The combobox is declared like this:&lt;/p&gt;
&lt;pre&gt;&lt;code&gt;    &amp;lt;asp:DropDownList ID="cboPages" AutoPostBack="false" runat="server" 
EnableViewState="false" OnSelectedIndexChanged="cboPages_SelectedIndexChanged" /&amp;gt;
&lt;/code&gt;&lt;/pre&gt;
&lt;p&gt;On selected index changed, it sets a cookie whose value is the selected value. When the combobox value changes, a javascript function is called:&lt;/p&gt;
&lt;pre&gt;&lt;code&gt;function PerformCallbackOnGrid(grid) {
    try {
        grid.PerformCallback("refresh");
    }
    catch(err){
        alert('Could not perform callback on grid.');
    }
}
&lt;/code&gt;&lt;/pre&gt;
&lt;p&gt;The function is attached in code behind:&lt;/p&gt;
&lt;pre&gt;&lt;code&gt;this.cboPages.Attributes["onChange"] = "PerformCallbackOnGrid(" + this.GridClientID + ")";
&lt;/code&gt;&lt;/pre&gt;
&lt;p&gt;After performing these steps:&lt;/p&gt;
&lt;ol&gt;
&lt;li&gt;The user changes the grid page size using the combobox, so PerformCallback is called at least once.&lt;/li&gt;
&lt;li&gt;The user presses F5(refresh).&lt;/li&gt;
&lt;li&gt;The user tries to change the page size again.&lt;/li&gt;
&lt;/ol&gt;
&lt;p&gt;an 'Invalid viewstate' error message appears.&lt;/p&gt;
&lt;p&gt;I have tried setting ViewStateMode to Disabled for the grid, also EnableViewState="false".&lt;/p&gt;</t>
  </si>
  <si>
    <t>2010-12-13 14:40:05.473000+00:00</t>
  </si>
  <si>
    <t>2011-02-16 16:25:31.267000+00:00</t>
  </si>
  <si>
    <t>asp.net|viewstate|devexpress|aspxgridview</t>
  </si>
  <si>
    <t>Avoid deleting folder on Web Publish</t>
  </si>
  <si>
    <t>&lt;p&gt;I'm deploying my application to an Azure Website. I've configured the Publishing Profile succesfuly and setup tfspreview.com to publish automatically using continuous integration on each code commit. &lt;/p&gt;
&lt;p&gt;I have a folder on the path "/media". This folder has pictures and documents uploaded through the CMS (umbraco). This folder gets deleted on each web deploy. &lt;/p&gt;
&lt;p&gt;From &lt;a href="https://stackoverflow.com/questions/12576662/msdeploy-skip-rules-when-using-msbuild-publishprofile-with-visual-studio-2012"&gt;this answer&lt;/a&gt;, I learned how to add a SkipDelete rule on either the .csproj or on the wpp.targets file, but everytime I publish the site the whole folder gets deleted anyway. &lt;/p&gt;
&lt;p&gt;Here is the code I'm currently using inside wpp.targets:&lt;/p&gt;
&lt;pre&gt;&lt;code&gt;&amp;lt;PropertyGroup&amp;gt;
&amp;lt;AfterAddIisSettingAndFileContentsToSourceManifest&amp;gt;
  AddCustomSkipRules
&amp;lt;/AfterAddIisSettingAndFileContentsToSourceManifest&amp;gt;
&amp;lt;/PropertyGroup&amp;gt;
&amp;lt;Target Name="AddCustomSkipRules"&amp;gt;
&amp;lt;Message Text="Adding Custom Skip Rules" /&amp;gt;
&amp;lt;ItemGroup&amp;gt;
  &amp;lt;MsDeploySkipRules Include="SkipMediaFolder"&amp;gt;
    &amp;lt;SkipAction&amp;gt;Delete&amp;lt;/SkipAction&amp;gt;
    &amp;lt;ObjectName&amp;gt;filePath&amp;lt;/ObjectName&amp;gt;
    &amp;lt;AbsolutePath&amp;gt;media&amp;lt;/AbsolutePath&amp;gt;
  &amp;lt;/MsDeploySkipRules&amp;gt;
&amp;lt;/ItemGroup&amp;gt;
&amp;lt;/Target&amp;gt;
&amp;lt;PropertyGroup&amp;gt;
&amp;lt;UseMsDeployExe&amp;gt;true&amp;lt;/UseMsDeployExe&amp;gt;
&amp;lt;/PropertyGroup&amp;gt;
&lt;/code&gt;&lt;/pre&gt;</t>
  </si>
  <si>
    <t>2013-02-28 21:20:28.673000+00:00</t>
  </si>
  <si>
    <t>2013-03-03 14:55:01.950000+00:00</t>
  </si>
  <si>
    <t>2017-05-23 12:01:44.953000+00:00</t>
  </si>
  <si>
    <t>asp.net-mvc|deployment|azure|visual-studio-2012|umbraco</t>
  </si>
  <si>
    <t>Add attribute to app-root for jasmine testing</t>
  </si>
  <si>
    <t>&lt;p&gt;We have an Angular application (6.1.0) which gets consumed by another website. The way the website communicates with the website is through adding attributes to the app-root for example:&lt;/p&gt;
&lt;pre&gt;&lt;code&gt;&amp;lt;app-root isEnabled="true" backendApi="http://fake.url"&amp;gt;
&amp;lt;/app-root&amp;gt;
&lt;/code&gt;&lt;/pre&gt;
&lt;p&gt;The &lt;code&gt;app.component.ts&lt;/code&gt; loads this on construction.&lt;/p&gt;
&lt;p&gt;I am currently writing a jasmine test to test whether the &lt;code&gt;app.component.ts&lt;/code&gt; is reading these values or throwing an error if expected values are not set when the component is created. &lt;/p&gt;
&lt;p&gt;Is there a way of setting attributes on the &lt;code&gt;app-root&lt;/code&gt; element before creating the component:&lt;/p&gt;
&lt;p&gt;Something like the following:&lt;/p&gt;
&lt;pre&gt;&lt;code&gt;it('should warn if attributes are missing from app-root', async(() =&amp;gt; {
    globalTestElemet.find('app-root').setAttribute('isEnabled','true'); &amp;lt;- Is this possible?
    //Create the component and continue with test...
}));
&lt;/code&gt;&lt;/pre&gt;
&lt;p&gt;I know you can get the html element via:&lt;/p&gt;
&lt;pre&gt;&lt;code&gt;const fixture = TestBed.createComponent(AppComponent);
const compiled = fixture.debugElement.nativeElement;
&lt;/code&gt;&lt;/pre&gt;
&lt;p&gt;but that requires the component to already be created.&lt;/p&gt;</t>
  </si>
  <si>
    <t>2018-08-21 12:59:21.620000+00:00</t>
  </si>
  <si>
    <t>javascript|angular|unit-testing|jasmine</t>
  </si>
  <si>
    <t>After creating another account it's showing failed "Sorry, your registration failed. Please go back and try again."</t>
  </si>
  <si>
    <t>&lt;p&gt;i've created a login authentication form, when first time user makes their account it's showing "successfully created, and everything goes well ok but when i create other account using other email and username it's showing this error message &lt;code&gt;Sorry, your registration failed. Please go back and try again.&lt;/code&gt; what's that meaning ? please help&lt;/p&gt;
&lt;p&gt;code for Creating table:&lt;/p&gt;
&lt;pre&gt;&lt;code&gt;// Create table
$sql="CREATE TABLE IF NOT EXISTS `login`.`users` (
  `user_id` int(11) NOT NULL AUTO_INCREMENT COMMENT 'auto incrementing user_id of each user, unique index',
  `user_name` varchar(64) COLLATE utf8_unicode_ci NOT NULL COMMENT 'user''s name, unique',
  `user_password_hash` varchar(255) COLLATE utf8_unicode_ci NOT NULL COMMENT 'user''s password in salted and hashed format',
  `user_email` varchar(64) COLLATE utf8_unicode_ci NOT NULL COMMENT 'user''s email, unique',
  `college` varchar(105) COLLATE utf8_unicode_ci NOT NULL COMMENT 'user''s college, unique',
  `branch` varchar(105) COLLATE utf8_unicode_ci NOT NULL COMMENT 'user''s branch, unique',
  `course_year` varchar(105) COLLATE utf8_unicode_ci NOT NULL COMMENT 'user''s course_year, unique',
  `name` varchar(105) COLLATE utf8_unicode_ci NOT NULL COMMENT 'user''s name, unique',
  `hometown` varchar(105) COLLATE utf8_unicode_ci NOT NULL COMMENT 'user''s hometown, unique',
  `gender` varchar(50) COLLATE utf8_unicode_ci NOT NULL COMMENT 'user''s gender, unique',
  PRIMARY KEY (`user_id`),
  UNIQUE KEY `user_name` (`user_name`),
  UNIQUE KEY `user_email` (`user_email`),
  UNIQUE KEY `college` (`college`),
  UNIQUE KEY `branch` (`branch`),
  UNIQUE KEY `course_year` (`course_year`),
  UNIQUE KEY `name` (`name`),
  UNIQUE KEY `hometown` (`hometown`),
  UNIQUE KEY `gender` (`gender`)
) ENGINE=InnoDB DEFAULT CHARSET=utf8 COLLATE=utf8_unicode_ci COMMENT='user data'";
&lt;/code&gt;&lt;/pre&gt;
&lt;p&gt;everything goes well but after creating another account it's showing that error message..&lt;/p&gt;
&lt;p&gt;here is code for &lt;code&gt;Registration.php&lt;/code&gt;:&lt;/p&gt;
&lt;pre&gt;&lt;code&gt;&amp;lt;?php
/**
 * Class registration
 * handles the user registration
 */
class Registration
{
    /**
     * @var object $db_connection The database connection
     */
    private $db_connection = null;
    /**
     * @var array $errors Collection of error messages
     */
    public $errors = array();
    /**
     * @var array $messages Collection of success / neutral messages
     */
    public $messages = array();
    /**
     * the function "__construct()" automatically starts whenever an object of this class is created,
     * you know, when you do "$registration = new Registration();"
     */
    public function __construct()
    {
        if (isset($_POST["register"])) {
            $this-&amp;gt;registerNewUser();
        }
    }
    /**
     * handles the entire registration process. checks all error possibilities
     * and creates a new user in the database if everything is fine
     */
    private function registerNewUser()
    {
        if (empty($_POST['user_name'])) {
            $this-&amp;gt;errors[] = "Empty Username";
        } elseif (empty($_POST['user_password_new']) || empty($_POST['user_password_repeat'])) {
            $this-&amp;gt;errors[] = "Empty Password";
        } elseif ($_POST['user_password_new'] !== $_POST['user_password_repeat']) {
            $this-&amp;gt;errors[] = "Password and password repeat are not the same";
        } elseif (strlen($_POST['user_password_new']) &amp;lt; 6) {
            $this-&amp;gt;errors[] = "Password has a minimum length of 6 characters";
        } elseif (strlen($_POST['user_name']) &amp;gt; 64 || strlen($_POST['user_name']) &amp;lt; 2) {
            $this-&amp;gt;errors[] = "Username cannot be shorter than 2 or longer than 64 characters";
        } elseif (!preg_match('/^[a-z\d]{2,64}$/i', $_POST['user_name'])) {
            $this-&amp;gt;errors[] = "Username does not fit the name scheme: only a-Z and numbers are allowed, 2 to 64 characters";
        } elseif (empty($_POST['user_email'])) {
            $this-&amp;gt;errors[] = "Email cannot be empty";
        } elseif (strlen($_POST['user_email']) &amp;gt; 64) {
            $this-&amp;gt;errors[] = "Email cannot be longer than 64 characters";
        } elseif (!filter_var($_POST['user_email'], FILTER_VALIDATE_EMAIL)) {
            $this-&amp;gt;errors[] = "Your email address is not in a valid email format";
        } elseif (empty($_POST['college']) || empty($_POST['branch']) || empty($_POST['course_year'])){
            $this-&amp;gt;errors[]="Select your college, branch, and year.";
        } elseif (!empty($_POST['user_name'])
            &amp;amp;&amp;amp; strlen($_POST['user_name']) &amp;lt;= 64
            &amp;amp;&amp;amp; strlen($_POST['user_name']) &amp;gt;= 2
            &amp;amp;&amp;amp; preg_match('/^[a-z\d]{2,64}$/i', $_POST['user_name'])
            &amp;amp;&amp;amp; !empty($_POST['user_email'])
            &amp;amp;&amp;amp; strlen($_POST['user_email']) &amp;lt;= 64
            &amp;amp;&amp;amp; filter_var($_POST['user_email'], FILTER_VALIDATE_EMAIL)
            &amp;amp;&amp;amp; !empty($_POST['user_password_new'])
            &amp;amp;&amp;amp; !empty($_POST['user_password_repeat'])
            &amp;amp;&amp;amp; ($_POST['user_password_new'] === $_POST['user_password_repeat'])
        ) {
            // create a database connection
            $this-&amp;gt;db_connection = new mysqli(DB_HOST, DB_USER, DB_PASS, DB_NAME);
            // change character set to utf8 and check it
            if (!$this-&amp;gt;db_connection-&amp;gt;set_charset("utf8")) {
                $this-&amp;gt;errors[] = $this-&amp;gt;db_connection-&amp;gt;error;
            }
            // if no connection errors (= working database connection)
            if (!$this-&amp;gt;db_connection-&amp;gt;connect_errno) {
                // escaping, additionally removing everything that could be (html/javascript-) code
                $user_name = $this-&amp;gt;db_connection-&amp;gt;real_escape_string(strip_tags($_POST['user_name'], ENT_QUOTES));
                $user_email = $this-&amp;gt;db_connection-&amp;gt;real_escape_string(strip_tags($_POST['user_email'], ENT_QUOTES));
                $user_password = $_POST['user_password_new'];
                // crypt the user's password with PHP 5.5's password_hash() function, results in a 60 character
                // hash string. the PASSWORD_DEFAULT constant is defined by the PHP 5.5, or if you are using
                // PHP 5.3/5.4, by the password hashing compatibility library
                $user_password_hash = password_hash($user_password, PASSWORD_DEFAULT);
                $college=$_POST['college'];
                $branch=$_POST['branch'];
                $course_year=$_POST['course_year'];
                $name=$_POST['name'];
                $hometown=$_POST['hometown'];
                $gender=$_POST['sex'];
                // check if user or email address already exists
                $sql = "SELECT * FROM users WHERE user_name = '" . $user_name . "' OR user_email = '" . $user_email . "';";
                $query_check_user_name = $this-&amp;gt;db_connection-&amp;gt;query($sql);
                if ($query_check_user_name-&amp;gt;num_rows == 1) {
                    $this-&amp;gt;errors[] = "Sorry, that username / email address is already taken.";
                } else {
                    // write new user's data into database
                    $sql = "INSERT INTO users (user_name, user_password_hash, user_email, college, branch, course_year, name, hometown, gender)
                            VALUES('" . $user_name . "', '" . $user_password_hash . "', '" . $user_email . "', '".$college."', '".$branch."', '".$course_year."', '".$name."', '".$hometown."', '".$gender."');";
                    $query_new_user_insert = $this-&amp;gt;db_connection-&amp;gt;query($sql);
                    // if user has been added successfully
                    if ($query_new_user_insert) {
                        $this-&amp;gt;messages[] = "Your account has been created successfully. You can now log in.";
                    } else {
                        $this-&amp;gt;errors[] = "Sorry, your registration failed. Please go back and try again.";
                    }
                }
            } else {
                $this-&amp;gt;errors[] = "Sorry, no database connection.";
            }
        } else {
            $this-&amp;gt;errors[] = "An unknown error occurred.";
        }
    }
}
&lt;/code&gt;&lt;/pre&gt;</t>
  </si>
  <si>
    <t>2014-04-15 08:19:45.257000+00:00</t>
  </si>
  <si>
    <t>2014-04-15 08:29:26.590000+00:00</t>
  </si>
  <si>
    <t>javascript|php|jquery|mysql|database</t>
  </si>
  <si>
    <t>How to prevent UILabel from being moved further than other objects</t>
  </si>
  <si>
    <t>&lt;p&gt;I am trying to move a label with an animation but I want it to be between two other objects. I thought I could do it with NSLayoutConstraints like &lt;/p&gt;
&lt;pre&gt;&lt;code&gt;    let labelLeftConstraint = NSLayoutConstraint(item: self.label, attribute: NSLayoutAttribute.Left, relatedBy: NSLayoutRelation.GreaterThanOrEqual, toItem: self.leftObject, attribute: NSLayoutAttribute.Right, multiplier: 1, constant: 0)
    let labelRightConstraint = NSLayoutConstraint(item: self.label, attribute: NSLayoutAttribute.Right, relatedBy: NSLayoutRelation.LessThanOrEqual, toItem: self.rightObject, attribute: NSLayoutAttribute.Left, multiplier: 1, constant: 0)
    let labelBottom = NSLayoutConstraint(item: self.label, attribute: NSLayoutAttribute.Bottom, relatedBy: NSLayoutRelation.Equal, toItem: self.bottomObject , attribute: NSLayoutAttribute.Top, multiplier: 1, constant: 0)
    let labelCenterX = NSLayoutConstraint(item: self.label, attribute: NSLayoutAttribute.CenterX, relatedBy: NSLayoutRelation.Equal, toItem: self.movingObject, attribute: NSLayoutAttribute.CenterX, multiplier: 1, constant: 0)
    label.setTranslatesAutoresizingMaskIntoConstraints(false)
    self.view.addSubview(label)
    self.view.addConstraints([labelLeftConstraint, labelRightConstraint, labelBottom, labelCenterX])
&lt;/code&gt;&lt;/pre&gt;
&lt;p&gt;And I am trying to update the position with&lt;/p&gt;
&lt;pre&gt;&lt;code&gt;    UIView.animateWithDuration(0.5, delay: 0, options: UIViewAnimationOptions.CurveEaseOut, animations: { () -&amp;gt; Void in
        self.movingObject.center = CGPoint(x: newX, y: newY)
        self.view.updateConstraints()
    }
&lt;/code&gt;&lt;/pre&gt;
&lt;p&gt;But when the &lt;code&gt;movingObject&lt;/code&gt; is moving too far it crops the label (which obviously makes sense because of the &lt;code&gt;labelCenterX&lt;/code&gt; should be equal to the &lt;code&gt;movingObject&lt;/code&gt;). How could I prevent this and instead move it only up to the edges of the &lt;code&gt;leftObject&lt;/code&gt; and &lt;code&gt;rightObject&lt;/code&gt;? I would need something like &lt;code&gt;.LessEqualOrGreater&lt;/code&gt; as for the relation...&lt;/p&gt;
&lt;p&gt;I also tried to animate the label also with the &lt;code&gt;.center&lt;/code&gt;-method but I didn't find a way to prevent it from getting out of the two objects.&lt;/p&gt;
&lt;p&gt;&lt;br&gt;&lt;br&gt;
Thank You for your Help (I know I am probably asking a dumb question but I am just learning Swift)&lt;/p&gt;
&lt;p&gt;&lt;br&gt;&lt;br&gt;
&lt;strong&gt;Edit:&lt;/strong&gt;
Here is a Screenshot of my problem:
&lt;img src="https://i.stack.imgur.com/jteaR.png" alt="The thing I try to animate"&gt;&lt;/p&gt;
&lt;p&gt;The movingObject is the picture of bike which moves with changing velocity from left to right and is allowed to go further than the label with the velocity over the bar. This label should only be between the &lt;code&gt;0&lt;/code&gt; and the &lt;code&gt;30&lt;/code&gt;-Label&lt;/p&gt;
&lt;p&gt;&lt;strong&gt;Edit 2:&lt;/strong&gt;
The working code is in my &lt;a href="https://github.com/miallo/Problem" rel="nofollow noreferrer"&gt;Git repository&lt;/a&gt;&lt;/p&gt;</t>
  </si>
  <si>
    <t>2015-05-31 17:17:16.997000+00:00</t>
  </si>
  <si>
    <t>2015-06-01 07:08:44.507000+00:00</t>
  </si>
  <si>
    <t>2015-05-31 20:18:49.310000+00:00</t>
  </si>
  <si>
    <t>ios|swift|nslayoutconstraint</t>
  </si>
  <si>
    <t>No reply in conversation with mpociot/Botman (framework agnostic PHP library)</t>
  </si>
  <si>
    <t>&lt;p&gt;I looked on google and found botman and when I read the documentation, I found that I will do something great and cool with this framework
But when I did my first hello world application, I was faced with a problem is that my bot does not answer me.
Here is my code:&lt;/p&gt;
&lt;pre&gt;&lt;code&gt;&amp;lt;?php
require __DIR__ . '/vendor/autoload.php';
use Mpociot\BotMan\BotManFactory;
use Mpociot\BotMan\BotMan;
$config = [
    'facebook_token' =&amp;gt; 'MY_facebook_token_ generated',
    'facebook_app_secret' =&amp;gt; 'MY_facebook_app_secret_given',
];
// create an instance
$botman = BotManFactory::create($config);
$botman-&amp;gt;verifyServices('My_key_verification');
// give the bot something to listen for.
$botman-&amp;gt;hears('hi', function (BotMan $bot) {
    $bot-&amp;gt;reply('hello world.');
});
// start listening
$botman-&amp;gt;listen();
&lt;/code&gt;&lt;/pre&gt;
&lt;p&gt;I noticed from here that my facebook token was checked and it is exactly the same as facebook generated, my facebook_app_secret also is the same, as well as my verify services and I do not know where the problem lies.&lt;/p&gt;
&lt;p&gt;So I looked in a forum and found that I have to use doctrine cache but I do not know how to use it properly
Here is my code:&lt;/p&gt;
&lt;pre&gt;&lt;code&gt;&amp;lt;?php
require __DIR__ . '/vendor/autoload.php';
use Mpociot\BotMan\BotManFactory;
use Mpociot\BotMan\BotMan;
use Mpociot\BotMan\Cache\DoctrineCache;
$config = [
    'facebook_token' =&amp;gt; 'MY_facebook_token_ generated',
    'facebook_app_secret' =&amp;gt; 'MY_facebook_app_secret_given',
];
$doctrineCacheDriver = 'ApcCache';
// create an instance
$botman = BotManFactory::create($config, new DoctrineCache($doctrineCacheDriver));
$botman-&amp;gt;verifyServices('My_key_verification');
// give the bot something to listen for.
$botman-&amp;gt;hears('hi', function (BotMan $bot) {
    $bot-&amp;gt;reply('hello world.');
});
// start listening
$botman-&amp;gt;listen();
&lt;/code&gt;&lt;/pre&gt;
&lt;p&gt;And there is an error, here is the error:&lt;/p&gt;
&lt;pre&gt;&lt;code&gt;Catchable fatal error: Argument 1 passed to Mpociot\BotMan\Cache\DoctrineCache::__construct() must be an instance of Doctrine\Common\Cache\Cache, string given, called in C:\wamp64\www\bot\index.php on line 19 and defined in C:\wamp64\www\bot\vendor\mpociot\botman\src\Mpociot\BotMan\Cache\DoctrineCache.php on line 18
&lt;/code&gt;&lt;/pre&gt;
&lt;p&gt;And here is my file composer.json&lt;/p&gt;
&lt;pre&gt;&lt;code&gt;{
    "require": {
        "mpociot/botman": "^1.4",
        "phpunit/phpunit": "~4.8|~5.0",
        "doctrine/cache": "^1.6",
        "satooshi/php-coveralls": "~0.6",
        "predis/predis": "~1.0",
        "illuminate/support": "~5.0",
        "orchestra/testbench": "~3.0",
        "mockery/mockery": "dev-master",
        "sllh/php-cs-fixer-styleci-bridge": "^2.1",
        "mpociot/slack-client": "^0.2.6",
        "ext-curl": "*"
    }
}
&lt;/code&gt;&lt;/pre&gt;</t>
  </si>
  <si>
    <t>2017-04-06 08:20:05.097000+00:00</t>
  </si>
  <si>
    <t>php|facebook-messenger-bot</t>
  </si>
  <si>
    <t>Not beginning with vowels and not ending with vowels</t>
  </si>
  <si>
    <t>&lt;p&gt;I'm practicing a challenge on Hackerrank where the question is return list of all cities from a Table 'STATION' where the cities do not begin with vowels and do not end with vowels.&lt;/p&gt;
&lt;p&gt;This query doesn't work:&lt;/p&gt;
&lt;pre&gt;&lt;code&gt;select distinct CITY from STATION where CITY NOT LIKE '[A,E,I,O,U]% 
[a,e,i,o,u]'
&lt;/code&gt;&lt;/pre&gt;
&lt;p&gt;But this query does work:&lt;/p&gt;
&lt;pre&gt;&lt;code&gt;select distinct CITY from STATION where CITY NOT LIKE '[A,E,I,O,U]%' 
AND CITY NOT LIKE '%[a,e,i,o,u]'
&lt;/code&gt;&lt;/pre&gt;
&lt;p&gt;Could anyone please help me understand why the first query is not working?&lt;/p&gt;</t>
  </si>
  <si>
    <t>2018-08-20 20:50:44.457000+00:00</t>
  </si>
  <si>
    <t>2018-08-20 21:55:29.263000+00:00</t>
  </si>
  <si>
    <t>Setting website height css</t>
  </si>
  <si>
    <t>&lt;p&gt;I am currently creating a website and i'm trying to fix the max height to 1100px. However if i try do this i get 2 scroll bars coming up assuming because of the div. Could anyone help me? here is a snippet of my code.&lt;/p&gt;
&lt;p&gt;CSS:&lt;/p&gt;
&lt;pre&gt;&lt;code&gt;html, body {
  border:0;
  margin:0;
  padding:0;
  overflow-x: hidden;
}
#wrap { 
    width: 960px; 
    margin: 0 auto; 
}
&lt;/code&gt;&lt;/pre&gt;</t>
  </si>
  <si>
    <t>2013-07-30 13:55:16.497000+00:00</t>
  </si>
  <si>
    <t>2014-02-18 18:51:17.987000+00:00</t>
  </si>
  <si>
    <t>2013-07-30 13:56:52.863000+00:00</t>
  </si>
  <si>
    <t>Perl delete a character from a string unless it is a duplicate</t>
  </si>
  <si>
    <t>&lt;p&gt;What is the cleanest/simplest way to remove a particular character from a string &lt;strong&gt;unless&lt;/strong&gt; it is repeated once.&lt;/p&gt;
&lt;p&gt;For example given the following string:&lt;/p&gt;
&lt;pre&gt;&lt;code&gt;'it''s 'simple'
&lt;/code&gt;&lt;/pre&gt;
&lt;p&gt;I expect:&lt;/p&gt;
&lt;pre&gt;&lt;code&gt;it's simple
&lt;/code&gt;&lt;/pre&gt;
&lt;p&gt;For my usage there shall never be more than two ' characters in a row.&lt;/p&gt;</t>
  </si>
  <si>
    <t>2018-11-26 14:50:37.323000+00:00</t>
  </si>
  <si>
    <t>2018-11-26 15:56:17.077000+00:00</t>
  </si>
  <si>
    <t>perl|substitution</t>
  </si>
  <si>
    <t>Getting location on newer versions of Android?</t>
  </si>
  <si>
    <t>&lt;p&gt;I've made an app that gets location from either GPS, Network, or Passive and picks the best provider based on the accuracy and time. The app works well on my phone, running Android 2.2, but on a friend's phone, running 4.2, he is not able to get a location indoors (from a passive provider). I'm a bit cynical and think that Google just wants me to sign up for Google Maps Geolocation API so I can pay for the passive provider after 1000k requests. Is there a way I can fix the app for 4.2 or do I need to sign up for the API?&lt;/p&gt;
&lt;p&gt;Info: In the google maps app, he gets a virtually perfect location. &lt;/p&gt;
&lt;p&gt;This function can give me a very good location on my phone, but no location on my friend's phone:&lt;/p&gt;
&lt;pre&gt;&lt;code&gt;if (lastLocation_passive != null) {
            time_passivefix = (System.currentTimeMillis() - lastLocation_passive
                    .getTime()) / (1000 * 3600);
            accuracy_passivefix = lastLocation_passive.getAccuracy();
            Log.i(TAG, "Time and accuracy from last passive fix is: "
                    + time_passivefix + " " + accuracy_passivefix);
            accuracy_passivefix = lastLocation_passive.getAccuracy();
            Log.i(TAG,
                    "Passive fix got fix from: "
                            + lastLocation_passive.getProvider());
            if (time_passivefix &amp;lt; 1 &amp;amp;&amp;amp; accuracy_passivefix &amp;lt;= 150)
                return lastLocation_passive;
&lt;/code&gt;&lt;/pre&gt;
&lt;p&gt;EDIT: Is that Google down-voting my question?&lt;/p&gt;</t>
  </si>
  <si>
    <t>2013-10-17 03:36:17.490000+00:00</t>
  </si>
  <si>
    <t>2013-10-17 04:09:01.110000+00:00</t>
  </si>
  <si>
    <t>android|gps</t>
  </si>
  <si>
    <t>Set a variable in session in twig symfony 2</t>
  </si>
  <si>
    <t>&lt;p&gt;Does it exist a method to &lt;strong&gt;&lt;em&gt;define&lt;/em&gt;&lt;/strong&gt; (not to get) a session variable in twig file ?
Like this:&lt;/p&gt;
&lt;pre&gt;&lt;code&gt;{{ app.session.set('key', value) }}
&lt;/code&gt;&lt;/pre&gt;</t>
  </si>
  <si>
    <t>2016-04-07 13:57:45.997000+00:00</t>
  </si>
  <si>
    <t>2017-08-25 13:46:17.787000+00:00</t>
  </si>
  <si>
    <t>symfony|session|twig|session-variables</t>
  </si>
  <si>
    <t>Asp.net MVC4 WebDeploy</t>
  </si>
  <si>
    <t>&lt;p&gt;I am deploying my MVC4 application to another server through &lt;code&gt;Web Deploy&lt;/code&gt; and Everything works. However, when I include membership database to deployment, I do not see the local usernames and hashes in the remote database. &lt;/p&gt;</t>
  </si>
  <si>
    <t>2016-12-30 15:20:03.553000+00:00</t>
  </si>
  <si>
    <t>2017-01-24 15:57:14.523000+00:00</t>
  </si>
  <si>
    <t>asp.net|asp.net-mvc-4|razor</t>
  </si>
  <si>
    <t>AttributeError 'str' object has no attribute</t>
  </si>
  <si>
    <t>&lt;p&gt;I am new to python and I get stuck in this error. I want to print names and years of birth of animals in team in an order by the name. Now I am keeping getting printing years and names but without order. I wanted to use lambda but than error occures. Could you help me please?&lt;/p&gt;
&lt;pre&gt;&lt;code&gt;class Animal:
    def __init__(self, name):
        self.name = name
class Team:
    def __init__(self, name):
        self.name = name
        self.year_of_birth = year_of_birth
        self.members = []        
    def add_member(self, member):
        self.member = member
        self.members.append(team.member)
def print_team(team):
    list_members= []
    for member in team.members:
        list_members.append(member.name)
        list_members.append(member.year_of_birth)
        print('{} ({})'.format(member.name ,member.year_of_birth) )
    print (list_members)
    for memeber in list_members:
        sorted(list_members, key = lambda member: member.name)
    print (list_members)
team = Team('Wolves')
team.add_member(Animal('Josh', 2015))
team.add_member(Animal('Quinn', 2016))
team.add_member(Animal('Peter', 2010))
print_team(team)
&lt;/code&gt;&lt;/pre&gt;
&lt;p&gt;line , in 
    sorted(memberlist, key = lambda member: member.name)
AttributeError: 'str' object has no attribute 'name'&lt;/p&gt;</t>
  </si>
  <si>
    <t>2017-12-03 17:20:35.247000+00:00</t>
  </si>
  <si>
    <t>2017-12-03 18:40:19.053000+00:00</t>
  </si>
  <si>
    <t>2017-12-03 17:37:51.627000+00:00</t>
  </si>
  <si>
    <t>Change or add section on checkout page opencart 2</t>
  </si>
  <si>
    <t>&lt;p&gt;I am using opencart 2.1.0.1, I need a custom payment module, so I created/duplicated the bank transfer method following &lt;a href="http://forum.opencart.com/viewtopic.php?f=113&amp;amp;t=30653" rel="nofollow noreferrer"&gt;this&lt;/a&gt;&lt;/p&gt;
&lt;p&gt;The module which I am making is for leasing plans about the products, so what I want is simply to show a small leasing table inside the payment section as shown on the picture. &lt;/p&gt;
&lt;p&gt;&lt;a href="https://i.stack.imgur.com/dJuDx.png" rel="nofollow noreferrer"&gt;&lt;img src="https://i.stack.imgur.com/dJuDx.png" alt="enter image description here"&gt;&lt;/a&gt;&lt;/p&gt;
&lt;p&gt;I have the html/css code, but where should I implement it exactly? Also I will make it with radio buttons, so I want the admin to receive information which options were exactly selected by the buyer? &lt;/p&gt;
&lt;p&gt;Thanks for the help!&lt;/p&gt;</t>
  </si>
  <si>
    <t>2017-08-10 07:31:33.547000+00:00</t>
  </si>
  <si>
    <t>2017-11-28 11:00:07.023000+00:00</t>
  </si>
  <si>
    <t>opencart|opencart-module</t>
  </si>
  <si>
    <t>Failed to allocate timer 0: no slots left and unable to set dynamic row height</t>
  </si>
  <si>
    <t>&lt;p&gt;I have a screen which call a &lt;code&gt;listfield&lt;/code&gt;.&lt;/p&gt;
&lt;pre class="lang-java prettyprint-override"&gt;&lt;code&gt;public class Main_AllLatestNews extends MainScreen {
private Database_Webservice webservice;
private String[] title, category, date, imagepath = {"no picture", "no picture", "no picture", "no picture","no picture","no picture","no picture","no picture","no picture", "no picture"};
private int[] newsid;
private List_News newslist;
public Main_AllLatestNews(final boolean needdownload) {
    super(USE_ALL_WIDTH);
    webservice = new Database_Webservice();
    add(new Custom_TopField(this, 0, -1, "", 1, 1));
    add(new Custom_BottomField(this, 0));
    add(new Custom_HeaderField(Config_GlobalFunction.latest));
    if (needdownload){
        Main.getUiApplication().pushScreen(
                new Custom_LoadingScreen(30));
        webservice.UpdateAllCatNews();          
    }else {
        webservice.LoadtodayNews(); 
        newsid = new int[webservice.news.size()];
        title = new String[webservice.news.size()];
        category = new String[webservice.news.size()];
        date = new String[webservice.news.size()];
        //imagepath = new String[webservice.news.size()];
        for (int i = 0; i &amp;lt; webservice.news.size(); i++) {
            newslist = (List_News) webservice.news.elementAt(i);
            newsid[i] = newslist.getID();
            title[i] = newslist.getNtitle();
            category[i] = newslist.getNewCatName();
            date[i] = newslist.getNArticalD();
            //imagepath[i] = newslist.getImagePath();
        }
        add(new Custom_ListField(newsid, title, date, category, imagepath, true));
    }
}
}
&lt;/code&gt;&lt;/pre&gt;
&lt;p&gt;When I add &lt;code&gt;custom_listfield&lt;/code&gt; then I get:&lt;/p&gt;
&lt;blockquote&gt;
  &lt;p&gt;Failed to allocate timer 0: no slots left&lt;/p&gt;
&lt;/blockquote&gt;
&lt;p&gt;Here is my &lt;code&gt;listfield&lt;/code&gt;&lt;/p&gt;
&lt;pre class="lang-java prettyprint-override"&gt;&lt;code&gt;public Custom_ListField(int newsid[], String title[], String date[],
        String category[], String imagepath[], boolean islatest) {
    super(0, ListField.MULTI_SELECT);
    this.newsid = newsid;
    setCallback(this);
    setBackground(Config_GlobalFunction.loadbackground("background.png"));
    this.islatest = islatest;
    rows = new Vector();
    for (int x = 0; x &amp;lt; title.length; x++) {
        TableRowManager row = new TableRowManager();
        titlelabel = new Custom_LabelField(title[x],
                LabelField.USE_ALL_WIDTH | DrawStyle.LEFT);
        titlelabel.setFont(Font.getDefault().derive(Font.BOLD, 23));
        row.add(titlelabel);
        datelabel = new Custom_LabelField(date[x], DrawStyle.ELLIPSIS
                | LabelField.USE_ALL_WIDTH | DrawStyle.LEFT);
        datelabel.setFont(Font.getDefault().derive(Font.BOLD, 18));
        datelabel.setFontColor(Color.GRAY);
        row.add(datelabel);
        categorylabel = new Custom_LabelField(category[x],
                DrawStyle.ELLIPSIS | LabelField.USE_ALL_WIDTH
                        | DrawStyle.LEFT);
        categorylabel.setFont(Font.getDefault().derive(Font.BOLD, 18));
        categorylabel.setFontColor(Color.RED);
        row.add(categorylabel);
        /*Bitmap imagebitmap = null;
        if (!imagepath[x].toString().equals("no picture")) {
            imagebitmap = Util_ImageLoader.loadImage(imagepath[x]);
        } else {
            imagepath[x] = "image_base.png";
            imagebitmap = Bitmap.getBitmapResource(imagepath[x]);
        }
        image = new BitmapField(imagebitmap, Field.FIELD_HCENTER
                | Field.FIELD_VCENTER);
        row.add(image);*/
        //setRowHeight(image.getBitmapHeight() + 10);
        setRowHeight(70);
        rows.addElement(row);
    }
    setSize(rows.size());
}
&lt;/code&gt;&lt;/pre&gt;
&lt;p&gt;In this list, it will call 10 images or more. First I will check got link send to it else load local images. So the row height must be not same, however, it does not auto set row height for each row but set a same height to all row. I think out of memory because i call too many images? but I call in android also no problem.&lt;/p&gt;
&lt;p&gt;This is my &lt;code&gt;imageloader&lt;/code&gt;.&lt;/p&gt;
&lt;pre class="lang-java prettyprint-override"&gt;&lt;code&gt;public class Util_ImageLoader {
public static Bitmap loadImage(String url) {
    HttpConnection connection = null;
    InputStream inputStream = null;
    EncodedImage bitmap;
    byte[] dataArray = null;
    try {
        // can use this for BlackBerry 5.0+ :
        // connection = (HttpConnection) (new
        // ConnectionFactory()).getConnection(url).getConnection();
        connection = (HttpConnection) Connector
                .open(url + Util_GetInternet.getConnParam(),
                        Connector.READ, true);
        int responseCode = connection.getResponseCode();
        if (responseCode == HttpConnection.HTTP_OK) {
            inputStream = connection.openDataInputStream();
            dataArray = IOUtilities.streamToBytes(inputStream);
        }
    } catch (Exception ex) {
    } finally {
        try {
            inputStream.close();
            connection.close();
        } catch (Exception e) {
        }
    }
    if (dataArray != null) {
        bitmap = EncodedImage.createEncodedImage(dataArray, 0,
                dataArray.length);
        return bitmap.getBitmap();
    } else {
        return null;
    }
}
}
&lt;/code&gt;&lt;/pre&gt;
&lt;p&gt;1) What can I do to reduce the use of memory?&lt;/p&gt;
&lt;p&gt;2) How to set different row height? I am set &lt;code&gt;bitmap.getbitmapheight()&lt;/code&gt; but different bitmap will have different height.&lt;/p&gt;
&lt;p&gt;//Updated//&lt;/p&gt;
&lt;p&gt;I am running on simulator 9930 OS 7.0 and 8520 OS 5.0. Both also same result. Real Device cannot run because after signing the key also prompt the warning message &lt;code&gt;try to Secure APi&lt;/code&gt;. I am completely commented all the images also same. I did not call neither online nor local image. I think is the data problem?&lt;/p&gt;
&lt;p&gt;@AlanLai, can you tell us which device this is being run on, and which OS? Is it a simulator, or real hardware? Why don't you try commenting out the image completely. Don't show any images (network images, or local images). See if you still get the problem. Let's try to narrow down where exactly the code is that's causing your problem. Note: please post the information about which device you're testing on above, in the question, not as a comment response here. Thanks&lt;/p&gt;</t>
  </si>
  <si>
    <t>2012-07-13 03:15:35.147000+00:00</t>
  </si>
  <si>
    <t>2012-07-18 08:53:19.930000+00:00</t>
  </si>
  <si>
    <t>2012-07-16 07:49:49.727000+00:00</t>
  </si>
  <si>
    <t>image|memory-management|blackberry|loader|listfield</t>
  </si>
  <si>
    <t>Wamp server icon indicates orange color</t>
  </si>
  <si>
    <t>&lt;p&gt;When I start the wamp server it indicates only orange color. I tried to fix that problem but I could not to fix that. The one thing I did is below,&lt;/p&gt;
&lt;pre&gt;&lt;code&gt;Apache-&amp;gt;service-&amp;gt;install service 
&lt;/code&gt;&lt;/pre&gt;
&lt;p&gt;cmd shows this , &lt;/p&gt;
&lt;blockquote&gt;
  &lt;p&gt;your port 80 actually used by : server : microsoft -IIS/7.5 cannot
  install the apache service , please stop this application and try
  again. press enter to exit&lt;/p&gt;
&lt;/blockquote&gt;</t>
  </si>
  <si>
    <t>2016-10-04 07:19:12.513000+00:00</t>
  </si>
  <si>
    <t>2017-02-02 07:01:46.313000+00:00</t>
  </si>
  <si>
    <t>2016-12-05 10:33:00.497000+00:00</t>
  </si>
  <si>
    <t>wamp</t>
  </si>
  <si>
    <t>How do you update a field if it is null in MySQL?</t>
  </si>
  <si>
    <t>&lt;p&gt;I have a field named &lt;code&gt;size&lt;/code&gt;. Some rows are &lt;code&gt;null&lt;/code&gt;. I want to update these rows' &lt;code&gt;size&lt;/code&gt; field to &lt;code&gt;0&lt;/code&gt;. How I'll do it?&lt;/p&gt;</t>
  </si>
  <si>
    <t>2012-09-13 12:39:15.553000+00:00</t>
  </si>
  <si>
    <t>2012-09-14 10:58:37.923000+00:00</t>
  </si>
  <si>
    <t>mysql|sql|null</t>
  </si>
  <si>
    <t>Update an already open window or url</t>
  </si>
  <si>
    <t>&lt;p&gt;I have created an online portal using HTML, javascript and php to creates table and chart from database, just like MS excel.The online portal is just some set of forms where I give the inputs and submit the charts will be prepared in a new window. Now I want a functionality where I can append more charts and reports to the same opened window. Can anyone tell me how can I achive this. &lt;/p&gt;</t>
  </si>
  <si>
    <t>2014-04-07 04:35:16.943000+00:00</t>
  </si>
  <si>
    <t>2014-04-07 06:54:02.427000+00:00</t>
  </si>
  <si>
    <t>How can I have one buffered channel and multiple readers without producing a deadlock?</t>
  </si>
  <si>
    <t>&lt;blockquote&gt;
  &lt;p&gt;FATAL Error All go routines are asleep. Deadlock.&lt;/p&gt;
&lt;/blockquote&gt;
&lt;p&gt;This is what I tried. I am calling &lt;code&gt;wg.Done()&lt;/code&gt;. What is missing?&lt;/p&gt;
&lt;pre&gt;&lt;code&gt;package main
import (
    "fmt"
    "strconv"
    "sync"
)
func sender(wg *sync.WaitGroup, cs chan int) {
    defer wg.Done()
    for i := 0; i &amp;lt; 2; i++ {
        fmt.Println(i)
        cs &amp;lt;- i
    }
}
func reciever(wg *sync.WaitGroup, cs chan int) {
    x, ok := &amp;lt;-cs
    for ok {
        fmt.Println("Retrieved" + strconv.Itoa(x))
        x, ok = &amp;lt;-cs
        if !ok {
            wg.Done()
            break
        }
    }
}
func main() {
    wg := &amp;amp;sync.WaitGroup{}
    cs := make(chan int, 1000)
    wg.Add(1)
    go sender(wg, cs)
    for i := 1; i &amp;lt; 30; i++ {
        wg.Add(1)
        go reciever(wg, cs)
    }
    wg.Wait()
    close(cs)
}
&lt;/code&gt;&lt;/pre&gt;</t>
  </si>
  <si>
    <t>2016-02-24 12:19:46.580000+00:00</t>
  </si>
  <si>
    <t>2016-02-24 13:06:16.880000+00:00</t>
  </si>
  <si>
    <t>go|concurrency|deadlock|channel</t>
  </si>
  <si>
    <t>Is there any way to show tess4j progress in UI (JavaFX)?</t>
  </si>
  <si>
    <t>&lt;p&gt;I need to display tess4j (OCR Library ) progress in Javafx UI.&lt;/p&gt;
&lt;pre&gt;&lt;code&gt;public void testOCR() {
    File file = new File("test.png");
    ITesseract instance = new Tesseract();
    try {
        String s = instance.doOCR(file);
        instance.setLanguage("fas");
        System.out.println(s);
    } catch (TesseractException e) {
        System.out.println(e.getMessage());
    }
}
&lt;/code&gt;&lt;/pre&gt;</t>
  </si>
  <si>
    <t>2016-10-18 05:04:17.133000+00:00</t>
  </si>
  <si>
    <t>2016-10-28 21:35:57.647000+00:00</t>
  </si>
  <si>
    <t>2016-10-21 20:58:33.610000+00:00</t>
  </si>
  <si>
    <t>java|javafx|ocr|tess4j</t>
  </si>
  <si>
    <t>How do I point to my node.js server within my PHP app?</t>
  </si>
  <si>
    <t>&lt;p&gt;I have a PHP application, to which I am adding real time capabilities using node.js and socket.io&lt;/p&gt;
&lt;p&gt;While I am experienced with PHP Node.js and am finding myself going round in circles.&lt;/p&gt;
&lt;p&gt;I have installed both node.js and socket.io.  I have created an a &lt;code&gt;/usr/local/lib/app.js&lt;/code&gt; containing the following example code from the socket.io site:&lt;/p&gt;
&lt;pre&gt;&lt;code&gt;var app = require('http').createServer(handler)
  , io = require('socket.io').listen(app)
  , fs = require('fs')
app.listen(3000);
function handler (req, res) {
  fs.readFile(__dirname + '/index.html',
  function (err, data) {
    if (err) {
      res.writeHead(500);
      return res.end('Error loading index.html');
    }
    res.writeHead(200);
    res.end(data);
  });
}
io.sockets.on('connection', function (socket) {
  socket.emit('news', { hello: 'world' });
  socket.on('my other event', function (data) {
    console.log(data);
  });
});
&lt;/code&gt;&lt;/pre&gt;
&lt;p&gt;When I run node &lt;code&gt;/usr/local/lib/app.js&lt;/code&gt; I get  &lt;code&gt;info  - socket.io started&lt;/code&gt; So everything so far appears to work correctly.&lt;/p&gt;
&lt;p&gt;However the next step is to add a script for the client to connect to the socket.io server upon load.&lt;/p&gt;
&lt;p&gt;Within my PHP app I am adding the following:&lt;/p&gt;
&lt;pre&gt;&lt;code&gt;&amp;lt;script src="http://xx.xx.xx.xx:3000/socket.io/socket.io.js"&amp;gt;&amp;lt;/script&amp;gt;
    &amp;lt;script&amp;gt;
        var socket = io.connect('http://localhost');
        socket.on('news', function (data) {
            console.log(data);
            socket.emit('my other event', { my: 'data' });
        });
    &amp;lt;/script&amp;gt;
&lt;/code&gt;&lt;/pre&gt;
&lt;p&gt;With my sites ip address in places of the xx's.  However the request for the socket.io.js file always simply returns a 404 error.&lt;/p&gt;
&lt;p&gt;I am clearly not grasping something.  Hopefully someone can help.&lt;/p&gt;</t>
  </si>
  <si>
    <t>2013-05-10 01:04:42.223000+00:00</t>
  </si>
  <si>
    <t>node.js|socket.io</t>
  </si>
  <si>
    <t>CSS flex box with vertical content equal full screen distribution</t>
  </si>
  <si>
    <t>&lt;p&gt;I am try to apply flex box to my layout, but i am bit lost on how to achieve the following. How would i achieve this so the 3 panel always take the full screen with 5% 90% and 5%.&lt;/p&gt;
&lt;p&gt;Note: at the moment i have top and bottom position fixed, and javascript calculate the height with the middle panel but it's not ideal.&lt;/p&gt;
&lt;p&gt;&lt;a href="https://i.stack.imgur.com/Shd4l.jpg" rel="nofollow noreferrer"&gt;&lt;img src="https://i.stack.imgur.com/Shd4l.jpg" alt="enter image description here"&gt;&lt;/a&gt;&lt;/p&gt;</t>
  </si>
  <si>
    <t>2015-11-12 23:02:00.033000+00:00</t>
  </si>
  <si>
    <t>2015-11-13 00:07:11.010000+00:00</t>
  </si>
  <si>
    <t>css|flexbox</t>
  </si>
  <si>
    <t>When I run the Kettle 8.0 source by intellij idea, I get the following error:java.lang.NoClassDefFoundError</t>
  </si>
  <si>
    <t>&lt;p&gt;When I run the Kettle 8.0 source by intellij idea, I get the following error:java.lang.NoClassDefFoundError:org/pentaho/metaverse/api/analyzer/kettle/step/IStepExternalResourceConsumer.&lt;/p&gt;
&lt;p&gt;The error log is as follows���&lt;/p&gt;
&lt;pre&gt;&lt;code&gt;java.lang.NoClassDefFoundError: org/pentaho/metaverse/api/analyzer/kettle/step/IStepExternalResourceConsumer
    at java.lang.Class.getDeclaredConstructors0(Native Method)
    at java.lang.Class.privateGetDeclaredConstructors(Class.java:2671)
    at java.lang.Class.getConstructor0(Class.java:3075)
    at java.lang.Class.newInstance(Class.java:412)
    at org.pentaho.di.core.plugins.PluginRegistry.loadClass(PluginRegistry.java:535)
    at org.pentaho.di.ui.core.PropsUI.init(PropsUI.java:208)
    at org.pentaho.di.core.Props.&amp;lt;init&amp;gt;(Props.java:232)
    at org.pentaho.di.ui.core.PropsUI.&amp;lt;init&amp;gt;(PropsUI.java:174)
    at org.pentaho.di.ui.core.PropsUI.init(PropsUI.java:127)
    at org.pentaho.di.ui.spoon.Spoon.main(Spoon.java:670)
Caused by: java.lang.ClassNotFoundException: org.pentaho.metaverse.api.analyzer.kettle.step.IStepExternalResourceConsumer
    at java.net.URLClassLoader.findClass(URLClassLoader.java:381)
    at java.lang.ClassLoader.loadClass(ClassLoader.java:424)
    at sun.misc.Launcher$AppClassLoader.loadClass(Launcher.java:335)
    at java.lang.ClassLoader.loadClass(ClassLoader.java:357)
    at org.pentaho.di.core.plugins.KettleURLClassLoader.loadClassFromParent(KettleURLClassLoader.java:89)
    at org.pentaho.di.core.plugins.KettleURLClassLoader.loadClass(KettleURLClassLoader.java:108)
    at java.lang.ClassLoader.loadClass(ClassLoader.java:357)
    ... 10 more
2018/04/24 01:29:57 - General - ERROR (version Unknown, build 0 from 2018/04/24 01:29:26.452 by Administrator) : Unexpected error loading class for plugin KettleXmlPlugin
2018/04/24 01:29:57 - General - ERROR (version Unknown, build 0 from 2018/04/24 01:29:26.452 by Administrator) : org.pentaho.di.core.exception.KettlePluginException: 
2018/04/24 01:29:57 - General - Unexpected error loading class:
2018/04/24 01:29:57 - General - org/pentaho/metaverse/api/analyzer/kettle/step/IStepExternalResourceConsumer
2018/04/24 01:29:57 - General - 
2018/04/24 01:29:57 - General -     at org.pentaho.di.core.plugins.PluginRegistry.loadClass(PluginRegistry.java:550)
2018/04/24 01:29:57 - General -     at org.pentaho.di.ui.core.PropsUI.init(PropsUI.java:208)
2018/04/24 01:29:57 - General -     at org.pentaho.di.core.Props.&amp;lt;init&amp;gt;(Props.java:232)
2018/04/24 01:29:57 - General -     at org.pentaho.di.ui.core.PropsUI.&amp;lt;init&amp;gt;(PropsUI.java:174)
2018/04/24 01:29:57 - General -     at org.pentaho.di.ui.core.PropsUI.init(PropsUI.java:127)
2018/04/24 01:29:57 - General -     at org.pentaho.di.ui.spoon.Spoon.main(Spoon.java:670)
2018/04/24 01:29:57 - General - Caused by: java.lang.NoClassDefFoundError: org/pentaho/metaverse/api/analyzer/kettle/step/IStepExternalResourceConsumer
2018/04/24 01:29:57 - General -     at java.lang.Class.getDeclaredConstructors0(Native Method)
2018/04/24 01:29:57 - General -     at java.lang.Class.privateGetDeclaredConstructors(Class.java:2671)
2018/04/24 01:29:57 - General -     at java.lang.Class.getConstructor0(Class.java:3075)
2018/04/24 01:29:57 - General -     at java.lang.Class.newInstance(Class.java:412)
2018/04/24 01:29:57 - General -     at org.pentaho.di.core.plugins.PluginRegistry.loadClass(PluginRegistry.java:535)
2018/04/24 01:29:57 - General -     ... 5 more
2018/04/24 01:29:57 - General - Caused by: java.lang.ClassNotFoundException: org.pentaho.metaverse.api.analyzer.kettle.step.IStepExternalResourceConsumer
2018/04/24 01:29:57 - General -     at java.net.URLClassLoader.findClass(URLClassLoader.java:381)
2018/04/24 01:29:57 - General -     at java.lang.ClassLoader.loadClass(ClassLoader.java:424)
2018/04/24 01:29:57 - General -     at sun.misc.Launcher$AppClassLoader.loadClass(Launcher.java:335)
2018/04/24 01:29:57 - General -     at java.lang.ClassLoader.loadClass(ClassLoader.java:357)
2018/04/24 01:29:57 - General -     at org.pentaho.di.core.plugins.KettleURLClassLoader.loadClassFromParent(KettleURLClassLoader.java:89)
2018/04/24 01:29:57 - General -     at org.pentaho.di.core.plugins.KettleURLClassLoader.loadClass(KettleURLClassLoader.java:108)
2018/04/24 01:29:57 - General -     at java.lang.ClassLoader.loadClass(ClassLoader.java:357)
2018/04/24 01:29:57 - General -     ... 10 more
java.lang.NoClassDefFoundError: org/pentaho/metaverse/api/analyzer/kettle/step/IStepExternalResourceConsumer
    at java.lang.Class.getDeclaredConstructors0(Native Method)
    at java.lang.Class.privateGetDeclaredConstructors(Class.java:2671)
    at java.lang.Class.getConstructor0(Class.java:3075)
    at java.lang.Class.newInstance(Class.java:412)
    at org.pentaho.di.core.plugins.PluginRegistry.loadClass(PluginRegistry.java:535)
    at org.pentaho.di.core.lifecycle.LifecycleSupport.loadPlugins(LifecycleSupport.java:93)
    at org.pentaho.di.core.lifecycle.LifecycleSupport.&amp;lt;init&amp;gt;(LifecycleSupport.java:47)
    at org.pentaho.di.ui.spoon.Spoon.&amp;lt;init&amp;gt;(Spoon.java:538)
    at org.pentaho.di.ui.spoon.Spoon.&amp;lt;init&amp;gt;(Spoon.java:737)
    at org.pentaho.di.ui.spoon.Spoon.main(Spoon.java:678)
Caused by: java.lang.ClassNotFoundException: org.pentaho.metaverse.api.analyzer.kettle.step.IStepExternalResourceConsumer
    at java.net.URLClassLoader.findClass(URLClassLoader.java:381)
    at java.lang.ClassLoader.loadClass(ClassLoader.java:424)
    at sun.misc.Launcher$AppClassLoader.loadClass(Launcher.java:335)
    at java.lang.ClassLoader.loadClass(ClassLoader.java:357)
    at org.pentaho.di.core.plugins.KettleURLClassLoader.loadClassFromParent(KettleURLClassLoader.java:89)
    at org.pentaho.di.core.plugins.KettleURLClassLoader.loadClass(KettleURLClassLoader.java:108)
    at java.lang.ClassLoader.loadClass(ClassLoader.java:357)
    ... 10 more
2018/04/24 01:30:00 - General - ERROR (version Unknown, build 0 from 2018/04/24 01:29:26.452 by Administrator) : Unexpected error loading class for plugin KettleXmlPlugin
2018/04/24 01:30:00 - General - ERROR (version Unknown, build 0 from 2018/04/24 01:29:26.452 by Administrator) : org.pentaho.di.core.exception.KettlePluginException: 
2018/04/24 01:30:00 - General - Unexpected error loading class:
2018/04/24 01:30:00 - General - org/pentaho/metaverse/api/analyzer/kettle/step/IStepExternalResourceConsumer
2018/04/24 01:30:00 - General - 
2018/04/24 01:30:00 - General -     at org.pentaho.di.core.plugins.PluginRegistry.loadClass(PluginRegistry.java:550)
2018/04/24 01:30:00 - General -     at org.pentaho.di.core.lifecycle.LifecycleSupport.loadPlugins(LifecycleSupport.java:93)
2018/04/24 01:30:00 - General -     at org.pentaho.di.core.lifecycle.LifecycleSupport.&amp;lt;init&amp;gt;(LifecycleSupport.java:47)
2018/04/24 01:30:00 - General -     at org.pentaho.di.ui.spoon.Spoon.&amp;lt;init&amp;gt;(Spoon.java:538)
2018/04/24 01:30:00 - General -     at org.pentaho.di.ui.spoon.Spoon.&amp;lt;init&amp;gt;(Spoon.java:737)
2018/04/24 01:30:00 - General -     at org.pentaho.di.ui.spoon.Spoon.main(Spoon.java:678)
2018/04/24 01:30:00 - General - Caused by: java.lang.NoClassDefFoundError: org/pentaho/metaverse/api/analyzer/kettle/step/IStepExternalResourceConsumer
2018/04/24 01:30:00 - General -     at java.lang.Class.getDeclaredConstructors0(Native Method)
2018/04/24 01:30:00 - General -     at java.lang.Class.privateGetDeclaredConstructors(Class.java:2671)
2018/04/24 01:30:00 - General -     at java.lang.Class.getConstructor0(Class.java:3075)
2018/04/24 01:30:00 - General -     at java.lang.Class.newInstance(Class.java:412)
2018/04/24 01:30:00 - General -     at org.pentaho.di.core.plugins.PluginRegistry.loadClass(PluginRegistry.java:535)
2018/04/24 01:30:00 - General -     ... 5 more
2018/04/24 01:30:00 - General - Caused by: java.lang.ClassNotFoundException: org.pentaho.metaverse.api.analyzer.kettle.step.IStepExternalResourceConsumer
2018/04/24 01:30:00 - General -     at java.net.URLClassLoader.findClass(URLClassLoader.java:381)
2018/04/24 01:30:00 - General -     at java.lang.ClassLoader.loadClass(ClassLoader.java:424)
2018/04/24 01:30:00 - General -     at sun.misc.Launcher$AppClassLoader.loadClass(Launcher.java:335)
2018/04/24 01:30:00 - General -     at java.lang.ClassLoader.loadClass(ClassLoader.java:357)
2018/04/24 01:30:00 - General -     at org.pentaho.di.core.plugins.KettleURLClassLoader.loadClassFromParent(KettleURLClassLoader.java:89)
2018/04/24 01:30:00 - General -     at org.pentaho.di.core.plugins.KettleURLClassLoader.loadClass(KettleURLClassLoader.java:108)
2018/04/24 01:30:00 - General -     at java.lang.ClassLoader.loadClass(ClassLoader.java:357)
2018/04/24 01:30:00 - General -     ... 10 more
org.pentaho.di.core.exception.KettlePluginException: 
Unable to instantiate class
org.pentaho.di.ui.repo.RepositorySpoonPlugin
    at org.pentaho.di.core.plugins.PluginRegistry.loadClass(PluginRegistry.java:540)
    at org.pentaho.di.core.plugins.PluginRegistry.loadClass(PluginRegistry.java:366)
    at org.pentaho.di.ui.spoon.SpoonPluginManager.pluginAdded(SpoonPluginManager.java:65)
    at org.pentaho.di.ui.spoon.SpoonPluginManager.&amp;lt;init&amp;gt;(SpoonPluginManager.java:173)
    at org.pentaho.di.ui.spoon.SpoonPluginManager.&amp;lt;clinit&amp;gt;(SpoonPluginManager.java:58)
    at org.pentaho.di.ui.spoon.Spoon.init(Spoon.java:875)
    at org.pentaho.di.ui.spoon.Spoon.createContents(Spoon.java:9209)
    at org.eclipse.jface.window.Window.create(Window.java:426)
    at org.eclipse.jface.window.Window.open(Window.java:785)
    at org.pentaho.di.ui.spoon.Spoon.start(Spoon.java:9240)
    at org.pentaho.di.ui.spoon.Spoon.main(Spoon.java:692)
Caused by: java.lang.InstantiationException: org.pentaho.di.ui.repo.RepositorySpoonPlugin
    at java.lang.Class.newInstance(Class.java:427)
    at org.pentaho.di.core.plugins.PluginRegistry.loadClass(PluginRegistry.java:535)
    ... 10 more
Caused by: java.lang.NoSuchMethodException: org.pentaho.di.ui.repo.RepositorySpoonPlugin.&amp;lt;init&amp;gt;()
    at java.lang.Class.getConstructor0(Class.java:3082)
    at java.lang.Class.newInstance(Class.java:412)
    ... 11 more
stopping
2018/04/24 01:30:03 - ExtensionPointMap - ERROR (version Unknown, build 0 from 2018/04/24 01:29:26.452 by Administrator) : Unable to load extension point for name = [SpoonStart]
2018/04/24 01:30:03 - ExtensionPointMap - ERROR (version Unknown, build 0 from 2018/04/24 01:29:26.452 by Administrator) : org.pentaho.di.core.exception.KettlePluginException: 
2018/04/24 01:30:03 - ExtensionPointMap - Unable to instantiate class
2018/04/24 01:30:03 - ExtensionPointMap - org.pentaho.di.ui.repo.RepositorySpoonStartExtensionPoint
2018/04/24 01:30:03 - ExtensionPointMap - 
2018/04/24 01:30:03 - ExtensionPointMap -   at org.pentaho.di.core.plugins.PluginRegistry.loadClass(PluginRegistry.java:540)
2018/04/24 01:30:03 - ExtensionPointMap -   at org.pentaho.di.core.extension.ExtensionPointMap$ExtensionPointLoader.get(ExtensionPointMap.java:200)
2018/04/24 01:30:03 - ExtensionPointMap -   at org.pentaho.di.core.extension.ExtensionPointMap$ExtensionPointLoader.get(ExtensionPointMap.java:191)
2018/04/24 01:30:03 - ExtensionPointMap -   at com.google.common.base.Suppliers$MemoizingSupplier.get(Suppliers.java:125)
2018/04/24 01:30:03 - ExtensionPointMap -   at org.pentaho.di.core.extension.ExtensionPointMap.callExtensionPoint(ExtensionPointMap.java:151)
2018/04/24 01:30:03 - ExtensionPointMap -   at org.pentaho.di.core.extension.ExtensionPointHandler.callExtensionPoint(ExtensionPointHandler.java:45)
2018/04/24 01:30:03 - ExtensionPointMap -   at org.pentaho.di.ui.spoon.Spoon.start(Spoon.java:9242)
2018/04/24 01:30:03 - ExtensionPointMap -   at org.pentaho.di.ui.spoon.Spoon.main(Spoon.java:692)
2018/04/24 01:30:03 - ExtensionPointMap - Caused by: java.lang.InstantiationException: org.pentaho.di.ui.repo.RepositorySpoonStartExtensionPoint
2018/04/24 01:30:03 - ExtensionPointMap -   at java.lang.Class.newInstance(Class.java:427)
2018/04/24 01:30:03 - ExtensionPointMap -   at org.pentaho.di.core.plugins.PluginRegistry.loadClass(PluginRegistry.java:535)
2018/04/24 01:30:03 - ExtensionPointMap -   ... 7 more
2018/04/24 01:30:03 - ExtensionPointMap - Caused by: java.lang.NoSuchMethodException: org.pentaho.di.ui.repo.RepositorySpoonStartExtensionPoint.&amp;lt;init&amp;gt;()
2018/04/24 01:30:03 - ExtensionPointMap -   at java.lang.Class.getConstructor0(Class.java:3082)
2018/04/24 01:30:03 - ExtensionPointMap -   at java.lang.Class.newInstance(Class.java:412)
2018/04/24 01:30:03 - ExtensionPointMap -   ... 8 more
2018/04/24 01:30:03 - General - ERROR (version Unknown, build 0 from 2018/04/24 01:29:26.452 by Administrator) : Error starting Spoon shell
2018/04/24 01:30:03 - General - ERROR (version Unknown, build 0 from 2018/04/24 01:29:26.452 by Administrator) : java.lang.NullPointerException
2018/04/24 01:30:03 - General -     at org.pentaho.di.core.extension.ExtensionPointMap.callExtensionPoint(ExtensionPointMap.java:151)
2018/04/24 01:30:03 - General -     at org.pentaho.di.core.extension.ExtensionPointHandler.callExtensionPoint(ExtensionPointHandler.java:45)
2018/04/24 01:30:03 - General -     at org.pentaho.di.ui.spoon.Spoon.start(Spoon.java:9242)
2018/04/24 01:30:03 - General -     at org.pentaho.di.ui.spoon.Spoon.main(Spoon.java:692)
Disconnected from the target VM, address: '127.0.0.1:46941', transport: 'socket'
Process finished with exit code 0
&lt;/code&gt;&lt;/pre&gt;
&lt;p&gt;I can use maven build install to successfully compile executable applications, but I can't run it by idea IDE directly&lt;/p&gt;</t>
  </si>
  <si>
    <t>2018-04-23 17:33:55.950000+00:00</t>
  </si>
  <si>
    <t>java|sockets|etl</t>
  </si>
  <si>
    <t>use "!" to execute commands with same parameter in a script</t>
  </si>
  <si>
    <t>&lt;p&gt;In a shell, I run following commands without problem,&lt;/p&gt;
&lt;blockquote&gt;
  &lt;p&gt;ls -al&lt;/p&gt;
  &lt;p&gt;!ls&lt;/p&gt;
&lt;/blockquote&gt;
&lt;p&gt;the second invocation to &lt;code&gt;ls&lt;/code&gt; also list files with &lt;code&gt;-al&lt;/code&gt; flag. However, when I put the above script to a bash script, complaints are thrown,&lt;/p&gt;
&lt;p&gt;&lt;code&gt;!ls, command not found.&lt;/code&gt;&lt;/p&gt;
&lt;p&gt;how to realise the same effects in script?&lt;/p&gt;</t>
  </si>
  <si>
    <t>2012-08-23 18:34:03.343000+00:00</t>
  </si>
  <si>
    <t>2014-12-09 23:06:29.863000+00:00</t>
  </si>
  <si>
    <t>bash|scripting</t>
  </si>
  <si>
    <t>EditText.SetOnClickListener</t>
  </si>
  <si>
    <t>&lt;p&gt;PatientInfo.Java&lt;/p&gt;
&lt;pre&gt;&lt;code&gt;public class PatientInfo extends Activity {
 private Spinner locationSpinner;
 Calendar myCalendar = Calendar.getInstance();
   EditText edittext = (EditText) findViewById(R.id.DateTextEdit);
   DatePickerDialog.OnDateSetListener date = new DatePickerDialog.OnDateSetListener() {
        @Override
        public void onDateSet(DatePicker view, int year, int monthOfYear,
                int dayOfMonth) {
            // TODO Auto-generated method stub
            myCalendar.set(Calendar.YEAR, year);
            myCalendar.set(Calendar.MONTH, monthOfYear);
            myCalendar.set(Calendar.DAY_OF_MONTH, dayOfMonth);
            updateLabel();
        }
    };
       edittext.setOnClickListener (new OnClickListener() {
            @Override
            public void onClick(View v) {
                // TODO Auto-generated method stub
                new DatePickerDialog(classname.this, date, myCalendar
                        .get(Calendar.YEAR), myCalendar.get(Calendar.MONTH),
                        myCalendar.get(Calendar.DAY_OF_MONTH)).show();
            }
        });
          private void updateLabel() {
        String myFormat = "MM/dd/yy"; //In which you need put here
        SimpleDateFormat sdf = new SimpleDateFormat(myFormat, Locale.US);
        edittext.setText(sdf.format(myCalendar.getTime()));
        }
&lt;/code&gt;&lt;/pre&gt;
&lt;p&gt;Activity_patient_info.xml&lt;/p&gt;
&lt;pre&gt;&lt;code&gt;    &amp;lt;!--  Row 2  --&amp;gt;
&amp;lt;!-- Date Of Diagnosis Row --&amp;gt;
    &amp;lt;TableRow
    android:id="@+id/tableRow2"
    android:layout_width="wrap_content"
    android:layout_height="wrap_content"
    android:padding="5dip" &amp;gt;
    &amp;lt;TextView
        android:id="@+id/DiagnosisTextView"
        android:text="Date of Diagnosis"
        android:textAppearance="?android:attr/textAppearanceSmall" /&amp;gt;
      &amp;lt;EditText
        android:id="@+id/DateTextEdit"
     android:layout_width="wrap_content"
    android:layout_height="wrap_content"
  android:editable="false"
   android:focusable="false"
   android:onClick="setOnClickListener"
        android:hint="Choose Date" /&amp;gt;
       &amp;lt;Button
    android:id="@+id/btnChangeDate"
    android:layout_width="wrap_content"
    android:layout_height="wrap_content"
    android:text="Change Date" /&amp;gt;
&amp;lt;/TableRow&amp;gt;
&lt;/code&gt;&lt;/pre&gt;
&lt;p&gt;I was able to get my Spinners working such that i'm able to choose the date by tapping on the edittext field. However, i could't get the datepicker working. 
The error popup was " Syntax error on token "setOnClickListener", = expected after this token"&lt;/p&gt;
&lt;p&gt;The above solution was copied and modified from another stakeoverflow page.&lt;/p&gt;
&lt;p&gt;Appreciate the help. &lt;/p&gt;</t>
  </si>
  <si>
    <t>2013-11-27 09:10:39.417000+00:00</t>
  </si>
  <si>
    <t>2013-11-27 09:41:57.360000+00:00</t>
  </si>
  <si>
    <t>java|android|datepicker</t>
  </si>
  <si>
    <t>Iterating through a dictionary to find the most frequently used word</t>
  </si>
  <si>
    <t>&lt;p&gt;I made a quick bit of code that checks a list of input words by the user and counts how many of the same word the user has typed. if print is input it is supposed to print the most frequent word used as well as how many times it was used for example
The word 'Hello' has been used '12' times
i am just not sure how to get it to iterate through the dictionary and find the most frequent word &lt;/p&gt;
&lt;p&gt;Here is the code&lt;/p&gt;
&lt;pre&gt;&lt;code&gt;d = {}
L2 = []
Counter = 0
checker = -1
while True:
    Text = str(input('enter word '))
    Text = Text.lower()
if Text in ['q', 'Q']:
    break
if Text in ['Print', 'print']:
    for word in L2:
        if word not in d: 
            counter = L2.count(word)
            d[word] = counter
#This part does not work
    for value in d[0]:
        if checker &amp;lt; value:
            checker = value
    print(checker)  
#This part does         
L2.append(Text) 
&lt;/code&gt;&lt;/pre&gt;</t>
  </si>
  <si>
    <t>2017-06-24 02:55:08.583000+00:00</t>
  </si>
  <si>
    <t>2018-04-23 10:29:04.660000+00:00</t>
  </si>
  <si>
    <t>No operation matching request path "/swagger" is found</t>
  </si>
  <si>
    <t>&lt;p&gt;I am trying to implement Swagger in my web application (using Apache CXF). The following is my web.xml       &lt;/p&gt;
&lt;pre&gt;&lt;code&gt;&amp;lt;servlet&amp;gt; 
            &amp;lt;servlet-name&amp;gt;servlet_name&amp;lt;/servlet-name&amp;gt; 
            &amp;lt;servlet-class&amp;gt;org.apache.cxf.transport.servlet.CXFServlet&amp;lt;/servlet-class&amp;gt; 
            &amp;lt;init-param&amp;gt; 
                    &amp;lt;param-name&amp;gt;resteasy.resources&amp;lt;/param-name&amp;gt; 
                    &amp;lt;param-value&amp;gt; 
                            io.swagger.jaxrs.listing.ApiListingResource, 
                            io.swagger.jaxrs.listing.SwaggerSerializers, 
                            {Java_path_to_main_resource} 
                    &amp;lt;/param-value&amp;gt; 
            &amp;lt;/init-param&amp;gt; 
            &amp;lt;load-on-startup&amp;gt;1&amp;lt;/load-on-startup&amp;gt; 
    &amp;lt;/servlet&amp;gt; 
    &amp;lt;servlet&amp;gt; 
            &amp;lt;servlet-name&amp;gt;DefaultJaxrsConfig&amp;lt;/servlet-name&amp;gt; 
            &amp;lt;servlet-class&amp;gt;io.swagger.jaxrs.config.DefaultJaxrsConfig&amp;lt;/servlet-class&amp;gt; 
            &amp;lt;init-param&amp;gt; 
                    &amp;lt;param-name&amp;gt;api.version&amp;lt;/param-name&amp;gt; 
                    &amp;lt;param-value&amp;gt;1.0.0&amp;lt;/param-value&amp;gt; 
            &amp;lt;/init-param&amp;gt; 
            &amp;lt;init-param&amp;gt; 
                    &amp;lt;param-name&amp;gt;swagger.api.basepath&amp;lt;/param-name&amp;gt; 
                    &amp;lt;param-value&amp;gt;http://localhost:6789/&amp;lt;/param-value&amp;gt; 
            &amp;lt;/init-param&amp;gt; 
            &amp;lt;load-on-startup&amp;gt;2&amp;lt;/load-on-startup&amp;gt; 
    &amp;lt;servlet&amp;gt; 
&lt;/code&gt;&lt;/pre&gt;
&lt;p&gt;This is the dependency in my pom.xml&lt;/p&gt;
&lt;pre&gt;&lt;code&gt;&amp;lt;dependency&amp;gt; 
        &amp;lt;groupId&amp;gt;io.swagger&amp;lt;/groupId&amp;gt; 
        &amp;lt;artifactId&amp;gt;swagger-jaxrs&amp;lt;/artifactId&amp;gt; 
        &amp;lt;version&amp;gt;1.5.0&amp;lt;/version&amp;gt; 
&amp;lt;/dependency&amp;gt; 
&lt;/code&gt;&lt;/pre&gt;
&lt;p&gt;However, when I run my application, and try to hit the endpoint at &lt;a href="http://localhost.6789/swagger.json" rel="nofollow"&gt;http://localhost.6789/swagger.json&lt;/a&gt;, I get the following error:&lt;/p&gt;
&lt;blockquote&gt;
  &lt;p&gt;org.apache.cxf.jaxrs.utils.JAXRSUtils - No operation matching request
  path "/swagger" is found, HTTP Method: GET, ContentType: &lt;em&gt;/&lt;/em&gt;, Accept:
  application/json. Please enable FINE?TRACE log level for more details.&lt;/p&gt;
&lt;/blockquote&gt;
&lt;p&gt;I'm not sure when I'm doing wrong. I've followed the same examples as many of the codes on github, but have been unsuccessful at this point. Also, I am able to hit the endpoint for other paths in my application, so I know that it has been deployed successfully.&lt;/p&gt;</t>
  </si>
  <si>
    <t>2016-03-25 18:24:24.287000+00:00</t>
  </si>
  <si>
    <t>java|json|web-services|jax-rs|swagger</t>
  </si>
  <si>
    <t>Add something in Json file with nodeJs from browser</t>
  </si>
  <si>
    <t>&lt;p&gt;I would like to know how add somthing in my Json file (Json is already create but I would like add a new index with new information) with node js directly from my browser.&lt;/p&gt;
&lt;p&gt;Thanks.&lt;/p&gt;</t>
  </si>
  <si>
    <t>2018-07-29 06:34:47.247000+00:00</t>
  </si>
  <si>
    <t>json|node.js</t>
  </si>
  <si>
    <t>Joining two selects - different column names</t>
  </si>
  <si>
    <t>&lt;p&gt;I need to build a SELECT statement showing all columns for JV1 - JV6.&lt;/p&gt;
&lt;p&gt;How would I go about getting JV2, JV3, etc populated?&lt;/p&gt;
&lt;pre&gt;&lt;code&gt;SELECT 
Id as [JV1],
vp_pct  as [JV1 Per],
vl_role  as [JV1 Role],
[status]  as [JV1 Status]
FROM era_project_allications_m
WHERE era_project_allications_m.jv_row_id = '1'
UNION ALL
SELECT 
Id as [JV2],
vp_pct  as [JV2 Per],
vl_role  as [JV2 Role],
[status]  as [JV2 Status]
FROM era_project_allications_m
WHERE era_project_allications_m.jv_row_id = '2'
&lt;/code&gt;&lt;/pre&gt;
&lt;p&gt;I need the results to display columns containing the JV1, JV2 information. &lt;/p&gt;
&lt;p&gt;Thanks for any advice! &lt;/p&gt;</t>
  </si>
  <si>
    <t>2016-07-18 12:56:09.297000+00:00</t>
  </si>
  <si>
    <t>2017-01-08 08:41:05.850000+00:00</t>
  </si>
  <si>
    <t>2016-07-18 13:11:30.970000+00:00</t>
  </si>
  <si>
    <t>sql-server|tsql|union</t>
  </si>
  <si>
    <t>Return all numbers that contain 5</t>
  </si>
  <si>
    <t>&lt;p&gt;I am trying to return all the digits that contain a 5 including the starting and ending values. I created a string list with all the numbers. However, I am confused as to how I can get the values and add them to a new list.
For example, giveMeFive(42, 75) would return the list [45, 50, 51, 52, 53, 54, 55, 56,
57, 58, 59, 65, 75]&lt;/p&gt;
&lt;pre&gt;&lt;code&gt;def giveMeFive():
    num1 = int(input("Whats the first number?"))
    num2 = int(input("Whats the second number?"))
    lst = str(list(range(num1, num2 + 1)))
    print(lst.find("5"))
    newLst = []
    for x in lst:
        if(lst(x) == "5"):
            #stuck
&lt;/code&gt;&lt;/pre&gt;</t>
  </si>
  <si>
    <t>2017-09-24 20:27:19.803000+00:00</t>
  </si>
  <si>
    <t>2017-09-24 21:13:06.667000+00:00</t>
  </si>
  <si>
    <t>2017-09-24 20:32:07.990000+00:00</t>
  </si>
  <si>
    <t>Swift - Horizontal Bar under selected button</t>
  </si>
  <si>
    <t>&lt;p&gt;I want to add a white horizontal bar under my selected button on the menu. Just like YouTube app. &lt;a href="https://i.stack.imgur.com/Oncjg.png" rel="nofollow noreferrer"&gt;This is my menu&lt;/a&gt;&lt;/p&gt;
&lt;p&gt;&lt;a href="https://i.stack.imgur.com/OFeog.png" rel="nofollow noreferrer"&gt;Abd this is Youtube&lt;/a&gt;&lt;/p&gt;
&lt;p&gt;I searched for info but i couldnt find anything about this. And this is my code. Thanks&lt;/p&gt;
&lt;pre&gt;&lt;code&gt;import UIKit
class TabViewController: UIViewController {
    @IBOutlet var contentView: UIView!
    @IBOutlet var buttons: [UIButton]!
    var rifleViewController: UIViewController!
    var pistolViewController: UIViewController!
    var shotgunViewController: UIViewController!
    var smgsViewController: UIViewController!
    var sniperViewController: UIViewController!
    var viewControllers: [UIViewController]!
    var selectedIndex: Int = 0
    override func viewDidLoad() {
        super.viewDidLoad()
        let storyboard = UIStoryboard(name: "Main", bundle: nil)
        rifleViewController = storyboard.instantiateViewController(withIdentifier: "rifles")
        sniperViewController = storyboard.instantiateViewController(withIdentifier: "snipers")
        smgsViewController = storyboard.instantiateViewController(withIdentifier: "smgss")
        shotgunViewController = storyboard.instantiateViewController(withIdentifier: "shotguns")
        pistolViewController = storyboard.instantiateViewController(withIdentifier: "pistols")
        viewControllers = [rifleViewController,
                           pistolViewController,
                           shotgunViewController,
                           smgsViewController,
                           sniperViewController]
        buttons[selectedIndex].isSelected = true
        didPressTab(buttons[selectedIndex])
    }
    override func didReceiveMemoryWarning() {
        super.didReceiveMemoryWarning()
        // Dispose of any resources that can be recreated.
    }
    @IBAction func didPressTab(_ sender: UIButton) {
        let previousIndex = selectedIndex
        selectedIndex = sender.tag
        buttons[previousIndex].isSelected = false
        let previousVC = viewControllers[previousIndex]
        previousVC.willMove(toParentViewController: nil)
        previousVC.view.removeFromSuperview()
        previousVC.removeFromParentViewController()
        sender.isSelected = true
        let vc = viewControllers[selectedIndex]
        addChildViewController(vc)
        vc.view.frame = contentView.bounds
        contentView.addSubview(vc.view)
        vc.didMove(toParentViewController: self)   
    }
}
&lt;/code&gt;&lt;/pre&gt;</t>
  </si>
  <si>
    <t>2016-11-13 12:54:22.927000+00:00</t>
  </si>
  <si>
    <t>2016-11-13 13:27:16.557000+00:00</t>
  </si>
  <si>
    <t>swift|xcode</t>
  </si>
  <si>
    <t>ItemsControl with nested ComboBox - where to bind SelectedItem?</t>
  </si>
  <si>
    <t>&lt;p&gt;This is a simplified version of a problem I am stuck with in a WPF project. It uses MVVM and Prism, but this is not so important here.&lt;/p&gt;
&lt;p&gt;I have two simple classes: a BookType and a Book of this BookType.&lt;/p&gt;
&lt;pre&gt;&lt;code&gt;public class BookType
{
    public int Id { get; set; }
    public string TypeName {get; set;}
    public static ObservableCollection&amp;lt;BookType&amp;gt; GetBookTypes()
    {
        ObservableCollection&amp;lt;BookType&amp;gt; bookTypes = new ObservableCollection&amp;lt;BookType&amp;gt;();
        bookTypes.Add(new BookType { Id = 0, TypeName = "German" });
        bookTypes.Add(new BookType { Id = 1, TypeName = "English" });
        return bookTypes;
    }
}
public class Book
{
    public BookType BookType {get; set;}
    public string Name {get; set;}
    public static ObservableCollection&amp;lt;Book&amp;gt; GetBooksInEnglish()
    {
        var englishBookType = BookType.GetBookTypes().FirstOrDefault(bt =&amp;gt; bt.TypeName == "English");
        ObservableCollection&amp;lt;Book&amp;gt; books = new ObservableCollection&amp;lt;Book&amp;gt;();
        for (int i = 1; i &amp;lt; 10; i++ )
            books.Add(new Book { Name = String.Format("Book {0}", i), BookType = englishBookType});
        return books;
    }
    public static ObservableCollection&amp;lt;Book&amp;gt; GetBooksInGerman()
    {
        var germanBookType = BookType.GetBookTypes().FirstOrDefault(bt =&amp;gt; bt.TypeName == "German");
        ObservableCollection&amp;lt;Book&amp;gt; books = new ObservableCollection&amp;lt;Book&amp;gt;();
        for (int i = 1; i &amp;lt; 10; i++)
            books.Add(new Book { Name = String.Format("Buch {0}", i), BookType = germanBookType });
        return books;
    }
}
&lt;/code&gt;&lt;/pre&gt;
&lt;p&gt;The ViewModel has a Dictionary of Books, each KeyValuePair consists of the BookType and a list of Books:&lt;/p&gt;
&lt;pre&gt;&lt;code&gt;public Dictionary&amp;lt;BookType, ObservableCollection&amp;lt;Book&amp;gt;&amp;gt; Books { get; set; }
&lt;/code&gt;&lt;/pre&gt;
&lt;p&gt;and it gets filled like that:&lt;/p&gt;
&lt;pre&gt;&lt;code&gt;var bookTypes = BookType.GetBookTypes();
Books = new Dictionary&amp;lt;BookType, ObservableCollection&amp;lt;Book&amp;gt;&amp;gt;();
Books[bookTypes[0]] = Book.GetBooksInGerman();
Books[bookTypes[1]] = Book.GetBooksInEnglish();
&lt;/code&gt;&lt;/pre&gt;
&lt;p&gt;The Books Dictionary is the ItemsSource of an ItemsControl with the following template:&lt;/p&gt;
&lt;pre&gt;&lt;code&gt;&amp;lt;ItemsControl ItemsSource="{Binding Path=Books}"&amp;gt;
    &amp;lt;ItemsControl.ItemTemplate&amp;gt;
        &amp;lt;DataTemplate&amp;gt;
            &amp;lt;StackPanel&amp;gt;
                &amp;lt;TextBlock Text="{Binding Key.TypeName}" /&amp;gt;
                &amp;lt;ComboBox ItemsSource="{Binding Path=Value}"
                          SelectedItem="{Binding ?????}"
                          DisplayMemberPath="Name" /&amp;gt;
            &amp;lt;/StackPanel&amp;gt;
        &amp;lt;/DataTemplate&amp;gt;
    &amp;lt;/ItemsControl.ItemTemplate&amp;gt;
&amp;lt;/ItemsControl&amp;gt;
&lt;/code&gt;&lt;/pre&gt;
&lt;p&gt;This is working, I see the BookType.TypeName in the TextBlock and each ComboBox has a list of available Books of this BookType. My question is: where can I bind the SelectedItem to? I need to know which Book is selected for each BookType, and I have to set the SelectedItem back on the ComboBox if I know which Book was selected when loading my ViewModel. Please, no code-behind in the View, it all has to happen in the ViewModel with some kind of property.&lt;/p&gt;
&lt;p&gt;Regards
Heiko&lt;/p&gt;</t>
  </si>
  <si>
    <t>2014-12-12 11:39:15.243000+00:00</t>
  </si>
  <si>
    <t>2014-12-12 12:04:39.433000+00:00</t>
  </si>
  <si>
    <t>2014-12-12 11:39:31.543000+00:00</t>
  </si>
  <si>
    <t>c#|.net|wpf|combobox</t>
  </si>
  <si>
    <t>Performing "login or signup" in Devise</t>
  </si>
  <si>
    <t>&lt;p&gt;I want to signup a new user if the email he has entered does not exist in the database. I have a custom sessions controller with the following code:&lt;/p&gt;
&lt;pre&gt;&lt;code&gt;resource = warden.authenticate!(:scope =&amp;gt; resource_name, :recall =&amp;gt; :failure)
scope = Devise::Mapping.find_scope!(resource_or_scope)
resource ||= resource_or_scope
sign_in(scope, resource) unless warden.user(scope) == resource
&lt;/code&gt;&lt;/pre&gt;
&lt;p&gt;How do I instruct Devise to sign-up the user in the 'failure' method?&lt;/p&gt;</t>
  </si>
  <si>
    <t>2012-12-27 19:03:30.033000+00:00</t>
  </si>
  <si>
    <t>2014-10-28 00:19:54.970000+00:00</t>
  </si>
  <si>
    <t>Upstream and Downstream definition</t>
  </si>
  <si>
    <t>&lt;p&gt;in my organization they tend to use a nomenclature of "downstream" and "upstream" when they talk about communications between systems. What is the definition of these concepts? Is this standard concepts in the world of IT-development?&lt;/p&gt;</t>
  </si>
  <si>
    <t>2013-08-23 11:34:52.363000+00:00</t>
  </si>
  <si>
    <t>2016-08-12 12:06:20.700000+00:00</t>
  </si>
  <si>
    <t>requirements</t>
  </si>
  <si>
    <t>How to insert a column inbetween other columns (Perl Spreadsheet::WriteExcel)</t>
  </si>
  <si>
    <t>&lt;p&gt;Lets say I have the following spreadsheet that I can parse in perl which looks like this:&lt;/p&gt;
&lt;p&gt;&lt;img src="https://i.stack.imgur.com/Bgl0F.png" alt="enter image description here"&gt;&lt;/p&gt;
&lt;p&gt;I want to insert a column between Column1 and Column2. So end result looks like this:&lt;/p&gt;
&lt;p&gt;&lt;img src="https://i.stack.imgur.com/2uUCF.png" alt="enter image description here"&gt;&lt;/p&gt;
&lt;p&gt;It doesn't look like there is a set method for this in Spreadsheet-WriteExcel.&lt;/p&gt;
&lt;p&gt;Does anyone know an easy way of doing this in Perl?&lt;/p&gt;
&lt;p&gt;Many Thanks in advance!&lt;/p&gt;</t>
  </si>
  <si>
    <t>2013-03-01 17:37:03.713000+00:00</t>
  </si>
  <si>
    <t>2013-03-04 10:49:40.980000+00:00</t>
  </si>
  <si>
    <t>perl|excel|spreadsheet</t>
  </si>
  <si>
    <t>Javascript/html audio problems</t>
  </si>
  <si>
    <t>&lt;p&gt;I'm having some problems in my code. To begin, I would like for a song to play after a song I am playing ends (with the audio tag). &lt;/p&gt;
&lt;pre&gt;&lt;code&gt;&amp;lt;audio id="batmansong1"&amp;gt;
  &amp;lt;source src="Songs/nanananabatman.m4a"&amp;gt;
&amp;lt;/audio&amp;gt;
&amp;lt;button id="play" onclick="document.getElementById('batmansong1').play()"&amp;gt;&amp;lt;img src="Buttons/play.jpg" height="40" width="40"&amp;gt;&amp;lt;/button&amp;gt;
&amp;lt;button id="pause" onclick="document.getElementById('batmansong1').pause()"&amp;gt;&amp;lt;img src="Buttons/pause.jpg" height="40" width="40"&amp;gt;&amp;lt;/button&amp;gt;
&lt;/code&gt;&lt;/pre&gt;
&lt;p&gt;As you can see, the buttons will play or pause the first audio clip. However, I want them to also pause and play the second audio clip when it starts playing.&lt;/p&gt;</t>
  </si>
  <si>
    <t>2014-02-12 16:48:45.023000+00:00</t>
  </si>
  <si>
    <t>2014-02-12 20:02:32.287000+00:00</t>
  </si>
  <si>
    <t>2014-02-12 17:29:20.910000+00:00</t>
  </si>
  <si>
    <t>javascript|html|html5-audio</t>
  </si>
  <si>
    <t>JSP: Quote symbol expected in Tomcat but not in WebSphere</t>
  </si>
  <si>
    <t>&lt;p&gt;I'm using struts2 in my application and I get the following error when I run my app in Tomcat 
org.apache.jasper.JasperException: /myapp/testReview.jsp (line: 29, column: 45) quote symbol expected&lt;/p&gt;
&lt;p&gt;line29:    &lt;code&gt;&amp;lt;s:iterator value="testSummaryList" status=stat&amp;gt;
     &amp;lt;s:iterator&amp;gt;
      &amp;lt;tr&amp;gt;
       &amp;lt;td&amp;gt;&amp;lt;s:property value="value" /&amp;gt;&amp;lt;/td&amp;gt;
       &amp;lt;td&amp;gt;&amp;lt;s:property value="key" /&amp;gt;&amp;lt;/td&amp;gt;
      &amp;lt;/tr&amp;gt;
     &amp;lt;/s:iterator&amp;gt; 
     &amp;lt;/s:iterator&amp;gt;
&lt;/code&gt;
Same code works fine when I deploy my app in WebSphere.
This fixes the error in Tomcat
       status="stat"&lt;/p&gt;
&lt;p&gt;Is this something to do with the Tomcat JSP compiler?&lt;/p&gt;</t>
  </si>
  <si>
    <t>2015-08-19 14:59:41.817000+00:00</t>
  </si>
  <si>
    <t>2015-08-19 15:36:23.210000+00:00</t>
  </si>
  <si>
    <t>jsp|tomcat|websphere-8</t>
  </si>
  <si>
    <t>setOnKeyListener in fragment not listening</t>
  </si>
  <si>
    <t>&lt;p&gt;Is there something I'm missing in this code?
Yes, I know this is mostly code, but IMHO I think it is clear.
Stil there seems to be more unnecessary text needed.&lt;/p&gt;
&lt;pre&gt;&lt;code&gt;    @Override
public View onCreateView(LayoutInflater inflater,
                         ViewGroup container,
                         Bundle savedInstanceState)
{
    if(container == null) { return null; }
    super.onCreateView(inflater, container, savedInstanceState);
        final EditText editText = (EditText) outsideLayout.findViewById(R.id.prefPlayerName);
        editText.setInputType(InputType.TYPE_TEXT_VARIATION_NORMAL);
        editText.setRawInputType(InputType.TYPE_CLASS_TEXT); 
        editText.setImeOptions(EditorInfo.IME_ACTION_GO);
        editText.setOnKeyListener(new EditText.OnKeyListener()
        {
            @Override
            public boolean onKey(View v, int keyCode, KeyEvent event)
            {
                // If the event is a key-down event on the "enter" key
                if((event.getAction() == KeyEvent.ACTION_DOWN) &amp;amp;&amp;amp; (keyCode == KeyEvent.KEYCODE_ENTER))
                {
                    Log.i(TAG, "PrefDetailsFragment enter key pressed");
                    return true;
                }
                return false;
            }
        });
    return outsideLayout;
}   // onCreateView()
&lt;/code&gt;&lt;/pre&gt;</t>
  </si>
  <si>
    <t>2013-09-15 13:40:04.343000+00:00</t>
  </si>
  <si>
    <t>2013-09-16 16:10:40.870000+00:00</t>
  </si>
  <si>
    <t>Merge by a condition</t>
  </si>
  <si>
    <t>&lt;p&gt;I have this two db:&lt;/p&gt;
&lt;pre&gt;&lt;code&gt;dfgenus&amp;lt;- c("Coragyps" ,"Elanus", "Elanus", "Patagioenas", "Crotophaga") 
&lt;/code&gt;&lt;/pre&gt;
&lt;p&gt;so&lt;/p&gt;
&lt;pre&gt;&lt;code&gt;dfgenus
       Genus
1     Coragyps
2       Elanus
3       Elanus
4  Patagioenas
5   Crotophaga
&lt;/code&gt;&lt;/pre&gt;
&lt;p&gt;and&lt;/p&gt;
&lt;pre&gt;&lt;code&gt;family &amp;lt;-c("Cathartidae", "Accipitridae","Cuculidae", "Columbidae","Psittacidae")
Genus &amp;lt;- c("Coragyps" ,"Elanus", "Crotophaga", "Patagioenas", "Pyrrhura")
sacc&amp;lt;- data.frame(family, genus)
##Sacc db rows are in the right order (the genus belongs to its taxonomic family)
sacc
  family       Genus
1  Cathartidae    Coragyps
2 Accipitridae      Elanus
3    Cuculidae  Crotophaga
4   Columbidae Patagioenas
5  Psittacidae    Pyrrhura
&lt;/code&gt;&lt;/pre&gt;
&lt;p&gt;following the info on "sacc", how can I add the correct family for each genus in "dbgenus"?&lt;/p&gt;
&lt;p&gt;I've been unsuccesfully trying:&lt;/p&gt;
&lt;pre&gt;&lt;code&gt;for (i in length(dfgenus)){
if (identical(sacc[i], dfgenus[i])) {
    df$family[i] &amp;lt;- sacc$family[i] 
}   else {
        i-1 
} 
print(df$family) 
}
&lt;/code&gt;&lt;/pre&gt;
&lt;p&gt;the output should be:&lt;/p&gt;
&lt;pre&gt;&lt;code&gt;df
        family       Genus
1  Cathartidae    Coragyps
2 Accipitridae      Elanus
3 Accipitridae      Elanus
4   Columbidae Patagioenas
5    Cuculidae  Crotophaga
&lt;/code&gt;&lt;/pre&gt;</t>
  </si>
  <si>
    <t>2018-07-12 00:19:54.450000+00:00</t>
  </si>
  <si>
    <t>2018-07-12 00:40:12.527000+00:00</t>
  </si>
  <si>
    <t>r|database|for-loop|bioinformatics</t>
  </si>
  <si>
    <t>What's the reason to use DEBUG macro in C++?</t>
  </si>
  <si>
    <t>&lt;p&gt;I'm working on C++ program built by other people, and saw a lot of uses of DEBUG like this&lt;/p&gt;
&lt;pre&gt;&lt;code&gt;#ifdef DEBUG
    cout &amp;lt;&amp;lt; "Value is "&amp;lt;&amp;lt; value &amp;lt;&amp;lt; endl;
#endif
&lt;/code&gt;&lt;/pre&gt;
&lt;p&gt;I myself am still in the learning process to become an affluent C++ programmer, and I majorly use Visual Studio and breakpoints to debug. So I'm wondering, if I'm able to step through the code to debug values, is there any other reason to use these kind of macros? &lt;/p&gt;
&lt;p&gt;Tried to google but didn't find much useful page.&lt;/p&gt;
&lt;p&gt;Thanks.&lt;/p&gt;</t>
  </si>
  <si>
    <t>2012-05-31 21:23:18.030000+00:00</t>
  </si>
  <si>
    <t>2012-06-07 11:31:28.867000+00:00</t>
  </si>
  <si>
    <t>c++|debugging|macros</t>
  </si>
  <si>
    <t>Passing another promise to a promise handler</t>
  </si>
  <si>
    <t>&lt;p&gt;I expected the promise handler to log the promise &lt;code&gt;p1&lt;/code&gt; (not the value "A") since &lt;code&gt;console.log&lt;/code&gt; is called with &lt;code&gt;p1&lt;/code&gt; directly. However, it somehow logs "A". How is the promise &lt;code&gt;p1&lt;/code&gt; automatically resolved to "A" without then being called on it ? For example, &lt;code&gt;console.log(p1)&lt;/code&gt; does not output "A" directly as is expected. Is something going on behind the scenes ? &lt;/p&gt;
&lt;p&gt;&lt;div class="snippet" data-lang="js" data-hide="false" data-console="true" data-babel="false"&gt;_x000D_
&lt;div class="snippet-code"&gt;_x000D_
&lt;pre class="snippet-code-js lang-js prettyprint-override"&gt;&lt;code&gt;var p1 = new Promise(function(resolve, reject) {_x000D_
  resolve("A");_x000D_
});_x000D_
_x000D_
var p2 = new Promise(function(resolve, reject) {_x000D_
  resolve(p1);_x000D_
});_x000D_
_x000D_
p2.then(function(v) {_x000D_
  console.log(v)_x000D_
});&lt;/code&gt;&lt;/pre&gt;_x000D_
&lt;/div&gt;_x000D_
&lt;/div&gt;_x000D_
&lt;/p&gt;
&lt;p&gt;EDIT: I understand that calling &lt;/p&gt;
&lt;pre&gt;&lt;code&gt;p1.then((v) =&amp;gt; return v))
&lt;/code&gt;&lt;/pre&gt;
&lt;p&gt;returns a new promise that is fulfilled with the value v. Unless Im seriously missing something here, the "p1" reference in the second promise constructor should have been passed directly to console.log, resulting in the block&lt;/p&gt;
&lt;pre&gt;&lt;code&gt;var p2 = new Promise(function(resolve, reject) {
  resolve(p1);
});
p2.then(function(v) {
 console.log(v)
});
&lt;/code&gt;&lt;/pre&gt;
&lt;p&gt;becoming&lt;/p&gt;
&lt;pre&gt;&lt;code&gt;console.log(p1).
&lt;/code&gt;&lt;/pre&gt;
&lt;p&gt;Since console.log is called directly with p1, NOT the result of p1.then(...), p1 should not be resolved into the value "A" in the same way that printing that a another program&lt;/p&gt;
&lt;pre&gt;&lt;code&gt;var promise = new Promise(function(resolve, reject) {
  resolve("B")
})
console.log(promise)
&lt;/code&gt;&lt;/pre&gt;
&lt;p&gt;does not result in the string "B".&lt;/p&gt;
&lt;p&gt;EDIT2: I had a misconception that the resolve parameter passed to the executor is a wrapper for unfulfilled function, which caused me tons of confusion. Check out &lt;a href="https://stackoverflow.com/questions/31324110/why-does-the-promise-constructor-require-a-function-that-calls-resolve-when-co"&gt;Why does the Promise constructor require a function that calls &amp;#39;resolve&amp;#39; when complete, but &amp;#39;then&amp;#39; does not - it returns a value instead?&lt;/a&gt; for more details.&lt;/p&gt;</t>
  </si>
  <si>
    <t>2017-09-29 14:15:12.197000+00:00</t>
  </si>
  <si>
    <t>2017-09-30 02:52:40.387000+00:00</t>
  </si>
  <si>
    <t>javascript|promise|es6-promise</t>
  </si>
  <si>
    <t>TextField Not horizontal scrolling with text[Titanium]</t>
  </si>
  <si>
    <t>&lt;p&gt;I want the textarea to scroll horizontally once the test string has exceeded the width of the textarea. I tried the below code, but however, it does not work for some reason. &lt;/p&gt;
&lt;p&gt;I also tried adding a wrapper view to scroll view and adding the textarea to the wrapper view; but that does not work either.&lt;/p&gt;
&lt;p&gt;How can I fix this ?  &lt;/p&gt;
&lt;pre&gt;&lt;code&gt; var scroll = Ti.UI.createScrollView({
     top:40,
     left:230,
     width:290,
     height:50
});
win.add(scroll);
var textType = Ti.UI.createTextArea({
   backgroundColor:'#E6E6E6',
   borderColor:'blue',
   borderRadius:10,
   top:0,
   left:0,
   width:290,
   height:50,
   font:{fontSize:26, fontFamily:customFont},
   editable:false,
   enabled:false,
   textAlign:'right',
   scrollable:true
  });
 scroll.add(textType);
&lt;/code&gt;&lt;/pre&gt;</t>
  </si>
  <si>
    <t>2013-07-31 11:07:22.207000+00:00</t>
  </si>
  <si>
    <t>2013-07-31 17:20:24.013000+00:00</t>
  </si>
  <si>
    <t>2013-07-31 14:03:12.240000+00:00</t>
  </si>
  <si>
    <t>textarea|titanium|horizontal-scrolling</t>
  </si>
  <si>
    <t>know the table names plus doing a count</t>
  </si>
  <si>
    <t>&lt;p&gt;I've go the following question:&lt;/p&gt;
&lt;p&gt;How would you get the table name and the count of that table with SAS? &lt;/p&gt;
&lt;p&gt;If I was using Oracle SQL, I would generate a metaquery and spool it , with a query like below :&lt;/p&gt;
&lt;pre&gt;&lt;code&gt;spool test.sql
SELECT 'select '||''''||table_name||''''||',count(*) from '||table_name FROM all_tables;
spool off
&lt;/code&gt;&lt;/pre&gt;
&lt;p&gt;Once spool , I would run the whole query, which would give me queries like below&lt;/p&gt;
&lt;pre&gt;&lt;code&gt;SELECT 'table_called_toto',COUNT(*) FROM table_called_toto;
&lt;/code&gt;&lt;/pre&gt;
&lt;p&gt;Once ran, I would have results like that one:&lt;/p&gt;
&lt;pre&gt;&lt;code&gt;table_called_toto,20
&lt;/code&gt;&lt;/pre&gt;
&lt;p&gt;Does something similar exist in SAS? And if yes, how should I do it?&lt;/p&gt;</t>
  </si>
  <si>
    <t>2014-11-12 14:28:00.233000+00:00</t>
  </si>
  <si>
    <t>2014-11-12 14:46:24.067000+00:00</t>
  </si>
  <si>
    <t>2014-11-12 14:33:14.577000+00:00</t>
  </si>
  <si>
    <t>oracle|sas</t>
  </si>
  <si>
    <t>How to handle session change notifications in Qt tray application?</t>
  </si>
  <si>
    <t>&lt;p&gt;I have a problem with handling session state notifications (like user logon/logoff/lock etc) in Qt tray application. In usual Qt application I can call &lt;code&gt;WTSRegisterSessionNotification&lt;/code&gt; with &lt;code&gt;hWnd=effectiveWinId()&lt;/code&gt; and re-implement &lt;code&gt;nativeEvent&lt;/code&gt; like this:&lt;/p&gt;
&lt;pre&gt;&lt;code&gt;bool EventListener::nativeEvent(const QByteArray &amp;amp;eventType, void *message, long *result)
{    
    MSG* msg = reinterpret_cast&amp;lt;MSG*&amp;gt;(message);
    switch(msg-&amp;gt;message)
    {
        case WM_WTSSESSION_CHANGE:
            ...
    }
    ...
}
&lt;/code&gt;&lt;/pre&gt;
&lt;p&gt;But in tray application it's impossible, because &lt;code&gt;QSystemTrayIcon&lt;/code&gt; doesn't inherits from &lt;code&gt;QWidget&lt;/code&gt; and I haven't any window handle.&lt;/p&gt;
&lt;p&gt;Is it possible to resolve the problem without creating fake invisible window?&lt;/p&gt;</t>
  </si>
  <si>
    <t>2017-04-11 14:30:02.483000+00:00</t>
  </si>
  <si>
    <t>2017-04-11 14:36:25.253000+00:00</t>
  </si>
  <si>
    <t>c++|qt|winapi|qt5</t>
  </si>
  <si>
    <t>Do java finals help the compiler create more efficient bytecode?</t>
  </si>
  <si>
    <t>&lt;blockquote&gt;
  &lt;p&gt;&lt;strong&gt;Possible Duplicate:&lt;/strong&gt;&lt;br&gt;
  &lt;a href="https://stackoverflow.com/questions/4279420/does-use-of-final-keyword-in-java-improve-the-performance"&gt;Does use of final keyword in Java improve the performance?&lt;/a&gt;  &lt;/p&gt;
&lt;/blockquote&gt;
&lt;p&gt;The &lt;em&gt;final&lt;/em&gt; modifier has &lt;a href="http://en.wikipedia.org/wiki/Final_%28Java%29" rel="noreferrer"&gt;different consequences&lt;/a&gt; in java depending on what you apply it to. What I'm wondering is if &lt;em&gt;additionally&lt;/em&gt; it might help the compiler create more efficient bytecode. I suppose the question goes deep into how the JVM work and might be JVM specific.&lt;/p&gt;
&lt;p&gt;So, in your expertise, do any of the following help the compiler, or do you only use them for the normal java reasons?&lt;/p&gt;
&lt;ul&gt;
&lt;li&gt;Final classes&lt;/li&gt;
&lt;li&gt;Final methods&lt;/li&gt;
&lt;li&gt;Final fields&lt;/li&gt;
&lt;li&gt;Final method arguments&lt;/li&gt;
&lt;/ul&gt;
&lt;p&gt;Thanks!&lt;/p&gt;
&lt;p&gt;EDIT: Thanks for all your answers! Please note that, as @Zohaib suggested, my question is a duplicate of &lt;a href="https://stackoverflow.com/questions/4279420/does-use-of-final-keyword-in-java-improve-the-performance"&gt;this&lt;/a&gt;. I didn't search well enough before posting. I'm not deleting it because you guys made good contributions, but the answers could be merged. I'll let the "vote for close" system decide unless told otherwise.&lt;/p&gt;</t>
  </si>
  <si>
    <t>2011-12-02 09:45:44.750000+00:00</t>
  </si>
  <si>
    <t>2014-03-06 08:06:47.447000+00:00</t>
  </si>
  <si>
    <t>2017-05-23 10:31:15.870000+00:00</t>
  </si>
  <si>
    <t>java|optimization|micro-optimization</t>
  </si>
  <si>
    <t>Why my type or namespace name for project within solution isn't recognized?</t>
  </si>
  <si>
    <t>&lt;p&gt;I'm stuck with a project that I can't get "seen" in a reference by other projects in the same solution. &lt;/p&gt;
&lt;p&gt;This is the error: Error 2 Metadata file 'C:\Documents and Settings\user\Desktop...\bin\Debug.dll' could not be found.&lt;/p&gt;
&lt;p&gt;I've added the reference of course, and added the using directive for the namespace where it's used in class files. I remove the file, save, restart, and start anew, and it persists. Any ideas? I've been searching for hours, and it seems as though this can be caused by many things, none of which pertain to me. :/&lt;/p&gt;
&lt;p&gt;It's a simple set of three class libraries and one windows forms project in the solution, VS 2010 Express, C#.&lt;/p&gt;</t>
  </si>
  <si>
    <t>2011-08-03 01:02:33.327000+00:00</t>
  </si>
  <si>
    <t>2013-01-23 17:36:42.860000+00:00</t>
  </si>
  <si>
    <t>2011-08-03 18:49:28.363000+00:00</t>
  </si>
  <si>
    <t>c#|visual-studio-2010</t>
  </si>
  <si>
    <t>iOS Currency input field</t>
  </si>
  <si>
    <t>&lt;p&gt;I would like to have a currency input field in my app where the user can either include the currency symbol (as appropriate for their locale), or not, as they please.&lt;/p&gt;
&lt;p&gt;I have a text field set up and I am storing the value in a NSDecimalNumber (which I understand is the recommended way to store currency).&lt;/p&gt;
&lt;p&gt;The following code will get me from an NSDecimalNumber to a formatted currency string:&lt;/p&gt;
&lt;pre&gt;&lt;code&gt;[NSNumberFormatter localizedStringFromNumber:currencyValue numberStyle:NSNumberFormatterCurrencyStyle]
&lt;/code&gt;&lt;/pre&gt;
&lt;p&gt;But I can't find a way to do the reverse of that.  i.e., take the string that the user has typed into my text field and convert it (if possible) into an NSDecimalNumber.  Keeping in mind that the currency symbol may be there (because it came from the function above) or not (because the user didn't bother to type the currency symbol).&lt;/p&gt;
&lt;p&gt;What am I missing?&lt;/p&gt;
&lt;p&gt;If I can't figure this out I will just not accept any currency symbol at all (i.e., just parse it using the code below).  But it seems better to allow the currency symbol.&lt;/p&gt;
&lt;pre&gt;&lt;code&gt;[NSDecimalNumber decimalNumberWithString:currencyString locale:[NSLocale currentLocale]]
&lt;/code&gt;&lt;/pre&gt;
&lt;p&gt;I have the feeling I am missing something.  What's the right way to convert back and forth between a localized currency string and an NSDecimalNumber?&lt;/p&gt;</t>
  </si>
  <si>
    <t>2013-09-10 02:14:20.713000+00:00</t>
  </si>
  <si>
    <t>2014-08-30 04:44:22.693000+00:00</t>
  </si>
  <si>
    <t>ios|objective-c|nsnumberformatter</t>
  </si>
  <si>
    <t>How to specify uniqueness for a tuple of field in a Django model</t>
  </si>
  <si>
    <t>&lt;p&gt;Is there a way to specify a Model in Django such that is ensures that pair of fields in unique in the table, in a way similar to the "unique=True" attribute for similar field?&lt;/p&gt;
&lt;p&gt;Or do I need to check this constraint in the clean() method?&lt;/p&gt;</t>
  </si>
  <si>
    <t>2009-01-23 09:50:59.470000+00:00</t>
  </si>
  <si>
    <t>2017-01-11 15:03:15.550000+00:00</t>
  </si>
  <si>
    <t>2009-01-23 12:03:58.157000+00:00</t>
  </si>
  <si>
    <t>Ber</t>
  </si>
  <si>
    <t>python|django|django-models</t>
  </si>
  <si>
    <t>MATLAB "filter" function in C/C++</t>
  </si>
  <si>
    <t>&lt;p&gt;I've been tasked with recoding a MATLAB script into C or C++, and I'm having a little difficulty wrapping my head around this filter function (filter(a, b, x)). Does anyone know of a simple way to do this, or an existing C library that accomplishes the same thing?&lt;/p&gt;
&lt;p&gt;Thanks!&lt;/p&gt;</t>
  </si>
  <si>
    <t>2011-12-13 06:01:29.510000+00:00</t>
  </si>
  <si>
    <t>2013-04-04 15:05:44.463000+00:00</t>
  </si>
  <si>
    <t>c++|c|matlab|filter</t>
  </si>
  <si>
    <t>Javascript event handler on table?</t>
  </si>
  <si>
    <t>&lt;p&gt;Quick question, is it possible to put an onclick event handler on a  &lt;code&gt;&amp;lt;table&amp;gt;&lt;/code&gt; element? At the moment I've got a handler on each &lt;code&gt;&amp;lt;tr&amp;gt;&lt;/code&gt; to detect when a row is clicked, but I was thinking it would be simpler and more efficient if I could have a single event handler for the whole table and then use event.target to find which row was clicked.&lt;/p&gt;</t>
  </si>
  <si>
    <t>2012-08-15 13:43:43.057000+00:00</t>
  </si>
  <si>
    <t>2012-08-15 14:10:37.667000+00:00</t>
  </si>
  <si>
    <t>2012-08-15 13:55:58.760000+00:00</t>
  </si>
  <si>
    <t>javascript|html|events</t>
  </si>
  <si>
    <t>Print statement, spacing issue.</t>
  </si>
  <si>
    <t>&lt;p&gt;I'm trying to create a text-based slot machine. However, when I print the variable "s1" "s2"or "s3", as you can see, everything comes out shifted. My problem is being caused by the fact that s1, could various lengths. I'm familiar with the printf concept, but im unsure how I could correct the spacing issue.&lt;/p&gt;
&lt;pre&gt;&lt;code&gt;                  ("|=================================|     ____\n" +
                   "|           SLOT MACHINE          |    [    ]\n" +
                   "|=================================|     / /\n" +
                   "|                                 |    / /\n" +
                   "|    =========================    |   / /\n" +
                   "|    |   1   |   2   |   3   |    |  / /\n" +
                   "|    =========================    | / /\n" +
                   "|    |       |       |       |    |===|\n"+
                   "|    | "+s1+"| "+s2+"| "+s3+"|    |   |\n" +
                   "|    |       |       |       |    |===|\n" +
                   "|    =========================    |\n" +
                   "|                                 |\n" +
                   "|          [Insert Money]         |\n" +
                   "|=================================|" );
&lt;/code&gt;&lt;/pre&gt;
&lt;p&gt;Output looks like this....&lt;/p&gt;
&lt;pre&gt;&lt;code&gt;|=================================|     ____
|           SLOT MACHINE          |    [    ]
|=================================|     / /
|                                 |    / /
|    =========================    |   / /
|    |   1   |   2   |   3   |    |  / /
|    =========================    | / /
|    |       |       |       |    |===|
|    | Apple| Orange| Orange|    |   |
|    |       |       |       |    |===|
|    =========================    |
|                                 |
|          [Insert Money]         |
|=================================|
&lt;/code&gt;&lt;/pre&gt;</t>
  </si>
  <si>
    <t>2018-04-20 21:59:05.153000+00:00</t>
  </si>
  <si>
    <t>2018-04-20 22:34:19.260000+00:00</t>
  </si>
  <si>
    <t>java|printf</t>
  </si>
  <si>
    <t>jQuery MarginLeft Percentage</t>
  </si>
  <si>
    <t>&lt;p&gt;I'm making a website where the left margin is constantly changing. I want to make the left margin a percentage of the page and not a pixel value. How do I do this?&lt;/p&gt;
&lt;pre&gt;&lt;code&gt;$('#dialog_title_span').text("Create new Network Lists").css({marginLeft: 20});
&lt;/code&gt;&lt;/pre&gt;
&lt;p&gt;This moves it 20 pixels, but when I do "20%" it breaks the code. How do I overcome this problem.&lt;/p&gt;
&lt;p&gt;&lt;strong&gt;Why I Need this&lt;/strong&gt;
I'm using a progress bar and I want text to move with the progress bar.&lt;/p&gt;</t>
  </si>
  <si>
    <t>2013-07-24 23:36:51.403000+00:00</t>
  </si>
  <si>
    <t>2013-07-24 23:40:38.417000+00:00</t>
  </si>
  <si>
    <t>How do I round a number in JavaScript?</t>
  </si>
  <si>
    <t>&lt;p&gt;While working on a project, I came across a JS-script created by a former employee that basically creates a report in the form of&lt;/p&gt;
&lt;pre&gt;&lt;code&gt;Name : Value
Name2 : Value2
&lt;/code&gt;&lt;/pre&gt;
&lt;p&gt;etc.&lt;/p&gt;
&lt;p&gt;The peoblem is that the values can sometimes be floats (with different precision), integers, or even in the form &lt;code&gt;2.20011E+17&lt;/code&gt;. What I want to output are pure integers. I don't know a lot of JavaScript, though.  How would I go about writing a method that takes these sometimes-floats and makes them integers?&lt;/p&gt;</t>
  </si>
  <si>
    <t>2008-10-29 09:14:21.250000+00:00</t>
  </si>
  <si>
    <t>2015-07-04 06:29:36.787000+00:00</t>
  </si>
  <si>
    <t>2012-12-21 18:17:37.553000+00:00</t>
  </si>
  <si>
    <t>Ace</t>
  </si>
  <si>
    <t>javascript|floating-point|numbers|rounding</t>
  </si>
  <si>
    <t>Shared object explicitely calling internal function in itself</t>
  </si>
  <si>
    <t>&lt;p&gt;I have been recoding some libC functions which I incorporated in my Shared Object Library. Some of these functions internally call themselves.&lt;/p&gt;
&lt;p&gt;The problem now is when I use &lt;code&gt;dlsym&lt;/code&gt; from another program, the function provided by &lt;code&gt;dlsym&lt;/code&gt; (which internal use requires an internal function) will call libC's functions instead of those already present which I recoded in my library.&lt;/p&gt;
&lt;p&gt;Here is a simple example:&lt;/p&gt;
&lt;p&gt;lib.c&lt;/p&gt;
&lt;pre&gt;&lt;code&gt;#include &amp;lt;stdio.h&amp;gt;
#include &amp;lt;stdlib.h&amp;gt;
#include &amp;lt;string.h&amp;gt;
void *memset(void *s, int c, size_t n)
{
  printf("Calling LIB's Memset\n");
  for (size_t i = 0; i &amp;lt; n; ++i)
    ((char *) s)[i]  = c;
  return s;
}
void *calloc(size_t mnemb, size_t size)
{
  size_t sz = mnemb * size;
  void *addr = malloc(sz);
  printf("Calling LIB's Calloc\n");
  memset(addr, 0, sz);
  return addr;
}
&lt;/code&gt;&lt;/pre&gt;
&lt;p&gt;&lt;code&gt;gcc lib.c -fPIC -shared -o lib.so&lt;/code&gt;&lt;/p&gt;
&lt;p&gt;main.c&lt;/p&gt;
&lt;pre&gt;&lt;code&gt;#include &amp;lt;stdio.h&amp;gt;
#include &amp;lt;stdlib.h&amp;gt;
#include &amp;lt;dlfcn.h&amp;gt;
int main(void)
{
  void *handler = dlopen("./lib.so", RTLD_NOW);
  void (*_calloc)(size_t, size_t);
  if (!handler)
  {
    printf("Could not open lib\n");
    return 1;
  }
  _calloc = dlsym(handler, "calloc");
  if (!_calloc)
  {
    printf("Could not extract symbol\n");
    return 1;
  }
  _calloc(10, 10);
  return 0;
}
&lt;/code&gt;&lt;/pre&gt;
&lt;p&gt;&lt;code&gt;gcc main.c -ldl&lt;/code&gt;&lt;/p&gt;
&lt;pre&gt;&lt;code&gt;$ ./a.out 
Calling LIB's Calloc
&lt;/code&gt;&lt;/pre&gt;
&lt;p&gt;As you can see, only the &lt;code&gt;calloc&lt;/code&gt; function coming from the lib is called, the internal &lt;code&gt;memset&lt;/code&gt; is not called.&lt;/p&gt;
&lt;p&gt;How can I tell in my library to explicitly call its own functions ?&lt;/p&gt;
&lt;p&gt;Note: My function have to be called the same way as libC's as it got to work with &lt;code&gt;LD_PRELOAD&lt;/code&gt; too.&lt;/p&gt;</t>
  </si>
  <si>
    <t>2018-02-09 16:51:31.270000+00:00</t>
  </si>
  <si>
    <t>2018-02-09 18:14:16.653000+00:00</t>
  </si>
  <si>
    <t>c|shared-libraries|n</t>
  </si>
  <si>
    <t>R how to add a second label for a matrix</t>
  </si>
  <si>
    <t>&lt;p&gt;I want to build this matrix&lt;img src="https://i.stack.imgur.com/523f8.png" alt="enter image description here"&gt;&lt;/p&gt;
&lt;h3&gt;What I tried&lt;/h3&gt;
&lt;pre&gt;&lt;code&gt;table &amp;lt;- matrix(c(163,224,312,314,303,175,119,662,933,909,871,702,522,307,1513,2400,2164,2299,1824,1204,678,1603,2337,2331,2924,2360,1428,808,2834,3903,3826,4884,3115,2093,89), nrow=5, ncol=7, byrow=T)
rownames(table) &amp;lt;- c("Fair", "Good", "Very Good", "Premium", "Ideal")
 colnames(table) &amp;lt;- c("D", "E", "F", "G", "H", "I", "J")
&lt;/code&gt;&lt;/pre&gt;
&lt;p&gt;but the result is this:&lt;/p&gt;
&lt;p&gt;&lt;img src="https://i.stack.imgur.com/6o6jX.png" alt="enter image description here"&gt;&lt;/p&gt;
&lt;p&gt;&lt;strong&gt;and my question&lt;/strong&gt; is how to add the &lt;code&gt;color&lt;/code&gt; and &lt;code&gt;cut&lt;/code&gt; labels &lt;/p&gt;</t>
  </si>
  <si>
    <t>2015-03-26 16:14:30.340000+00:00</t>
  </si>
  <si>
    <t>2015-03-26 16:15:48.733000+00:00</t>
  </si>
  <si>
    <t>r|matrix</t>
  </si>
  <si>
    <t>mouse hover effect using javascript</t>
  </si>
  <si>
    <t>&lt;p&gt;I'm practicing event handlers but I cant seem to figure out how to make similar mouseHover effect using javascript on the website of lol.garena.ph (home,news,guides etc. The nav buttons). Help me out please.&lt;/p&gt;</t>
  </si>
  <si>
    <t>2013-06-20 08:20:39.903000+00:00</t>
  </si>
  <si>
    <t>2017-09-14 07:33:24.957000+00:00</t>
  </si>
  <si>
    <t>hover|mouse</t>
  </si>
  <si>
    <t>what is wrong in my dockerfile it does not copy my s3 bucket file</t>
  </si>
  <si>
    <t>&lt;pre&gt;&lt;code&gt;FROM ubuntu 
ENV AWS_ACCESS_KEY_ID=xxx
ENV AWS_SECRET_ACCESS_KEY=xxx/8fMox8eNWTY51
ENV AWS_DEFAULT_REGION=us-west-2
RUN apt-get update &amp;amp;&amp;amp; apt-get install -y awscli
ADD main.sh /main.sh
RUN chmod +x /main.sh
RUN /main.sh
#!/bin/bash
 docker login --username=xxx--password=12xxxx
 docker pull mariadb
 docker pull mysql
 # you can also write the credentials into the awscli configuration file. 
aws configure set aws_access_key_id $AWS_ACCESS_KEY_ID
aws configure set aws_secret_access_key $AWS_SECRET_ACCESS_KEY 
aws configure set AWS_DEFAULT_REGION $AWS_DEFAULT_REGION
aws s3 cp s3://mariadbs3bucket/test4.txt /test 
 mysql -u sathish  -pxx --host testmariadb.ci9m4obirg2u.us-west-2.rds.amazonaws.com -P 3306  --socket=TCP/IP  -e "USE myDB; insert into myDB.TestTable values(50000);"
&lt;/code&gt;&lt;/pre&gt;
&lt;p&gt;My s3 cp commnad is not working 
and Mysql command is not working its giving error . is there any mistake in my docker file . or docker does not identify my env variable ? 
can you please help me &lt;/p&gt;</t>
  </si>
  <si>
    <t>2018-09-14 08:36:40.697000+00:00</t>
  </si>
  <si>
    <t>amazon-web-services|docker|amazon-s3|dockerfile</t>
  </si>
  <si>
    <t>Undefined variable: _SESSION</t>
  </si>
  <si>
    <t>&lt;p&gt;help me please, I have my principal page php with a $_SESSION.
page1.php&lt;/p&gt;
&lt;pre&gt;&lt;code&gt;&amp;lt;?php
session_start(); 
$consulta = "select t.num_ticketfrom sdg_ticket t where t.cod_tipo_incidente=2 and t.cod_usuario='".$_SESSION['sdg_usuario']."' ";
?&amp;gt;
&amp;lt;html&amp;gt;
&amp;lt;head&amp;gt;
    &amp;lt;script&amp;gt;
    var auto_refresh = setInterval(function ()
    {
    $("#notificaciones").load("page2.php").fadeIn("slow"); }, 30000);
    &amp;lt;/script&amp;gt;
&amp;lt;/head&amp;gt;
&amp;lt;body&amp;gt;
 &amp;lt;li id="notificaciones" class="dropdown"&amp;gt;
                        &amp;lt;?php include("page2.php"); ?&amp;gt;
 &amp;lt;/li&amp;gt;
&amp;lt;/body&amp;gt;
&amp;lt;/html&amp;gt;
&lt;/code&gt;&lt;/pre&gt;
&lt;p&gt;second page
page2.php&lt;/p&gt;
&lt;pre&gt;&lt;code&gt;&amp;lt;?php 
    include("conexion.php");
       $count="SELECT COUNT(*)
    FROM sdg_ticket t,
      sdg_usuario u,
      sdg_estado_ticket e
    WHERE u.cod_empresa      = t.cod_empresa
    AND u.cod_usuario        = t.cod_usuario
    AND e.cod_empresa        = t.cod_empresa
    AND e.cod_estado_ticket  = t.cod_estado_ticket
    AND t.cod_estado_ticket &amp;lt;&amp;gt;7
    and t.cod_usuario   ='".$_SESSION['sdg_usuario']."'";
?&amp;gt;
&lt;/code&gt;&lt;/pre&gt;
&lt;p&gt;setInterval() in the page1.php refresh every 30000 time, 
in the second load get this&lt;/p&gt;
&lt;p&gt;"Notice: Undefined variable: _SESSION in /srv/www/htdocs/lite/page2.php on line 12"&lt;/p&gt;</t>
  </si>
  <si>
    <t>2013-11-05 16:32:00.440000+00:00</t>
  </si>
  <si>
    <t>2013-11-05 16:55:26.827000+00:00</t>
  </si>
  <si>
    <t>javascript|php|jquery|html|session</t>
  </si>
  <si>
    <t>JavaFX/Netbeans Program Not Running</t>
  </si>
  <si>
    <t>&lt;p&gt;This is my code that I have so far in my Netbeans program. It is supposed to bring up a window with a picture in it, the picture being called seawave. But for some reason it is not running. Do you have any idea why?&lt;/p&gt;
&lt;pre&gt;&lt;code&gt;    package myseaapp;
import javafx.application.Application;
import javafx.scene.Scene;
import javafx.scene.image.Image;
import javafx.scene.image.ImageView;
import javafx.scene.layout.Pane;
import javafx.scene.shape.Rectangle;
import javafx.stage.Stage;
import javafx.stage.StageStyle;
public class MySeaApp extends Application {
    private ImageView seawave;
    private Rectangle seawaveClip;
    @Override
    public void start(Stage primaryStage) {
       primaryStage.initStyle(StageStyle.TRANSPARENT);
       seawave = new ImageView(new Image(MySeaApp.class.getResourceAsStream("images/seawave")));
       seawaveClip = new Rectangle(300, 220);
       seawaveClip.setArcHeight(20);
       seawaveClip.setArcWidth(20);
       seawave.setClip(seawaveClip);
       Pane root = new Pane();
       root.getChildren().add(seawave);
       Scene myScene = new Scene(root, 300, 250);
       myScene.setFill(null);
       primaryStage.setScene(myScene);
       primaryStage.show();
    }
    public static void main(String[] args) {
        launch(args);
    }
}
&lt;/code&gt;&lt;/pre&gt;
&lt;p&gt;and this is what I get...&lt;/p&gt;
&lt;pre&gt;&lt;code&gt;Executing /Users/SethRataiczak/NetBeansProjects/MySeaApp/dist/run1104410607/MySeaApp.jar using platform /Library/Java/JavaVirtualMachines/jdk1.8.0_60.jdk/Contents/Home/jre/bin/java
Exception in Application start method
java.lang.reflect.InvocationTargetException
    at sun.reflect.NativeMethodAccessorImpl.invoke0(Native Method)
    at sun.reflect.NativeMethodAccessorImpl.invoke(NativeMethodAccessorImpl.java:62)
    at sun.reflect.DelegatingMethodAccessorImpl.invoke(DelegatingMethodAccessorImpl.java:43)
    at java.lang.reflect.Method.invoke(Method.java:497)
    at com.sun.javafx.application.LauncherImpl.launchApplicationWithArgs(LauncherImpl.java:389)
    at com.sun.javafx.application.LauncherImpl.launchApplication(LauncherImpl.java:328)
    at sun.reflect.NativeMethodAccessorImpl.invoke0(Native Method)
    at sun.reflect.NativeMethodAccessorImpl.invoke(NativeMethodAccessorImpl.java:62)
    at sun.reflect.DelegatingMethodAccessorImpl.invoke(DelegatingMethodAccessorImpl.java:43)
    at java.lang.reflect.Method.invoke(Method.java:497)
    at sun.launcher.LauncherHelper$FXHelper.main(LauncherHelper.java:767)
Caused by: java.lang.RuntimeException: Exception in Application start method
    at com.sun.javafx.application.LauncherImpl.launchApplication1(LauncherImpl.java:917)
    at com.sun.javafx.application.LauncherImpl.lambda$launchApplication$156(LauncherImpl.java:182)
    at java.lang.Thread.run(Thread.java:745)
Caused by: java.lang.NullPointerException: Input stream must not be null
    at javafx.scene.image.Image.validateInputStream(Image.java:1110)
    at javafx.scene.image.Image.&amp;lt;init&amp;gt;(Image.java:694)
    at myseaapp.MySeaApp.start(MySeaApp.java:30)
    at com.sun.javafx.application.LauncherImpl.lambda$launchApplication1$163(LauncherImpl.java:863)
    at com.sun.javafx.application.PlatformImpl.lambda$runAndWait$176(PlatformImpl.java:326)
    at com.sun.javafx.application.PlatformImpl.lambda$null$174(PlatformImpl.java:295)
    at java.security.AccessController.doPrivileged(Native Method)
    at com.sun.javafx.application.PlatformImpl.lambda$runLater$175(PlatformImpl.java:294)
    at com.sun.glass.ui.InvokeLaterDispatcher$Future.run(InvokeLaterDispatcher.java:95)
Exception running application myseaapp.MySeaApp
Java Result: 1
Deleting directory /Users/SethRataiczak/NetBeansProjects/MySeaApp/dist/run1104410607
jfxsa-run:
BUILD SUCCESSFUL (total time: 1 second)
&lt;/code&gt;&lt;/pre&gt;</t>
  </si>
  <si>
    <t>2015-11-14 19:21:09.270000+00:00</t>
  </si>
  <si>
    <t>2015-11-14 19:43:12.503000+00:00</t>
  </si>
  <si>
    <t>2015-11-14 19:41:09.810000+00:00</t>
  </si>
  <si>
    <t>java|netbeans|javafx</t>
  </si>
  <si>
    <t>Can django lazy-load fields in a model?</t>
  </si>
  <si>
    <t>&lt;p&gt;One of my django models has a large &lt;code&gt;TextField&lt;/code&gt; which I often don't need to use.  Is there a way to tell django to "lazy-load" this field? i.e. not to bother pulling it from the database unless I explicitly ask for it.  I'm wasting a lot of memory and bandwidth pulling this &lt;code&gt;TextField&lt;/code&gt; into python every time I refer to these objects.&lt;/p&gt;
&lt;p&gt;The alternative would be to create a new table for the contents of this field, but I'd rather avoid that complexity if I can.&lt;/p&gt;</t>
  </si>
  <si>
    <t>2010-06-16 23:31:20.437000+00:00</t>
  </si>
  <si>
    <t>2013-09-15 02:13:48.693000+00:00</t>
  </si>
  <si>
    <t>Book On Making /rdb</t>
  </si>
  <si>
    <t>&lt;p&gt;I was told once there is a book that shows you how to make a database from scratch using sed, awk, and the Linux filesystem. I thought I had the name, but now I cannot find it. What is this book called?&lt;/p&gt;
&lt;p&gt;Edit: 
My understanding is this book was meant for learning how databases work, and how to build your own entirely from scratch using awk and the filesystem. From how it was explained, you could build your own version of /rdb, then when you finished you could just use /rdb itself, but now you'd know how it was made.&lt;/p&gt;
&lt;p&gt;So, at the end of the book, you'd have almost completely remade /rdb yourself.&lt;/p&gt;</t>
  </si>
  <si>
    <t>2014-07-07 12:39:57.513000+00:00</t>
  </si>
  <si>
    <t>2014-07-07 13:51:39.307000+00:00</t>
  </si>
  <si>
    <t>linux|database|awk|rdbms|rdb</t>
  </si>
  <si>
    <t>Implementing simple uitableviewcell/collectionviewcell with Facebook Component Kit</t>
  </si>
  <si>
    <t>&lt;p&gt;Currently, I have already implemented with normal tableviewcell like this. &lt;/p&gt;
&lt;p&gt;&lt;a href="https://i.stack.imgur.com/F13Dg.png" rel="nofollow noreferrer"&gt;&lt;img src="https://i.stack.imgur.com/F13Dg.png" alt="enter image description here"&gt;&lt;/a&gt;&lt;/p&gt;
&lt;p&gt;I am now studying about component kit and wana do sth like that view. I am reading through their example WildeGuess. There are very little tutorial or no tutorial for using component kit. How shall I implement to put label in left corner and imageview in left corner also (I can put imageview in the container as in example)?&lt;/p&gt;</t>
  </si>
  <si>
    <t>2016-05-06 02:08:06.017000+00:00</t>
  </si>
  <si>
    <t>ios|uitableview|uicollectionview|componentkit</t>
  </si>
  <si>
    <t>How can I enable ActiveX in IE8 on Windows Server 2008?</t>
  </si>
  <si>
    <t>&lt;p&gt;I've created a COM assembly using C#.  I set my IE 8 browser settings to low on my XP development PC, and I can use JavaScript to successfully run the methods.&lt;/p&gt;
&lt;p&gt;If I copy the assembly to a Windows Server 2008 VM, even if I set IE's security levels to low, disable "Protected Mode" and run IE 8 as Administrator, I still get error 429: "Automation server can't create object."&lt;/p&gt;
&lt;p&gt;I've created a test application to ensure that using regasm worked, and that works fine.&lt;/p&gt;
&lt;p&gt;Any suggestions as to how to get this working in IE 8 in Windows Server 2008 would be appreciated.&lt;/p&gt;
&lt;p&gt;Thanks :)&lt;/p&gt;</t>
  </si>
  <si>
    <t>2011-03-11 15:17:02.413000+00:00</t>
  </si>
  <si>
    <t>2011-03-11 16:33:00.787000+00:00</t>
  </si>
  <si>
    <t>2011-03-11 15:33:53.333000+00:00</t>
  </si>
  <si>
    <t>c#|internet-explorer|com|internet-explorer-8|activex</t>
  </si>
  <si>
    <t>PHP PDO Prepared Insert Query. Problem with value not being passed</t>
  </si>
  <si>
    <t>&lt;p&gt;I am using PDO to do prepared queries in php with MySQL. The query executes with no errors but one parameter does not pass it's value properly. It come sup as a blank field, but not NULL. It's really weird as it seems that I entered the code the same as the others which of course work fine. Really frustrating.&lt;/p&gt;
&lt;pre&gt;&lt;code&gt;$f_name = $_POST['f_name'];
$l_name = $_POST['l_name'];
$email = $_POST['email'];
$pass = $_POST['pass'];
$address1 = $_POST['address_1'];
$address2 = $_POST['address_2'];
$suburb = $_POST['suburb'];
$city = $_POST['city'];
$country = $_POST['country'];
$phone = $_POST['phone'];
include('db_connect.php'); 
$stmt = $db_connection-&amp;gt;prepare('INSERT INTO tblUser (userID,fName, lName, email, password, addressLine1, suburb, city, country, phone) VALUES( NULL, :f_name, :l_name, :email, :pass, :address1, :suburb, :city, :country, :phone)');
$stmt-&amp;gt;bindParam(':f_name', $f_name, PDO::PARAM_STR);
$stmt-&amp;gt;bindParam(':l_name', $l_name, PDO::PARAM_STR);
$stmt-&amp;gt;bindParam(':email', $email, PDO::PARAM_STR);
$stmt-&amp;gt;bindParam(':pass', $pass, PDO::PARAM_STR);
$stmt-&amp;gt;bindParam(':address1', $address1, PDO::PARAM_STR);
//$stmt-&amp;gt;bindParam(':address2', $address2, PDO::PARAM_STR);
$stmt-&amp;gt;bindParam(':suburb', $suburb, PDO::PARAM_STR);
$stmt-&amp;gt;bindParam(':city', $city, PDO::PARAM_STR);
$stmt-&amp;gt;bindParam(':country', $country, PDO::PARAM_STR);
$stmt-&amp;gt;bindParam(':phone', $phone, PDO::PARAM_STR);
try {
    $stmt-&amp;gt;execute();
    print_r($stmt);
    $result = $stmt-&amp;gt;fetchAll();
}
catch (Exception $e) {
    echo $e;
}
&lt;/code&gt;&lt;/pre&gt;
&lt;p&gt;The output of print_r($_POST); is: Array ( [email] =&gt; test@test.com [pass] =&gt; pass [pass_confirm] =&gt; pass [f_name] =&gt; fefs [l_name] =&gt; sfasafs [address_1] =&gt; sfafsa [address_2] =&gt; dsfsafsaf [suburb] =&gt; dffdsa [city] =&gt; dsffdf [country] =&gt; sfaafdsa [phone] =&gt; fsaafssaf [submit] =&gt; Register )&lt;/p&gt;
&lt;p&gt;The problem is that the database is populated with a new record but the password field is a blank. I removed hashing to simplify things.&lt;/p&gt;
&lt;p&gt;Here is the SQL of the user table:&lt;/p&gt;
&lt;pre&gt;&lt;code&gt;CREATE TABLE IF NOT EXISTS `tbluser` (
  `userID` int(11) NOT NULL AUTO_INCREMENT,
  `password` varchar(40) NOT NULL,
  `email` varchar(60) NOT NULL,
  `addressLine1` varchar(30) DEFAULT NULL,
  `addressLine2` varchar(30) DEFAULT NULL,
  `suburb` varchar(30) DEFAULT NULL,
  `city` varchar(30) DEFAULT NULL,
  `country` varchar(40) DEFAULT NULL,
  `phone` varchar(25) DEFAULT NULL,
  `fName` varchar(30) DEFAULT NULL,
  `lName` varchar(30) NOT NULL,
  `admin` tinyint(1) NOT NULL DEFAULT '0',
  PRIMARY KEY (`userID`),
  UNIQUE KEY `email` (`email`),
  UNIQUE KEY `email_3` (`email`)
) ENGINE=InnoDB  DEFAULT CHARSET=latin1 AUTO_INCREMENT=10 ;
&lt;/code&gt;&lt;/pre&gt;</t>
  </si>
  <si>
    <t>2009-10-20 01:17:27.123000+00:00</t>
  </si>
  <si>
    <t>2009-10-20 15:01:18.330000+00:00</t>
  </si>
  <si>
    <t>2009-10-20 01:42:02.080000+00:00</t>
  </si>
  <si>
    <t>Accessing Johnny Cache Data</t>
  </si>
  <si>
    <t>&lt;p&gt;I am relatively new to Python and was wondering if it is possible to access the results cached by Johnny Cache for further processing before returning the result e.g. running further queries on it. &lt;/p&gt;
&lt;p&gt;As a simplified example, consider we have a table with hundreds of thousands sport results each categorised by a sport e.g. tennis, football, golf, etc. Some users are only interested in football &amp;amp; golf, so at the moment we use johnny cache to cache the results of a query for each sport category for 30 mins. However, we cant pass this data as is to the user, as it requires further filtering for the user's preferences (e.g. they only want results for certain teams/players). Doing a db call for the category and user preferences would be prohibitive which is why we cache the part of the query (the sport category) which forms the base of all requests, but now want to filter that in-memory cache further for the user's preferences - can this be done with Johnny Cache and if so, how please?&lt;/p&gt;</t>
  </si>
  <si>
    <t>2013-10-28 20:18:26.743000+00:00</t>
  </si>
  <si>
    <t>2013-11-06 11:49:19.780000+00:00</t>
  </si>
  <si>
    <t>python|django|django-johnny-cache</t>
  </si>
  <si>
    <t>Display QR Code inside colorbox?</t>
  </si>
  <si>
    <t>&lt;p&gt;I've been able to put some code together and get a QR code to display on my site. Now I'm attempting to get the QR Code to open a larger version inside colorbox. This is the code I've got so far:&lt;/p&gt;
&lt;pre&gt;&lt;code&gt;&amp;lt;a href="&amp;lt;?php echo $????; ?&amp;gt;" title="&amp;lt;?php echo $heading_title; ?&amp;gt;" 
class="colorbox" rel="colorbox"&amp;gt;
&amp;lt;img src="http://chart.apis.google.com/chart?chs=250x250&amp;amp;cht=qr&amp;amp;chld=L&amp;amp;chl=
&amp;lt;?php $url="http://".$_SERVER['HTTP_HOST'].$_SERVER['REQUEST_URI']; echo $url; ?&amp;gt;" 
alt="Product QR Code" width="80" height="80" style="float: right" /&amp;gt;&amp;lt;/a&amp;gt;
&lt;/code&gt;&lt;/pre&gt;
&lt;p&gt;All the code for colorbox is on this page already as I have products that use this very function. The original code said &lt;code&gt;echo $popup&lt;/code&gt; but when I use that it shows me the main product image so that's no good. What I can't figure out is what to do with echo in the href section so it calls the image again in the pop-up box but in a larger size?&lt;/p&gt;
&lt;p&gt;I've tried using the same url as with the img src but it only returns garbage characters in the pop-up box and doesn't know to turn it into an image instead.&lt;/p&gt;
&lt;p&gt;Thanks for your time!&lt;/p&gt;</t>
  </si>
  <si>
    <t>2012-03-30 06:22:01.907000+00:00</t>
  </si>
  <si>
    <t>2012-03-30 20:55:21.700000+00:00</t>
  </si>
  <si>
    <t>php|popup|google-api|colorbox|qr-code</t>
  </si>
  <si>
    <t>UICollectionView - List of UICollectionViewCell to be returned in cellForItemAt</t>
  </si>
  <si>
    <t>&lt;p&gt;I am making a menu, where I know the cells upfront. Therefore I create each cell &lt;code&gt;UICollectionViewCell()&lt;/code&gt; in code. That use to work in &lt;code&gt;UITableView&lt;/code&gt;, but in &lt;code&gt;UICollectionView&lt;/code&gt; it gives error in &lt;code&gt;cellForItemAt&lt;/code&gt;: &lt;/p&gt;
&lt;blockquote&gt;
  &lt;p&gt;does not have a reuseIdentifier - cells must be retrieved by calling
  -&lt;code&gt;dequeueReusableCellWithReuseIdentifier:forIndexPath:&lt;/code&gt;'&lt;/p&gt;
&lt;/blockquote&gt;
&lt;p&gt;Ok, so when I create each &lt;code&gt;UICollectionViewCell&lt;/code&gt;(Custom super cell). It wants cell identifier, no problem. But I also wants &lt;code&gt;IndexPath&lt;/code&gt;.&lt;/p&gt;
&lt;p&gt;So the question is; how can I create &lt;code&gt;UICollectionViewCell&lt;/code&gt; upfront?&lt;/p&gt;
&lt;p&gt;Hope you can understand.&lt;/p&gt;</t>
  </si>
  <si>
    <t>2017-06-22 16:43:04.560000+00:00</t>
  </si>
  <si>
    <t>2017-06-22 17:18:07.077000+00:00</t>
  </si>
  <si>
    <t>2017-06-22 16:53:15.560000+00:00</t>
  </si>
  <si>
    <t>ASP if statement using databinder</t>
  </si>
  <si>
    <t>&lt;p&gt;I have the following code which displays some info inside a table in ASP :&lt;/p&gt;
&lt;pre&gt;&lt;code&gt;&amp;lt;td class="s10"&amp;gt;&amp;lt;%# DataBinder.Eval(Container.DataItem, "VTarget")%&amp;gt;&amp;lt;/td&amp;gt;
&amp;lt;td class="s10"&amp;gt;&amp;lt;%# DataBinder.Eval(Container.DataItem, "QTarget")%&amp;gt;&amp;lt;/td&amp;gt;
&lt;/code&gt;&lt;/pre&gt;
&lt;p&gt;I want to compare the information from VTarget and QTarget and if the second is greater than the first i want to display a message.&lt;/p&gt;
&lt;p&gt;Is there any way to do that using something like an if {...} else {...} statement?&lt;/p&gt;</t>
  </si>
  <si>
    <t>2014-12-19 12:07:01.027000+00:00</t>
  </si>
  <si>
    <t>2014-12-19 12:16:11.643000+00:00</t>
  </si>
  <si>
    <t>c#|asp.net|if-statement|data-binding</t>
  </si>
  <si>
    <t>Passing values to array indexes in Python</t>
  </si>
  <si>
    <t>&lt;p&gt;Is there any way to assign values to keys in array in Python? &lt;/p&gt;
&lt;p&gt;Example in PHP:&lt;/p&gt;
&lt;pre&gt;&lt;code&gt;$inputArr = array(
                'vertex'=&amp;gt;values[0],
                'visited'=&amp;gt;values[1],
                'letter' =&amp;gt; $values[2]
                )
&lt;/code&gt;&lt;/pre&gt;
&lt;p&gt;This is the way i tried to do in Python:&lt;/p&gt;
&lt;pre&gt;&lt;code&gt;file_name = input('Enter a file name: ')
f = open(file_name, 'r')
data = f.readlines() //Read the lines
for line in data: 
      values = line.split(' ') Split line following the spaces
      inputArr = array(
                'vertex'=&amp;gt;values[0], //Pass each value to a key in that array
                'visited'=&amp;gt;values[1],
                'letter' =&amp;gt; $values[2]
                )
      print (inputArr)
&lt;/code&gt;&lt;/pre&gt;</t>
  </si>
  <si>
    <t>2014-01-20 21:35:44.497000+00:00</t>
  </si>
  <si>
    <t>2014-01-20 21:45:48.673000+00:00</t>
  </si>
  <si>
    <t>Get the line number on which the request to database ended with an error</t>
  </si>
  <si>
    <t>&lt;p&gt;I use this code to send a SQL request:&lt;/p&gt;
&lt;pre&gt;&lt;code&gt; SqlBulkCopy bulkCopy = new SqlBulkCopy(Connection);
 foreach (DataColumn column in dt.Columns)
 {
     bulkCopy.ColumnMappings.Add(column.ColumnName, column.ColumnName);
 }
 bulkCopy.DestinationTableName = "nsi." + classifierData.Info.TableName;
 bulkCopy.WriteToServer(dt);
&lt;/code&gt;&lt;/pre&gt;
&lt;p&gt;and get this exception : &lt;/p&gt;
&lt;blockquote&gt;
  &lt;p&gt;Received an invalid column length from the bcp client for colid&lt;/p&gt;
&lt;/blockquote&gt;
&lt;p&gt;Is there any way to identify which row is causing the error?&lt;/p&gt;
&lt;p&gt;I've tried to use this, but it doesn't work (values are always the same):&lt;/p&gt;
&lt;pre&gt;&lt;code&gt; FieldInfo currentRow = typeof(SqlBulkCopy).GetField("_currentRowLength", BindingFlags.NonPublic | BindingFlags.GetField | BindingFlags.Instance);
 var currentRowNumber = currentRow.GetValue(bulkCopy);
 FieldInfo _rowsCopiedField = typeof(SqlBulkCopy).GetField("_rowsCopied", BindingFlags.NonPublic | BindingFlags.GetField | BindingFlags.Instance);
 var currentRowN = _rowsCopiedField.GetValue(bulkCopy);
&lt;/code&gt;&lt;/pre&gt;
&lt;p&gt;Please, help me anyone ...&lt;/p&gt;</t>
  </si>
  <si>
    <t>2018-05-24 17:23:36.047000+00:00</t>
  </si>
  <si>
    <t>2018-05-28 14:54:35.853000+00:00</t>
  </si>
  <si>
    <t>2018-05-24 17:44:47.853000+00:00</t>
  </si>
  <si>
    <t>c#|sql-server|reflection|sqlbulkcopy</t>
  </si>
  <si>
    <t>vb.net how to get a value with specific condition</t>
  </si>
  <si>
    <t>&lt;p&gt;Thanks in advance. I searched but still don't know how to write. &lt;/p&gt;
&lt;p&gt;[premise] 
I got a &lt;code&gt;DataView&lt;/code&gt; of a Table, and filtered and sorted it.&lt;/p&gt;
&lt;p&gt;[Table]
[After filtering, the table looks like this: ���]&lt;/p&gt;
&lt;p&gt;&lt;a href="https://i.stack.imgur.com/4O8Z3.png" rel="nofollow noreferrer"&gt;&lt;img src="https://i.stack.imgur.com/4O8Z3.png" alt="enter image description here"&gt;&lt;/a&gt; &lt;/p&gt;
&lt;p&gt;I want to get the names under different condition.
I wrote like this but it seems not correct.&lt;/p&gt;
&lt;pre&gt;&lt;code&gt;If dv_Table1.Select("Code1 = '11'").Rows.Count &amp;gt; 0 Then
   drwWork.Item("Name") = dv_Table1.Item(0).Item("Name")
ElseIf dv_Table1.Select("Code1 = 12").Rows.Count &amp;gt; 0 Then
   drwWork.Item("Name") = dv_Table1.Item(0).Item("Name")
      If dv_Table1.Item(0).Item("Code2") = 1 Then
         drwWork.Item("Code") = Asterisk
      Else
      End If
Else
End If
&lt;/code&gt;&lt;/pre&gt;
&lt;p&gt;My main goal is to get the different names according to different code 1.
I sorted the table by Order as well.
When the record number of [ code1 = 12, for example] is more than 2,
I want to get the two names in order ASC.  &lt;/p&gt;
&lt;p&gt;The &lt;code&gt;[ Item(0).Item("Name") ]&lt;/code&gt; part maybe incorrect
I want to know the correct coding.&lt;/p&gt;
&lt;p&gt;Thank you !&lt;/p&gt;</t>
  </si>
  <si>
    <t>2016-06-01 04:54:20.070000+00:00</t>
  </si>
  <si>
    <t>2016-06-01 08:06:12.983000+00:00</t>
  </si>
  <si>
    <t>vb.net|if-statement|condition|dataview</t>
  </si>
  <si>
    <t>How to apply XPATH on multiple files in eclipse</t>
  </si>
  <si>
    <t>&lt;p&gt;I have like 20 html files in a tree structure in my eclipse project.
Now I want to delete all &amp;lt;div class="a" /&amp;gt; from them.
If it were spanning single line I would write regexp to do that, but content of this div is allways different. &lt;/p&gt;
&lt;p&gt;So I think doing the same with XPath would do the trick, but I can't find any plugin that allow me to do that.&lt;/p&gt;
&lt;p&gt;How would you do that?&lt;/p&gt;</t>
  </si>
  <si>
    <t>2011-03-23 13:07:42.900000+00:00</t>
  </si>
  <si>
    <t>2011-03-23 17:46:07.500000+00:00</t>
  </si>
  <si>
    <t>2011-03-23 14:44:17.960000+00:00</t>
  </si>
  <si>
    <t>java|xml|eclipse|xpath|eclipse-plugin</t>
  </si>
  <si>
    <t>Watch Ace Editor Fold</t>
  </si>
  <si>
    <t>&lt;p&gt;For a few days now I've been searching for a solution to watch the ace editor fold, so I can put the code to do something when the folding event happen. A callback would work perfectly, but there is none, as long as I know, for the folding.&lt;/p&gt;
&lt;p&gt;I searched on this directory of the project, but I didn't find a possible answer for that:&lt;/p&gt;
&lt;p&gt;&lt;a href="https://github.com/ajaxorg/ace/tree/master/lib/ace/edit_session" rel="nofollow"&gt;https://github.com/ajaxorg/ace/tree/master/lib/ace/edit_session&lt;/a&gt;&lt;/p&gt;
&lt;p&gt;Does anybody knows if there is a core solution for that, or I will have to develop that for my own?&lt;/p&gt;
&lt;p&gt;Thanks,&lt;/p&gt;</t>
  </si>
  <si>
    <t>2016-08-17 05:26:05.067000+00:00</t>
  </si>
  <si>
    <t>2016-08-18 07:44:38.983000+00:00</t>
  </si>
  <si>
    <t>javascript|ace-editor</t>
  </si>
  <si>
    <t>Master Page More has more than one content</t>
  </si>
  <si>
    <t>&lt;p&gt;just now when i was created my master page it gives me this error. The page has one or more asp content that do not correspond withasp content place holder.
What is wrong with my master page? Here is my code of master page. Thank you.&lt;/p&gt;
&lt;pre&gt;&lt;code&gt;&amp;lt;%@ Master Language="C#" AutoEventWireup="true" CodeFile="MasterPage.master.cs"   
 Inherits="MasterPage" %&amp;gt;
 &amp;lt;!DOCTYPE html PUBLIC "-//W3C//DTD XHTML 1.0
 Transitional//EN" "http://www.w3.org/TR/xhtml1/DTD/xhtml1-transitional.dtd"&amp;gt;
 &amp;lt;html xmlns="http://www.w3.org/1999/xhtml"&amp;gt;
 &amp;lt;head runat="server"&amp;gt;
 &amp;lt;title&amp;gt;Master&amp;lt;/title&amp;gt;
 &amp;lt;asp:ContentPlaceHolder id="head" runat="server"&amp;gt;
 &amp;lt;/asp:ContentPlaceHolder&amp;gt;
 &amp;lt;style type="text/css"&amp;gt;
    .style1
    {
        height: 63px;
    }
    .style3
    {
        height: 101px;
        font-size: xx-large;
        font-weight: 700;
        font-family: Tahoma;
        text-align: center;
        color: #FFFFFF;
    }
    .style6
    {
        width: 146px;
        height: 592px;
    }
    .style7
    {
        width: 897px;
        height: 592px;
    }
    .style8
    {
        height: 592px;
    }
    .style9
    {
        font-size: small;
        height: 101px;
        border-left-color: #808080;
        border-right-color: #C0C0C0;
        border-top-color: #808080;
        border-bottom-color: #C0C0C0;
        background-color: #996633;
    }
    &amp;lt;/style&amp;gt;
    &amp;lt;/head&amp;gt;
    &amp;lt;body&amp;gt;
    &amp;lt;form id="form1" runat="server"&amp;gt;
    &amp;lt;div&amp;gt;
    &amp;lt;table style="width: 100%; height: 623px; margin-bottom: 0px;"&amp;gt;
        &amp;lt;tr&amp;gt;
            &amp;lt;td bgcolor="#996633" class="style3" colspan="3"&amp;gt;
                Malaysia Car Booking System&amp;lt;br /&amp;gt;
                &amp;lt;span class="style9"&amp;gt;Your satisfaction is our Priority&amp;lt;/span&amp;gt;&amp;lt;/td&amp;gt;
        &amp;lt;/tr&amp;gt;
        &amp;lt;tr&amp;gt;
            &amp;lt;td bgcolor="#CC6600" class="style6"&amp;gt;
            &amp;lt;/td&amp;gt;
            &amp;lt;td bgcolor="#FF9900" class="style7" style="vertical-align: top"&amp;gt;
                &amp;lt;asp:PlaceHolder ID="PlaceHolder1" runat="server"&amp;gt;&amp;lt;/asp:PlaceHolder&amp;gt;
            &amp;lt;/td&amp;gt;
            &amp;lt;td bgcolor="#CC6600" class="style8"&amp;gt;
            &amp;lt;/td&amp;gt;
        &amp;lt;/tr&amp;gt;
        &amp;lt;tr&amp;gt;
            &amp;lt;td bgcolor="#996633" class="style1" colspan="3"&amp;gt;
            &amp;lt;/td&amp;gt;
        &amp;lt;/tr&amp;gt;
    &amp;lt;/table&amp;gt;
      &amp;lt;/div&amp;gt;
     &amp;lt;/form&amp;gt;
     &amp;lt;/body&amp;gt;
     &amp;lt;/html&amp;gt;
&lt;/code&gt;&lt;/pre&gt;</t>
  </si>
  <si>
    <t>2012-03-12 03:11:16.070000+00:00</t>
  </si>
  <si>
    <t>2014-06-09 09:47:38.647000+00:00</t>
  </si>
  <si>
    <t>c#|asp.net|master-pages</t>
  </si>
  <si>
    <t>Show text box after choose in drop down list</t>
  </si>
  <si>
    <t>&lt;p&gt;Just wanna ask u guys here, I have a drop down list box which stored elements; A and B. When user choose A, it will display 5 text boxes in the same page. It will only display when user select A and B. Hit the answer answer or comment button if u have an idea of how to do it. Thnks and have a nice day!&lt;/p&gt;</t>
  </si>
  <si>
    <t>2012-07-13 03:20:47.633000+00:00</t>
  </si>
  <si>
    <t>2015-06-03 06:51:14.523000+00:00</t>
  </si>
  <si>
    <t>asp.net|drop-down-menu|textbox</t>
  </si>
  <si>
    <t>How to change response type from Java Servlet</t>
  </si>
  <si>
    <t>&lt;p&gt;I have successfully completed the Android Studio Java servlets module &lt;a href="https://github.com/GoogleCloudPlatform/gradle-appengine-templates/tree/master/HelloWorld" rel="nofollow"&gt;here&lt;/a&gt;. I am trying to change the response I receive from the server and display it as a toast. I set up the example and received a toast that said "Hello" + name. I then changed the text in the res.getWriter() method, as shown below:&lt;/p&gt;
&lt;pre&gt;&lt;code&gt;public class MyServlet extends HttpServlet {
@Override
public void doGet(HttpServletRequest req, HttpServletResponse resp)
        throws IOException {
    resp.setContentType("text/plain");
    resp.getWriter().println("Please use the form to POST to this url");
}
@Override
public void doPost(HttpServletRequest req, HttpServletResponse resp)
        throws IOException {
    String name = req.getParameter("name");
    resp.setContentType("text/plain");
    if(name == null) {
        resp.getWriter().println("Please enter a name");
    }
    resp.getWriter().println("A test to change text" + name);
  }
}
&lt;/code&gt;&lt;/pre&gt;
&lt;p&gt;Here is my MainActivity:&lt;/p&gt;
&lt;pre&gt;&lt;code&gt;public class MainActivity extends AppCompatActivity {
TextView mNumberCounter;
Button mIncrease;
@Override
protected void onCreate(Bundle savedInstanceState) {
    super.onCreate(savedInstanceState);
    setContentView(R.layout.activity_main);
    Toolbar toolbar = (Toolbar) findViewById(R.id.toolbar);
    setSupportActionBar(toolbar);
    mNumberCounter = (TextView) findViewById(R.id.number_counter);
    mIncrease = (Button) findViewById(R.id.increase_button);
    mIncrease.setOnClickListener(new View.OnClickListener() {
        @Override
        public void onClick(View v) {
            new ServletPostAsyncTask().execute(new Pair&amp;lt;Context, String&amp;gt;(getApplicationContext(), mNumberCounter.getText().toString()));
        }
    });
  }
}
&lt;/code&gt;&lt;/pre&gt;
&lt;p&gt;And the ServletPostAsyncTask class:&lt;/p&gt;
&lt;pre&gt;&lt;code&gt;public class ServletPostAsyncTask extends AsyncTask&amp;lt;android.support.v4.util.Pair&amp;lt;Context, String&amp;gt;, Void, String&amp;gt; {
private Context context;
@Override
    protected String doInBackground(android.support.v4.util.Pair&amp;lt;Context, String&amp;gt;... params) {
    context = params[0].first;
    String name = params[0].second;
    HttpClient httpClient = new DefaultHttpClient();
    HttpPost httpPost = new HttpPost("http://servlet-example-1198.appspot.com/hello");
    try {
        // Add name data to request
        List&amp;lt;NameValuePair&amp;gt; nameValuePairs = new ArrayList&amp;lt;NameValuePair&amp;gt;(1);
        nameValuePairs.add(new BasicNameValuePair("name", name));
        httpPost.setEntity(new UrlEncodedFormEntity(nameValuePairs));
        // Execute HTTP Post Request
        HttpResponse response = httpClient.execute(httpPost);
        if (response.getStatusLine().getStatusCode() == 200) {
            return EntityUtils.toString(response.getEntity());
        }
        return "Error: " + response.getStatusLine().getStatusCode() + " " + response.getStatusLine().getReasonPhrase();
    } catch (ClientProtocolException e) {
        return e.getMessage();
    } catch (IOException e) {
        return e.getMessage();
    }
}
@Override
protected void onPostExecute(String result) {
    Toast.makeText(context, result, Toast.LENGTH_LONG).show();
  }
}
&lt;/code&gt;&lt;/pre&gt;
&lt;p&gt;Unfortunately, I am still receiving the response of "Hello" + the number 1 that I have in my TextView, when I expect it to now say "A test to change text.: I am looking on how to change this text and also change the server response types, i.e. if I want to receive a boolean or a int instead of simple text. From what I understand, this is handled in the resp.setContentType(), but I am looking for some guidance.&lt;/p&gt;</t>
  </si>
  <si>
    <t>2016-01-29 15:19:47.733000+00:00</t>
  </si>
  <si>
    <t>2016-01-29 16:11:11.860000+00:00</t>
  </si>
  <si>
    <t>java|android|google-app-engine|servlets|gson</t>
  </si>
  <si>
    <t>Is possible in Go to create something like static or dynamic library and remove source from both projects and put on one neutral place?</t>
  </si>
  <si>
    <t>&lt;p&gt;I have couple files with same code, one package for example &lt;code&gt;mailer&lt;/code&gt;, &lt;code&gt;shared between two projects&lt;/code&gt; in Go. In both projects I have copied exactly the same code and it works.
Is possible in Go to create something like static or dynamic library, like in c or c++, and remove source from both projects and put on one neutral place ?
How to achieve this in Go ?&lt;/p&gt;</t>
  </si>
  <si>
    <t>2015-06-16 07:54:40.067000+00:00</t>
  </si>
  <si>
    <t>2015-06-16 10:23:12.823000+00:00</t>
  </si>
  <si>
    <t>Get length of every element in array - JavaScript</t>
  </si>
  <si>
    <t>&lt;p&gt;I want to get length of every element in array &lt;/p&gt;
&lt;p&gt;my code is &lt;/p&gt;
&lt;pre&gt;&lt;code&gt;var a = "Hello world" ; 
var chars = a.split(' '); 
&lt;/code&gt;&lt;/pre&gt;
&lt;p&gt;so I will have an array of &lt;/p&gt;
&lt;pre&gt;&lt;code&gt;chars = ['Hello' , 'world'] ; 
&lt;/code&gt;&lt;/pre&gt;
&lt;p&gt;but how I can get length of each word like this ? &lt;/p&gt;
&lt;pre&gt;&lt;code&gt;Hello = 5 
world = 5
&lt;/code&gt;&lt;/pre&gt;</t>
  </si>
  <si>
    <t>2015-10-28 19:21:04.223000+00:00</t>
  </si>
  <si>
    <t>2015-10-28 19:30:43.117000+00:00</t>
  </si>
  <si>
    <t>2015-10-28 19:28:03.017000+00:00</t>
  </si>
  <si>
    <t>javascript|arrays</t>
  </si>
  <si>
    <t>Hashing and using time as salt to prevent access from un-authorized system and replay attacks</t>
  </si>
  <si>
    <t>&lt;p&gt;I am currently writing a user authentication API for a mobile game. I'd want to make sure that the user can only access the system from the mobile app. (That is, the server has to deny access if the Server API is accessed from browser or CURL (un-authorized system) even though the exact POST parameters are valid). Ideally, the system should not allow replay attacks as well.&lt;/p&gt;
&lt;p&gt;Does anybody have idea or example of how this can be done?&lt;/p&gt;
&lt;p&gt;I am thinking of adding a unique-per-user salt with current timestamp and SHA256-ing the parameters with a private key on the client app, which will then be validated on the server. This way will prevent the access from browser or CURL as attackers will need to get the private key in order to compute the SHA256 hash. The salt (which includes timestamp) will also be sent as one of the params, and the server will get the timestamp and deny access if it is past a certain time. But I am not very sure about the security and whether it is the common or correct practice, as I've never design secured app, or seen the source code of one before.&lt;/p&gt;
&lt;p&gt;Thanks for your input!&lt;/p&gt;</t>
  </si>
  <si>
    <t>2013-08-06 10:32:44.607000+00:00</t>
  </si>
  <si>
    <t>2013-08-06 11:49:39.077000+00:00</t>
  </si>
  <si>
    <t>security|sha|hmac|hmacsha1</t>
  </si>
  <si>
    <t>WPF Loading screen for MVVM</t>
  </si>
  <si>
    <t>&lt;p&gt;I am not sure where to begin with this so any help would be great.  My application needs log on/loading screen.  The first window will validate the user against a database then load multiple collections.  Once done loading the "Log on/loading screen" closes and the actual main window appears.  So this is not a true parent child relationship.&lt;/p&gt;
&lt;p&gt;The loading of each collection is done ModelView.  This is what I am trying to do, in the "Log on/loading screen";&lt;/p&gt;
&lt;pre&gt;&lt;code&gt;MyViewModel _MyVM = new MyViewModel();
var newWindows = new MainWindow();
newWindows.Show();
this.Close();
&lt;/code&gt;&lt;/pre&gt;
&lt;p&gt;The problem is figure out how to call the _MyVM in the MainWindow.&lt;/p&gt;
&lt;p&gt;thanks for the help&lt;/p&gt;</t>
  </si>
  <si>
    <t>2014-02-25 17:36:22.643000+00:00</t>
  </si>
  <si>
    <t>2014-02-25 17:56:23.597000+00:00</t>
  </si>
  <si>
    <t>c#|wpf|mvvm</t>
  </si>
  <si>
    <t>change foreign key so that it points to another table</t>
  </si>
  <si>
    <t>&lt;p&gt;I've been going around the net and I just find the solutions or explanations to be convoluted, with dropping and adding constraints and such. First off, I have a foreign key in my Transaction table that points to a Users table which has &lt;code&gt;UserName&lt;/code&gt; as its primary key, because the Transactions table has to record which user added or modified which record. But now the specs of the program has changed because I ended up utilizing the table provided by ASP.Net, the &lt;code&gt;aspnet_Users&lt;/code&gt; table. I am now going to point that foreign key to the &lt;code&gt;UserID&lt;/code&gt; primary key found in &lt;code&gt;aspnet_Users&lt;/code&gt;. How do I do it properly?&lt;/p&gt;</t>
  </si>
  <si>
    <t>2014-01-06 00:50:22.327000+00:00</t>
  </si>
  <si>
    <t>2014-01-06 01:07:38.720000+00:00</t>
  </si>
  <si>
    <t>asp.net|sql</t>
  </si>
  <si>
    <t>SQL Over_rumber on group by</t>
  </si>
  <si>
    <t>&lt;p&gt;This is my output.&lt;/p&gt;
&lt;pre&gt;&lt;code&gt;Prod_ Order No_  | Old Item No_ | Quantity | Control Date
     2001            KR2000001      20          2016-08-22
     2001            KR2000001      20          2016-08-22
     2001            KR2000001      20          2016-08-22
     2001            KR2000001      20          2016-08-22
     3001            KR3000001      25          2016-08-22
     3001            KR3000001      25          2016-08-22
&lt;/code&gt;&lt;/pre&gt;
&lt;p&gt;This my sql.&lt;/p&gt;
&lt;pre&gt;&lt;code&gt;SELECT * FROM 
    (
        SELECT ROW_NUMBER() OVER (PARTITION BY [Prod_ Order No_] ORDER BY [Prod_ Order No_] DESC) AS rn,
                main.[Prod_ Order No_], items.[Old Item No_], main.[Item No_], main.Quantity, main.[Control Date] , main.[Control Rate],
                main.[Ok Red], main.[Defect Desc], main.[State And Solve], main.[Location Code], main.[Description],
                [Item Shipment Date], main.[Final Parti No_], main.[Produced By Users], main.[Renk]
            FROM [Zenon data$Final Quality Control]  AS main
            JOIN [Zenon data$Item] AS items ON items.No_= main.[Item No_]
            JOIN [Zenon data$Production Entry] AS pe ON pe.[Prod_ Order No] = main.[Prod_ Order No_]            
    ) AS ax
WHERE rn &amp;gt; 0 AND rn &amp;lt; =20
&lt;/code&gt;&lt;/pre&gt;
&lt;p&gt;I want to this output, but i couldn't.&lt;/p&gt;
&lt;pre&gt;&lt;code&gt;Prod_ Order No_  | Old Item No_ | Quantity | Control Date
     2001            KR2000001      20          2016-08-22
     3001            KR3000001      25          2016-08-22
&lt;/code&gt;&lt;/pre&gt;
&lt;p&gt;my main table is Final Quality Control. Primary key =&gt; Prod Order No_ &lt;/p&gt;</t>
  </si>
  <si>
    <t>2016-10-06 08:11:35.880000+00:00</t>
  </si>
  <si>
    <t>2016-10-06 10:50:38.747000+00:00</t>
  </si>
  <si>
    <t>sql|sql-server|window-functions</t>
  </si>
  <si>
    <t>Python loop slower than Excel VBA?</t>
  </si>
  <si>
    <t>&lt;p&gt;I ran a little test between excel (VBA) and python performing a simple loop. Code listed below. To my surprise vba was significantly faster than python. Almost 6 times faster. I though that due to the fact that python runs through the command line the performance would be better. Do you guys have any comments on this?&lt;/p&gt;
&lt;p&gt;Python&lt;/p&gt;
&lt;pre&gt;&lt;code&gt;import time
import ctypes  # An included library with Python install.
start_time = time.time()
for x in range(0, 1000000):
    print x
x = ("--- %s seconds ---" % (time.time() - start_time))
ctypes.windll.user32.MessageBoxA(0, x, "Your title", 1)
&lt;/code&gt;&lt;/pre&gt;
&lt;p&gt;Excel (VBA)&lt;/p&gt;
&lt;pre&gt;&lt;code&gt;Sub looptest()
Dim MyTimer As Double
MyTimer = Timer
Dim rng As Range, cell As Range
Set rng = Range("A1:A1000000")
x = 1
For Each cell In rng
    cell.Value = x
    x = x + 1
Next cell
MsgBox Timer - MyTimer
End Sub
&lt;/code&gt;&lt;/pre&gt;</t>
  </si>
  <si>
    <t>2015-05-05 06:16:51.083000+00:00</t>
  </si>
  <si>
    <t>2017-03-01 13:25:28.007000+00:00</t>
  </si>
  <si>
    <t>python|vba|excel-vba|excel</t>
  </si>
  <si>
    <t>Defined Variable Returning Run-time 1004</t>
  </si>
  <si>
    <t>&lt;p&gt;I'm getting a Run-time 1004 error "Application-defined or object-defined error" when I use the following code:&lt;/p&gt;
&lt;pre&gt;&lt;code&gt;Sub GetPCData()
'Get PC response ratios
PCanalytes = Array("Furosemide", "Caffeine", "Ketoprofen", "Phenylbutazone", "Flunixin")
PCanalytePositions = Array("J20", "K20", "L20", "M20", "N20")
Set SQWorkbook = Application.ActiveWorkbook
Dim sourceSheet, targetSheet As Worksheet
Dim copyFromRange, copyToRange As Range
Dim Y As Range
Set targetSheet = ThisWorkbook.Sheets("QC data")
For i = 0 To SQWorkbook.Worksheets.Count
    Set sourceSheet = SQWorkbook.Worksheets(PCanalytes(i))
    Set Y = sourceSheet.Range("H8").End(xlDown)
    Set copyToRange = targetSheet.Range(PCanalytePositions(i))
    Set copyFromRange = sourceSheet.Range("H8", Y)
    copyToRange.Value = Application.WorksheetFunction.Average(copyFromRange)
    copyToRange.PasteSpecial xlPasteValues
Next i
End Sub
&lt;/code&gt;&lt;/pre&gt;
&lt;p&gt;I need to use the values in two cells H8 and the variable defined as Y within the defined arrays to calculate an average. So I need the average of two separate cells one of which is a variable that will be defined by the data set being processed with this macro. Sorry if this is a simple fix, I haven't been able to figure out a way around it.&lt;/p&gt;</t>
  </si>
  <si>
    <t>2018-02-06 17:15:09.213000+00:00</t>
  </si>
  <si>
    <t>2018-02-06 17:45:40.363000+00:00</t>
  </si>
  <si>
    <t>excel-vba|variables|range|moving-average|vba</t>
  </si>
  <si>
    <t>never keyword used in type parameter in typescript</t>
  </si>
  <si>
    <t>&lt;p&gt;I am trying to understand the following code:&lt;/p&gt;
&lt;pre&gt;&lt;code&gt;export const getArraySemigroup = &amp;lt;A = never&amp;gt;(): Semigroup&amp;lt;Array&amp;lt;A&amp;gt;&amp;gt; =&amp;gt; {
  return {
    concat: (x, y) =&amp;gt; concat(x, y)
  }
}
&lt;/code&gt;&lt;/pre&gt;
&lt;p&gt;My understanding of &lt;code&gt;never&lt;/code&gt; is that it is something that will never be resolved, is it being used as a default paramter her?&lt;/p&gt;
&lt;p&gt;I've never (pun intended) seen a type parameter with an equals sign before. &lt;/p&gt;</t>
  </si>
  <si>
    <t>2018-03-11 11:45:20.403000+00:00</t>
  </si>
  <si>
    <t>2018-03-11 16:08:57.417000+00:00</t>
  </si>
  <si>
    <t>typescript</t>
  </si>
  <si>
    <t>select an option from dynamically added JS capybara with time based ID</t>
  </si>
  <si>
    <t>&lt;p&gt;I'm using a Railscasts based js code for adding a new Lesson to my page.&lt;/p&gt;
&lt;p&gt;When testing with Rspec and Capybara, how do I select an Option from a dynamically generated select menu, with a unique ID based on time?&lt;/p&gt;
&lt;p&gt;My thought, is to final all select menus, and grab the last one, but nothing is clicking with me.&lt;/p&gt;
&lt;p&gt;Rspec code:&lt;/p&gt;
&lt;pre&gt;&lt;code&gt;        click_link "Edit "
        click_link "Add Another Lesson" #this then uses JS to put another select menu on the screen.
        select("Lesson 2", from: "#{ideally it would find the last select tag here}") #this is what i don't know how to find.
&lt;/code&gt;&lt;/pre&gt;
&lt;p&gt;I know there is &lt;code&gt;all&lt;/code&gt;  but not sure how to use Xpath to find the last select tag.&lt;/p&gt;</t>
  </si>
  <si>
    <t>2013-01-04 17:12:38.477000+00:00</t>
  </si>
  <si>
    <t>2013-04-26 20:06:18.687000+00:00</t>
  </si>
  <si>
    <t>rspec|capybara</t>
  </si>
  <si>
    <t>Interface Design For iPhone X</t>
  </si>
  <si>
    <t>&lt;p&gt;What's up guys,&lt;/p&gt;
&lt;p&gt;Any clue what is that dark line at the bottom of the iPhone X screen and how to disable that? It is rather disturbing, I would say more than the top notch.&lt;/p&gt;
&lt;p&gt;Especially in landscape mode: If I hug to the safe area at the bottom, then obviously that line is not covering my view, however, then either need to do the same at the top (losing valuable screen estate), or make the app look ugly by its asymmetric look. &lt;/p&gt;
&lt;p&gt;Also about the notch in landscape mode: Obviously that can be very bad if that cuts off buttons etc, so maybe hug to the safe area is a better option, however what if one side you want to use up more screen? In the example screen below we could use the right hand side (except the corners of course), but if you rotate the device the other way around, then you would need to hug to the safe on the right and to the superview on the left instead.&lt;/p&gt;
&lt;p&gt;Any good solution for these?&lt;/p&gt;
&lt;p&gt;&lt;a href="https://i.stack.imgur.com/lhwW9.png" rel="nofollow noreferrer"&gt;&lt;img src="https://i.stack.imgur.com/lhwW9.png" alt="iPhone X Portrait mode"&gt;&lt;/a&gt;&lt;/p&gt;
&lt;p&gt;&lt;a href="https://i.stack.imgur.com/z8a8o.png" rel="nofollow noreferrer"&gt;&lt;img src="https://i.stack.imgur.com/z8a8o.png" alt="iPhone X Landscape mode"&gt;&lt;/a&gt;&lt;/p&gt;</t>
  </si>
  <si>
    <t>2017-09-24 23:17:55.067000+00:00</t>
  </si>
  <si>
    <t>2017-09-26 06:56:27.243000+00:00</t>
  </si>
  <si>
    <t>iphone|user-interface|autolayout|storyboard|iphone-x</t>
  </si>
  <si>
    <t>Getting the name of a submit button</t>
  </si>
  <si>
    <t>&lt;p&gt;I'm using MVC 4 on the .Net platform and have the following html in my view. As you can see the names are the same to distinguish which button is pressed when going into the Controller to take the proper action.&lt;/p&gt;
&lt;pre&gt;&lt;code&gt;&amp;lt;tr&amp;gt;
    &amp;lt;td&amp;gt;
        &amp;lt;input type="submit" name="submitbutton" id="btnRefresh" value='Refresh' /&amp;gt;
    &amp;lt;/td&amp;gt;
        @if (Model.ShowGeneratePDFBtn == true)
        {
            &amp;lt;td&amp;gt;
                &amp;lt;input type="submit" name="submitbutton" id="btnGeneratePDF" value='Generate PDF' /&amp;gt;
            &amp;lt;/td&amp;gt;
        }
&amp;lt;/tr&amp;gt;
&lt;/code&gt;&lt;/pre&gt;
&lt;p&gt;However, when the second ("Generate PDF") button is pressed, I need to disable it so the user won't be able to press it again while a process is taking place. If I disable it, it no longer appears in the html as a control (which is understandable).&lt;/p&gt;
&lt;p&gt;Here is the js:&lt;/p&gt;
&lt;pre&gt;&lt;code&gt;$('#btnGeneratePDF').click(function () {
    DisableGeneratePDF();
});
function DisableGeneratePDF() {
    $('#btnGeneratePDF').attr("disabled", true);
}
&lt;/code&gt;&lt;/pre&gt;
&lt;p&gt;In the Controller, the value of the button when pressed is null instead of "Generate PDF", so the proper action doesn't get executed.&lt;/p&gt;
&lt;p&gt;Here is the first line in the Controller:&lt;/p&gt;
&lt;pre&gt;&lt;code&gt;[HttpPost]
public ActionResult ProcessForm(string submitbutton, ViewModelTemplate_Guarantors model, FormCollection collection)
&lt;/code&gt;&lt;/pre&gt;
&lt;p&gt;Here is the first line in the View. I also tried it with FormMethod.Post, but since I'm not going to another page the AjaxOption would be more efficient.&lt;/p&gt;
&lt;pre&gt;&lt;code&gt;@using (Html.BeginForm("ProcessForm", "Home", new AjaxOptions { HttpMethod = "POST" }))
&lt;/code&gt;&lt;/pre&gt;
&lt;p&gt;&lt;strong&gt;How can I successfully pass the "Generate PDF" value to the Controller when I disable the button?&lt;/strong&gt;&lt;/p&gt;</t>
  </si>
  <si>
    <t>2012-11-07 16:09:34.617000+00:00</t>
  </si>
  <si>
    <t>2014-04-30 13:44:10.533000+00:00</t>
  </si>
  <si>
    <t>jquery|asp.net-mvc-4</t>
  </si>
  <si>
    <t>How do I update the values in the table using PHP</t>
  </si>
  <si>
    <t>&lt;p&gt;How do i actually update the values of table using PHP ? This code is not showing any error and its not updating either. &lt;/p&gt;
&lt;pre&gt;&lt;code&gt;&amp;lt;?php
$dbhost = 'localhost';
$dbuser = 'root';
$dbpass = '';
$dbname = 'DB';
$conn = new mysqli($dbhost, $dbuser, $dbpass, $dbname);
if(mysqli_connect_error()) 
{
die("couldn't connect" . $conn-&amp;gt;connect_error());
}
echo ("connected successfully");
$id = $_POST['Id'];
$name = $_POST['Name'];
$dept = $_POST['Department'];
$update = "update info set Name='$name', Department='$dept' where Id='$id'";
if($conn-&amp;gt;query(update) === TRUE) {
echo ("Data updated successfully");
} 
else
{
echo ("Data cant be updated" . $conn-&amp;gt;error());
}
$conn-&amp;gt;close();
?&amp;gt;
&lt;/code&gt;&lt;/pre&gt;</t>
  </si>
  <si>
    <t>2015-04-13 05:40:51.830000+00:00</t>
  </si>
  <si>
    <t>2015-04-13 07:32:02.527000+00:00</t>
  </si>
  <si>
    <t>2015-04-13 05:49:46.690000+00:00</t>
  </si>
  <si>
    <t>JQuery not able to parse JSP EL</t>
  </si>
  <si>
    <t>&lt;p&gt;My JQuery &lt;code&gt;process.js&lt;/code&gt; file is not able to parse JSP EL expression. I am just tyring to display a List object in my JSP. If I just use the &lt;code&gt;${students}&lt;/code&gt; object it works correctly and displays all the students but if I try to display it using JQuery it just displays the &lt;code&gt;${students}&lt;/code&gt; string as it is in the browser. I have disabled scripting in my &lt;code&gt;web.xml&lt;/code&gt; and using EL for displaying data.&lt;/p&gt;
&lt;p&gt;Is there any other way to handle this?&lt;/p&gt;
&lt;p&gt;&lt;strong&gt;Browser Output:&lt;/strong&gt;&lt;/p&gt;
&lt;pre&gt;&lt;code&gt;Hello World from JQuery!
From JSP:  
[Student{id=1, name=Jack}, Student{id=2, name=Jill}]
From JQuery:
${students}
&lt;/code&gt;&lt;/pre&gt;
&lt;p&gt;&lt;strong&gt;home.jsp&lt;/strong&gt;&lt;/p&gt;
&lt;pre&gt;&lt;code&gt;&amp;lt;%@page contentType="text/html" pageEncoding="UTF-8"%&amp;gt;
&amp;lt;!DOCTYPE html&amp;gt;
&amp;lt;html&amp;gt;
    &amp;lt;head&amp;gt;
        &amp;lt;meta http-equiv="Content-Type" content="text/html; charset=UTF-8"&amp;gt;
        &amp;lt;title&amp;gt;JSP Page&amp;lt;/title&amp;gt;
        &amp;lt;script src="http://ajax.googleapis.com/ajax/libs/jquery/2.1.3/jquery.min.js"&amp;gt;&amp;lt;/script&amp;gt;
        &amp;lt;script src="js/process.js"&amp;gt;&amp;lt;/script&amp;gt;
    &amp;lt;/head&amp;gt;
    &amp;lt;body&amp;gt;
        &amp;lt;div id="mydiv"&amp;gt;&amp;lt;/div&amp;gt;
        &amp;lt;h2&amp;gt;From JSP: &amp;lt;p/&amp;gt; ${students}&amp;lt;/h2&amp;gt;
        &amp;lt;h3&amp;gt;From JQuery: &amp;lt;div id="studentDiv"&amp;gt;&amp;lt;/div&amp;gt;&amp;lt;/h3&amp;gt;
    &amp;lt;/body&amp;gt;
&amp;lt;/html&amp;gt;
&lt;/code&gt;&lt;/pre&gt;
&lt;p&gt;&lt;strong&gt;process.js&lt;/strong&gt;&lt;/p&gt;
&lt;pre&gt;&lt;code&gt;$(document).ready(function () {
    //static message
    var msg = "Hello World from JQuery!";
    $("#mydiv").text(msg);
    //dynamic message
    var students = '${students}';
    $("#studentDiv").text(students);
});
&lt;/code&gt;&lt;/pre&gt;
&lt;p&gt;&lt;strong&gt;HomePageController.java&lt;/strong&gt;&lt;/p&gt;
&lt;pre&gt;&lt;code&gt;@WebServlet(name = "HomePageController", urlPatterns = {"/homePageController.do"})
public class HomePageController extends BaseController {
    private static final String VIEW_NAME = "/jsp/home.jsp";
    @Override
    public void processRequest(HttpServletRequest request, HttpServletResponse response) throws ServletException, IOException {
        List&amp;lt;Student&amp;gt; students = getAllStudents();
        request.setAttribute("students", students);
        request.getServletContext().getRequestDispatcher(VIEW_NAME).forward(request, response);
    }
    private List&amp;lt;Student&amp;gt; getAllStudents() {
        List&amp;lt;Student&amp;gt; students = new ArrayList&amp;lt;&amp;gt;();
        Student student1 = new Student(1, "Jack");
        Student student2 = new Student(2, "Jill");
        students.add(student1);
        students.add(student2);
        System.out.println("students = " + students);
        return students;
    }
}
&lt;/code&gt;&lt;/pre&gt;
&lt;p&gt;&lt;strong&gt;BaseController.java&lt;/strong&gt;&lt;/p&gt;
&lt;pre&gt;&lt;code&gt;public abstract class BaseController extends HttpServlet {
    @Override
    public void doGet(HttpServletRequest request, HttpServletResponse response) throws ServletException, IOException {
        processRequest(request, response);
    }
    @Override
    public void doPost(HttpServletRequest request, HttpServletResponse response) throws ServletException, IOException {
        processRequest(request, response);
    }
    public abstract void processRequest(HttpServletRequest request, HttpServletResponse response) throws ServletException, IOException;
}
&lt;/code&gt;&lt;/pre&gt;
&lt;p&gt;&lt;strong&gt;web.xml&lt;/strong&gt;&lt;/p&gt;
&lt;pre&gt;&lt;code&gt;&amp;lt;?xml version="1.0" encoding="UTF-8"?&amp;gt;
&amp;lt;web-app xmlns="http://xmlns.jcp.org/xml/ns/javaee"
         xmlns:xsi="http://www.w3.org/2001/XMLSchema-instance"
         xsi:schemaLocation="http://xmlns.jcp.org/xml/ns/javaee http://xmlns.jcp.org/xml/ns/javaee/web-app_3_1.xsd"
         version="3.1"&amp;gt;
    &amp;lt;!-- Disable scripting --&amp;gt;
    &amp;lt;jsp-config&amp;gt;
        &amp;lt;jsp-property-group&amp;gt;
            &amp;lt;url-pattern&amp;gt;*.jsp&amp;lt;/url-pattern&amp;gt;
            &amp;lt;scripting-invalid&amp;gt;true&amp;lt;/scripting-invalid&amp;gt;
        &amp;lt;/jsp-property-group&amp;gt;
    &amp;lt;/jsp-config&amp;gt;
    &amp;lt;session-config&amp;gt;
        &amp;lt;session-timeout&amp;gt;30&amp;lt;/session-timeout&amp;gt;
    &amp;lt;/session-config&amp;gt;
    &amp;lt;welcome-file-list&amp;gt;
        &amp;lt;welcome-file&amp;gt;index.jsp&amp;lt;/welcome-file&amp;gt;
    &amp;lt;/welcome-file-list&amp;gt;
&amp;lt;/web-app&amp;gt;
&lt;/code&gt;&lt;/pre&gt;</t>
  </si>
  <si>
    <t>2015-10-15 14:36:48.667000+00:00</t>
  </si>
  <si>
    <t>2015-10-15 14:45:20.397000+00:00</t>
  </si>
  <si>
    <t>javascript|java|jquery|jsp|el</t>
  </si>
  <si>
    <t>Glassfish. The requested resource () is not available</t>
  </si>
  <si>
    <t>&lt;p&gt;I've got a glassfish v3 install.&lt;/p&gt;
&lt;p&gt;I'm using Maven to deploy my application.&lt;/p&gt;
&lt;p&gt;But when i try to launch application the browser comes back with:&lt;/p&gt;
&lt;p&gt;&lt;em&gt;The requested resource () is not available.&lt;/em&gt;&lt;/p&gt;
&lt;p&gt;Any ideas?&lt;/p&gt;</t>
  </si>
  <si>
    <t>2013-01-25 11:23:27.963000+00:00</t>
  </si>
  <si>
    <t>2013-11-20 13:02:21.523000+00:00</t>
  </si>
  <si>
    <t>java|maven|glassfish</t>
  </si>
  <si>
    <t>GNU parallel changes PATH environment variable</t>
  </si>
  <si>
    <t>&lt;p&gt;I'm trying to use GNU Parallel in order to run a script with several parameters on a remote machines.
This looks somewhat like:&lt;/p&gt;
&lt;pre&gt;&lt;code&gt;parallel --onall -S remote-machine  /shared/location/script.sh ::: param_a param_b
&lt;/code&gt;&lt;/pre&gt;
&lt;p&gt;&lt;code&gt;/shared/location/script.sh&lt;/code&gt; is using git. So I get this error:&lt;/p&gt;
&lt;pre&gt;&lt;code&gt;git: command not found
&lt;/code&gt;&lt;/pre&gt;
&lt;p&gt;If I log in to &lt;code&gt;remote-machine&lt;/code&gt; manually and run &lt;code&gt;/shared/location/script.sh&lt;/code&gt; with &lt;code&gt;param_a&lt;/code&gt; or &lt;code&gt;param_b&lt;/code&gt; everything works fine. So I checked the $PATH variable and found out that if I run something on &lt;code&gt;remote-machine&lt;/code&gt; using GNU parallel, it looks like &lt;code&gt;PATH=/usr/bin:/bin:/usr/sbin:/sbin&lt;/code&gt;. If I run it directly from the machine it has also &lt;code&gt;/local/bin/git&lt;/code&gt;.&lt;/p&gt;
&lt;p&gt;Why is it that way and how to overcome?&lt;/p&gt;
&lt;p&gt;Thanks in advance&lt;/p&gt;</t>
  </si>
  <si>
    <t>2013-12-29 14:12:45.020000+00:00</t>
  </si>
  <si>
    <t>2013-12-29 21:55:19.397000+00:00</t>
  </si>
  <si>
    <t>parallel-processing|environment-variables|gnu|gnu-parallel</t>
  </si>
  <si>
    <t>Calculating volume weighted price</t>
  </si>
  <si>
    <t>&lt;pre&gt;&lt;code&gt;    ...
    else if(choice == 3) {  
        ArrayList&amp;lt;Integer&amp;gt; shares = new ArrayList&amp;lt;Integer&amp;gt;();
        System.out.print("Type in quantity: ");
        int quantity = Integer.parseInt(reader.nextLine());
        System.out.println("Enter total quantity either as a single number or many numbers by pressing enter after each: ");
        while (reader.hasNextInt()) {
            int share = reader.nextInt();
            shares.add(share);
        }
        System.out.println("Enter total price: ");
        Scanner reader1 = new Scanner(System.in);
        double price = Double.parseDouble(reader1.nextLine());
        int sum = 0;
        System.out.println((price*quantity)/sum);
        for(Integer d : shares){
            sum += d;
        return;
    }
&lt;/code&gt;&lt;/pre&gt;
&lt;p&gt;Here I am trying to calculate a single value out of 3 value &lt;code&gt;(price*quantity)/sum&lt;/code&gt; this is the main formula but sum value is calculated by first entering a series of integers which are then summed and used in the main formula.
The problems: &lt;/p&gt;
&lt;ol&gt;
&lt;li&gt;&lt;p&gt;I can not make the &lt;code&gt;While&lt;/code&gt; loop to stop when user enters Null value, I only managed to make it stop when user enters a letter instead of a number &lt;/p&gt;&lt;/li&gt;
&lt;li&gt;&lt;p&gt;Currently when i run this program I get a result &lt;code&gt;Infinity&lt;/code&gt; why ?&lt;/p&gt;&lt;/li&gt;
&lt;/ol&gt;</t>
  </si>
  <si>
    <t>2016-08-29 16:21:30.910000+00:00</t>
  </si>
  <si>
    <t>2016-08-29 17:00:25.393000+00:00</t>
  </si>
  <si>
    <t>2016-08-29 16:27:55.297000+00:00</t>
  </si>
  <si>
    <t>Keep footer at the bottom when using absolute positioned main elements</t>
  </si>
  <si>
    <t>&lt;p&gt;&lt;strong&gt;Scenario&lt;/strong&gt;&lt;/p&gt;
&lt;p&gt;I am using a page layout with three main elements.&lt;/p&gt;
&lt;p&gt;x1 &lt;strong&gt;central column&lt;/strong&gt;&lt;/p&gt;
&lt;pre&gt;&lt;code&gt;position:relative;
padding-right:300px;
&lt;/code&gt;&lt;/pre&gt;
&lt;p&gt;x2 &lt;strong&gt;sidebar pieces&lt;/strong&gt; on the right side&lt;/p&gt;
&lt;p&gt;&lt;strong&gt;1-sidebartop&lt;/strong&gt;&lt;/p&gt;
&lt;pre&gt;&lt;code&gt;position:absolute;
top:0;
right:0;
height:250px;
width:300px;
&lt;/code&gt;&lt;/pre&gt;
&lt;p&gt;&lt;strong&gt;2-sidebarbottom&lt;/strong&gt;&lt;/p&gt;
&lt;pre&gt;&lt;code&gt;position:absolute;
top:250px;
right:0;
width:300px;
&lt;/code&gt;&lt;/pre&gt;
&lt;p&gt;&lt;strong&gt;HTML STRUCTURE&lt;/strong&gt;&lt;/p&gt;
&lt;pre&gt;&lt;code&gt;&amp;lt;div class="sidebartop"&amp;gt;&amp;lt;/div&amp;gt;
&amp;lt;div class="main"&amp;gt;&amp;lt;/div&amp;gt;
&amp;lt;div class="sidebarbottom"&amp;gt;&amp;lt;/div&amp;gt;
&lt;/code&gt;&lt;/pre&gt;
&lt;p&gt;&lt;strong&gt;Why am I doing it this way?&lt;/strong&gt;&lt;/p&gt;
&lt;p&gt;Because I would like the sidebar to be fixed-width and let the central column take the rest of the horizontal available space.&lt;/p&gt;
&lt;p&gt;&lt;strong&gt;But... why am I splitting the same sidebar in two pieces, instead of floating or inline-block aligning the two columns?&lt;/strong&gt;&lt;/p&gt;
&lt;p&gt;Because I want the upper side of the sidebar to stay before the main content on mobile devices, for which I just do &lt;code&gt;position:relative;&lt;/code&gt; to all elements, so they flow into the desired mobile structure.&lt;/p&gt;
&lt;p&gt;&lt;strong&gt;So what's the problem?&lt;/strong&gt;&lt;/p&gt;
&lt;p&gt;The sidebar structure makes it quite complex to keep the footer at the bottom. Right now I am using a javascript approach to reposition the footer on the fly. I am thinking about a clever way to achieve this with pure css.&lt;/p&gt;
&lt;p&gt;You can see a JSFiddle &lt;a href="https://jsfiddle.net/44wmqz00/3/" rel="nofollow"&gt;here&lt;/a&gt;.&lt;/p&gt;
&lt;p&gt;Thank you very much for taking your time.&lt;/p&gt;</t>
  </si>
  <si>
    <t>2016-01-19 12:25:06.597000+00:00</t>
  </si>
  <si>
    <t>2016-01-19 14:13:12.973000+00:00</t>
  </si>
  <si>
    <t>2016-01-19 13:52:13.627000+00:00</t>
  </si>
  <si>
    <t>html|css|footer</t>
  </si>
  <si>
    <t>How to add back button in the Android settings menu</t>
  </si>
  <si>
    <t>&lt;p&gt;I have a button in my main Activity which sends me to the phones location settings. The problem is that when I'm pressing the back button it sends me to the Androids home screen not in my apps main Activity. As I don't have access to the settings Activity how can add the public void onBackPressed()&lt;/p&gt;</t>
  </si>
  <si>
    <t>2013-03-12 18:42:03.630000+00:00</t>
  </si>
  <si>
    <t>2013-03-12 18:46:25.680000+00:00</t>
  </si>
  <si>
    <t>user2146209</t>
  </si>
  <si>
    <t>android|settings|back-button</t>
  </si>
  <si>
    <t>NSDictionary sets values for NSMutableDictionary</t>
  </si>
  <si>
    <t>&lt;p&gt;I'm trying to make an rpg style game. I would like to know if and how to make an NSDictionary set the value for a mutable dictionary. The characters in my game will learn moves at different levels and the user can decide which move to use. If more info is needed let me now.&lt;/p&gt;
&lt;p&gt;Here's an example&lt;/p&gt;
&lt;p&gt;the NSDictionary pulls from a plist of attacks.
the attacks have names and power values.
the mutable array will set its attacks to the attacks in the NSDictionary.&lt;/p&gt;</t>
  </si>
  <si>
    <t>2011-06-24 17:25:13.827000+00:00</t>
  </si>
  <si>
    <t>2011-07-05 22:54:41.243000+00:00</t>
  </si>
  <si>
    <t>xcode|functional-programming|nsdictionary|nsmutabledictionary</t>
  </si>
  <si>
    <t>Events not tracked in App Center</t>
  </si>
  <si>
    <t>&lt;p&gt;I am trying new Visual Studio App Center platform for mobile apps. It gives me the crashes and the installed versions OK, so the app secret and SDK are configured OK.&lt;/p&gt;
&lt;p&gt;But when I try to track custom Events, according to &lt;a href="https://docs.microsoft.com/en-us/mobile-center/sdk/analytics/xamarin" rel="nofollow noreferrer"&gt;this&lt;/a&gt; tutorial I get "No events found" in the Mobile Center dashboard. I try with my app in release and debug mode, without results.&lt;/p&gt;
&lt;p&gt;My code (Xamarin.Forms):&lt;/p&gt;
&lt;pre&gt;&lt;code&gt;    public MyClass()
    {
        InitializeComponent();
        Analytics.SetEnabledAsync(true);
        Analytics.TrackEvent("Video clicked", new Dictionary&amp;lt;string, string&amp;gt; {
            { "Category", "Music" },
            { "FileName", "favorite.avi"}
        });
    }
&lt;/code&gt;&lt;/pre&gt;
&lt;p&gt;There is the constructor, so I am sure that these lines are executed.&lt;/p&gt;</t>
  </si>
  <si>
    <t>2017-09-30 17:27:46.747000+00:00</t>
  </si>
  <si>
    <t>2017-11-22 19:27:52.573000+00:00</t>
  </si>
  <si>
    <t>azure|xamarin|xamarin.forms|mobile-center|visual-studio-app-center</t>
  </si>
  <si>
    <t>Android Studio: refuse gradle to download dependencies which has been downloaded</t>
  </si>
  <si>
    <t>&lt;p&gt;I don't have access to internet all the time. I use dependencies to add libraries to my project when I am online. for example for using cards library I add this to build.gradle: &lt;br&gt;&lt;/p&gt;
&lt;p&gt;&lt;code&gt;compile 'com.github.gabrielemariotti.cards:cardslib-core:2.1.0'&lt;/code&gt;&lt;br&gt;&lt;/p&gt;
&lt;p&gt;so it goes online and download the related files.&lt;br&gt;&lt;/p&gt;
&lt;p&gt;Now I'm offline and don't have access to INTERNET. I started another project and want to use that cards library again, But it says:&lt;br&gt;&lt;/p&gt;
&lt;p&gt;&lt;code&gt;Error:(29, 13) Failed to resolve: com.github.gabrielemariotti.cards:cardslib-core:2.1.0&lt;/code&gt;&lt;br&gt;&lt;/p&gt;
&lt;p&gt;&lt;strong&gt;Why it try to download the library again while I have it on my system?&lt;/strong&gt; How Can I use this dependency in other project in offline mode?&lt;/p&gt;
&lt;p&gt;&lt;strong&gt;I don't want to copy .jar file to my project I want to use the downloaded file by declare it in dependencies.&lt;/strong&gt; &lt;/p&gt;</t>
  </si>
  <si>
    <t>2016-03-03 08:48:08.517000+00:00</t>
  </si>
  <si>
    <t>2016-03-05 13:47:52.560000+00:00</t>
  </si>
  <si>
    <t>2016-03-03 09:46:16.213000+00:00</t>
  </si>
  <si>
    <t>android-studio|android-gradle</t>
  </si>
  <si>
    <t>backbone view asks for a model Im not using</t>
  </si>
  <si>
    <t>&lt;p&gt;I have a user model, each user has an artist and every artist has several albums. I'm trying to render a view to show a user profile. When I try to render the view I get the following error:&lt;/p&gt;
&lt;pre&gt;&lt;code&gt;Uncaught ReferenceError: albums is not defined
(anonymous function) b.template.c underscore-min.js:30 
Backbone.View.extend.render profile.js:13 
Backbone.Router.extend.profile router.js:62 
...
&lt;/code&gt;&lt;/pre&gt;
&lt;p&gt;It seems to be I'm not passing an album object to the template but I'm not using any album variable in that template, nor in the view. Here is the code for both:&lt;/p&gt;
&lt;p&gt;View:&lt;/p&gt;
&lt;pre&gt;&lt;code&gt;headerT = require('text!templates/user/profile_header.html');
  profileT = require('text!templates/user/profile.html');
  var profilesView = Backbone.View.extend({
  el: $('#main-container'),
  initialize: function(){
     this.template = _.template(profileT);                                                                                                  
     this.artist = this.model.get('artist');
  },
  render: function(){
     $(this.el).html(this.template({
       current_user: app.current_user,
       user: this.model.toJSON(),
       artist: this.artist.toJSON(),
     }));
     return this;
  },  
});     
&lt;/code&gt;&lt;/pre&gt;
&lt;p&gt;Template:&lt;/p&gt;
&lt;pre&gt;&lt;code&gt;&amp;lt;div class="row"&amp;gt;
    &amp;lt;div class="grid_3"&amp;gt;
        &amp;lt;img src="&amp;lt;%=user.pict%&amp;gt;" class="frame" alt=""&amp;gt;
        &amp;lt;span class="title"&amp;gt;Username &amp;amp;ndash; &amp;lt;strong&amp;gt;&amp;lt;%=user.username%&amp;gt;&amp;lt;/strong&amp;gt;&amp;lt;/span&amp;gt;
        &amp;lt;%if(current_user!=undefined &amp;amp;&amp;amp; (current_user.get('is_admin') == true || current_user.get('id') == user.id)){%&amp;gt;
            &amp;lt;span class="title"&amp;gt;&amp;lt;span class="icon user"&amp;gt;&amp;lt;/span&amp;gt; &amp;lt;a href="#/editProfile/"&amp;gt;Edit Profile&amp;lt;/a&amp;gt;&amp;lt;/span&amp;gt;
        &amp;lt;%}%&amp;gt;
        &amp;lt;%if(artist.active==true){%&amp;gt;
            &amp;lt;div&amp;gt;&amp;lt;a href="#/artistProfile/"&amp;gt;Go to Artist Profile&amp;lt;/a&amp;gt;&amp;lt;/div&amp;gt;
        &amp;lt;%}%&amp;gt;
        &amp;lt;div class="separator"&amp;gt;&amp;lt;/div&amp;gt;
    &amp;lt;/div&amp;gt;                                                                                                                                             
    &amp;lt;div class="clear"&amp;gt;&amp;lt;/div&amp;gt;
&amp;lt;/div&amp;gt;    
&lt;/code&gt;&lt;/pre&gt;</t>
  </si>
  <si>
    <t>2013-03-13 18:01:02.980000+00:00</t>
  </si>
  <si>
    <t>2013-03-14 17:52:56.233000+00:00</t>
  </si>
  <si>
    <t>backbone.js|backbone-views|backbone-relational</t>
  </si>
  <si>
    <t>Send Facebook friends notification</t>
  </si>
  <si>
    <t>&lt;p&gt;I want to send notification to my selected Facebook friends,According to the doc,I used following code.&lt;/p&gt;
&lt;pre&gt;&lt;code&gt;private void sendNotification() {
        Bundle params = new Bundle();
        params.putString("href", "/testurl?param1=value1");
        params.putString("template", "This is a test message");
        /* make the API call */
        new Request(Session.getActiveSession(), "/me/notifications", params,
                HttpMethod.POST, new Request.Callback() {
                    public void onCompleted(Response response) {
                        /* handle the result */
                        Log.d(LOG_TAG, response.toString());
                    }
                }).executeAsync();
    }
&lt;/code&gt;&lt;/pre&gt;
&lt;p&gt;I tried lot and found that facebook has blocked permission to post on friends wall so I have option to send notification to inform own activity with selected friends.
This code is not working for me.If any one has solution please share.I will really appreciate this.Thanks&lt;/p&gt;</t>
  </si>
  <si>
    <t>2014-04-01 07:18:08.693000+00:00</t>
  </si>
  <si>
    <t>2014-04-01 11:05:43.930000+00:00</t>
  </si>
  <si>
    <t>android|facebook|facebook-graph-api|notifications|facebook-android-sdk</t>
  </si>
  <si>
    <t>How to make a drawable Shape programmatically (Android)</t>
  </si>
  <si>
    <t>&lt;p&gt;i'm making a custom TextView (Java class) and i'm having trouble "to translate" the line (on "original TextView" xml)&lt;/p&gt;
&lt;pre&gt;&lt;code&gt;android:background="@drawable/myDrawableShape"
&lt;/code&gt;&lt;/pre&gt;
&lt;p&gt;to a java void to change the color of the "myDrawableShape"&lt;/p&gt;
&lt;p&gt;myDrawableShape.xml&lt;/p&gt;
&lt;pre&gt;&lt;code&gt;&amp;lt;shape xmlns:android="http://schemas.android.com/apk/res/android" &amp;gt;
&amp;lt;solid android:color="#ffafafaf" /&amp;gt;
&amp;lt;corners android:radius="15dp" /&amp;gt;
&lt;/code&gt;&lt;/pre&gt;
&lt;p&gt;&lt;/p&gt;
&lt;p&gt;I'll get the color to set from a String, the void to change the color programmatically could be (for example)&lt;/p&gt;
&lt;pre&gt;&lt;code&gt;void colorSet(String color)
&lt;/code&gt;&lt;/pre&gt;
&lt;p&gt;Thanks in advance!&lt;/p&gt;</t>
  </si>
  <si>
    <t>2017-06-07 00:42:51.010000+00:00</t>
  </si>
  <si>
    <t>2018-03-06 16:36:23.840000+00:00</t>
  </si>
  <si>
    <t>java|android|android-layout|textview|android-drawable</t>
  </si>
  <si>
    <t>In a GroupBox usercontrol, exclude a sub-control on the ControlCollection container?</t>
  </si>
  <si>
    <t>&lt;blockquote&gt;
  &lt;p&gt;SCENARIO&lt;/p&gt;
&lt;/blockquote&gt;
&lt;p&gt;I've subclassed a &lt;code&gt;GroupBox&lt;/code&gt; to customize it, I've added a &lt;code&gt;CheckBox&lt;/code&gt; on my groupbox header to enable or disable the controls inside the groupbox's control collection.&lt;/p&gt;
&lt;p&gt;&lt;img src="https://i.stack.imgur.com/CG0mR.jpg" alt="enter image description here"&gt;&lt;/p&gt;
&lt;blockquote&gt;
  &lt;p&gt;PROBLEM&lt;/p&gt;
&lt;/blockquote&gt;
&lt;p&gt;I consider this a design issue: My checkbox is accesible when iterating the control collection like this:&lt;/p&gt;
&lt;pre&gt;&lt;code&gt;For Each c As Control In Me.ElektroGroupBox1.Controls
    If TypeOf c Is CheckBox Then
        MsgBox(c.Name)
    End If
Next
&lt;/code&gt;&lt;/pre&gt;
&lt;p&gt;This is because I needed to add the chekbox inside the control collection to make it visible.&lt;/p&gt;
&lt;blockquote&gt;
  &lt;p&gt;QUESTION&lt;/p&gt;
&lt;/blockquote&gt;
&lt;p&gt;I could do something in my sub-classed &lt;code&gt;GroupBox&lt;/code&gt; to permanently "exclude" my &lt;code&gt;CheckBox&lt;/code&gt; when accesing the &lt;code&gt;ControlCollection&lt;/code&gt; of my custom &lt;code&gt;GroupBox&lt;/code&gt;?.&lt;/p&gt;
&lt;blockquote&gt;
  &lt;p&gt;CODE&lt;/p&gt;
&lt;/blockquote&gt;
&lt;p&gt;This is the checkbox related code:&lt;/p&gt;
&lt;pre&gt;&lt;code&gt;public class myGroupbox : inherits groupbox
    Private WithEvents cb As CheckBox
    &amp;lt;Category("Controls")&amp;gt;
    Public ReadOnly Property CheckBox As CheckBox
        Get
            Return Me.cb
        End Get
    End Property
    Public Sub New()
        Me.CreateCheckBox()
    End Sub
    Private Sub CreateCheckBox()
        Me.cb = New CheckBox
        With Me.cb
            .Name = MyBase.GetType.Name &amp;amp; Me.cb.GetType.Name
            .AutoSize = False
            .Size = New Size(15, 15)
            .Location = New Point(6, 0)
            .Checked = True
        End With
        MyBase.Controls.Add(Me.cb)
    End Sub
    Private Sub CB_CheckedChanged(ByVal sender As Object, ByVal e As EventArgs) _
    Handles cb.CheckedChanged
        Dim checked As Boolean = DirectCast(sender, CheckBox).Checked
        For Each ctrl As Object In MyBase.Controls
            If Not ctrl.Equals(Me.cb) Then
                ctrl.Enabled = checked
            End If
        Next ctrl
    End Sub
end class
&lt;/code&gt;&lt;/pre&gt;</t>
  </si>
  <si>
    <t>2014-12-07 10:00:14.123000+00:00</t>
  </si>
  <si>
    <t>2014-12-07 10:05:22.653000+00:00</t>
  </si>
  <si>
    <t>.net|vb.net|winforms|class|user-controls</t>
  </si>
  <si>
    <t>Adding icons to a Bootstrap dropdown</t>
  </si>
  <si>
    <t>&lt;p&gt;I want to add some icons to links in a Bootstrap dropdown, using code like this:&lt;/p&gt;
&lt;pre&gt;&lt;code&gt;&amp;lt;ul&amp;gt;
    &amp;lt;li class="dropdown"&amp;gt;
        &amp;lt;a href="#" class="dropdown-toggle" data-toggle="dropdown"&amp;gt;Some Dropdown&amp;lt;b class="caret"&amp;gt;&amp;lt;/b&amp;gt;&amp;lt;/a&amp;gt;
        &amp;lt;ul class="dropdown-menu"&amp;gt;
            &amp;lt;li&amp;gt;&amp;lt;i class="icon-arrow-up"&amp;gt;&amp;lt;/i&amp;gt;&amp;lt;a href="#"&amp;gt;Up&amp;lt;/a&amp;gt;&amp;lt;/li&amp;gt;
            &amp;lt;li&amp;gt;&amp;lt;i class="icon-arrow-down"&amp;gt;&amp;lt;/i&amp;gt;&amp;lt;a href="#"&amp;gt;Down&amp;lt;/a&amp;gt;&amp;lt;/li&amp;gt;
            &amp;lt;li&amp;gt;&amp;lt;i class="icon-arrow-left"&amp;gt;&amp;lt;/i&amp;gt;&amp;lt;a href="#"&amp;gt;Left&amp;lt;/a&amp;gt;&amp;lt;/li&amp;gt;
            &amp;lt;li&amp;gt;&amp;lt;i class="icon-arrow-right"&amp;gt;&amp;lt;/i&amp;gt;&amp;lt;a href="#"&amp;gt;Right&amp;lt;/a&amp;gt;&amp;lt;/li&amp;gt;
        &amp;lt;/ul&amp;gt;
    &amp;lt;/li&amp;gt;
&amp;lt;/ul&amp;gt;
&lt;/code&gt;&lt;/pre&gt;
&lt;p&gt;However, the icons are out of place:&lt;/p&gt;
&lt;p&gt;&lt;img src="https://i.stack.imgur.com/watnK.png" alt="dropdown issue"&gt;&lt;/p&gt;
&lt;p&gt;I tried using the solution in &lt;a href="https://stackoverflow.com/questions/11694866/twitter-bootstrap-icons-in-button-dropdown/11695326?noredirect=1#comment22712019_11695326"&gt;this answer&lt;/a&gt;, but it doesn't seem to work. Can somebody provide a solution and explain why/how it works?&lt;/p&gt;
&lt;p&gt;&lt;a href="http://jsfiddle.net/ywkLt/" rel="nofollow noreferrer"&gt;Demo&lt;/a&gt;&lt;/p&gt;
&lt;p&gt;Thanks!&lt;/p&gt;</t>
  </si>
  <si>
    <t>2013-04-11 04:03:49.387000+00:00</t>
  </si>
  <si>
    <t>2014-09-22 22:08:48.543000+00:00</t>
  </si>
  <si>
    <t>2017-05-23 11:47:24.667000+00:00</t>
  </si>
  <si>
    <t>html|css|twitter-bootstrap|drop-down-menu|icons</t>
  </si>
  <si>
    <t>Where does Repo get injected in Phoenix controllers?</t>
  </si>
  <si>
    <t>&lt;p&gt;This is pretty much a newbie question, so I apologize if the answer should be obvious, but I have been unable to solve it myself for some time now.&lt;/p&gt;
&lt;p&gt;I'm following the phoenix book from pragmatic programmers (&lt;a href="https://pragprog.com/book/phoenix/programming-phoenix" rel="nofollow noreferrer"&gt;https://pragprog.com/book/phoenix/programming-phoenix&lt;/a&gt;). Which by looking through the corresponding github repo I believe is written for version 1.1. So far I've been able to make it work through looking at the upgrade instructions etc. But when I got to the part under "Implementing Login and Logout" I am stuck with an error &lt;code&gt;function Repo.get_by/2 is undefined (module Repo is not available)&lt;/code&gt;. &lt;/p&gt;
&lt;p&gt;I've been tracing through the code trying to figure out where Repo should be made available from? The error itself is called in &lt;code&gt;auth.ex&lt;/code&gt;, but the missing module is passed as an argument from &lt;code&gt;session_controller.ex&lt;/code&gt;, thus I've included both.&lt;/p&gt;
&lt;p&gt;&lt;code&gt;session_controller.ex&lt;/code&gt; &lt;a href="https://github.com/RobinTo/phxtutorial/blob/repo_module_missing/lib/rumbl_web/controllers/session_controller.ex" rel="nofollow noreferrer"&gt;Link to file in github&lt;/a&gt;&lt;/p&gt;
&lt;pre&gt;&lt;code&gt;def create(conn, %{"session" =&amp;gt; %{"username" =&amp;gt; user, "password" =&amp;gt; pass}}) do
    case Rumbl.Auth.login_by_username_and_pass(conn, user, pass, repo: Repo) do
      {:ok, conn} -&amp;gt;
        ...
      {:error, _reason, conn} -&amp;gt;
        ...
    end
end
&lt;/code&gt;&lt;/pre&gt;
&lt;p&gt;&lt;code&gt;auth.ex&lt;/code&gt; &lt;a href="https://github.com/RobinTo/phxtutorial/blob/repo_module_missing/lib/rumbl_web/controllers/auth.ex" rel="nofollow noreferrer"&gt;Link to file in github&lt;/a&gt;&lt;/p&gt;
&lt;pre&gt;&lt;code&gt;def login_by_username_and_pass(conn, username, given_pass, opts) do
    repo = Keyword.fetch!(opts, :repo)
    user = repo.get_by(Rumbl.User, username: username)
    cond do
      user &amp;amp;&amp;amp; checkpw(given_pass, user.password_hash) -&amp;gt;
        {:ok, login(conn, user)}
      user -&amp;gt;
        {:error, :unauthorized, conn}
      true -&amp;gt;
        dummy_checkpw()
        {:error, :not_cound, conn}
    end
end
&lt;/code&gt;&lt;/pre&gt;
&lt;p&gt;I've compared my code to what seems to be the &lt;a href="https://github.com/dwyl/learn-phoenix-framework/blob/master/examples/testing_otp/rumbrella/apps/rumbl/web/controllers/" rel="nofollow noreferrer"&gt;official repo&lt;/a&gt;, and the only difference I find is that it seems to be phoenix version 1.1.1 rather than 1.3.&lt;/p&gt;
&lt;p&gt;Where does Repo come from, and why is it unavailable here? I notice it's available in &lt;code&gt;call&lt;/code&gt; inside &lt;code&gt;auth.ex&lt;/code&gt;, but I assume that might be because that is the standard plug function when it's included in the browser pipeline. Any help would be appreciated.&lt;/p&gt;</t>
  </si>
  <si>
    <t>2018-01-12 13:41:51.837000+00:00</t>
  </si>
  <si>
    <t>2018-01-16 10:25:12.190000+00:00</t>
  </si>
  <si>
    <t>Why is the styling set by javascript not working with Ractive.js?</t>
  </si>
  <si>
    <t>&lt;p&gt;In &lt;a href="http://jsfiddle.net/xameeramir/boe2vcj6/" rel="nofollow noreferrer"&gt;this fiddle&lt;/a&gt;, on click of the button the following lines are also getting executed along with other ones:&lt;/p&gt;
&lt;pre&gt;&lt;code&gt;document.getElementById("WeatherData").style.visibility = "block";
weatherDataDiv.style.visibility='block';
&lt;/code&gt;&lt;/pre&gt;
&lt;p&gt;With no effect.&lt;/p&gt;
&lt;p&gt;I have searched a lot but seems like the &lt;strong&gt;syntax is correct&lt;/strong&gt;.&lt;/p&gt;
&lt;p&gt;How to un-hide the div in RactiveJs.&lt;/p&gt;
&lt;p&gt;Other frameworks like jQuery and Angular cannot be used for some business reasons.&lt;/p&gt;</t>
  </si>
  <si>
    <t>2017-02-13 18:26:21.123000+00:00</t>
  </si>
  <si>
    <t>2017-02-13 18:31:51.233000+00:00</t>
  </si>
  <si>
    <t>javascript|html|css|html5|ractivejs</t>
  </si>
  <si>
    <t>How to execute cucumber test serial and then in parallel?</t>
  </si>
  <si>
    <t>&lt;p&gt;Well this is my scenario:
We have an automation framework written using ruby and Capybara and for the test cases we use Cucumber, we create a feature extremely huge and took a lot of time to be executed, so we consider to use parallel execution, but that is where we have doubts about it.&lt;/p&gt;
&lt;p&gt;We have preconditions that should be executed one after the other, then the real test cases are executed and those can be executed in parallel but not before the precondition scenarios.&lt;/p&gt;
&lt;pre&gt;&lt;code&gt;#Below my Preconditions that have to be executed in sequence
Scenario: Precondition A
  Given I navigate to main site
Scenario: Precondition B
      Given I login to main site
Scenario: Precondition C
      Given I post a message
#Below my Test cases that can be executed in parallel
Scenario: Test 1
      Given I Test font in comment
Scenario: Test 2
      Given I test syntax in comment
Scenario: Test 3
      Given I check for images in comment
&lt;/code&gt;&lt;/pre&gt;
&lt;p&gt;(Sorry for the crappy example)&lt;/p&gt;
&lt;p&gt;I was researching for more info regarding "parallel_test" using tags and groups but I couldn't find any info related to my problem specifically.&lt;/p&gt;
&lt;p&gt;Is there a way to execute first a sequence of test cases and then the rest in parallel?&lt;/p&gt;
&lt;p&gt;Thanks in advance.&lt;/p&gt;</t>
  </si>
  <si>
    <t>2015-08-17 16:17:21.827000+00:00</t>
  </si>
  <si>
    <t>2015-08-19 14:42:14.057000+00:00</t>
  </si>
  <si>
    <t>ruby|cucumber</t>
  </si>
  <si>
    <t>Combine multiple arrays not by merging them</t>
  </si>
  <si>
    <t>&lt;p&gt;I have from 3 to 10 arrays containing 20 to 50 value each. 
I want to merge them into one single array but not the way &lt;code&gt;array_merge&lt;/code&gt; works.
I rather want to take the 1st value of the 1st array, then the 1st value of the second array, then the 1st value of the third array and so on.&lt;/p&gt;
&lt;p&gt;Keys are not an issue here, It could be numerical or associative array, i'm just keeping the values, not the original keys.&lt;/p&gt;
&lt;p&gt;Values in real application can be mixed so merging and sorting afterwards is not an option.
&lt;hr/&gt;
So if i had 3 arrays like so:&lt;/p&gt;
&lt;pre&gt;&lt;code&gt;$array1=array('1-1','1-2','1-3');
$array2=array('2-1','2-2','2-3','2-4');
$array3=array('3-1','3-2');
&lt;/code&gt;&lt;/pre&gt;
&lt;p&gt;I would need the result to be an array containing the value in this order:&lt;/p&gt;
&lt;pre&gt;&lt;code&gt;1-1, 2-1, 3-1, 1-2, 2-2, 3-2, 1-3, 2-3, 2-4
&lt;/code&gt;&lt;/pre&gt;
&lt;p&gt;&lt;hr/&gt;
So far i have this piece of code :&lt;/p&gt;
&lt;pre&gt;&lt;code&gt;$array=array($array1,$array2,$array3);
$newarray=array();
foreach($array as $a){
  $v=array_shift($a);
  if(isset($v)){
    $newarray[]=$v;
  }
}
print_r($newarray);
&lt;/code&gt;&lt;/pre&gt;
&lt;p&gt;but, of course, it only runs the 1st set of value and give me:&lt;/p&gt;
&lt;pre&gt;&lt;code&gt;Array ( [0] =&amp;gt; 1-1 [1] =&amp;gt; 2-1 [2] =&amp;gt; 3-1 )
&lt;/code&gt;&lt;/pre&gt;
&lt;p&gt;&lt;hr/&gt;
&lt;code&gt;array_shift&lt;/code&gt; is what i need here because it remove the value from the old array (i don't need it anymore) and i move it to the new array (if it &lt;code&gt;isset&lt;/code&gt;). see: &lt;a href="http://php.net/manual/en/function.array-shift.php" rel="nofollow"&gt;http://php.net/manual/en/function.array-shift.php&lt;/a&gt;&lt;/p&gt;
&lt;p&gt;I'm pretty sure i will need a function and loop it until all arrays are empty but i just can't wrap my head around this one. Any help will be greatly appreciated. Or even better if someone knows a native php function that does that.&lt;/p&gt;</t>
  </si>
  <si>
    <t>2015-07-13 04:15:22.267000+00:00</t>
  </si>
  <si>
    <t>2015-07-13 05:47:40.777000+00:00</t>
  </si>
  <si>
    <t>php|arrays|array-merge</t>
  </si>
  <si>
    <t>Storm for batch like processing</t>
  </si>
  <si>
    <t>&lt;p&gt;I am new to Storm and have few basic questions. My use case for storm is both stream and batch processing.&lt;/p&gt;
&lt;p&gt;Use Case #1: Storm topology takes in the tuples as stream and processes it.&lt;/p&gt;
&lt;p&gt;Use Case #2: Storm topology should take in the tuples as a batch of tuples and process it.&lt;/p&gt;
&lt;p&gt;I'm using Kafka as the queuing mechanism to feed Storm topology. &lt;/p&gt;
&lt;p&gt;Question: Is there a way, where I can tell that the a particular tuple is the end of the stream and storm should tell me when the processing of all the tuples is finished?&lt;/p&gt;
&lt;p&gt;Is Storm not the correct framework to do this, as it is meant for stream processing (Use case #1). Would Storm Trident help for use case #2?&lt;/p&gt;</t>
  </si>
  <si>
    <t>2015-09-22 18:26:53.133000+00:00</t>
  </si>
  <si>
    <t>2016-10-24 07:51:23.687000+00:00</t>
  </si>
  <si>
    <t>2015-11-26 17:46:42.373000+00:00</t>
  </si>
  <si>
    <t>apache-kafka|apache-storm|trident</t>
  </si>
  <si>
    <t>Sending out a Targeted push notification with CloudCode</t>
  </si>
  <si>
    <t>&lt;p&gt;I tried writing out a cloud code function that sends targeted Push
Notifications. The &lt;strong&gt;user id&lt;/strong&gt; that I am passing in exists in the Parse 
database, however when I run this code I hit the response, success and my 
logs show that the result of the sent notification is true. &lt;/p&gt;
&lt;p&gt;The notification exists in the PUSH logs, however when I look at the push 
details, &lt;strong&gt;it returns a 102 error for an invalid query on the User object.&lt;/strong&gt; &lt;/p&gt;
&lt;p&gt;This is the full target:&lt;/p&gt;
&lt;pre&gt;&lt;code&gt;    { 
  "deviceType": "ios", 
  "user": { 
    "$exists": true, 
    "$inQuery": { 
      "className": "_User", 
      "where": { 
        "objectId": "R8q99hu62c" 
      } 
    } 
  } 
}
&lt;/code&gt;&lt;/pre&gt;
&lt;p&gt;This is the error: &lt;/p&gt;
&lt;pre&gt;&lt;code&gt;error 102: bad type for $inQuery 
&lt;/code&gt;&lt;/pre&gt;
&lt;p&gt;Can someone please explain why this is happening? &lt;/p&gt;
&lt;pre&gt;&lt;code&gt;    Parse.Cloud.define('sendPushNotification', function(request, response) {
    console.log(request);
    var userQuery = new Parse.Query(Parse.User);
    userQuery.equalTo('objectId', request.params.userId);
    var queryIos = new Parse.Query(Parse.Installation);
    queryIos.equalTo('deviceType', 'ios');
    queryIos.exists('user');
    queryIos.matchesQuery('user', userQuery);
    Parse.Push.send({
      where: queryIos,
      data: {
        alert: request.params.firstName + ' has invited you to join his party',
        badge: "Increment",
        guestlistInviteId: request.params.guestlistInviteId,
        notificationText: request.params.firstName + "has invited you to his party"
      }
    }).then(function(result) {
      console.log(result);
      response.success('sent out the push');
      }, function(error) {
          console.log('error');
          response.error(error);
    }); 
});
&lt;/code&gt;&lt;/pre&gt;
&lt;p&gt;Edit:&lt;/p&gt;
&lt;p&gt;Added a column in the installation table on parse as a pointer to user.
Removed the exists and includes from the Installation query, while setting the user pointer to the user object that I have. This sends out a push notification to the targeted user.&lt;/p&gt;
&lt;pre&gt;&lt;code&gt; var queryIos = new Parse.Query(Parse.Installation);
 queryIos.equalTo('deviceType', 'ios');
 queryIos.equalTo("User", user);
&lt;/code&gt;&lt;/pre&gt;</t>
  </si>
  <si>
    <t>2015-11-05 03:41:53.453000+00:00</t>
  </si>
  <si>
    <t>2015-11-06 01:48:55.817000+00:00</t>
  </si>
  <si>
    <t>ios|parse.com|cloud-code</t>
  </si>
  <si>
    <t>Eloquent query vs Simple Sql Query</t>
  </si>
  <si>
    <t>&lt;p&gt;I have searched everywhere but can't find any answer.My question is that is it possible to execute an eloquent query that is stored in a variable?
In sql its so simple to execute the query,but I'm facing problems from 2 days in searching a way of executing an eloquent query that is assigned to a variable.
e.g &lt;code&gt;$query="modelname::find(1);&lt;/code&gt;I have tried eval() but its not working.Actually I'm pretty new to laravel.So, I'm looking forward for your valuable answers.&lt;/p&gt;</t>
  </si>
  <si>
    <t>2017-08-31 17:00:56.037000+00:00</t>
  </si>
  <si>
    <t>2017-08-31 17:06:05.357000+00:00</t>
  </si>
  <si>
    <t>eloquent|laravel-5.4|laravel-eloquent</t>
  </si>
  <si>
    <t>Why does this program fail to copy files?</t>
  </si>
  <si>
    <t>&lt;p&gt;this morning, my friend and I discussed and wrote the below code. The idea behind this Perl script is to create the directory structure and copy the files to the corresponding directory.&lt;/p&gt;
&lt;pre&gt;&lt;code&gt;#!/usr/bin/perl
use File::Path;
use File::Copy;
use Path::Class;
use File::Basename qw/dirname/;
my $src = "/Vijay/new.txt";
unless (open(MYFILE, "file1")) {
    die ("cannot open input file file1\n");
}
$line = &amp;lt;MYFILE&amp;gt;;
while ($line ne "") {
    print ($line);
    mkdir_and_copy($src,$line);
    $line = &amp;lt;MYFILE&amp;gt;;
}
sub mkdir_and_copy {
    my ($from, $to) = @_;
    my($directory, $filename) = $to =~ m/(.*\/)(.*)$/;
    print("creating dir $directory");
    system "mkdir -p $directory";
    print("copying file $from to $to");
    system "cp -f $from $to";
    return;
}
&lt;/code&gt;&lt;/pre&gt;
&lt;p&gt;The above piece of code creates the directory structure, but fails to copy the files to the corresponding directory. Could you please let us know, where exactly we are wrong?&lt;/p&gt;
&lt;p&gt;Contents of file1:&lt;/p&gt;
&lt;pre&gt;&lt;code&gt;test/test1/test2/test.txt
&lt;/code&gt;&lt;/pre&gt;
&lt;p&gt;Contents of new.txt:&lt;/p&gt;
&lt;pre&gt;&lt;code&gt;Shell/Test/test1/test1.txt
Shell/Test/test2/test2.txt
Shell/Test/test3/test3.txt
&lt;/code&gt;&lt;/pre&gt;
&lt;p&gt;Output:&lt;/p&gt;
&lt;pre&gt;&lt;code&gt;&amp;gt; ./mypgm.pl
test/test1/test2/test.txt
creating dir test/test1/test2/copying file /Vijay/new.txt to     test/test1/test2/test.txt
cp: cannot access /Vijay/new.txt: No such file or directory
&amp;gt;
&lt;/code&gt;&lt;/pre&gt;
&lt;p&gt;The directory &lt;code&gt;Vijay&lt;/code&gt; has the file &lt;code&gt;new.txt&lt;/code&gt; with the above mentioned content.&lt;/p&gt;
&lt;p&gt;Thanks in advance,&lt;/p&gt;
&lt;p&gt;Vijay&lt;/p&gt;
&lt;hr&gt;
&lt;p&gt;Hello everyone,&lt;br&gt;
I just modified my code. Please refer the below section of code.    &lt;/p&gt;
&lt;pre&gt;&lt;code&gt;#!/usr/bin/perl        
use File::Path;    
use File::Copy;    
use File::Basename qw/dirname/;    
my $src = "./Vijay/new.txt";       
unless (open(MYFILE, "file1"))    
{    
die ("cannot open input file file1\n");    
}
$line = ;
while ($line ne "")
{
print ($line); print("\n");
mkdir_and_copy($src,$line);
$line = ""; }
sub mkdir_and_copy        
{      
my ($from, $to) = @_;    
my($directory, $filename) = $to =~ m/(.\/)(.)$/;    
$temp = $directory.$filename;    
print("Creating dirrectory $directory \n");    
if(! -d $directory)    
{    
mkpath($directory) #or die "Failed to create path";    
}    
printf("From: $from \n");    
printf("To: $temp \n");    
copy($from,$temp) or die "Failed to Copy";    
return;    
}    
&lt;/code&gt;&lt;/pre&gt;
&lt;p&gt;Now, it creates the exact directory structure and copies the file to the corresponding directory. Could you please tell me that, whether the above code is a proper one?&lt;/p&gt;</t>
  </si>
  <si>
    <t>2010-08-13 10:20:25.477000+00:00</t>
  </si>
  <si>
    <t>2010-08-13 15:23:38.710000+00:00</t>
  </si>
  <si>
    <t>2010-08-13 13:08:40.190000+00:00</t>
  </si>
  <si>
    <t>perl|copy</t>
  </si>
  <si>
    <t>Laravel session gets suddenly destroyed</t>
  </si>
  <si>
    <t>&lt;p&gt;I have a multi-page form that handles sport event registrations. We are getting a lot of users (about 15% of all users, platform/browser independent) that experience the following error:&lt;/p&gt;
&lt;p&gt;The form contains the following pages:&lt;/p&gt;
&lt;ol&gt;
&lt;li&gt;Start&lt;/li&gt;
&lt;li&gt;Details&lt;/li&gt;
&lt;li&gt;Team&lt;/li&gt;
&lt;li&gt;Class&lt;/li&gt;
&lt;li&gt;Batch&lt;/li&gt;
&lt;li&gt;Merchandise&lt;/li&gt;
&lt;li&gt;Survey&lt;/li&gt;
&lt;li&gt;Complete&lt;/li&gt;
&lt;/ol&gt;
&lt;p&gt;On every page, we check if the session contains the data from the previous page. If not, we redirect him back.&lt;/p&gt;
&lt;p&gt;The issue that encounters is that the 15% group gets redirected back after inputting data on step 4.&lt;/p&gt;
&lt;p&gt;This probably means that the session/data gets corrupted in the store function from step 4, but I don't have any clue how/why/where. But if this is the issue, it doesn't make sense that only 15% of our users get the issue. Also, after hours of trying, we where not able to reproduce this error.&lt;/p&gt;
&lt;p&gt;I know the session gets completely flushed/destroyed because the users get cascaded back: showBatchPage reverts the user back to showClassPage, showClassPage to showMembersPage, showMembersPage to showStartPage etc. We also log these reverts.&lt;/p&gt;
&lt;p&gt;My code looks like the following:&lt;/p&gt;
&lt;pre&gt;&lt;code&gt;&amp;lt;?php
public function saveClassPage($slug)
{
    $rules = [];
    $messages = [];
    $memberClasses = [];    
    // prepare solo error messages    
    foreach (Session::get('entry.members') as $id =&amp;gt; $member)
    {
        if (!isset($member['group'])) {
            $rules["class.{$id}"] = 'required';
            $messages["class.{$id}.required"] = "Please select a class for member {$member['firstname']} {$member['lastname']}";
        }
    }
    // prepare team error messages
    foreach (Session::get('entry.groups', []) as $id =&amp;gt; $group)
    {
        $rules["group.{$id}"] = 'required';
        $messages["group.{$id}.required"] = "Please select a class for group {$group['name']}";
    }
    $validator = Validator::make(Input::all(), $rules, $messages);
    // loop trough solo members and set class
    foreach (Input::get('class', []) as $i =&amp;gt; $class)
    {
        Session::put("entry.members.{$i}.class", $class);
        // if there is only one class in the batch, assign it
        $memberClasses[$i] = ClassModel::find($class);
        if ($memberClasses[$i]-&amp;gt;batches()-&amp;gt;count() &amp;lt; 2) {
            Session::put("entry.members.{$i}.batch", $memberClasses[$i]-&amp;gt;batches()-&amp;gt;first()-&amp;gt;id);
        }
    }
    // loop trough teams and set class
    foreach (Input::get('group', []) as $i =&amp;gt; $class)
    {
        foreach (Session::get("entry.groups.{$i}.members", []) as $id)
        {
            Session::put("entry.members.{$id}.class", $class);
            // if there is only one class in the batch, assign it
            $memberClasses[$id] = ClassModel::find($class);
            if ($memberClasses[$id]-&amp;gt;batches()-&amp;gt;count() &amp;lt; 2) {
                Session::put("entry.members.{$i}.batch", $memberClasses[$id]-&amp;gt;batches()-&amp;gt;first()-&amp;gt;id);
            }
        }
        Session::put("entry.groups.{$i}.class", $class);
    }
    $allClassesAreEmpty = true;
    foreach ($memberClasses as $class)
    {
        if ($class-&amp;gt;batches()-&amp;gt;count() &amp;gt; 1) {
            $allClassesAreEmpty = false;
            break;
        }
    }
    if ($validator-&amp;gt;passes()) {
        // skip batch page if there is only one batch
        if ($allClassesAreEmpty) {
            return Redirect::action('EventEntryController@showExtrasPage', array('slug' =&amp;gt; $slug));
        } else {
            return Redirect::action('EventEntryController@showBatchPage', array('slug' =&amp;gt; $slug));
        }
    }
    return Redirect::action('EventEntryController@showClassPage', array('slug' =&amp;gt; $slug))-&amp;gt;withErrors($validator);
}
public function showBatchPage($slug)
{
    $firstMember = head( Session::get('entry.members', []) );
    if (!isset($firstMember['class'])) {
        Log::info('showBatchPage@revertToClass');
        return Redirect::action('EventEntryController@showClassPage', array('slug' =&amp;gt; $slug));
    }
    // other stuff (preparing view data etc.)
    return View::make('entry/batch', $viewData);
}
&lt;/code&gt;&lt;/pre&gt;
&lt;p&gt;My app/config/session.php&lt;/p&gt;
&lt;pre&gt;&lt;code&gt;&amp;lt;?php
return array(
    /*
    |--------------------------------------------------------------------------
    | Default Session Driver
    |--------------------------------------------------------------------------
    |
    | This option controls the default session "driver" that will be used on
    | requests. By default, we will use the lightweight native driver but
    | you may specify any of the other wonderful drivers provided here.
    |
    | Supported: "file", "cookie", "database", "apc",
    |            "memcached", "redis", "array"
    |
    */
    'driver' =&amp;gt; 'file',
    /*
    |--------------------------------------------------------------------------
    | Session Lifetime
    |--------------------------------------------------------------------------
    |
    | Here you may specify the number of minutes that you wish the session
    | to be allowed to remain idle before it expires. If you want them
    | to immediately expire on the browser closing, set that option.
    |
    */
    'lifetime' =&amp;gt; 120,
    'expire_on_close' =&amp;gt; false,
    /*
    |--------------------------------------------------------------------------
    | Session File Location
    |--------------------------------------------------------------------------
    |
    | When using the native session driver, we need a location where session
    | files may be stored. A default has been set for you but a different
    | location may be specified. This is only needed for file sessions.
    |
    */
    'files' =&amp;gt; storage_path().'/sessions',
    /*
    |--------------------------------------------------------------------------
    | Session Database Connection
    |--------------------------------------------------------------------------
    |
    | When using the "database" or "redis" session drivers, you may specify a
    | connection that should be used to manage these sessions. This should
    | correspond to a connection in your database configuration options.
    |
    */
    'connection' =&amp;gt; null,
    /*
    |--------------------------------------------------------------------------
    | Session Database Table
    |--------------------------------------------------------------------------
    |
    | When using the "database" session driver, you may specify the table we
    | should use to manage the sessions. Of course, a sensible default is
    | provided for you; however, you are free to change this as needed.
    |
    */
    'table' =&amp;gt; 'sessions',
    /*
    |--------------------------------------------------------------------------
    | Session Sweeping Lottery
    |--------------------------------------------------------------------------
    |
    | Some session drivers must manually sweep their storage location to get
    | rid of old sessions from storage. Here are the chances that it will
    | happen on a given request. By default, the odds are 2 out of 100.
    |
    */
    'lottery' =&amp;gt; array(2, 100),
    /*
    |--------------------------------------------------------------------------
    | Session Cookie Name
    |--------------------------------------------------------------------------
    |
    | Here you may change the name of the cookie used to identify a session
    | instance by ID. The name specified here will get used every time a
    | new session cookie is created by the framework for every driver.
    |
    */
    'cookie' =&amp;gt; 'laravel_session',
    /*
    |--------------------------------------------------------------------------
    | Session Cookie Path
    |--------------------------------------------------------------------------
    |
    | The session cookie path determines the path for which the cookie will
    | be regarded as available. Typically, this will be the root path of
    | your application but you are free to change this when necessary.
    |
    */
    'path' =&amp;gt; '/',
    /*
    |--------------------------------------------------------------------------
    | Session Cookie Domain
    |--------------------------------------------------------------------------
    |
    | Here you may change the domain of the cookie used to identify a session
    | in your application. This will determine which domains the cookie is
    | available to in your application. A sensible default has been set.
    |
    */
    'domain' =&amp;gt; null,
    /*
    |--------------------------------------------------------------------------
    | HTTPS Only Cookies
    |--------------------------------------------------------------------------
    |
    | By setting this option to true, session cookies will only be sent back
    | to the server if the browser has a HTTPS connection. This will keep
    | the cookie from being sent to you if it can not be done securely.
    |
    */
    'secure' =&amp;gt; false,
);
&lt;/code&gt;&lt;/pre&gt;</t>
  </si>
  <si>
    <t>2014-05-14 11:15:45.417000+00:00</t>
  </si>
  <si>
    <t>2014-05-20 05:16:31.513000+00:00</t>
  </si>
  <si>
    <t>2014-05-14 12:02:16.233000+00:00</t>
  </si>
  <si>
    <t>php|session|laravel|laravel-4</t>
  </si>
  <si>
    <t>sql query to get dIvided group</t>
  </si>
  <si>
    <t>&lt;pre&gt;&lt;code&gt;  Table - Activity(jobid,duedate,status)
&lt;/code&gt;&lt;/pre&gt;
&lt;p&gt;status can be either 'Complete' or "NotComplete".&lt;/p&gt;
&lt;p&gt;I need a single sql query to get &lt;/p&gt;
&lt;ol&gt;
&lt;li&gt;how many jobs are complete&lt;/li&gt;
&lt;li&gt;how many jobs are not-complete having duedate is greater than current date&lt;/li&gt;
&lt;li&gt;how many jobs are not-complete having duedate is less than current date&lt;/li&gt;
&lt;/ol&gt;
&lt;p&gt;Can anyone please help me with this? Result should have only 3 rows and two columns.&lt;/p&gt;
&lt;p&gt;&lt;strong&gt;&lt;em&gt;Edit&lt;/em&gt;&lt;/strong&gt; : I am looking for best query, perhaps with any inbuilt function/keyword which performs task in single line query. Not sure if it is possible. &lt;/p&gt;</t>
  </si>
  <si>
    <t>2014-09-16 12:21:37.043000+00:00</t>
  </si>
  <si>
    <t>2014-11-05 05:04:33.110000+00:00</t>
  </si>
  <si>
    <t>Get only part of an Object from JSON data</t>
  </si>
  <si>
    <t>&lt;p&gt;I need help in defining only part of the &lt;code&gt;logo&lt;/code&gt; &lt;code&gt;object&lt;/code&gt; as &lt;code&gt;logoName&lt;/code&gt; in my &lt;strong&gt;JSON&lt;/strong&gt; Data&lt;/p&gt;
&lt;pre&gt;&lt;code&gt;{  
   "2017-12-17":[  
   ],
   "2017-12-18":[  
      {  
         "label":"Chrome",
         "nb_uniq_visitors":1,
         "nb_visits":1,
         "nb_actions":5,
         "nb_users":0,
         "max_actions":5,
         "sum_visit_length":184,
         "bounce_count":0,
         "nb_visits_converted":0,
         "logo":"plugins\/Morpheus\/icons\/dist\/browsers\/CH.png",
         "segment":"browserCode==CH"
      }
   ],
   "2017-12-19":[  
      {  
         "label":"Chrome",
         "nb_uniq_visitors":1,
         "nb_visits":7,
         "nb_actions":29,
         "nb_users":0,
         "max_actions":15,
         "sum_visit_length":4195,
         "bounce_count":2,
         "nb_visits_converted":0,
         "logo":"plugins\/Morpheus\/icons\/dist\/browsers\/CH.png",
         "segment":"browserCode==CH"
      },
      {  
         "label":"Mobile Safari",
         "nb_uniq_visitors":2,
         "nb_visits":2,
         "nb_actions":2,
         "nb_users":0,
         "max_actions":1,
         "sum_visit_length":0,
         "bounce_count":2,
         "nb_visits_converted":0,
         "logo":"plugins\/Morpheus\/icons\/dist\/browsers\/MF.png",
         "segment":"browserCode==MF"
      }
   ],
   "2017-12-20":[  
      {  
         "label":"Chrome",
         "nb_uniq_visitors":1,
         "nb_visits":1,
         "nb_actions":4,
         "nb_users":0,
         "max_actions":4,
         "sum_visit_length":794,
         "bounce_count":0,
         "nb_visits_converted":0,
         "logo":"plugins\/Morpheus\/icons\/dist\/browsers\/CH.png",
         "segment":"browserCode==CH"
      }
   ],
   "2017-12-21":[  
      {  
         "label":"Chrome",
         "nb_uniq_visitors":1,
         "nb_visits":1,
         "nb_actions":14,
         "nb_users":0,
         "max_actions":14,
         "sum_visit_length":287,
         "bounce_count":0,
         "nb_visits_converted":0,
         "logo":"plugins\/Morpheus\/icons\/dist\/browsers\/CH.png",
         "segment":"browserCode==CH"
      }
   ],
   "2017-12-22":[  
      {  
         "label":"Chrome",
         "nb_uniq_visitors":1,
         "nb_visits":2,
         "nb_actions":9,
         "nb_users":0,
         "max_actions":7,
         "sum_visit_length":219,
         "bounce_count":0,
         "nb_visits_converted":0,
         "logo":"plugins\/Morpheus\/icons\/dist\/browsers\/CH.png",
         "segment":"browserCode==CH"
      }
   ],
   "2017-12-23":[  
   ],
   "2017-12-24":[  
      {  
         "label":"Chrome",
         "nb_uniq_visitors":1,
         "nb_visits":1,
         "nb_actions":12,
         "nb_users":0,
         "max_actions":12,
         "sum_visit_length":480,
         "bounce_count":0,
         "nb_visits_converted":0,
         "logo":"plugins\/Morpheus\/icons\/dist\/browsers\/CH.png",
         "segment":"browserCode==CH"
      }
   ],
   "2017-12-25":[  
      {  
         "label":"Chrome",
         "nb_uniq_visitors":1,
         "nb_visits":3,
         "nb_actions":4,
         "nb_users":0,
         "max_actions":2,
         "sum_visit_length":7,
         "bounce_count":2,
         "nb_visits_converted":0,
         "logo":"plugins\/Morpheus\/icons\/dist\/browsers\/CH.png",
         "segment":"browserCode==CH"
      }
   ],
   "2017-12-26":[  
   ],
   "2017-12-27":[  
      {  
         "label":"Mobile Safari",
         "nb_uniq_visitors":9,
         "nb_visits":9,
         "nb_actions":9,
         "nb_users":0,
         "max_actions":1,
         "sum_visit_length":0,
         "bounce_count":9,
         "nb_visits_converted":0,
         "logo":"plugins\/Morpheus\/icons\/dist\/browsers\/MF.png",
         "segment":"browserCode==MF"
      },
      {  
         "label":"Android Browser",
         "nb_uniq_visitors":4,
         "nb_visits":4,
         "nb_actions":4,
         "nb_users":0,
         "max_actions":1,
         "sum_visit_length":0,
         "bounce_count":4,
         "nb_visits_converted":0,
         "logo":"plugins\/Morpheus\/icons\/dist\/browsers\/AN.png",
         "segment":"browserCode==AN"
      },
      {  
         "label":"Internet Explorer",
         "nb_uniq_visitors":4,
         "nb_visits":4,
         "nb_actions":4,
         "nb_users":0,
         "max_actions":1,
         "sum_visit_length":0,
         "bounce_count":4,
         "nb_visits_converted":0,
         "logo":"plugins\/Morpheus\/icons\/dist\/browsers\/IE.png",
         "segment":"browserCode==IE"
      },
      {  
         "label":"Chrome",
         "nb_uniq_visitors":3,
         "nb_visits":3,
         "nb_actions":3,
         "nb_users":0,
         "max_actions":1,
         "sum_visit_length":0,
         "bounce_count":3,
         "nb_visits_converted":0,
         "logo":"plugins\/Morpheus\/icons\/dist\/browsers\/CH.png",
         "segment":"browserCode==CH"
      },
      {  
         "label":"Chrome Mobile",
         "nb_uniq_visitors":2,
         "nb_visits":2,
         "nb_actions":2,
         "nb_users":0,
         "max_actions":1,
         "sum_visit_length":0,
         "bounce_count":2,
         "nb_visits_converted":0,
         "logo":"plugins\/Morpheus\/icons\/dist\/browsers\/CM.png",
         "segment":"browserCode==CM"
      },
      {  
         "label":"Firefox",
         "nb_uniq_visitors":2,
         "nb_visits":2,
         "nb_actions":2,
         "nb_users":0,
         "max_actions":1,
         "sum_visit_length":0,
         "bounce_count":2,
         "nb_visits_converted":0,
         "logo":"plugins\/Morpheus\/icons\/dist\/browsers\/FF.png",
         "segment":"browserCode==FF"
      },
      {  
         "label":"Opera",
         "nb_uniq_visitors":1,
         "nb_visits":1,
         "nb_actions":1,
         "nb_users":0,
         "max_actions":1,
         "sum_visit_length":0,
         "bounce_count":1,
         "nb_visits_converted":0,
         "logo":"plugins\/Morpheus\/icons\/dist\/browsers\/OP.png",
         "segment":"browserCode==OP"
      },
      {  
         "label":"Safari",
         "nb_uniq_visitors":1,
         "nb_visits":1,
         "nb_actions":1,
         "nb_users":0,
         "max_actions":1,
         "sum_visit_length":0,
         "bounce_count":1,
         "nb_visits_converted":0,
         "logo":"plugins\/Morpheus\/icons\/dist\/browsers\/SF.png",
         "segment":"browserCode==SF"
      }
   ],
   "2017-12-28":[  
   ],
   "2017-12-29":[  
   ],
   "2017-12-30":[  
   ],
   "2017-12-31":[  
      {  
         "label":"Chrome",
         "nb_uniq_visitors":1,
         "nb_visits":1,
         "nb_actions":6,
         "nb_users":0,
         "max_actions":6,
         "sum_visit_length":41,
         "bounce_count":0,
         "nb_visits_converted":0,
         "logo":"plugins\/Morpheus\/icons\/dist\/browsers\/CH.png",
         "segment":"browserCode==CH"
      }
   ],
   "2018-01-01":[  
      {  
         "label":"Chrome",
         "nb_uniq_visitors":1,
         "nb_visits":2,
         "nb_actions":9,
         "nb_users":0,
         "max_actions":7,
         "sum_visit_length":103,
         "bounce_count":0,
         "nb_visits_converted":0,
         "logo":"plugins\/Morpheus\/icons\/dist\/browsers\/CH.png",
         "segment":"browserCode==CH"
      }
   ],
   "2018-01-02":[  
   ],
   "2018-01-03":[  
      {  
         "label":"Chrome",
         "nb_uniq_visitors":1,
         "nb_visits":3,
         "nb_actions":6,
         "nb_users":0,
         "max_actions":3,
         "sum_visit_length":250,
         "bounce_count":1,
         "nb_visits_converted":0,
         "logo":"plugins\/Morpheus\/icons\/dist\/browsers\/CH.png",
         "segment":"browserCode==CH"
      }
   ],
   "2018-01-04":[  
   ],
   "2018-01-05":[  
   ]
}
&lt;/code&gt;&lt;/pre&gt;
&lt;p&gt;How can I define only the filename, for example in the above &lt;strong&gt;JSON&lt;/strong&gt; the &lt;code&gt;logo&lt;/code&gt; filename for Chrome Browsers is &lt;code&gt;CH.png&lt;/code&gt;?&lt;/p&gt;
&lt;p&gt;I would like to get the &lt;code&gt;object&lt;/code&gt; but return only the filename for use in my JS as &lt;/p&gt;
&lt;pre&gt;&lt;code&gt;logo.src = 'https://example.com/img/browser-icons/' + logoName + '.png';
&lt;/code&gt;&lt;/pre&gt;
&lt;p&gt;Alternatively, the same could be done with the &lt;code&gt;object&lt;/code&gt; &lt;code&gt;segment&lt;/code&gt;, returning for example &lt;code&gt;CH&lt;/code&gt; from &lt;code&gt;browserCode==CH&lt;/code&gt;.&lt;/p&gt;
&lt;p&gt;My full code is displaying the JSON data as a table&lt;/p&gt;
&lt;p&gt;&lt;div class="snippet" data-lang="js" data-hide="false" data-console="true" data-babel="false"&gt;_x000D_
&lt;div class="snippet-code"&gt;_x000D_
&lt;pre class="snippet-code-js lang-js prettyprint-override"&gt;&lt;code&gt;$.getJSON('https://discovrbookings.innocraft.cloud/index.php?module=API&amp;amp;method=DevicesDetection.getBrowsers&amp;amp;idSite=2&amp;amp;period=day&amp;amp;date=2017-12-17,2018-01-05&amp;amp;format=json&amp;amp;token_auth=68aa5bd12137f13255dcb98794b65dff', (browser_data) =&amp;gt; {_x000D_
  Array.prototype.groupBy = function(key) {_x000D_
    var path = key.split('.');_x000D_
    var result = {};_x000D_
    try {_x000D_
      this.forEach(function(item) {_x000D_
        // es6: path.reduce((a, b) =&amp;gt; a[b], item)_x000D_
        type = path.reduce(function(a, b) {_x000D_
          return a[b]_x000D_
        }, item) || 'null';_x000D_
        if (!result[type])_x000D_
          result[type] = [];_x000D_
        result[type].push(item);_x000D_
      });_x000D_
      return result;_x000D_
    } catch (err) {_x000D_
      console.log(err);_x000D_
      return {};_x000D_
    }_x000D_
  };_x000D_
_x000D_
  function getPropertySum(key, arr) {_x000D_
    return arr.reduce((a, b) =&amp;gt; (key in b ? a + b[key] : a), 0)_x000D_
  }_x000D_
  // one array of all dates_x000D_
  let browserCode = ('segment');_x000D_
  let flattenArr = [].concat.apply([], Object.values(browser_data));_x000D_
  // object of grouped dates by device_x000D_
  let groups = flattenArr.groupBy('label');_x000D_
  let table = document.getElementById('browserTable');_x000D_
  table.innerHTML = '';_x000D_
  Object.keys(groups).forEach(function(label) {_x000D_
    let row = document.createElement('tr');_x000D_
    let logw = document.createElement('td');_x000D_
    let logo = document.createElement('img');_x000D_
    let lab = document.createElement('td');_x000D_
    let nbv = document.createElement('td');_x000D_
    let nbu = document.createElement('td');_x000D_
    row.appendChild(logw);_x000D_
    row.appendChild(lab);_x000D_
    row.appendChild(nbv);_x000D_
    row.appendChild(nbu);_x000D_
    logw.appendChild(logo);_x000D_
    logo.src = 'https://discovrbookings.com/wp-content/themes/discovr-application/assets/img/browser-icons/' + logoName + '.png';_x000D_
    lab.innerHTML = label;_x000D_
    nbv.innerHTML = getPropertySum('nb_visits', groups[label]);_x000D_
    nbu.innerHTML = getPropertySum('nb_uniq_visitors', groups[label]);_x000D_
    table.appendChild(row);_x000D_
  });_x000D_
});&lt;/code&gt;&lt;/pre&gt;_x000D_
&lt;pre class="snippet-code-html lang-html prettyprint-override"&gt;&lt;code&gt;&amp;lt;script src="https://ajax.googleapis.com/ajax/libs/jquery/2.1.1/jquery.min.js"&amp;gt;&amp;lt;/script&amp;gt;_x000D_
_x000D_
&amp;lt;table id="browserTable"&amp;gt;&amp;lt;/table&amp;gt;&lt;/code&gt;&lt;/pre&gt;_x000D_
&lt;/div&gt;_x000D_
&lt;/div&gt;_x000D_
&lt;/p&gt;</t>
  </si>
  <si>
    <t>2018-01-15 05:25:59.893000+00:00</t>
  </si>
  <si>
    <t>2018-01-15 05:47:17.407000+00:00</t>
  </si>
  <si>
    <t>2018-01-15 05:31:14.887000+00:00</t>
  </si>
  <si>
    <t>iText and AcroFields styling fonts doubles the fields text</t>
  </si>
  <si>
    <t>&lt;p&gt;i'm facing a problem usintg iText together with java in order to populate form fields.&lt;/p&gt;
&lt;p&gt;i've created the form field in a PDF Document using Acrobat 11 Pro and i've been able to populate it with all the values i needed using iText and AcroFields.&lt;/p&gt;
&lt;p&gt;Troubles startet to raise when i modified fonts style, size and alignment using Acrobat 11. Now, for each input i modified the style, when i'm using the setField method i get twice the content one that has the aspect i've set in Acrobat 11 and the other that has the default style&lt;/p&gt;
&lt;p&gt;Has anyone already tackled that issue?&lt;/p&gt;</t>
  </si>
  <si>
    <t>2015-03-25 11:23:50.647000+00:00</t>
  </si>
  <si>
    <t>java|itext|acrofields</t>
  </si>
  <si>
    <t>In which scenario Distinct and Group by should be used in SQL?</t>
  </si>
  <si>
    <t>&lt;p&gt;It was asked in an interview.&lt;/p&gt;
&lt;p&gt;There are many answers in &lt;strong&gt;Stack overflow&lt;/strong&gt; like&lt;/p&gt;
&lt;ol&gt;
&lt;li&gt;&lt;p&gt;Use &lt;code&gt;GROUP BY&lt;/code&gt; if you use aggregate functions, like &lt;code&gt;AVG, MAX, MIN, SUM,&lt;/code&gt; and &lt;code&gt;COUNT.&lt;/code&gt; Other hand &lt;code&gt;DISTINCT&lt;/code&gt; just removes duplicates.&lt;/p&gt;&lt;/li&gt;
&lt;li&gt;&lt;p&gt;There is no difference (in SQL Server, at least). Both queries use the same &lt;code&gt;execution plan&lt;/code&gt;.&lt;/p&gt;&lt;/li&gt;
&lt;/ol&gt;
&lt;p&gt;&lt;strong&gt;My actual Question is&lt;/strong&gt;&lt;br&gt;
 In case we are using aggregate functions we go for &lt;code&gt;Group By&lt;/code&gt; function&lt;/p&gt;
&lt;p&gt;If I���m not using &lt;code&gt;aggregate functions&lt;/code&gt; in a query ,so in such case&lt;/p&gt;
&lt;ol&gt;
&lt;li&gt;&lt;p&gt;If we are using &lt;code&gt;Group by&lt;/code&gt; function there,why can't use &lt;code&gt;Distinct&lt;/code&gt;?&lt;br&gt;
(As Both queries use the same &lt;code&gt;execution plan&lt;/code&gt;.)    &lt;/p&gt;&lt;/li&gt;
&lt;li&gt;&lt;p&gt;If we are using &lt;code&gt;Distinct&lt;/code&gt; function there,why can't use &lt;code&gt;Group by&lt;/code&gt;?&lt;br&gt;
(Both queries use the same &lt;code&gt;execution plan&lt;/code&gt;.)     &lt;/p&gt;&lt;/li&gt;
&lt;/ol&gt;
&lt;p&gt;When and where &lt;code&gt;Group by&lt;/code&gt; and &lt;code&gt;Distinct&lt;/code&gt; should be Used?&lt;/p&gt;</t>
  </si>
  <si>
    <t>2015-07-24 05:44:04.807000+00:00</t>
  </si>
  <si>
    <t>2015-07-24 06:32:06.197000+00:00</t>
  </si>
  <si>
    <t>2015-07-24 05:49:24.070000+00:00</t>
  </si>
  <si>
    <t>sql|sql-server|sql-server-2008|group-by|distinct</t>
  </si>
  <si>
    <t>Databind a datagrid header combobox from ViewModel</t>
  </si>
  <si>
    <t>&lt;p&gt;I've got a Datagrid with a column defined as this:&lt;/p&gt;
&lt;pre&gt;&lt;code&gt;&amp;lt;Custom:DataGridTextColumn HeaderStyle="{StaticResource ComboBoxHeader}" Width="Auto" Header="Type" Binding="{Binding Path=Type}" IsReadOnly="True" /&amp;gt;
&lt;/code&gt;&lt;/pre&gt;
&lt;p&gt;The ComboBoxHeader style is defined in a resource dictionary as this:&lt;/p&gt;
&lt;pre&gt;&lt;code&gt;&amp;lt;Style x:Key="ComboBoxHeader" TargetType="{x:Type my:DataGridColumnHeader}"&amp;gt;
        &amp;lt;Setter Property="VerticalContentAlignment" Value="Center"/&amp;gt;
        &amp;lt;Setter Property="Template"&amp;gt;
            &amp;lt;Setter.Value&amp;gt;
                &amp;lt;ControlTemplate TargetType="{x:Type my:DataGridColumnHeader}"&amp;gt;
                    &amp;lt;ControlTemplate.Resources&amp;gt;
                        &amp;lt;Storyboard x:Key="ShowFilterControl"&amp;gt;
                            &amp;lt;ObjectAnimationUsingKeyFrames BeginTime="00:00:00" Storyboard.TargetName="filterComboBox" Storyboard.TargetProperty="(UIElement.Visibility)"&amp;gt;
                                &amp;lt;DiscreteObjectKeyFrame KeyTime="00:00:00" Value="{x:Static Visibility.Visible}"/&amp;gt;
                                &amp;lt;DiscreteObjectKeyFrame KeyTime="00:00:00.5000000" Value="{x:Static Visibility.Visible}"/&amp;gt;
                            &amp;lt;/ObjectAnimationUsingKeyFrames&amp;gt;
                            &amp;lt;ColorAnimationUsingKeyFrames BeginTime="00:00:00" Storyboard.TargetName="filterComboBox" Storyboard.TargetProperty="(Panel.Background).(SolidColorBrush.Color)"&amp;gt;
                                &amp;lt;SplineColorKeyFrame KeyTime="00:00:00" Value="Transparent"/&amp;gt;
                                &amp;lt;SplineColorKeyFrame KeyTime="00:00:00.5000000" Value="White"/&amp;gt;
                            &amp;lt;/ColorAnimationUsingKeyFrames&amp;gt;
                        &amp;lt;/Storyboard&amp;gt;
                        &amp;lt;Storyboard x:Key="HideFilterControl"&amp;gt;
                            &amp;lt;ObjectAnimationUsingKeyFrames BeginTime="00:00:00" Storyboard.TargetName="filterComboBox" Storyboard.TargetProperty="(UIElement.Visibility)"&amp;gt;
                                &amp;lt;DiscreteObjectKeyFrame KeyTime="00:00:00.4000000" Value="{x:Static Visibility.Collapsed}"/&amp;gt;
                            &amp;lt;/ObjectAnimationUsingKeyFrames&amp;gt;
                            &amp;lt;ColorAnimationUsingKeyFrames BeginTime="00:00:00" Storyboard.TargetName="filterComboBox" Storyboard.TargetProperty="(UIElement.OpacityMask).(SolidColorBrush.Color)"&amp;gt;
                                &amp;lt;SplineColorKeyFrame KeyTime="00:00:00" Value="Black"/&amp;gt;
                                &amp;lt;SplineColorKeyFrame KeyTime="00:00:00.4000000" Value="#00000000"/&amp;gt;
                            &amp;lt;/ColorAnimationUsingKeyFrames&amp;gt;
                        &amp;lt;/Storyboard&amp;gt;
                    &amp;lt;/ControlTemplate.Resources&amp;gt;
                        &amp;lt;my:DataGridHeaderBorder x:Name="dataGridHeaderBorder" Margin="0" VerticalAlignment="Top" Height="31" IsClickable="{TemplateBinding CanUserSort}" IsHovered="{TemplateBinding IsMouseOver}" IsPressed="{TemplateBinding IsPressed}" SeparatorBrush="{TemplateBinding SeparatorBrush}" SeparatorVisibility="{TemplateBinding SeparatorVisibility}" SortDirection="{TemplateBinding SortDirection}" Background="{TemplateBinding Background}" BorderBrush="{TemplateBinding BorderBrush}" BorderThickness="{TemplateBinding BorderThickness}" Padding="{TemplateBinding Padding}" Grid.ColumnSpan="1"&amp;gt;
                            &amp;lt;Grid x:Name="grid" Width="Auto" Height="Auto" RenderTransformOrigin="0.5,0.5"&amp;gt;
                                &amp;lt;Grid.RenderTransform&amp;gt;
                                    &amp;lt;TransformGroup&amp;gt;
                                        &amp;lt;ScaleTransform/&amp;gt;
                                        &amp;lt;SkewTransform/&amp;gt;
                                        &amp;lt;RotateTransform/&amp;gt;
                                        &amp;lt;TranslateTransform/&amp;gt;
                                    &amp;lt;/TransformGroup&amp;gt;
                                &amp;lt;/Grid.RenderTransform&amp;gt;
                                &amp;lt;Grid.ColumnDefinitions&amp;gt;
                                    &amp;lt;ColumnDefinition Width="*"/&amp;gt;
                                &amp;lt;/Grid.ColumnDefinitions&amp;gt;
                            &amp;lt;ContentPresenter x:Name="contentPresenter"
                                    HorizontalAlignment="{TemplateBinding HorizontalContentAlignment}" 
                                    VerticalAlignment="{TemplateBinding VerticalContentAlignment}" 
                                    SnapsToDevicePixels="{TemplateBinding SnapsToDevicePixels}" 
                                    ContentStringFormat="{TemplateBinding ContentStringFormat}" 
                                    ContentTemplate="{TemplateBinding ContentTemplate}"&amp;gt;
                                &amp;lt;ContentPresenter.Content&amp;gt;
                                        &amp;lt;MultiBinding Converter="{StaticResource headerConverter}"&amp;gt;
                                            &amp;lt;MultiBinding.Bindings&amp;gt;
                                                &amp;lt;Binding ElementName="filterComboBox" Path="Text" /&amp;gt;
                                                &amp;lt;Binding RelativeSource="{RelativeSource TemplatedParent}" Path="Content" /&amp;gt;
                                            &amp;lt;/MultiBinding.Bindings&amp;gt;
                                        &amp;lt;/MultiBinding&amp;gt;
                                &amp;lt;/ContentPresenter.Content&amp;gt;
                            &amp;lt;/ContentPresenter&amp;gt;
                            &amp;lt;ComboBox ItemsSource="{Binding Path=Types}" x:Name="filterComboBox" VerticalAlignment="Center" HorizontalAlignment="Right" MinWidth="20" Height="Auto" OpacityMask="Black" Visibility="Collapsed" Text=""  Grid.Column="0" Grid.ColumnSpan="1"/&amp;gt;
                            &amp;lt;/Grid&amp;gt;
                      &amp;lt;/my:DataGridHeaderBorder&amp;gt;                      
                    &amp;lt;ControlTemplate.Triggers&amp;gt;
                        &amp;lt;Trigger Property="IsMouseOver" Value="True"&amp;gt;
                            &amp;lt;Trigger.EnterActions&amp;gt;
                                &amp;lt;BeginStoryboard x:Name="ShowFilterControl_BeginStoryboard" Storyboard="{StaticResource ShowFilterControl}"/&amp;gt;
                                &amp;lt;StopStoryboard BeginStoryboardName="HideFilterControl_BeginShowFilterControl"/&amp;gt;
                            &amp;lt;/Trigger.EnterActions&amp;gt;
                            &amp;lt;Trigger.ExitActions&amp;gt;
                                &amp;lt;BeginStoryboard x:Name="HideFilterControl_BeginShowFilterControl" Storyboard="{StaticResource HideFilterControl}"/&amp;gt;
                                &amp;lt;StopStoryboard BeginStoryboardName="ShowFilterControl_BeginStoryboard"/&amp;gt;
                            &amp;lt;/Trigger.ExitActions&amp;gt;
                        &amp;lt;/Trigger&amp;gt;
                    &amp;lt;/ControlTemplate.Triggers&amp;gt;
                &amp;lt;/ControlTemplate&amp;gt;
            &amp;lt;/Setter.Value&amp;gt;
        &amp;lt;/Setter&amp;gt;
  &amp;lt;Setter Property="Background"&amp;gt;
      &amp;lt;Setter.Value&amp;gt;
       &amp;lt;LinearGradientBrush EndPoint="0.5,1" StartPoint="0.5,0"&amp;gt;
        &amp;lt;GradientStop Color="#FF0067AD" Offset="1"/&amp;gt;
        &amp;lt;GradientStop Color="#FF003355" Offset="0.5"/&amp;gt;
        &amp;lt;GradientStop Color="#FF78A8C9" Offset="0"/&amp;gt;
       &amp;lt;/LinearGradientBrush&amp;gt;
      &amp;lt;/Setter.Value&amp;gt;
     &amp;lt;/Setter&amp;gt;
     &amp;lt;Setter Property="Foreground" Value="White"/&amp;gt;
     &amp;lt;Setter Property="BorderBrush"&amp;gt;
      &amp;lt;Setter.Value&amp;gt;
       &amp;lt;LinearGradientBrush EndPoint="0.5,1" StartPoint="0.5,0"&amp;gt;
        &amp;lt;GradientStop Color="#D8000000" Offset="0.664"/&amp;gt;
        &amp;lt;GradientStop Color="#7F003355" Offset="1"/&amp;gt;
       &amp;lt;/LinearGradientBrush&amp;gt;
      &amp;lt;/Setter.Value&amp;gt;
     &amp;lt;/Setter&amp;gt;
     &amp;lt;Setter Property="FontWeight" Value="Bold"/&amp;gt;
     &amp;lt;Setter Property="BorderThickness" Value="1,1,1,0"/&amp;gt;
     &amp;lt;Setter Property="HorizontalContentAlignment" Value="Center"/&amp;gt;
     &amp;lt;Setter Property="Padding" Value="5,0"/&amp;gt;
    &amp;lt;/Style&amp;gt;
&lt;/code&gt;&lt;/pre&gt;
&lt;p&gt;As you can see, I'm trying to databind the combobox's ItemsSource to Types, but this doesn't work. The list is in my ViewModel that is being applied to my page, how would I specify in this style that is in my resource dictionary that I want to bind to a source in my viewmodel. &lt;/p&gt;</t>
  </si>
  <si>
    <t>2010-04-14 06:46:34.420000+00:00</t>
  </si>
  <si>
    <t>2010-04-14 06:51:51.630000+00:00</t>
  </si>
  <si>
    <t>wpf|mvvm|combobox</t>
  </si>
  <si>
    <t>Validate in merge function pandas</t>
  </si>
  <si>
    <t>&lt;p&gt;Today I was trying to go a little deeper in the "merge" function of pandas, and I found the option "validate", which, as reported in the documentation, can be:&lt;/p&gt;
&lt;blockquote&gt;
  &lt;p&gt;validate : string, default None&lt;/p&gt;
  &lt;p&gt;If specified, checks if merge is of specified type.&lt;/p&gt;
  &lt;p&gt;���one_to_one��� or ���1:1���: check if merge keys are unique in both left and
  right datasets. ���one_to_many��� or ���1:m���: check if merge keys are unique
  in left dataset. ���many_to_one��� or ���m:1���: check if merge keys are
  unique in right dataset.   "many_to_many��� or ���m:m���: allowed, but does
  not result in checks.&lt;/p&gt;
&lt;/blockquote&gt;
&lt;p&gt;I have looked around to find a working example on where and how to use this function, but I couldn't find any. Moreover when I tried to apply it to a group of DataFrames I was merging, it didn't seem to change the output.
Can anyone give me a working example, to make me understand it better?&lt;/p&gt;
&lt;p&gt;Thanks in advance,&lt;/p&gt;
&lt;p&gt;Mattia&lt;/p&gt;</t>
  </si>
  <si>
    <t>2018-06-27 08:20:21.533000+00:00</t>
  </si>
  <si>
    <t>2018-06-27 08:26:02.507000+00:00</t>
  </si>
  <si>
    <t>python-3.x|pandas|validation|merge</t>
  </si>
  <si>
    <t>How to add multiple headers on a fly in Rest Assured</t>
  </si>
  <si>
    <t>&lt;pre&gt;&lt;code&gt;final Header header1 = new Header("MyHeader", "Something");
final Header header2 = new Header("MyHeader1", "Something else");
final Header header3 = new Header("MyHeader2", "Something if else");
Headers headers = new Headers(header1, header2, header3);
given().headers(headers).param("country_code", "IND").when().get("/get").then().contentType(ContentType.JSON).extract().response();
&lt;/code&gt;&lt;/pre&gt;
&lt;p&gt;With the above code I am able to add multiple headers in the URL. Issue is that the headers count and value will be fetched from excel sheet and count of the header may vary.&lt;/p&gt;
&lt;p&gt;I need to handle this on a fly. Any suggestions how I should approach this ? Thanks&lt;/p&gt;</t>
  </si>
  <si>
    <t>2016-12-23 18:43:46.273000+00:00</t>
  </si>
  <si>
    <t>2016-12-23 21:09:12.773000+00:00</t>
  </si>
  <si>
    <t>java|rest|rest-assured</t>
  </si>
  <si>
    <t>Detect the Type of a Column with SQLite.swift</t>
  </si>
  <si>
    <t>&lt;p&gt;I am reading &lt;strong&gt;two different SQLite files&lt;/strong&gt; and reading the 4th column. In one of the files, the type is &lt;code&gt;REAL&lt;/code&gt; and in the other, it's &lt;code&gt;INTEGER&lt;/code&gt;.&lt;/p&gt;
&lt;p&gt;When I try to extract the value, I am unable to ever determine the type:&lt;/p&gt;
&lt;pre&gt;&lt;code&gt;for row in try! db.prepare("SELECT * FROM things") {
  let value = row[4]
  print(value) //This logs "Optional(7)" or "Optional(1.2)" etc.
  switch value{
    case let double as Double:
      print("Double: \(double)") //This never gets called...
    case let int as Int:
      print("Int: \(int)") //This never gets called
    default:
      return 0 //This always gets called
  }
}
&lt;/code&gt;&lt;/pre&gt;
&lt;p&gt;How can I accurately detect the type of the column?&lt;/p&gt;</t>
  </si>
  <si>
    <t>2017-12-14 20:06:54.220000+00:00</t>
  </si>
  <si>
    <t>2017-12-14 22:43:14.280000+00:00</t>
  </si>
  <si>
    <t>sqlite.swift</t>
  </si>
  <si>
    <t>How to check all elements in an array in pascal</t>
  </si>
  <si>
    <t>&lt;p&gt;How would I code this so that if an element equals a certain value it would display a message, but if ALL elements inside that array aren't equal to that value, then it would output 'None'?&lt;/p&gt;
&lt;p&gt;I've tried&lt;/p&gt;
&lt;pre&gt;&lt;code&gt;for i := 0 to high(array) do
begin
    if (array[i].arrayElement = value) then
    begin
        WriteLn('A message');
    end;
end;
&lt;/code&gt;&lt;/pre&gt;
&lt;p&gt;That bit works, but I don't know how to do the check all bit. I had this:&lt;/p&gt;
&lt;pre&gt;&lt;code&gt;if (array[i].arrayElement to array[high(array)].arrayElement &amp;lt;&amp;gt; value) then
begin
    WriteLn('None');
end;
&lt;/code&gt;&lt;/pre&gt;
&lt;p&gt;But it didn't allow me to use "to"&lt;/p&gt;</t>
  </si>
  <si>
    <t>2018-05-08 09:33:05.053000+00:00</t>
  </si>
  <si>
    <t>2018-05-08 13:41:19.813000+00:00</t>
  </si>
  <si>
    <t>2018-05-08 09:42:50.433000+00:00</t>
  </si>
  <si>
    <t>arrays|pascal|freepascal</t>
  </si>
  <si>
    <t>how can I make a server communicate with more than 1 client at the same time?</t>
  </si>
  <si>
    <t>&lt;p&gt;I am developing a server using python but the server can communicate with only one client at a time . Even if the server establish connection with more than one clients, it can't make conversation with all clients at the same time. &lt;/p&gt;
&lt;p&gt;One client should wait until the started conversation end, which may last for several minutes. This problem would create Tremendous delay up on the client which hasn't started conversation. &lt;/p&gt;
&lt;p&gt;So, how could I let my python server to communicate with more than one clients at the same time ? &lt;/p&gt;
&lt;p&gt;Thank you in advance&lt;/p&gt;</t>
  </si>
  <si>
    <t>2013-11-24 08:55:13.307000+00:00</t>
  </si>
  <si>
    <t>2014-02-19 03:56:19.710000+00:00</t>
  </si>
  <si>
    <t>python|network-programming|client-server</t>
  </si>
  <si>
    <t>check to see if 1st option is selected</t>
  </si>
  <si>
    <t>&lt;p&gt;How would I check to see if the first option is selected and then execute some code. &lt;/p&gt;
&lt;p&gt;Something like, if select box named "My_Saved_Shipping" has the 1st option selected then execute the code.&lt;/p&gt;
&lt;pre&gt;&lt;code&gt;&amp;lt;select name="My_Saved_Shipping"&amp;gt;
&amp;lt;option&amp;gt;Select/Enter Address&amp;lt;/option&amp;gt;
&amp;lt;option value="1"&amp;gt;text&amp;lt;/option&amp;gt;
&amp;lt;option value="2"&amp;gt;text2&amp;lt;/option&amp;gt;
&amp;lt;/select&amp;gt;
&lt;/code&gt;&lt;/pre&gt;</t>
  </si>
  <si>
    <t>2010-08-13 14:35:03.210000+00:00</t>
  </si>
  <si>
    <t>2014-01-22 09:13:52.567000+00:00</t>
  </si>
  <si>
    <t>2010-08-13 14:44:52.110000+00:00</t>
  </si>
  <si>
    <t>SAP B1 HANA Query - Where Condition not working</t>
  </si>
  <si>
    <t>&lt;p&gt;I have the following query, which seems to be working, except for the last where conditions:&lt;/p&gt;
&lt;pre class="lang-sql prettyprint-override"&gt;&lt;code&gt;WHERE 
    ( ( T2."WhsCode" = ( '03' ) OR T2."WhsCode" = ( '33' ) ) 
    AND 
    ( ( T1."WhsCode" &amp;lt;&amp;gt; ( '03' ) OR T1."WhsCode" &amp;lt;&amp;gt; ( '33' ) ) 
    OR 
    T0."DocNum" IS NULL ) )
&lt;/code&gt;&lt;/pre&gt;
&lt;p&gt;It doesn't seem to take into account the second part (after the AND). Can anyone see where I'm going wrong?&lt;/p&gt;
&lt;p&gt;The full code bellow:&lt;/p&gt;
&lt;pre class="lang-sql prettyprint-override"&gt;&lt;code&gt;SELECT DISTINCT T0."DocNum" AS "QUOT DocNum", T0."CANCELED"  AS "QUOT Canc", T3."DocNum" AS "OC DocNum",  T3."CANCELED" AS "OC Canc", T5."DocNum" AS "RECP DocNum", T5."CANCELED" AS "RECP Canc", T0."DocDate" AS "Env Date", T0."ReqDate" AS "Lev Date", T3."DocDate" AS "OC Date", T5."DocDate" AS "Recp Date", T1."LineNum", CONCAT(REPLACE(T1."ItemCode",'.','_'),'_') AS SKU, T1."ItemCode", T1."WhsCode", T2."LineNum", CONCAT(REPLACE(T2."ItemCode",'.','_'),'_') AS SKU, T2."ItemCode", T2."WhsCode", T1."PQTReqQty" AS "Qtt_Pedida", T1."Quantity" AS "Qtt_Env", T2."Quantity" AS "Qtt_OC", T4."Quantity" AS "Qtt_Rec", CASE WHEN (CASE WHEN ((WEEKDAY(ADD_DAYS(T0."ReqDate",2))=5) OR (WEEKDAY(ADD_DAYS(T0."ReqDate",2))=6)) THEN ADD_DAYS(T0."ReqDate",4) ELSE ADD_DAYS(T0."ReqDate",2) END)&amp;gt;=CURRENT_DATE THEN 'TRUE' ELSE 'FALSE' END AS "Aft_Tdy", CASE WHEN (T0."CANCELED"='N' OR T0."CANCELED" IS NULL) AND (T3."CANCELED"='N' OR T3."CANCELED" IS NULL) AND (T5."CANCELED" IS NULL OR T5."CANCELED"='N') THEN 'TRUE' ELSE 'FALSE' END AS "Consid"
FROM OPQT T0 LEFT JOIN PQT1 T1 ON T0."DocEntry" = T1."DocEntry" LEFT JOIN POR1 T2 ON T1."TrgetEntry"= T2."DocEntry" AND T1."LineNum"=T2."BaseLine" LEFT JOIN OPOR T3 ON T2."DocEntry" = T3."DocEntry" LEFT JOIN PDN1 T4 ON  T2."LineNum"=T4."BaseLine" AND T2."DocEntry"=T4."BaseEntry" LEFT JOIN OPDN T5 ON T4."DocEntry" = T5."DocEntry" WHERE (T1."WhsCode"='03' OR T1."WhsCode"='33')
UNION ALL
SELECT DISTINCT T0."DocNum" AS "QUOT DocNum", T0."CANCELED"  AS "QUOT Canc", T3."DocNum" AS "OC DocNum",  T3."CANCELED" AS "OC Canc", T5."DocNum" AS "RECP DocNum", T5."CANCELED" AS "RECP Canc", T0."DocDate" AS "Env Date", T0."ReqDate" AS "Lev Date", T3."DocDate" AS "OC Date", T5."DocDate" AS "Recp Date", T1."LineNum", CONCAT(REPLACE(T1."ItemCode",'.','_'),'_') AS SKU, T1."ItemCode", T1."WhsCode", T2."LineNum", CONCAT(REPLACE(T2."ItemCode",'.','_'),'_') AS SKU, T2."ItemCode", T2."WhsCode", T1."PQTReqQty" AS "Qtt_Pedida", T1."Quantity" AS "Qtt_Env", T2."Quantity" AS "Qtt_OC", T4."Quantity" AS "Qtt_Rec", CASE WHEN (CASE WHEN ((WEEKDAY(ADD_DAYS(T0."ReqDate",2))=5) OR (WEEKDAY(ADD_DAYS(T0."ReqDate",2))=6)) THEN ADD_DAYS(T0."ReqDate",4) ELSE ADD_DAYS(T0."ReqDate",2) END)&amp;gt;=CURRENT_DATE THEN 'TRUE' ELSE 'FALSE' END AS "Aft_Tdy", CASE WHEN (T0."CANCELED"='N' OR T0."CANCELED" IS NULL) AND (T3."CANCELED"='N' OR T3."CANCELED" IS NULL) AND (T5."CANCELED" IS NULL OR T5."CANCELED"='N') THEN 'TRUE' ELSE 'FALSE' END AS "Consid"
FROM OPOR T3 LEFT JOIN POR1 T2 ON T2."DocEntry" = T3."DocEntry" LEFT JOIN PQT1 T1 ON T1."TrgetEntry"= T2."DocEntry" AND T1."LineNum"=T2."BaseLine" LEFT JOIN OPQT T0 ON T0."DocEntry" = T1."DocEntry" LEFT JOIN PDN1 T4 ON  T2."LineNum"=T4."BaseLine" AND T2."DocEntry"=T4."BaseEntry" LEFT JOIN OPDN T5 ON T4."DocEntry" = T5."DocEntry" WHERE ( ( T2."WhsCode" = ( '03' ) OR T2."WhsCode" = ( '33' ) ) AND ( ( T1."WhsCode" &amp;lt;&amp;gt; ( '03' ) OR T1."WhsCode" &amp;lt;&amp;gt; ( '33' ) ) OR T0."DocNum" IS NULL ) )
&lt;/code&gt;&lt;/pre&gt;</t>
  </si>
  <si>
    <t>2017-12-27 21:23:38.683000+00:00</t>
  </si>
  <si>
    <t>2018-01-02 19:02:03.867000+00:00</t>
  </si>
  <si>
    <t>sap|hana|sapb1</t>
  </si>
  <si>
    <t>Capistrano cap production deploy:initial Net::SSH::ConnectionTimeout</t>
  </si>
  <si>
    <t>&lt;p&gt;I am following this tutorial for setting up a webserver for a simple rails app: &lt;a href="https://www.digitalocean.com/community/tutorials/deploying-a-rails-app-on-ubuntu-14-04-with-capistrano-nginx-and-puma" rel="nofollow noreferrer"&gt;https://www.digitalocean.com/community/tutorials/deploying-a-rails-app-on-ubuntu-14-04-with-capistrano-nginx-and-puma&lt;/a&gt; with nginx and capistrano.&lt;/p&gt;
&lt;p&gt;my deploy.rb file:&lt;/p&gt;
&lt;pre&gt;&lt;code&gt;# Change these
server '45.33.11.11', port: 22, roles: [:web, :app, :db], primary: true
set :repo_url,        'git@bitbucket.org:slucha/supplement.git'
set :application,     'supplementtests'
set :user,            'deploy'
set :puma_threads,    [4, 16]
set :puma_workers,    0
# Don't change these unless you know what you're doing
set :pty,             true
set :use_sudo,        false
set :stage,           :production
set :deploy_via,      :remote_cache
set :deploy_to,       "/home/#{fetch(:user)}/apps/#{fetch(:application)}"
set :puma_bind,       "unix://#{shared_path}/tmp/sockets/#{fetch(:application)}-puma.sock"
set :puma_state,      "#{shared_path}/tmp/pids/puma.state"
set :puma_pid,        "#{shared_path}/tmp/pids/puma.pid"
set :puma_access_log, "#{release_path}/log/puma.error.log"
set :puma_error_log,  "#{release_path}/log/puma.access.log"
set :ssh_options,     { forward_agent: true, user: fetch(:user), keys: %w(~/.ssh/id_rsa.pub) }
set :puma_preload_app, true
set :puma_worker_timeout, nil
set :puma_init_active_record, true  # Change to false when not using ActiveRecord
## Defaults:
# set :scm,           :git
# set :branch,        :master
# set :format,        :pretty
# set :log_level,     :debug
# set :keep_releases, 5
## Linked Files &amp;amp; Directories (Default None):
# set :linked_files, %w{config/database.yml}
# set :linked_dirs,  %w{bin log tmp/pids tmp/cache tmp/sockets vendor/bundle public/system}
namespace :puma do
  desc 'Create Directories for Puma Pids and Socket'
  task :make_dirs do
    on roles(:app) do
      execute "mkdir #{shared_path}/tmp/sockets -p"
      execute "mkdir #{shared_path}/tmp/pids -p"
    end
  end
  before :start, :make_dirs
end
namespace :deploy do
  desc "Make sure local git is in sync with remote."
  task :check_revision do
    on roles(:app) do
      unless `git rev-parse HEAD` == `git rev-parse origin/master`
        puts "WARNING: HEAD is not the same as origin/master"
        puts "Run `git push` to sync changes."
        exit
      end
    end
  end
  desc 'Initial Deploy'
  task :initial do
    on roles(:app) do
      before 'deploy:restart', 'puma:start'
      invoke 'deploy'
    end
  end
  desc 'Restart application'
  task :restart do
    on roles(:app), in: :sequence, wait: 5 do
      invoke 'puma:restart'
    end
  end
  before :starting,     :check_revision
  after  :finishing,    :compile_assets
  after  :finishing,    :cleanup
  after  :finishing,    :restart
end
# ps aux | grep puma    # Get puma pid
# kill -s SIGUSR2 pid   # Restart puma
# kill -s SIGTERM pid   # Stop puma
&lt;/code&gt;&lt;/pre&gt;
&lt;p&gt;and Capfile&lt;/p&gt;
&lt;pre&gt;&lt;code&gt;# Load DSL and Setup Up Stages
require 'capistrano/setup'
require 'capistrano/deploy'
require 'capistrano/rails'
require 'capistrano/bundler'
require 'capistrano/rvm'
require 'capistrano/puma'
require "capistrano/scm/git"
# Loads custom tasks from `lib/capistrano/tasks' if you have any defined.
Dir.glob('lib/capistrano/tasks/*.rake').each { |r| import r }
install_plugin Capistrano::Puma
install_plugin Capistrano::SCM::Git
&lt;/code&gt;&lt;/pre&gt;
&lt;p&gt;Nginx is installed, ssh keys are set up for both  bitbucket ssh and deploy keys for the repo and rvm ist also installed on the server&lt;/p&gt;
&lt;p&gt;The &lt;code&gt;cap staging deploy:check&lt;/code&gt; command passes without errors but when I try to run &lt;code&gt;cap production deploy:initial&lt;/code&gt; I get the following error&lt;/p&gt;
&lt;pre&gt;&lt;code&gt;** Invoke production (first_time)
** Execute production
** Invoke load:defaults (first_time)
** Execute load:defaults
** Invoke bundler:map_bins (first_time)
** Execute bundler:map_bins
** Invoke deploy:set_rails_env (first_time)
** Execute deploy:set_rails_env
** Invoke deploy:set_linked_dirs (first_time)
** Execute deploy:set_linked_dirs
** Invoke deploy:set_rails_env 
** Invoke rvm:hook (first_time)
** Execute rvm:hook
cap aborted!
SSHKit::Runner::ExecuteError: Exception while executing as root@45.79.147.60: Net::SSH::ConnectionTimeout
/home/jan/.rbenv/versions/2.2.3/lib/ruby/gems/2.2.0/gems/sshkit-1.15.1/lib/sshkit/runners/parallel.rb:15:in `rescue in block (2 levels) in execute'
/home/jan/.rbenv/versions/2.2.3/lib/ruby/gems/2.2.0/gems/sshkit-1.15.1/lib/sshkit/runners/parallel.rb:11:in `block (2 levels) in execute'
Net::SSH::ConnectionTimeout: Net::SSH::ConnectionTimeout
/home/jan/.rbenv/versions/2.2.3/lib/ruby/gems/2.2.0/gems/net-ssh-4.2.0/lib/net/ssh/transport/session.rb:90:in `rescue in initialize'
/home/jan/.rbenv/versions/2.2.3/lib/ruby/gems/2.2.0/gems/net-ssh-4.2.0/lib/net/ssh/transport/session.rb:57:in `initialize'
/home/jan/.rbenv/versions/2.2.3/lib/ruby/gems/2.2.0/gems/net-ssh-4.2.0/lib/net/ssh.rb:237:in `new'
/home/jan/.rbenv/versions/2.2.3/lib/ruby/gems/2.2.0/gems/net-ssh-4.2.0/lib/net/ssh.rb:237:in `start'
/home/jan/.rbenv/versions/2.2.3/lib/ruby/gems/2.2.0/gems/sshkit-1.15.1/lib/sshkit/backends/connection_pool.rb:59:in `call'
/home/jan/.rbenv/versions/2.2.3/lib/ruby/gems/2.2.0/gems/sshkit-1.15.1/lib/sshkit/backends/connection_pool.rb:59:in `with'
/home/jan/.rbenv/versions/2.2.3/lib/ruby/gems/2.2.0/gems/sshkit-1.15.1/lib/sshkit/backends/netssh.rb:176:in `with_ssh'
/home/jan/.rbenv/versions/2.2.3/lib/ruby/gems/2.2.0/gems/sshkit-1.15.1/lib/sshkit/backends/netssh.rb:129:in `execute_command'
/home/jan/.rbenv/versions/2.2.3/lib/ruby/gems/2.2.0/gems/sshkit-1.15.1/lib/sshkit/backends/abstract.rb:141:in `block in create_command_and_execute'
/home/jan/.rbenv/versions/2.2.3/lib/ruby/gems/2.2.0/gems/sshkit-1.15.1/lib/sshkit/backends/abstract.rb:141:in `tap'
/home/jan/.rbenv/versions/2.2.3/lib/ruby/gems/2.2.0/gems/sshkit-1.15.1/lib/sshkit/backends/abstract.rb:141:in `create_command_and_execute'
/home/jan/.rbenv/versions/2.2.3/lib/ruby/gems/2.2.0/gems/sshkit-1.15.1/lib/sshkit/backends/abstract.rb:55:in `test'
/home/jan/.rbenv/versions/2.2.3/lib/ruby/gems/2.2.0/gems/capistrano-rvm-0.1.2/lib/capistrano/tasks/rvm.rake:21:in `block (3 levels) in &amp;lt;top (required)&amp;gt;'
/home/jan/.rbenv/versions/2.2.3/lib/ruby/gems/2.2.0/gems/sshkit-1.15.1/lib/sshkit/backends/abstract.rb:29:in `instance_exec'
/home/jan/.rbenv/versions/2.2.3/lib/ruby/gems/2.2.0/gems/sshkit-1.15.1/lib/sshkit/backends/abstract.rb:29:in `run'
/home/jan/.rbenv/versions/2.2.3/lib/ruby/gems/2.2.0/gems/sshkit-1.15.1/lib/sshkit/runners/parallel.rb:12:in `block (2 levels) in execute'
Errno::ETIMEDOUT: Connection timed out - connect(2) for 45.79.147.60:22
/home/jan/.rbenv/versions/2.2.3/lib/ruby/2.2.0/socket.rb:65:in `connect'
/home/jan/.rbenv/versions/2.2.3/lib/ruby/2.2.0/socket.rb:65:in `connect_internal'
/home/jan/.rbenv/versions/2.2.3/lib/ruby/2.2.0/socket.rb:140:in `connect'
/home/jan/.rbenv/versions/2.2.3/lib/ruby/2.2.0/socket.rb:338:in `block in tcp'
/home/jan/.rbenv/versions/2.2.3/lib/ruby/2.2.0/socket.rb:232:in `each'
/home/jan/.rbenv/versions/2.2.3/lib/ruby/2.2.0/socket.rb:232:in `foreach'
/home/jan/.rbenv/versions/2.2.3/lib/ruby/2.2.0/socket.rb:328:in `tcp'
/home/jan/.rbenv/versions/2.2.3/lib/ruby/gems/2.2.0/gems/net-ssh-4.2.0/lib/net/ssh/transport/session.rb:70:in `initialize'
/home/jan/.rbenv/versions/2.2.3/lib/ruby/gems/2.2.0/gems/net-ssh-4.2.0/lib/net/ssh.rb:237:in `new'
/home/jan/.rbenv/versions/2.2.3/lib/ruby/gems/2.2.0/gems/net-ssh-4.2.0/lib/net/ssh.rb:237:in `start'
/home/jan/.rbenv/versions/2.2.3/lib/ruby/gems/2.2.0/gems/sshkit-1.15.1/lib/sshkit/backends/connection_pool.rb:59:in `call'
/home/jan/.rbenv/versions/2.2.3/lib/ruby/gems/2.2.0/gems/sshkit-1.15.1/lib/sshkit/backends/connection_pool.rb:59:in `with'
/home/jan/.rbenv/versions/2.2.3/lib/ruby/gems/2.2.0/gems/sshkit-1.15.1/lib/sshkit/backends/netssh.rb:176:in `with_ssh'
/home/jan/.rbenv/versions/2.2.3/lib/ruby/gems/2.2.0/gems/sshkit-1.15.1/lib/sshkit/backends/netssh.rb:129:in `execute_command'
/home/jan/.rbenv/versions/2.2.3/lib/ruby/gems/2.2.0/gems/sshkit-1.15.1/lib/sshkit/backends/abstract.rb:141:in `block in create_command_and_execute'
/home/jan/.rbenv/versions/2.2.3/lib/ruby/gems/2.2.0/gems/sshkit-1.15.1/lib/sshkit/backends/abstract.rb:141:in `tap'
/home/jan/.rbenv/versions/2.2.3/lib/ruby/gems/2.2.0/gems/sshkit-1.15.1/lib/sshkit/backends/abstract.rb:141:in `create_command_and_execute'
/home/jan/.rbenv/versions/2.2.3/lib/ruby/gems/2.2.0/gems/sshkit-1.15.1/lib/sshkit/backends/abstract.rb:55:in `test'
/home/jan/.rbenv/versions/2.2.3/lib/ruby/gems/2.2.0/gems/capistrano-rvm-0.1.2/lib/capistrano/tasks/rvm.rake:21:in `block (3 levels) in &amp;lt;top (required)&amp;gt;'
/home/jan/.rbenv/versions/2.2.3/lib/ruby/gems/2.2.0/gems/sshkit-1.15.1/lib/sshkit/backends/abstract.rb:29:in `instance_exec'
/home/jan/.rbenv/versions/2.2.3/lib/ruby/gems/2.2.0/gems/sshkit-1.15.1/lib/sshkit/backends/abstract.rb:29:in `run'
/home/jan/.rbenv/versions/2.2.3/lib/ruby/gems/2.2.0/gems/sshkit-1.15.1/lib/sshkit/runners/parallel.rb:12:in `block (2 levels) in execute'
Tasks: TOP =&amp;gt; rvm:hook
&lt;/code&gt;&lt;/pre&gt;
&lt;p&gt;Any ideas why there is a timeout?  &lt;/p&gt;
&lt;p&gt;UPDATE&lt;/p&gt;
&lt;p&gt;ssh -T git@bitbucket.org gives message:&lt;/p&gt;
&lt;pre&gt;&lt;code&gt;logged in as slucha.
You can use git or hg to connect to Bitbucket. Shell access is disabled.
&lt;/code&gt;&lt;/pre&gt;
&lt;p&gt;ssh -T deploy@45.33.95.53 gives&lt;/p&gt;
&lt;pre&gt;&lt;code&gt;Welcome to Ubuntu 16.04.3 LTS (GNU/Linux 4.9.64-x86_64-linode88 x86_64)
 * Documentation:  https://help.ubuntu.com
 * Management:     https://landscape.canonical.com
 * Support:        https://ubuntu.com/advantage
&lt;/code&gt;&lt;/pre&gt;</t>
  </si>
  <si>
    <t>2017-12-11 23:00:09.277000+00:00</t>
  </si>
  <si>
    <t>2017-12-14 21:24:13.253000+00:00</t>
  </si>
  <si>
    <t>2017-12-13 20:16:27.977000+00:00</t>
  </si>
  <si>
    <t>ruby-on-rails|ruby|ssh</t>
  </si>
  <si>
    <t>Is there a way to set programmatically the orientation to reverse portait?</t>
  </si>
  <si>
    <t>&lt;ol&gt;
&lt;li&gt;Is there a way to set programmatically the orientation to reverse portrait?&lt;/li&gt;
&lt;li&gt;Can I disable orientation change animation ?&lt;/li&gt;
&lt;/ol&gt;</t>
  </si>
  <si>
    <t>2018-04-20 10:09:10.970000+00:00</t>
  </si>
  <si>
    <t>2018-04-20 11:25:25.227000+00:00</t>
  </si>
  <si>
    <t>2018-04-20 10:47:48.127000+00:00</t>
  </si>
  <si>
    <t>java|android|screen-orientation</t>
  </si>
  <si>
    <t>How to use Google Chrome with Developer Tools with Selenium RC</t>
  </si>
  <si>
    <t>&lt;p&gt;I can open a google chrome browser like this:&lt;/p&gt;
&lt;pre&gt;&lt;code&gt;selenium = new DefaultSelenium(Server, ServerPort,
                                          "*googlechrome", DomainURL);
&lt;/code&gt;&lt;/pre&gt;
&lt;p&gt;but it would be really useful to have it opened with the Chrome Developer Tools enabled, to be able to debug problems when developing the tests.&lt;/p&gt;
&lt;p&gt;I can't manage to enable them, anybody knows about this?&lt;/p&gt;
&lt;p&gt;Thanks in advance&lt;/p&gt;</t>
  </si>
  <si>
    <t>2011-01-19 08:59:06.617000+00:00</t>
  </si>
  <si>
    <t>2011-04-07 10:48:54.650000+00:00</t>
  </si>
  <si>
    <t>google-chrome|selenium|selenium-rc|google-chrome-devtools</t>
  </si>
  <si>
    <t>getting data from website using Jsoup?</t>
  </si>
  <si>
    <t>&lt;p&gt;Trying to practice and get info from website using Jsoup not the website API.
My code does not have an error but the text field is not changing. It just shows me a blank space. How would i get info from the website? i'm trying to obtain the Main News so i could post on my website.&lt;/p&gt;
&lt;p&gt;My Code:&lt;/p&gt;
&lt;pre&gt;&lt;code&gt;import android.support.v7.app.AppCompatActivity;
import android.os.Bundle;
import android.os.AsyncTask;
import org.jsoup.Jsoup;
import org.jsoup.nodes.Document;
import org.jsoup.select.Elements;
import java.io.IOException;
import java.io.InputStream;
import android.widget.TextView;
public class MainActivity extends AppCompatActivity {
    Document document;
    TextView text;
    String ankosh;
    @Override
    protected void onCreate(Bundle savedInstanceState) {
        super.onCreate(savedInstanceState);
        setContentView(R.layout.activity_main);
        text = (TextView)findViewById(R.id.textView);
        new Ankosh().execute();
    }
    public class Ankosh extends AsyncTask&amp;lt;Void, Void, Void&amp;gt; {
        private Exception exception;
        @Override
        protected void onPreExecute() {
            super.onPreExecute();
        }
        @Override
        protected Void doInBackground(Void... params) {
            try {
                // Connect to the web site
                document = Jsoup.connect("http://www.theguardian.com/us").get();
            } catch (IOException e) {
                e.printStackTrace();
            }
            return null;
        }
        @Override
        protected void onPostExecute(Void feed) {
            String ankosh = document.attr("href");
            text.setText(ankosh);
        }
    }
}
&lt;/code&gt;&lt;/pre&gt;</t>
  </si>
  <si>
    <t>2016-06-27 07:48:38.623000+00:00</t>
  </si>
  <si>
    <t>2016-06-27 09:02:45.760000+00:00</t>
  </si>
  <si>
    <t>java|android|jsoup</t>
  </si>
  <si>
    <t>Method not found in JSF view</t>
  </si>
  <si>
    <t>&lt;p&gt;How would I implement a login page using JSF? At the moment I have a registration form which stores the values in a variable in a Java Bean.&lt;br&gt;
I now need to create a log in and log out page for this. How would I go about on achieving this ?&lt;/p&gt;
&lt;p&gt;Here is &lt;strong&gt;the code for the bean&lt;/strong&gt; :&lt;/p&gt;
&lt;pre&gt;&lt;code&gt;public String checkValidUser(String name) {
    dbData(name);
    if(name.equalsIgnoreCase(dbUsername)) {
        if(password.equals(dbPassword)) {
            return "success.xhtml";
        }
        else {
            return "fail.xhtml";
        }
    }
    else {
        return "fail.xhtml";
    }
}
&lt;/code&gt;&lt;/pre&gt;
&lt;p&gt;This is the &lt;strong&gt;LogIn Page&lt;/strong&gt; :&lt;/p&gt;
&lt;p&gt;&lt;/p&gt;
&lt;pre&gt;&lt;code&gt;            &amp;lt;h:outputText value="Forename"/&amp;gt;
            &amp;lt;h:inputText  id="forename" size="25" maxlength="30" required="true" 
                          requiredMessage="Please Enter Your Forename" 
                          validatorMessage="FR ERR" 
                          value="#{databaseLoginReg.name}"&amp;gt;
                &amp;lt;f:validateLength maximum="30" minimum="1"/&amp;gt;
            &amp;lt;/h:inputText&amp;gt;
            &amp;lt;h:message errorClass="error" for="forename"/&amp;gt;
            &amp;lt;h:outputText  value="Enter Password"/&amp;gt;
            &amp;lt;h:inputSecret id="password" size="25" maxlength="16" required="true"
                           requiredMessage="Please Enter a Password"
                           validatorMessage="ERR"
                           value="#{databaseLoginReg.password}"&amp;gt;
                &amp;lt;f:validateLength maximum="16" minimum="8"/&amp;gt;
            &amp;lt;/h:inputSecret&amp;gt;
            &amp;lt;h:message errorClass="error" for="password" /&amp;gt;
            &amp;lt;h:commandButton value="Log In" action="{databaseLoginReg.checkValidUser}"/&amp;gt;
&lt;/code&gt;&lt;/pre&gt;
&lt;p&gt;The error:  &lt;/p&gt;
&lt;pre&gt;&lt;code&gt;javax.el.MethodNotFoundException: /logIn.xhtml @47,94 action="#{databaseLoginReg.checkValidUser}": Method not found: databaseLoginReg@77ff927f.checkValidUser()
&lt;/code&gt;&lt;/pre&gt;</t>
  </si>
  <si>
    <t>2014-04-10 08:52:09.310000+00:00</t>
  </si>
  <si>
    <t>2014-04-10 13:58:33.283000+00:00</t>
  </si>
  <si>
    <t>java|jsf|methods|xhtml</t>
  </si>
  <si>
    <t>Tred Chart Using Highcharts Chart</t>
  </si>
  <si>
    <t>&lt;p&gt;in an html page I'm trying to use Highcharts Chart to build a chart but the sometimes data label disappear behind the graph (e.g. image below)&lt;/p&gt;
&lt;p&gt;&lt;a href="https://i.stack.imgur.com/ikmGX.png" rel="nofollow noreferrer"&gt;&lt;img src="https://i.stack.imgur.com/ikmGX.png" alt="enter image description here"&gt;&lt;/a&gt;&lt;/p&gt;
&lt;p&gt;This is my js code that build the graph:&lt;/p&gt;
&lt;pre&gt;&lt;code&gt;var chartBehaviour = new Highcharts.Chart({
                chart : {
                    renderTo : 'driving-behaviour-chart',
                    type : 'column'
                },
                xAxis : {
                    categories : labelXAxis,
                    lineColor : "#f5f5f5",
                    tickLength : 0,
                    labels : {
                        y: 40,
                        style : {
                            'color' : '#666666',
                            fontSize : '14px',
                            fontFamily : '\"Helvetica Neue\",Helvetica,Arial,sans-serif'
                        }
                    }
                },
                yAxis : {
                    title : {
                        enabled : false
                    },
                    gridLineColor : "#f5f5f5",
                    tickInterval : 10,
                    labels : {
                        style : {
                            'color' : '#666666',
                            fontSize : '12px',
                            fontFamily : '\"Helvetica Neue\",Helvetica,Arial,sans-serif'
                        }
                    }
                },
                credits : {
                    enabled : false
                },
                title : false,
                tooltip : false,
                legend : false,
                plotOptions : {
                    series : {
                        borderWidth : 0,
                        pointWidth : 22
                    },
                    column : {
                        animation : false,
                        pointPadding : 0.23,
                        dataLabels : {
                            enabled : true,
                            align : 'left',
                            enabled : true,
                            rotation : 0,
                            verticalAlign : "top",
                            x : -1,
                            y : -30,
                            style : {
                                "color" : "#68a1b1",
                                fontFamily : '\"Helvetica Neue\",Helvetica,Arial,sans-serif',
                                fontSize : "14px"
                            }
                        },
                        states : {
                            hover : {
                                enabled : false
                            }
                        }
                    }
                },
                series : [{
                        data : trends.drivingBehaviour,
                        color : "#68a1b1",
                        borderRadiusTopLeft : 5,
                        borderRadiusTopRight : 5,
                        borderRadiusBottomRight : 5,
                        borderRadiusBottomLeft : 5
                    }
                ]
            });
&lt;/code&gt;&lt;/pre&gt;
&lt;p&gt;What am I doing wrong? How can I fix this graph? Thank you.&lt;/p&gt;</t>
  </si>
  <si>
    <t>2017-05-10 17:13:02.943000+00:00</t>
  </si>
  <si>
    <t>javascript|graph|highcharts</t>
  </si>
  <si>
    <t>Neural Network Approximation Function</t>
  </si>
  <si>
    <t>&lt;p&gt;I'm trying to test the efficiency of the Neural Networks as approximation functions.&lt;/p&gt;
&lt;p&gt;The function I need to approximate has 5 inputs and 1 output, which structure should I use?&lt;/p&gt;
&lt;p&gt;I have no idea on what criteria should be applied in order to decide the number of Hidden Layer and the number of Nodes for each layer.&lt;/p&gt;
&lt;p&gt;Thank you in advance,
Regards&lt;/p&gt;
&lt;p&gt;Giuseppe.&lt;/p&gt;</t>
  </si>
  <si>
    <t>2011-01-14 11:52:54.867000+00:00</t>
  </si>
  <si>
    <t>2011-02-17 13:10:57.143000+00:00</t>
  </si>
  <si>
    <t>neural-network|approximation</t>
  </si>
  <si>
    <t>parameterizing all JOIN data in a large UPDATE operation</t>
  </si>
  <si>
    <t>&lt;p&gt;I have an app that makes a bunch of updates to objects hydrated with data from an SQL Server table and then writes the updates objects' data back to the DB in one query. I'm trying to convert this into a parameterized query so that I don't have to do manual escaping, conversions, etc.&lt;/p&gt;
&lt;p&gt;Here's the most straightforward example query:&lt;/p&gt;
&lt;pre&gt;&lt;code&gt;UPDATE TestTable
SET [Status] = DataToUpdate.[Status], City = DataToUpdate.City
FROM TestTable
JOIN
(
    VALUES --this is the data to parameterize
    (1, 0, 'A City'),
    (2, 0, 'Another City')
) AS DataToUpdate(Id, [Status], City) 
ON DataToUpdate.Id = TestTable.Id
&lt;/code&gt;&lt;/pre&gt;
&lt;p&gt;I've also played around with using OPENXML to do this, but I'm still forced to write a bunch of escaping code when adding the values to the query. Any ideas on how to make this more elegant? I am open to ADO.NET/T-SQL solutions or platform-agnostic solutions.&lt;/p&gt;
&lt;p&gt;One thought I had (but I don't really like how dynamic this is) is to dynamically create parameters and then add them to an ADO.NET SqlConnection, e.g.&lt;/p&gt;
&lt;pre&gt;&lt;code&gt;for(int i = 0; i &amp;lt; data.Length; i++)
{
    string paramPrefix = string.Format("@Item{0}", i);
    valuesString.AppendFormat("{0}({1}Status)", Environment.NewLine, paramPrefix);
    var statusParam = new SqlParameter(
        string.Format("{0}Status", paramPrefix),
        System.Data.SqlDbType.Int) 
        { Value = data[i].Status };
    command.Parameters.Add(statusParam);
}
&lt;/code&gt;&lt;/pre&gt;</t>
  </si>
  <si>
    <t>2015-07-29 14:48:31.067000+00:00</t>
  </si>
  <si>
    <t>2015-07-29 15:58:36.430000+00:00</t>
  </si>
  <si>
    <t>2015-07-29 14:53:35.683000+00:00</t>
  </si>
  <si>
    <t>How can I get WooCommerce product details in JSON format?</t>
  </si>
  <si>
    <t>&lt;p&gt;I am trying to get all my WooCommerce products with their details (price description, etc.) in JSON. &lt;a href="http://www.aaiwa.com/online-shopping/wc-api/v2/products/8637?consumer_key=ck_242ab21965b735bbdc61d4e650cda29ec2712910&amp;amp;consumer_secret=ck_242ab21965b735bbdc61d4e650cda29ec2712910" rel="nofollow noreferrer"&gt;Here are my consumer and secret keys.&lt;/a&gt; But I'm getting the following error:&lt;/p&gt;
&lt;blockquote&gt;
  &lt;p&gt;{"errors":[{"code":"woocommerce_api_authentication_error","message":"oauth_consumer_key parameter is missing"}]}
  in response&lt;/p&gt;
&lt;/blockquote&gt;
&lt;p&gt;How can I get all WooCommerce product details?&lt;/p&gt;</t>
  </si>
  <si>
    <t>2017-08-23 06:00:07.963000+00:00</t>
  </si>
  <si>
    <t>2018-07-13 23:31:38.773000+00:00</t>
  </si>
  <si>
    <t>2017-08-23 07:17:48.983000+00:00</t>
  </si>
  <si>
    <t>json|wordpress|woocommerce</t>
  </si>
  <si>
    <t>What is the most efficient way to compare two arrays of booleans?</t>
  </si>
  <si>
    <t>&lt;p&gt;I have an array &lt;code&gt;a&lt;/code&gt; of 10 booleans (or equivalently the binary representation of a number &amp;lt; 1024). I want to compare this array to a large set of arrays &lt;code&gt;b[i]&lt;/code&gt; of booleans of the same size in the following way:
The function &lt;code&gt;compare(a,b[i])&lt;/code&gt; should return &lt;code&gt;true&lt;/code&gt; if the elements of the array &lt;code&gt;a&lt;/code&gt; are never  &lt;code&gt;true&lt;/code&gt; when the element of at the same position in &lt;code&gt;b[i]&lt;/code&gt; is &lt;code&gt;false&lt;/code&gt;.  &lt;/p&gt;
&lt;p&gt;As an exemple in java&lt;/p&gt;
&lt;pre&gt;&lt;code&gt;boolean compare(boolean a1, boolean a2){
for (int j = 0; j&amp;lt;10; j++) 
   if (a1[j] &amp;amp;&amp;amp; !a2[j]) 
      return false;
return true;
}
&lt;/code&gt;&lt;/pre&gt;
&lt;p&gt;Is there a better implementation of this function? If one consider the corresponding binary number to be the coefficients of the prime decomposition of a integer A1 (and A2), an equivalent function would be&lt;/p&gt;
&lt;pre&gt;&lt;code&gt;boolean compare (int A1, int A2){
if (gcd(A1,A2)==A1) 
   return true;
else
   return false;
}
&lt;/code&gt;&lt;/pre&gt;
&lt;p&gt;with for example, (&lt;a href="http://www.java-tips.org/java-se-tips/java.lang/finding-greatest-common-divisor-recursively.html" rel="nofollow"&gt;http://www.java-tips.org/java-se-tips/java.lang/finding-greatest-common-divisor-recursively.html&lt;/a&gt;)&lt;/p&gt;
&lt;pre&gt;&lt;code&gt;int gcd(int a, int b) {
if (b==0) 
   return a;
else
   return gcd(b, a % b);
}
&lt;/code&gt;&lt;/pre&gt;
&lt;p&gt;but I don't think that this is more efficient (but I may be wrong). &lt;/p&gt;
&lt;p&gt;Does anyone has an idea ? All suggestions are welcome!&lt;/p&gt;
&lt;p&gt;EDIT: I will go back with some profiling later... Thanks for all your propositions!&lt;/p&gt;</t>
  </si>
  <si>
    <t>2011-08-08 00:12:22.817000+00:00</t>
  </si>
  <si>
    <t>2015-05-29 02:48:39.510000+00:00</t>
  </si>
  <si>
    <t>2011-08-08 03:35:53.223000+00:00</t>
  </si>
  <si>
    <t>java|arrays|compare</t>
  </si>
  <si>
    <t>CakePHP Jquery Ajax Progress Indicator - Update DIV</t>
  </si>
  <si>
    <t>&lt;p&gt;I have what should be a simple requirement, however, I am keen to get an opinion on the best solution.&lt;/p&gt;
&lt;p&gt;Firstly, I am using CakePHP and JQuery on a LAMP dev server.&lt;/p&gt;
&lt;p&gt;The site uses a simple search form that submits data via GET to /search?term=xxx&lt;/p&gt;
&lt;p&gt;The search logic implements a number of time consuming calls to multiple third party APIs, currently up to 5 secs.&lt;/p&gt;
&lt;p&gt;What I need is the page to load as quickly possible and then provide the end user with responsive feedback. I think implementing a  to display a 'please wait' message or animated gif would be the best approach. On page load / search submission, an Ajax call is performed to a cakePHP URL that kicks off the intensive queries, passing the search term, and responds an array of data for layout.&lt;/p&gt;
&lt;p&gt;It should work similar to car insurance comparison sites, aggregating data from multiple sources and providing the end user with responsive feedback.&lt;/p&gt;
&lt;p&gt;Does this sound correct? Can anyone provide any code examples / URLs to solidify my understanding?&lt;/p&gt;
&lt;p&gt;Thanks,
Paul&lt;/p&gt;</t>
  </si>
  <si>
    <t>2010-02-20 15:39:19.083000+00:00</t>
  </si>
  <si>
    <t>2010-02-20 15:56:23.230000+00:00</t>
  </si>
  <si>
    <t>jquery|ajax|cakephp|html|progress</t>
  </si>
  <si>
    <t>HttpURLConnection.setDefaultSSLSocketFactory cannot resolve method</t>
  </si>
  <si>
    <t>&lt;p&gt;I check the certificate which is stored in app side and server side both are matching or not only trusted certificate should work&lt;/p&gt;
&lt;p&gt;Below is my code and that code I am getting error in setDefaultSSLSocketFactory &lt;/p&gt;
&lt;pre&gt;&lt;code&gt;       CertificateFactory cf = CertificateFactory.getInstance("X.509");
        InputStream caInput = new BufferedInputStream(context.getResources().openRawResource(R.raw.cert));
        Certificate ca = cf.generateCertificate(caInput);
        caInput.close();
        // Create a KeyStore containing our trusted CAs
        String keyStoreType = KeyStore.getDefaultType();
        KeyStore keyStore = KeyStore.getInstance(keyStoreType);
        keyStore.load(null, null);
        keyStore.setCertificateEntry("ca", ca);
        // Create a TrustManager that trusts the CAs in our KeyStore
        String tmfAlgorithm = TrustManagerFactory.getDefaultAlgorithm();
        TrustManagerFactory tmf = TrustManagerFactory.getInstance(tmfAlgorithm);
        tmf.init(keyStore);
        // Create an SSLContext that uses our TrustManager
        SSLContext sslContext = SSLContext.getInstance("TLS");
        sslContext.init(null, tmf.getTrustManagers(), null);
        urlConnection = (HttpURLConnection) url.openConnection();
     (HttpsURLConnection)urlConnection).setDefaultSSLSocketFactory(sslContext.getSocketFactory());
        urlConnection.setRequestMethod(params[1]);   //POST or GET
        urlConnection.setRequestProperty("Content-type", "application/json");
        urlConnection.setRequestProperty("Accept", "application/json");
        urlConnection.setConnectTimeout(Constant.TIMEOUT_CONNECTION);
        urlConnection.setRequestProperty("Authorization", basicAuth);//auth value
&lt;/code&gt;&lt;/pre&gt;
&lt;p&gt;setDefaultSSLSocketFactory I am getting error cannot resolve method; where am I am going wrong? I have check the certificate both side certificate which is used in url and certificate which I am having but in setDefaultSSLSocketFactory is showing error so I cannot avail to test.&lt;/p&gt;
&lt;h2&gt;Update&lt;/h2&gt;
&lt;p&gt;I resolve the issue of cannot resolve method setDefaultSSl but now I am getting exception:
&lt;code&gt;javax.net.ssl.SSLHandshakeException: java.security.cert.CertPathValidatorException: Trust anchor for certification path not found.&lt;/code&gt;&lt;/p&gt;</t>
  </si>
  <si>
    <t>2018-02-16 07:22:43.383000+00:00</t>
  </si>
  <si>
    <t>2018-11-12 20:15:53.630000+00:00</t>
  </si>
  <si>
    <t>android|ssl-certificate</t>
  </si>
  <si>
    <t>[UIView setTextFont:]: unrecognized selector sent to instance in swift</t>
  </si>
  <si>
    <t>&lt;p&gt;I wanted to implement tags in an app I'm developing in swift. So I decided to use &lt;a href="https://github.com/ElaWorkshop/TagListView" rel="nofollow noreferrer"&gt;this library&lt;/a&gt; as it is up to date on swift 3.&lt;br&gt;In my &lt;code&gt;super.viewDidLoad&lt;/code&gt; of the class I'm using this &lt;code&gt;tagView&lt;/code&gt; I've added as per the documentation given on the github page of this third party library:&lt;/p&gt;
&lt;pre&gt;&lt;code&gt;myTagListView.textFont = UIFont.systemFont(ofSize: 24)
myTagListView.alignment = .center
&lt;/code&gt;&lt;/pre&gt;
&lt;p&gt;And as this view controller is pushed in the stack the app crashes with this message:&lt;/p&gt;
&lt;blockquote&gt;
  &lt;p&gt;-[UIView setTextFont:]: unrecognized selector sent to instance&lt;/p&gt;
&lt;/blockquote&gt;
&lt;p&gt;What seems to be the problem?&lt;/p&gt;</t>
  </si>
  <si>
    <t>2017-01-23 11:42:58.107000+00:00</t>
  </si>
  <si>
    <t>2017-01-23 11:52:44.960000+00:00</t>
  </si>
  <si>
    <t>ios|swift|uiview</t>
  </si>
  <si>
    <t>How do I catch the socket error in the TCP server of cl-async package?</t>
  </si>
  <si>
    <t>&lt;p&gt;How do I catch the unexpected disconnection of the TCP socket with &lt;code&gt;cl-async&lt;/code&gt; &lt;code&gt;tcp-server&lt;/code&gt;?  For example the server below cannot handle the situation when the client closes the telnet terminal forcefully. I guess I should add the handler after the &lt;code&gt;:event-cb&lt;/code&gt; keyword but I don't know how I can combine with the &lt;code&gt;as:signal-handler&lt;/code&gt;.&lt;/p&gt;
&lt;pre&gt;&lt;code&gt;(require 'cl-async)
(require 'babel)
(defun my-tcp-server ()
  (format t "Starting server.~%")
    (as:tcp-server
     nil 8888  ; nil means 0.0.0.0 to listen for any address
     ;; read-cb
     (lambda (socket data)
       (let ((data-str ; stores the received data in utf8 string
          (handler-case (babel:octets-to-string data :encoding :utf-8)
        (babel-encodings:invalidutf8-continuation-byte (err)
          (declare (ignore err))
          (format nil "^@~%")))))
     ;; exits if received "bye"
     (cond ((equal "bye" (string-right-trim '(#\Return #\Newline) data-str))
        (as:close-socket socket)
        (format t "Client disconnected.~%"))
           (t (format t "~a" data-str) ; echo on the server side
          (as:write-socket-data socket "Send to server &amp;gt; ")))))
     ;; handle SIGINT
     :event-cb (as:signal-handler 2 (lambda (sig)
                      (declare (ignore sig))
                      (as:free-signal-handler 2)
                      (as:exit-event-loop)))
     :connect-cb (lambda (socket)
           (format t "Client connected.~%")
           (as:write-socket-data socket "Send to server &amp;gt; "))))
(as:start-event-loop #'my-tcp-server)
&lt;/code&gt;&lt;/pre&gt;</t>
  </si>
  <si>
    <t>2016-12-27 11:56:46.243000+00:00</t>
  </si>
  <si>
    <t>2016-12-27 12:06:29.647000+00:00</t>
  </si>
  <si>
    <t>common-lisp</t>
  </si>
  <si>
    <t>Can not insert own structure in standard vector but string can</t>
  </si>
  <si>
    <t>&lt;p&gt;I made simple structure:&lt;/p&gt;
&lt;pre&gt;&lt;code&gt;struct sToken
{
    std::string token;
    unsigned int lineNb;
};
&lt;/code&gt;&lt;/pre&gt;
&lt;p&gt;I want to insert this structure in standard vector using &lt;code&gt;push_back()&lt;/code&gt; method, but when I do this:&lt;/p&gt;
&lt;pre&gt;&lt;code&gt;std::vector&amp;lt;sToken&amp;gt; result;
result.push_back(tkn); //compiler-error
&lt;/code&gt;&lt;/pre&gt;
&lt;p&gt;I get following error messages:
&lt;code&gt;no match for operator== in __first__gnu_cxx::__normal_iterator&amp;lt;_Iterator,_Container&amp;gt;::operator*&amp;lt;sToken*,std::vector&amp;lt;sToken&amp;gt; &amp;gt;()== in stl_algo.h&lt;/code&gt;&lt;/p&gt;
&lt;p&gt;But if I want to put standard string everything is OK:&lt;/p&gt;
&lt;pre&gt;&lt;code&gt;std::vector&amp;lt;std::string&amp;gt; result;
result.push_back(tkn.token); //OK
&lt;/code&gt;&lt;/pre&gt;
&lt;p&gt;I see that compiler is complaining about &lt;code&gt;operator==&lt;/code&gt;, but why? Why should I provide &lt;code&gt;operator==&lt;/code&gt; in this situation when I only want to put struct in vector? And if I must implement this operator, can you give me an idea how it should be implemented. Thanks.&lt;/p&gt;</t>
  </si>
  <si>
    <t>2013-06-21 09:28:41.940000+00:00</t>
  </si>
  <si>
    <t>2013-06-21 09:49:55.797000+00:00</t>
  </si>
  <si>
    <t>c++|compiler-errors|stdvector</t>
  </si>
  <si>
    <t>Spring Data -- Query JOIN Validation ERROR -- Validation failed for query for method</t>
  </si>
  <si>
    <t>&lt;p&gt;I'm trying to do a 3 table Join Query with Spring data and I'm running into a query validation issue. &lt;/p&gt;
&lt;p&gt;The exact error I get is:&lt;/p&gt;
&lt;pre&gt;&lt;code&gt;Caused by: java.lang.IllegalArgumentException: Validation failed for query for method public abstract java.util.List com.somethinng.domain.subscriberCategoriesRepository.findByJoin()!
at org.springframework.data.jpa.repository.query.SimpleJpaQuery.validateQuery(SimpleJpaQuery.java:92)
at org.springframework.data.jpa.repository.query.SimpleJpaQuery.&amp;lt;init&amp;gt;(SimpleJpaQuery.java:62)
at org.springframework.data.jpa.repository.query.JpaQueryFactory.fromMethodWithQueryString(JpaQueryFactory.java:72)
at org.springframework.data.jpa.repository.query.JpaQueryFactory.fromQueryAnnotation(JpaQueryFactory.java:53)
at org.springframework.data.jpa.repository.query.JpaQueryLookupStrategy$DeclaredQueryLookupStrategy.resolveQuery(JpaQueryLookupStrategy.java:144)
at org.springframework.data.jpa.repository.query.JpaQueryLookupStrategy$CreateIfNotFoundQueryLookupStrategy.resolveQuery(JpaQueryLookupStrategy.java:212)
at org.springframework.data.jpa.repository.query.JpaQueryLookupStrategy$AbstractQueryLookupStrategy.resolveQuery(JpaQueryLookupStrategy.java:77)
at org.springframework.data.repository.core.support.RepositoryFactorySupport$QueryExecutorMethodInterceptor.&amp;lt;init&amp;gt;(RepositoryFactorySupport.java:436)
at org.springframework.data.repository.core.support.RepositoryFactorySupport.getRepository(RepositoryFactorySupport.java:221)
at org.springframework.data.repository.core.support.RepositoryFactoryBeanSupport.initAndReturn(RepositoryFactoryBeanSupport.java:277)
at org.springframework.data.repository.core.support.RepositoryFactoryBeanSupport.afterPropertiesSet(RepositoryFactoryBeanSupport.java:263)
at org.springframework.data.jpa.repository.support.JpaRepositoryFactoryBean.afterPropertiesSet(JpaRepositoryFactoryBean.java:101)
at org.springframework.beans.factory.support.AbstractAutowireCapableBeanFactory.invokeInitMethods(AbstractAutowireCapableBeanFactory.java:1687)
at org.springframework.beans.factory.support.AbstractAutowireCapableBeanFactory.initializeBean(AbstractAutowireCapableBeanFactory.java:1624)
... 39 more
&lt;/code&gt;&lt;/pre&gt;
&lt;p&gt;On the Database side here are my three tables&lt;/p&gt;
&lt;pre&gt;&lt;code&gt;create table subscribers(
id int auto_increment primary key,
email varchar(255),
unique (email));
create table categories ( 
id int auto_increment primary key,
source varchar(255) not null,
description varchar(255) not null);
create table subscriberCategories(
subscriber int not null,
source int not null,
primary key (subscriber,source),  -- prevents dupes
constraint `fk_2user` foreign key (subscriber) references       subscribers(id));
&lt;/code&gt;&lt;/pre&gt;
&lt;p&gt;And here are my POJO's and Repositories&lt;/p&gt;
&lt;p&gt;Subscribers&lt;/p&gt;
&lt;pre&gt;&lt;code&gt;@Entity
@Getter
@Setter
public class Subscribers {
@Id
@GeneratedValue(strategy = GenerationType.AUTO)
private Integer id;
@NotNull
private String email;
public Subscribers() { }
public Subscribers(Integer id) {
    this.id = id;
}
public Subscribers(String email, String description) {
    this.email = email;
}
}
&lt;/code&gt;&lt;/pre&gt;
&lt;p&gt;Categories&lt;/p&gt;
&lt;pre&gt;&lt;code&gt;@Entity
@Getter
@Setter
public class Categories {
@Id
@GeneratedValue(strategy = GenerationType.AUTO)
private Integer id;
@NotNull
private String description;
@NotNull
private String source;
public Categories() { }
public Categories(Integer id) {
    this.id = id;
}
public Categories(String source, String description) {
    this.source = source;
    this.description = description;
}
}
&lt;/code&gt;&lt;/pre&gt;
&lt;p&gt;SubscriberCategories&lt;/p&gt;
&lt;pre&gt;&lt;code&gt;@Entity
@Getter
@Setter
public class subscriberCategories {
@Id
@Column(name = "subscriber")
private Integer id;
@NotNull
private Integer source;
public subscriberCategories() {
}
public subscriberCategories(Integer subscriberId) {
    this.id = subscriberId;
}
public subscriberCategories(Integer source, Integer subscriberId) {
    this.source = source;
    this.id = subscriberId;
}
}
&lt;/code&gt;&lt;/pre&gt;
&lt;p&gt;&lt;b&gt; Repositories &lt;/b&gt;&lt;/p&gt;
&lt;p&gt;SubscriberRepository&lt;/p&gt;
&lt;pre&gt;&lt;code&gt;@Repository
public interface SubscriberRepository extends  CrudRepository&amp;lt;Subscribers, Integer&amp;gt; {
}
&lt;/code&gt;&lt;/pre&gt;
&lt;p&gt;CategoriesRepository&lt;/p&gt;
&lt;pre&gt;&lt;code&gt;@Repository
public interface CategoriesRepository extends CrudRepository&amp;lt;Categories, Integer&amp;gt; {
List&amp;lt;Categories&amp;gt; findById(Integer id);
Long deleteBySource(String source);
List&amp;lt;Categories&amp;gt; findBySource(String source);
}
&lt;/code&gt;&lt;/pre&gt;
&lt;p&gt;subscriberCategoriesRepository&lt;/p&gt;
&lt;pre&gt;&lt;code&gt;@Transactional
@Repository
public interface subscriberCategoriesRepository extends  CrudRepository&amp;lt;subscriberCategories, Integer&amp;gt; {
@Query(value = "SELECT DISTINCT s.email as Subscriber, c.source as Source from Subscribers s" +
        "Inner Join subscriberCategories sc on s.id = sc.subscriber" +
        "Inner Join Categories c on sc.subscriber = s.id where s.email = 'xxxxx@gmail.com'")
List&amp;lt;subscriberCategories&amp;gt; findByJoin();
&lt;/code&gt;&lt;/pre&gt;
&lt;p&gt;Lastly I have the following unit test which is throwing the error when I run it&lt;/p&gt;
&lt;pre&gt;&lt;code&gt;@RunWith(SpringRunner.class)
@SpringBootTest
@EnableJpaRepositories(basePackageClasses = subscriberCategories.class)
@Transactional
public class subscriberCategoriesTest {
@Autowired
subscriberCategoriesRepository subscriberCategoriesRepository;
@Test
public void testLoadCategories() {
    List&amp;lt;subscriberCategories&amp;gt; subscriberCategories = (List&amp;lt;subscriberCategories&amp;gt;) subscriberCategoriesRepository.findByJoin();
    assertEquals("Should contain something", 1, subscriberCategories.size());
}
&lt;/code&gt;&lt;/pre&gt;
&lt;p&gt;If someone give me a hand with this I would really appreciate it&lt;/p&gt;
&lt;p&gt;Thanks&lt;/p&gt;</t>
  </si>
  <si>
    <t>2017-02-06 02:47:18.740000+00:00</t>
  </si>
  <si>
    <t>sql|spring|validation|spring-boot|spring-data-jpa</t>
  </si>
  <si>
    <t>mdui metadata extension with spring-saml</t>
  </si>
  <si>
    <t>&lt;p&gt;i need to configure an SP with Spring SAML Extension, this time with a new idp admin request. 
He ask me to send him metadata with mdui values like this:&lt;/p&gt;
&lt;pre&gt;&lt;code&gt;&amp;lt;md:SPSSODescriptor&amp;gt; &amp;lt;Extensions&amp;gt;  &amp;lt;mdui:UIInfo&amp;gt;
&amp;lt;mdui:DisplayName xml:lang="it"&amp;gt;desc&amp;lt;/mdui:DisplayName&amp;gt;
&amp;lt;mdui:InformationURL xml:lang="it"&amp;gt;http://xxxx&amp;lt;/mdui:InformationURL&amp;gt;
&amp;lt;/Extensions&amp;gt;
....
&amp;lt;/SPSSODescriptor&amp;gt;
&lt;/code&gt;&lt;/pre&gt;
&lt;p&gt;I think i can do this operation with a non signed metadata with values added by hand.
It is the only way or can i obtain the same result with configuration options ?
thanks in advance.&lt;/p&gt;
&lt;p&gt;Alessandro&lt;/p&gt;</t>
  </si>
  <si>
    <t>2016-07-21 13:03:28.307000+00:00</t>
  </si>
  <si>
    <t>2016-07-27 07:20:57.247000+00:00</t>
  </si>
  <si>
    <t>spring-security|spring-saml</t>
  </si>
  <si>
    <t>Razor, asp.net, C#: how to validate a form field that is required and allows HTML snippets?</t>
  </si>
  <si>
    <t>&lt;p&gt;I am using Razor do a single proof-of-concept cshtml page, no controller. I use ASP.NET 4.5.&lt;/p&gt;
&lt;p&gt;This page has a form. Its action points to this page too. So when the form is submitted, it goes to the same page.&lt;/p&gt;
&lt;p&gt;The form has a field called "description". It is a required field, but allow users to enter html snippets. &lt;/p&gt;
&lt;p&gt;I have the following to check user input:&lt;/p&gt;
&lt;pre&gt;&lt;code&gt;Validation.RequireField("description", "Description is required.");
&lt;/code&gt;&lt;/pre&gt;
&lt;p&gt;However, when a user enters html snippets in the "description" field and submits the form, the website shows the following error message:&lt;/p&gt;
&lt;pre&gt;&lt;code&gt;    A potentially dangerous Request.Form value was detected from the client (Description="&amp;lt;p&amp;gt;This bilingual.....
....
Line 43:             description = Request.Form["description"];
.....
&lt;/code&gt;&lt;/pre&gt;
&lt;p&gt;This page is in a VERY safe environment and so html snippets are allowed.&lt;/p&gt;
&lt;p&gt;Let's put best practices aside. How can I make the description field required and allow html snippets at the same time? I have more than one field in the form that allow html snippets.&lt;/p&gt;
&lt;p&gt;I hope to find a solution that does not touch web.config.&lt;/p&gt;
&lt;p&gt;Regards and thanks.&lt;/p&gt;</t>
  </si>
  <si>
    <t>2014-05-28 16:22:11.740000+00:00</t>
  </si>
  <si>
    <t>2014-05-29 16:16:29.823000+00:00</t>
  </si>
  <si>
    <t>2014-05-28 21:43:37.697000+00:00</t>
  </si>
  <si>
    <t>c#|validation|razor</t>
  </si>
  <si>
    <t>Build webRTC for android on windows</t>
  </si>
  <si>
    <t>&lt;p&gt;I am working with &lt;a href="http://www.webrtc.org/native-code/android" rel="nofollow"&gt;webRTC&lt;/a&gt;. I want to build it for android to do peer to peer streaming. I think i can do that using that webRTC-android-app, right? So my question how can i build it on windows because if you go to the link the first line says "Android development is only supported on Linux." &lt;/p&gt;
&lt;p&gt;So it's possible to build that on windows or i have to switch to Linux for that project? &lt;/p&gt;</t>
  </si>
  <si>
    <t>2015-01-31 12:56:41.147000+00:00</t>
  </si>
  <si>
    <t>2016-01-28 04:59:10.250000+00:00</t>
  </si>
  <si>
    <t>android|webrtc</t>
  </si>
  <si>
    <t>UWP Change keyboard language during runtime</t>
  </si>
  <si>
    <t>&lt;p&gt;Is there a way to change the language that Windows is using from a UWP app during runtime?&lt;/p&gt;
&lt;p&gt;The app I am working on will be used in a kiosk environment and will be used by people with different languages. So the user needs to be able to change the language within the app, that will not only change the text displayed within the app, but also the input language on the Windows touch keyboard.&lt;/p&gt;
&lt;p&gt;In WPF, you could simply change the CurrentInputLanguage property on the InputLanguageManager but there doesn't seem to be an alternative in UWP.&lt;/p&gt;
&lt;p&gt;I know I can listen to the CoreTextServicesManager.InputLanguageChanged event when the input language is changed in Windows, but can't find anywhere to change it from the app.&lt;/p&gt;
&lt;p&gt;Thanks&lt;/p&gt;</t>
  </si>
  <si>
    <t>2018-05-08 21:18:22.490000+00:00</t>
  </si>
  <si>
    <t>2018-05-09 08:12:46.543000+00:00</t>
  </si>
  <si>
    <t>c#|uwp|windows-10-universal</t>
  </si>
  <si>
    <t>How to get a result from substracting date</t>
  </si>
  <si>
    <t>&lt;p&gt;Hi guys i want to query out the current date subtract previous date and return the changes of the length (current length - previous length) using SQL. See the sample of the changes as in the table below current minus previous length&lt;/p&gt;
&lt;p&gt;I couldn't think of query how to do it
SELECT date, length FROM length_data&lt;/p&gt;
&lt;pre&gt;&lt;code&gt;date                 length          changes
-------------------  --------------  ------------
2000-08-29 10:30:00          147.98  147.98
2000-08-30 00:00:00          147.98  0
2000-09-02 10:30:00          156.51  8.53
2000-09-04 00:00:00          156.51  ....
2000-09-04 04:30:00          156.51  ....
2000-09-04 06:30:00          156.51  ....
2000-09-05 21:00:00          156.51
2000-09-06 03:00:00          156.51
2000-09-07 09:30:00          204.06
2000-09-07 10:30:00          204.06
2000-09-08 00:00:00          339.09
2000-09-08 12:30:00          395.78
2000-09-09 09:30:00          477.77
2000-09-10 02:30:00          737.77
&lt;/code&gt;&lt;/pre&gt;</t>
  </si>
  <si>
    <t>2016-04-05 15:07:40.803000+00:00</t>
  </si>
  <si>
    <t>2016-04-05 17:25:46.600000+00:00</t>
  </si>
  <si>
    <t>2016-04-05 15:11:03.003000+00:00</t>
  </si>
  <si>
    <t>MIP start in Gurobi</t>
  </si>
  <si>
    <t>&lt;p&gt;I am trying to set a MIP start with Gurobi MILP solver. I have a set of binary variables : &lt;/p&gt;
&lt;p&gt;&lt;code&gt;tupledict_m = master.addVars(list_m, name="m", vtype=GRB.BINARY)&lt;/code&gt;&lt;/p&gt;
&lt;p&gt;where master is a Gurobi Model, list_m is an tuple of integers. I run the following to set the starting values :&lt;/p&gt;
&lt;p&gt;&lt;code&gt;for i in list_m:
    tupledict_m[i].start = bool(m_values[i])&lt;/code&gt;&lt;/p&gt;
&lt;p&gt;where m_values[i] is either 1.0 or 0.0 with float data type.
Right after that if I print :&lt;code&gt;print([tupledict_m[i].start for i in list_m])&lt;/code&gt;
I get 1e+101 everywhere. Any idea on why and how to fix that ?&lt;/p&gt;</t>
  </si>
  <si>
    <t>2018-09-22 13:10:41.577000+00:00</t>
  </si>
  <si>
    <t>2018-09-24 17:12:16.770000+00:00</t>
  </si>
  <si>
    <t>python|gurobi</t>
  </si>
  <si>
    <t>A generic GDI+ error occurs when saving an image</t>
  </si>
  <si>
    <t>&lt;p&gt;I have the following code:&lt;/p&gt;
&lt;pre&gt;&lt;code&gt;static void Main(string[] args)
{
    const int SAMPLE_SIZE = 256 * 256;
    float[] samples = new float[SAMPLE_SIZE];
    using (Bitmap bmp = new Bitmap(SAMPLE_SIZE, 1))
    {
        for (int i = 0; i &amp;lt; samples.Length; ++i)
        {
            int c = (int)(samples[i] * 127 + 128);
            bmp.SetPixel(i, 0, Color.FromArgb(c, c, c));
        }
        bmp.Save("result.png"); //A generic error occurred in GDI+.
    }
}
&lt;/code&gt;&lt;/pre&gt;
&lt;p&gt;The program crashes when saving the bitmap. When I set the &lt;code&gt;SAMPLE_SIZE&lt;/code&gt; to a lower value, no exceptions are thrown. The same error occurs on x64 and x86.&lt;/p&gt;
&lt;p&gt;I tried to save to an intermediate stream, but the same error occurs.&lt;/p&gt;
&lt;pre&gt;&lt;code&gt;using (MemoryStream stream = new MemoryStream())
{
    bmp.Save(stream, ImageFormat.Png);
    stream.WriteTo(fs);
}
&lt;/code&gt;&lt;/pre&gt;
&lt;p&gt;Why is this happening? The error occurs on x64. Could it still be a memory issue? The image dimensions are 65536x1 which is not that large in terms of bytes reserved.&lt;/p&gt;</t>
  </si>
  <si>
    <t>2015-10-10 22:17:15.313000+00:00</t>
  </si>
  <si>
    <t>2015-10-11 17:51:21.667000+00:00</t>
  </si>
  <si>
    <t>2015-10-10 22:41:02.627000+00:00</t>
  </si>
  <si>
    <t>c#|bitmap|png|gdi+</t>
  </si>
  <si>
    <t>Does gcc search CPATH recursively?</t>
  </si>
  <si>
    <t>&lt;p&gt;On a Linux system, does gcc recursively search the path declared in CPATH environment variable, or do I need to specify every Includes sub-directory explicitly?  &lt;/p&gt;</t>
  </si>
  <si>
    <t>2015-06-20 01:45:11.723000+00:00</t>
  </si>
  <si>
    <t>2015-06-20 02:03:24.950000+00:00</t>
  </si>
  <si>
    <t>gcc|include</t>
  </si>
  <si>
    <t>isotope sortBy simply not functioning as it should</t>
  </si>
  <si>
    <t>&lt;p&gt;I am using the following as set up for the page (the isotope masonry system works perfectly by the way, just not the sort):&lt;/p&gt;
&lt;pre&gt;&lt;code&gt;&amp;lt;script type="text/javascript"&amp;gt;
$(function(){
  var $container = $('#wall');
  $container.isotope({
    itemSelector : '.block2',
    getSortData : {
      name : function ( $elem ) {
        return $elem.find('.name').text();
      }
    },
    getSortData : {
      site : function ( $elem ) {
        return $elem.find('.site').text();
      }
    }
  });
  $container.infinitescroll({
    navSelector  : '#page_nav',    // selector for the paged navigation 
    nextSelector : '#page_nav a',  // selector for the NEXT link (to page 2)
    itemSelector : '.block2',     // selector for all items you'll retrieve
    loading: {
        finishedMsg: 'No more pages to load.',
        img: 'http://i.imgur.com/qkKy8.gif'
      }
    },
    // call Isotope as a callback
    function( newElements ) {
      $container.isotope( 'appended', $( newElements ) ); 
    }
  );
});
&amp;lt;/script&amp;gt;
&lt;/code&gt;&lt;/pre&gt;
&lt;p&gt;with example data:&lt;/p&gt;
&lt;pre&gt;&lt;code&gt;&amp;lt;div class="block2"&amp;gt;
&amp;lt;li class="list_item"&amp;gt;
&amp;lt;div class="list_item_view"&amp;gt;
&amp;lt;div class="list_item_name" title="JETS Journey 2011" style=font-size:11px;&amp;gt;
&amp;lt;span class="name"&amp;gt;Jets Journey 2011&amp;lt;/span&amp;gt;&amp;lt;/div&amp;gt;
&amp;lt;div class="site"&amp;gt;&amp;lt;span class="site"&amp;gt;abc.com&amp;lt;/span&amp;gt;&amp;lt;/div&amp;gt;&amp;lt;/div&amp;gt;&amp;lt;/div&amp;gt;
&amp;lt;div class="block2"&amp;gt;
&amp;lt;li class="list_item"&amp;gt;
&amp;lt;div class="list_item_view"&amp;gt;
&amp;lt;div class="list_item_name" title="Killers" style=font-size:11px;&amp;gt;
&amp;lt;span class="name"&amp;gt;Killers&amp;lt;/span&amp;gt;&amp;lt;/div&amp;gt;
&amp;lt;div class="site"&amp;gt;&amp;lt;span class="site"&amp;gt;ydc.com&amp;lt;/span&amp;gt;&amp;lt;/div&amp;gt;&amp;lt;/div&amp;gt;&amp;lt;/div&amp;gt;
&amp;lt;div class="block2"&amp;gt;
&amp;lt;li class="list_item"&amp;gt;
&amp;lt;div class="list_item_view"&amp;gt;
&amp;lt;div class="list_item_name" title="Best yet" style=font-size:11px;&amp;gt;
&amp;lt;span class="name"&amp;gt;Best yet&amp;lt;/span&amp;gt;&amp;lt;/div&amp;gt;
&amp;lt;div class="site"&amp;gt;&amp;lt;span class="site"&amp;gt;cagey.com&amp;lt;/span&amp;gt;&amp;lt;/div&amp;gt;&amp;lt;/div&amp;gt;&amp;lt;/div&amp;gt;
&lt;/code&gt;&lt;/pre&gt;
&lt;p&gt;And to call the sort changes:&lt;/p&gt;
&lt;pre&gt;&lt;code&gt;&amp;lt;a href=#sortBy=name&amp;gt;name&amp;lt;/a&amp;gt; &amp;lt;a href=#sortBy=site&amp;gt;site&amp;lt;/a&amp;gt;
&lt;/code&gt;&lt;/pre&gt;
&lt;p&gt;But simply nothing happens when i click the sort links - am I missing a simple point somewhere?&lt;/p&gt;</t>
  </si>
  <si>
    <t>2012-08-07 07:45:46.127000+00:00</t>
  </si>
  <si>
    <t>2012-08-07 12:32:51.557000+00:00</t>
  </si>
  <si>
    <t>jquery|jquery-isotope</t>
  </si>
  <si>
    <t>Invalid argument in R when running rpois function</t>
  </si>
  <si>
    <t>&lt;p&gt;The code I am trying to run is for a basic total number of goals predictor for AFL. It uses the &lt;code&gt;rpois&lt;/code&gt; function but after I calculate the variables to pass to the function I get an error. &lt;/p&gt;
&lt;blockquote&gt;
  &lt;p&gt;Error in rpois(10000, Weighted_Away_Goals) : invalid arguments&lt;/p&gt;
&lt;/blockquote&gt;
&lt;p&gt;Any ideas how to fix this error?&lt;/p&gt;
&lt;pre&gt;&lt;code&gt;    Poisson_AFL_Model &amp;lt;- function(Home_Team,Away_Team,Venue,total_goals)
  Home_Scored=HomeStats.Venue[HomeStats.Venue$Home == Home_Team &amp;amp; HomeStats.Venue$Venue == Venue, c('HG')] 
  Home_Conceded=HomeStats.Venue[HomeStats.Venue$Home == Home_Team &amp;amp; HomeStats.Venue$Venue == Venue,c('HGC')]
  Average_Home_Scored=MeansVenue[MeansVenue$Venue == Venue,c('HG')]
  Average_Home_Conceded=MeansVenue[MeansVenue$Venue == Venue,c('AG')]
  Away_Scored=AwayStats.Venue[AwayStats.Venue$Away == Away_Team &amp;amp; AwayStats.Venue$Venue == Venue, c('AG')]
  Away_Conceded=AwayStats.Venue[AwayStats.Venue$Away == Away_Team &amp;amp; AwayStats.Venue$Venue == Venue, c('AGC')]
  Average_Away_Conceded=MeansVenue[MeansVenue$Venue == Venue,c('HG')]
  Average_Away_Scored=MeansVenue[MeansVenue$Venue == Venue,c('AG')]
  Scaled_Home=Home_Scored/Average_Home_Scored
  Scaled_Away=Away_Scored/Average_Away_Scored
  Scaled_away_defence=Away_Conceded/Average_Away_Conceded
  Scaled_home_defence=Home_Conceded/Average_Home_Conceded
  Weighted_Home_Goals=Home_Scored*Scaled_away_defence
  Weighted_Away_Goals=Away_Scored*Scaled_home_defence
  xawayteam=rpois(10000,Weighted_Away_Goals)
  xhometeam=rpois(10000,Weighted_Home_Goals)
  Totalgoals=xhometeam+xawayteam
  MeanGoals=mean(Totalgoals)
  cat("\nHome Goals:", mean(xhometeam))
  cat("\nAway Goals:", mean(xawayteam))
  cat("\nMean Goals:", MeanGoals)
  cat("\nHome Wins from 10000:", sum(xhometeam&amp;gt;xawayteam))
  cat("\nAway Wins from 10000:", sum(xhometeam&amp;lt;xawayteam))
  cat("\nDraws from 10000:", sum(xhometeam==xawayteam))
  cat("\nTotal Goals:", total_goals)
  cat("\nMore than goals:", sum(Totalgoals&amp;gt;total_goals)/10000)
  cat("\nEqual to goals:", sum(Totalgoals=total_goals)/10000)
  cat("\nLess than goals:", sum(Totalgoals&amp;lt;total_goals)/10000)
}
&lt;/code&gt;&lt;/pre&gt;</t>
  </si>
  <si>
    <t>2018-06-01 02:40:07.147000+00:00</t>
  </si>
  <si>
    <t>2018-06-01 10:00:24.643000+00:00</t>
  </si>
  <si>
    <t>Difference between field and connection in Graphql ruby?</t>
  </si>
  <si>
    <t>&lt;p&gt;I am new to Graphql. For a simple use case, Let's say i have simple model,&lt;/p&gt;
&lt;pre&gt;&lt;code&gt;  class Post &amp;lt; ActiveRecord::Base
   has_many :comments
  end
&lt;/code&gt;&lt;/pre&gt;
&lt;p&gt;Below is the code in my graphql query_type.rb&lt;/p&gt;
&lt;pre&gt;&lt;code&gt;PostType = GraphQL::ObjectType.define do
 #field :comments, types[CommentType]
 #connection :comments, CommentType.connection_type
end
&lt;/code&gt;&lt;/pre&gt;
&lt;p&gt;Both &lt;code&gt;field and connection&lt;/code&gt; works for me. But which one is the right way to go.&lt;/p&gt;</t>
  </si>
  <si>
    <t>2017-06-17 07:21:27.750000+00:00</t>
  </si>
  <si>
    <t>2017-07-03 07:26:40.577000+00:00</t>
  </si>
  <si>
    <t>ruby-on-rails|ruby|graphql|graphql-ruby</t>
  </si>
  <si>
    <t>BPMN notifications in the same pool</t>
  </si>
  <si>
    <t>&lt;p&gt;So I understand that if I want to notify about something to another pool, I can have a task named "notify client about succesful purchase".
My question is, what happens when I want to send a notification among lanes?&lt;/p&gt;
&lt;p&gt;For example if in the same pool I have a seller and an supervisor, and the seller has to notify the administrator that there is an order on the way. Can this be a task? or in a pool you don't have to notify anything and just draw the flow of the process's entity (in this case the order)?&lt;/p&gt;</t>
  </si>
  <si>
    <t>2018-04-14 06:47:46.463000+00:00</t>
  </si>
  <si>
    <t>2018-04-14 15:08:06.963000+00:00</t>
  </si>
  <si>
    <t>process|model|bpmn</t>
  </si>
  <si>
    <t>Identity server authorization based on user roles</t>
  </si>
  <si>
    <t>&lt;p&gt;Identity server token generation successfully based on user roles when I set headers controller it's working in localhost when I am tried host in IIS server its give response like unauthorized user&lt;/p&gt;
&lt;p&gt;Help me out how to resolve this&lt;/p&gt;
&lt;p&gt;Thanks in advance&lt;/p&gt;</t>
  </si>
  <si>
    <t>2018-08-10 05:53:33.503000+00:00</t>
  </si>
  <si>
    <t>2018-08-10 11:05:18.170000+00:00</t>
  </si>
  <si>
    <t>asp.net-core|oauth-2.0|identityserver4|claims-based-identity|user-roles</t>
  </si>
  <si>
    <t>Start electron app with child_process.fork</t>
  </si>
  <si>
    <t>&lt;p&gt;Is it possible to start an electron application from a node.js app with child_process.fork()?&lt;/p&gt;
&lt;p&gt;I would like to take advantage of the IPC messaging the fork provides, but I cannot figure out how to start electron with only the modulePath instead 'electron .'.&lt;/p&gt;
&lt;p&gt;&lt;a href="https://nodejs.org/api/child_process.html#child_process_child_process_fork_modulepath_args_options" rel="nofollow noreferrer"&gt;https://nodejs.org/api/child_process.html#child_process_child_process_fork_modulepath_args_options&lt;/a&gt;&lt;/p&gt;</t>
  </si>
  <si>
    <t>2018-10-04 10:46:34.120000+00:00</t>
  </si>
  <si>
    <t>2018-10-05 05:31:22.343000+00:00</t>
  </si>
  <si>
    <t>node.js|electron|child-process</t>
  </si>
  <si>
    <t>How can I create a custom firefox profile on a centos vm</t>
  </si>
  <si>
    <t>&lt;p&gt;I have created a centos vm. Installed maven, firefox on it and placed selenium automation code to test my web application on it. The only issue is my automation code works on a specific profile where I need to enable the 'Open new windows in a new tab instead' firefox setting. &lt;/p&gt;
&lt;p&gt;How can I create a custom firefox profile including this setting on a vm ?&lt;/p&gt;
&lt;p&gt;I did a ssh on my vm and then did&lt;/p&gt;
&lt;pre&gt;&lt;code&gt;firefox -CreateProfile Selenium
&lt;/code&gt;&lt;/pre&gt;
&lt;p&gt;I cant find on which location this profile is created. Also I still could not figure out how to add custom settings, as the above just creates a profile I guess.&lt;/p&gt;</t>
  </si>
  <si>
    <t>2018-04-24 10:45:52.097000+00:00</t>
  </si>
  <si>
    <t>2018-04-24 15:40:43.213000+00:00</t>
  </si>
  <si>
    <t>2018-04-24 12:03:33.373000+00:00</t>
  </si>
  <si>
    <t>selenium|firefox|centos7|firefox-profile</t>
  </si>
  <si>
    <t>Firebase Remote Config Cache Expiration Handling</t>
  </si>
  <si>
    <t>&lt;p&gt;&lt;strong&gt;Issue Summary&lt;/strong&gt;&lt;/p&gt;
&lt;p&gt;We're seeing some issues in our app where some users launch the app and see the default config values instead of the ones expected. Restarting the application fixes the issue for those users and they see the correct values as expected.&lt;/p&gt;
&lt;p&gt;&lt;strong&gt;Longer Description&lt;/strong&gt;&lt;/p&gt;
&lt;p&gt;We're using Strategy #3 as described here. &lt;a href="https://firebase.googleblog.com/2017/01/firebase-remote-config-loading.html" rel="nofollow noreferrer"&gt;https://firebase.googleblog.com/2017/01/firebase-remote-config-loading.html&lt;/a&gt;&lt;/p&gt;
&lt;p&gt;On launch, we first do &lt;code&gt;activateFetched&lt;/code&gt; and then do &lt;code&gt;fetch&lt;/code&gt;, with nothing in the completion handler.&lt;/p&gt;
&lt;p&gt;Sometimes, after &lt;code&gt;activateFetched&lt;/code&gt; RemoteConfig falls back to default values even though they were seeing the correct values on the previous launch. Restarting the app and calling &lt;code&gt;activateFetched&lt;/code&gt; fixes this issue and we see the correct expected values.&lt;/p&gt;
&lt;p&gt;To me, it looks like the RemoteConfig cache is expiring at some point and falls back to default values instead. Desired behavior is that we always use the cached values and fetch new ones the first chance we get. &lt;/p&gt;
&lt;p&gt;We would love some input about the best way for us to be handling cache expiration for Firebase Remote Config.&lt;/p&gt;</t>
  </si>
  <si>
    <t>2018-06-04 22:58:02.800000+00:00</t>
  </si>
  <si>
    <t>firebase|firebase-remote-config</t>
  </si>
  <si>
    <t>glReadPixels return 0</t>
  </si>
  <si>
    <t>&lt;p&gt;I am doing my work about capturing screen and encoding on Android 5.0.
I want to control the frame rate and read this below&lt;/p&gt;
&lt;p&gt;&lt;a href="https://stackoverflow.com/questions/31527134/controlling-frame-rate-of-virtualdisplay][1]"&gt;Controlling Frame Rate of VirtualDisplay&lt;/a&gt;&lt;/p&gt;
&lt;p&gt;I created a SurfaceTexture and a Surface initialised by the SurfaceTexture , and pass the Surface to createVirtualDisplay.&lt;/p&gt;
&lt;p&gt;The onFrameAvailable callback fired, almost 60 times per second.&lt;/p&gt;
&lt;p&gt;&lt;strong&gt;But when I try to save a frame, the data got from glReadPixels is 0&lt;/strong&gt;&lt;/p&gt;
&lt;p&gt;Anyone knows about it? Any help would be greatly appreciated!&lt;/p&gt;</t>
  </si>
  <si>
    <t>2015-12-17 04:02:43.997000+00:00</t>
  </si>
  <si>
    <t>2015-12-19 14:47:56.603000+00:00</t>
  </si>
  <si>
    <t>2017-05-23 10:33:48.703000+00:00</t>
  </si>
  <si>
    <t>mod_jk conflicts with mod_rewrite</t>
  </si>
  <si>
    <t>&lt;p&gt;I've got an Apache and Tomcat running and I use &lt;code&gt;mod_jk&lt;/code&gt; to bind them. I have a Tomcat worker called "tc1" and the following setup on my &lt;code&gt;VirtualHost&lt;/code&gt;:&lt;/p&gt;
&lt;pre&gt;&lt;code&gt;JkMount   /* tc1
JkUnMount /*.png tc1
JkUnMount /*.gif tc1
JkUnMount /*.css tc1
JkUnMount /*.js tc1
&lt;/code&gt;&lt;/pre&gt;
&lt;p&gt;That way Tomcat serves all requests apart the ones for static files.&lt;/p&gt;
&lt;p&gt;Now I want to use &lt;code&gt;mod_rewrite&lt;/code&gt; and do something very simple such as:&lt;/p&gt;
&lt;pre&gt;&lt;code&gt;RewriteEngine On
RewriteRule ^/foo$ /bar [L]
&lt;/code&gt;&lt;/pre&gt;
&lt;p&gt;to rewrite the dynamic pageview at "/foo" to "/bar", but it doesn't work because all urls processed by &lt;code&gt;mod_rewrite&lt;/code&gt; do not end up into &lt;code&gt;mod_jk&lt;/code&gt;.&lt;/p&gt;
&lt;p&gt;I've read the &lt;a href="http://tomcat.apache.org/connectors-doc/webserver_howto/apache.html" rel="noreferrer"&gt;Apache Tomcat Connector documentation&lt;/a&gt; and tried all of the &lt;code&gt;JkOptions&lt;/code&gt; but nothing changed.&lt;/p&gt;
&lt;p&gt;Does anyone know how to solve this?&lt;/p&gt;
&lt;p&gt;Does the &lt;code&gt;mod_jk&lt;/code&gt; and &lt;code&gt;mod_rewrite&lt;/code&gt; load order and declarations ordering play any role in URL processing?&lt;/p&gt;
&lt;p&gt;thanks&lt;/p&gt;</t>
  </si>
  <si>
    <t>2009-08-17 18:38:12.700000+00:00</t>
  </si>
  <si>
    <t>2009-08-17 18:40:58.123000+00:00</t>
  </si>
  <si>
    <t>apache|tomcat|mod-rewrite|mod-jk</t>
  </si>
  <si>
    <t>what should CRUD (Insert and Update) functions return ?</t>
  </si>
  <si>
    <t>&lt;p&gt;I could return nothing .. I could return true/false to show if there are any problems.. I could return an int being the primary key of what was inserted or updated.. I could create a custom object to return more information.. perhaps hold a collection of all the validation errors or something that may have occurred..&lt;/p&gt;
&lt;p&gt;So it is not something I am stuck with but I just seem to randomly pick different way so would like to hear a best practice for these common functions.. &lt;/p&gt;
&lt;p&gt;I am using C#/Entities/Repository pattern.&lt;/p&gt;</t>
  </si>
  <si>
    <t>2013-04-05 15:09:10.800000+00:00</t>
  </si>
  <si>
    <t>2013-04-05 15:21:47.453000+00:00</t>
  </si>
  <si>
    <t>entity-framework|repository-pattern|crud</t>
  </si>
  <si>
    <t>How to select two columns from two different tables in relational algebra</t>
  </si>
  <si>
    <t>&lt;p&gt;I have a table named Suppliers(sid,sname,city).&lt;/p&gt;
&lt;p&gt;I have another table named Parts(pid,pname,colour).&lt;/p&gt;
&lt;p&gt;How do I select column sid,sname from suppliers table and pid,pname from parts table and create a new realtion which will have four columns: sid,sname,pid,pname?&lt;/p&gt;
&lt;p&gt;I know how to use project but project can take only one table as input since its a unary operator.&lt;/p&gt;</t>
  </si>
  <si>
    <t>2018-09-20 22:26:23.043000+00:00</t>
  </si>
  <si>
    <t>lxc sharing network namespace between containers</t>
  </si>
  <si>
    <t>&lt;p&gt;I am trying to start a lxc container deb1 and use &lt;code&gt;--share-net&lt;/code&gt; to start another container deb2 to share the network namespace. But both in fedora and Ubuntu i and getting error below:&lt;/p&gt;
&lt;pre&gt;&lt;code&gt;issue |
[root@blr-vxr-056 ~]# lxc-start --share-net deb1 -n deb2
lxc-start: cgfs.c: handle_cgroup_settings: 2077 Device or resource busy - failed to set memory.use_hierarchy to 1; continuing
lxc-start: cgfs.c: handle_cgroup_settings: 2077 Device or resource busy - failed to set memory.use_hierarchy to 1; continuing
lxc-start: sync.c: __sync_wake: 62 sync wake failure : Broken pipe
lxc-start: start.c: __lxc_start: 1080 failed to spawn 'deb2'
&lt;/code&gt;&lt;/pre&gt;
&lt;p&gt;Anyone used &lt;code&gt;--share-net&lt;/code&gt; option ?&lt;/p&gt;</t>
  </si>
  <si>
    <t>2015-02-05 06:23:24.650000+00:00</t>
  </si>
  <si>
    <t>2016-12-15 11:02:53.773000+00:00</t>
  </si>
  <si>
    <t>linux|networking|containers|lxc|linux-namespaces</t>
  </si>
  <si>
    <t>Compiling a java package with Libraries in windows CMD</t>
  </si>
  <si>
    <t>&lt;p&gt;I have a Java package containing one class I'm trying to compile in windows CMD.&lt;/p&gt;
&lt;p&gt;Here's the folder structure:&lt;/p&gt;
&lt;p&gt;&lt;img src="https://i.stack.imgur.com/pcEer.png" alt="Folder structure"&gt;&lt;/p&gt;
&lt;p&gt;&lt;code&gt;.\src\&lt;/code&gt; contains the packages. I'm trying to compile the class inside the AggregationEngine package. The class is called &lt;code&gt;testClass.java&lt;/code&gt; and it uses the &lt;code&gt;twitter4j&lt;/code&gt; library. The jar files of the &lt;code&gt;twitter4j&lt;/code&gt; library are included in the &lt;code&gt;.\src\lib\&lt;/code&gt; directory as &lt;code&gt;twitter4j-core-2.2.4.jar&lt;/code&gt;&lt;/p&gt;
&lt;p&gt;I tried the following:&lt;/p&gt;
&lt;pre&gt;&lt;code&gt;javac -classpath "..\lib\twitter4j-core-2.2.4.jar" -sourcepath C:\x\x\x\src\AggregationEngine\ AggregationEngine\TwitterCrawler.java
java AggregationEngine.testClass "test String"
pause
&lt;/code&gt;&lt;/pre&gt;
&lt;p&gt;but it doesn't seem to work. I have a basic understanding of the above. I'm not even sure if the above is the correct way to do it. &lt;/p&gt;
&lt;p&gt;&lt;strong&gt;Note:&lt;/strong&gt; I don't want to go into the Environment variable definition method, because I'm gonna do the same on a different OS. Oh and I might also include multiple &lt;code&gt;.jar&lt;/code&gt; files as well.&lt;/p&gt;
&lt;p&gt;-- Edit --
Output: when running the app. &lt;code&gt;java AggregationEngine.TwitterCrawler&lt;/code&gt;&lt;/p&gt;
&lt;pre&gt;&lt;code&gt;Exception in thread "main" java.lang.NoClassDefFoundError: twitter4j/TwitterException
Caused by: java.lang.ClassNotFoundException: twitter4j.TwitterException
        at java.net.URLClassLoader$1.run(Unknown Source)
        at java.security.AccessController.doPrivileged(Native Method)
        at java.net.URLClassLoader.findClass(Unknown Source)
        at java.lang.ClassLoader.loadClass(Unknown Source)
        at sun.misc.Launcher$AppClassLoader.loadClass(Unknown Source)
        at java.lang.ClassLoader.loadClass(Unknown Source)
&lt;/code&gt;&lt;/pre&gt;
&lt;p&gt;Any advice?&lt;/p&gt;</t>
  </si>
  <si>
    <t>2011-09-14 12:12:11.493000+00:00</t>
  </si>
  <si>
    <t>2013-03-21 09:58:57.507000+00:00</t>
  </si>
  <si>
    <t>2011-09-14 12:19:46.440000+00:00</t>
  </si>
  <si>
    <t>java|compilation|twitter4j</t>
  </si>
  <si>
    <t>YADR and Vim highlight color</t>
  </si>
  <si>
    <t>&lt;p&gt;I have installed YADR for vim, &lt;a href="https://github.com/skwp/dotfiles" rel="nofollow"&gt;https://github.com/skwp/dotfiles&lt;/a&gt;, and it messed up my Visual Block highlighting color. I have a black background, and my highlighting color is dark grey and I can't see what I am highlighting. Any help how to change the highlighting color?
I want to keep the background black.&lt;/p&gt;</t>
  </si>
  <si>
    <t>2013-03-11 15:25:41.650000+00:00</t>
  </si>
  <si>
    <t>2013-03-11 16:31:30.813000+00:00</t>
  </si>
  <si>
    <t>php date time seems does not work properly</t>
  </si>
  <si>
    <t>&lt;p&gt;I'm now inserting a &lt;code&gt;date/time&lt;/code&gt; data into my &lt;code&gt;date/time field&lt;/code&gt; in the database. I have tried many techniques such as:&lt;/p&gt;
&lt;pre&gt;&lt;code&gt; $date = date("d M Y");
 $date = date("d M Y", mktime());
 $date = getdate();
 $date = date("d M Y", strtotime('now'));
&lt;/code&gt;&lt;/pre&gt;
&lt;p&gt;and also this function: &lt;code&gt;date_default_timezone_set('Asia/Bangkok');&lt;/code&gt;&lt;/p&gt;
&lt;p&gt;but it still does not get the datetime.&lt;/p&gt;
&lt;p&gt;This is my sql statement:&lt;/p&gt;
&lt;pre&gt;&lt;code&gt;$sql = "INSERT INTO ".TABLE_CONTENT."(`title`, `detail`, `crdate`, `modate`, `crby`, moby, isdel) VALUES('".$title."', '".$detail."', '".$crdate."', '".$modate."', '".$crby."', '".$moby."', $isdel)";
&lt;/code&gt;&lt;/pre&gt;
&lt;p&gt;After performing the query I got only the &lt;code&gt;0000-00-00 00:00:00&lt;/code&gt; in my database.&lt;/p&gt;
&lt;p&gt;Any help or suggestion would be very appreciated.&lt;/p&gt;
&lt;p&gt;Thanks&lt;/p&gt;</t>
  </si>
  <si>
    <t>2012-05-23 17:27:15.600000+00:00</t>
  </si>
  <si>
    <t>2012-05-23 17:35:56.977000+00:00</t>
  </si>
  <si>
    <t>php|sql|datetime</t>
  </si>
  <si>
    <t>Play 2.3: Ebean Inheritance Single-Table with OneToOne field</t>
  </si>
  <si>
    <t>&lt;p&gt;I have an abstract class to represent a type of settings. The inheritance type is in a single table as I wish to be able to access all types of settings irrespective of concrete type. Here is my parent abstract class:&lt;/p&gt;
&lt;pre&gt;&lt;code&gt;@Entity
@Inheritance(strategy = InheritanceType.SINGLE_TABLE)
@DiscriminatorColumn(discriminatorType = DiscriminatorType.STRING)
public abstract class Settings extends Model {
   @Id
   public Long settingId;
   public static Model.Finder&amp;lt;Long, Settings&amp;gt; find = new Model.Finder&amp;lt;&amp;gt;(Long.class, Settings.class);
   public abstract void run();
}
&lt;/code&gt;&lt;/pre&gt;
&lt;p&gt;This is one of my concrete types:&lt;/p&gt;
&lt;pre&gt;&lt;code&gt;@Entity
@DiscriminatorValue("text")
public class TextSettings extends Settings {
    public boolean type;
    @OneToOne(cascade = CascadeType.ALL)
    public EmailFields emailFields;
    public static Finder&amp;lt;Long, TextSettings&amp;gt; find = new Finder&amp;lt;&amp;gt;(Long.class, TextSettings.class);
    public static TextSettings get() {
        if (find.all().size() &amp;gt; 0)
            return find.all().get(0);
        else {
            TextSettings settings = new TextSettings();
            settings.emailFields = new EmailFields();
            settings.emailFields.test = "Test"; \\this field is null if you try to get this field with a get on the TextSettings ebean object
            settings.save();
            return settings;
        }
    }
}
&lt;/code&gt;&lt;/pre&gt;
&lt;p&gt;This concrete type actually contains another ebean model with the &lt;code&gt;OneToOne&lt;/code&gt; relationship. Here is the code for that model:&lt;/p&gt;
&lt;pre&gt;&lt;code&gt;@Entity
@DiscriminatorValue("email")
public class EmailFields extends Model {
   @Id
   public Long id;
   public String test;
   public static Finder&amp;lt;Long, EmailFields&amp;gt; find = new Finder&amp;lt;&amp;gt;(Long.class, EmailFields.class);
}
&lt;/code&gt;&lt;/pre&gt;
&lt;p&gt;When I try to get the &lt;code&gt;EmailFields&lt;/code&gt; model through the &lt;code&gt;TextSettings&lt;/code&gt; model, I get the correct id and the object exists in the database, but the field &lt;code&gt;test&lt;/code&gt; is null. Any field I add to it is always null.&lt;/p&gt;
&lt;p&gt;This type of set up works for me in a non-inheritance ebean model so I can only think it has something to do with the single table. Does anyone know a solution for this, or will I have to copy the &lt;code&gt;test&lt;/code&gt; field into the &lt;code&gt;TextSettings&lt;/code&gt; model?&lt;/p&gt;
&lt;p&gt;Note: I have simplified the code so logically it might not make sense as to why I have one field in &lt;code&gt;EmailFields&lt;/code&gt; but the assumption is that I do need it as a separate model as some settings will have this model and some won't. So I don't want boilerplate code in those settings' classes.&lt;/p&gt;
&lt;p&gt;&lt;strong&gt;Update&lt;/strong&gt;
So for now I am using the &lt;code&gt;@Embedded&lt;/code&gt; and &lt;code&gt;@Embeddable&lt;/code&gt; annotations.&lt;/p&gt;
&lt;pre&gt;&lt;code&gt;@Embeddable    
public class EmailFields extends Model
&lt;/code&gt;&lt;/pre&gt;
&lt;p&gt;And in &lt;code&gt;TextSettings&lt;/code&gt;&lt;/p&gt;
&lt;pre&gt;&lt;code&gt;@Embedded
public EmailFields emailFields;
&lt;/code&gt;&lt;/pre&gt;
&lt;p&gt;This simply copies &lt;code&gt;EmailFields&lt;/code&gt;' fields into the &lt;code&gt;TextSettings&lt;/code&gt; object and not as a separate entity. Only drawback with this is that it increases the size of the table. &lt;/p&gt;</t>
  </si>
  <si>
    <t>2015-04-16 16:48:21.613000+00:00</t>
  </si>
  <si>
    <t>2015-04-17 13:05:01.180000+00:00</t>
  </si>
  <si>
    <t>java|inheritance|playframework|ebean|playframework-2.3</t>
  </si>
  <si>
    <t>How to call FatSecret Api from Android Env?</t>
  </si>
  <si>
    <t>&lt;p&gt;currently I would like to use the Fatsecret API to make an Android app. They have REST and JS APIs primarily for Web development, I guess, web development is not my forte. Can someone enlighten me as how to use this API from Android?&lt;/p&gt;</t>
  </si>
  <si>
    <t>2013-07-30 19:36:51.177000+00:00</t>
  </si>
  <si>
    <t>2016-02-26 10:59:36.907000+00:00</t>
  </si>
  <si>
    <t>javascript|android|rest</t>
  </si>
  <si>
    <t>String is not captured from return value in function in C</t>
  </si>
  <si>
    <t>&lt;p&gt;I have a function that's supposed to merge 2 strings and return the resultant longer string. The string appears to be successfully merged in the function, but when returned the information is lost. 'output' in function contains the merged string, and this value is supposed to be returned.&lt;/p&gt;
&lt;p&gt;The mergedString does not print in main, but prints in the function. Why? How to make it work?&lt;/p&gt;
&lt;pre&gt;&lt;code&gt;main () {
char  *mergedString = mergeStrings( frags[maxOverlapArrPos1], frags[maxOverlapArrPos2], maxCharOverlap);
   printf ("mergedStringInMain is %s\n", mergedString);
}
char * mergeStrings(char * string1, char * string2, int overlapCharSize){
  int overlapStartPosition = strlen(string1) - overlapCharSize;
  char output[] = "";
  if (strlen(string2)&amp;gt;overlapCharSize){
     strncat(output, string1, overlapStartPosition);
     strncat(output , string2, strlen(string2));
  } 
  printf ("mergedStringInFunction is %s\n", output);
  return output;
}
&lt;/code&gt;&lt;/pre&gt;
&lt;p&gt;The output is:&lt;/p&gt;
&lt;p&gt;mergedString is abcdefg&lt;/p&gt;
&lt;p&gt;mergedString is ?&lt;/p&gt;</t>
  </si>
  <si>
    <t>2014-04-13 18:20:46.107000+00:00</t>
  </si>
  <si>
    <t>2014-04-13 18:37:20.100000+00:00</t>
  </si>
  <si>
    <t>c|string|return</t>
  </si>
  <si>
    <t>Excel VBA: add a blank cell below every output</t>
  </si>
  <si>
    <t>&lt;p&gt;I have a little problem with my VBA code. I use the code below to display every date in a date range. So if the date range is 3 Dec - 5 Dec, it will display 3 Dec in cell E10, 4 Dec in cell E11 and 5 Dec in cell E12. This works fine, however I need to add 4 blank cells below every date (so 3 Dec will be in cell E10, but the 4th of December will be shown in cell E15 etc). &lt;/p&gt;
&lt;pre&gt;&lt;code&gt;Private Sub cmdOK_Click()
Dim RowCount As Long
Dim ctl As Control
' Check user input
    If Me.SdPicker.Value = "" Then
        MsgBox "Please enter an start date.", vbExclamation, "Start data error"
        Me.SdPicker.SetFocus
        Exit Sub
    End If
    If Me.EdPicker.Value = "" Then
        MsgBox "Please enter the end date.", vbExclamation, "End date error"
        Me.EdPicker.SetFocus
        Exit Sub
    End If
' Write data to worksheet
With Worksheets("Projection_Daily").Range("X1")
    .Value = Me.SdPicker.Value
End With
With Worksheets("Projection_Daily").Range("Y1")
    .Value = Me.EdPicker.Value
End With
' Close the form to open Output sheet and implement date range
        Worksheets("Projection_Daily").Activate
        Worksheets("Projection_Daily").Columns(5).ClearContents
        Dim StartDate As Date
        Dim EndDate As Date
        Dim NoDays As Integer
        StartDate = Worksheets("Projection_Daily").Range("X1").Value
        EndDate = Worksheets("Projection_Daily").Range("Y1").Value
        NoDays = EndDate - StartDate + 4
        Worksheets("Projection_Daily").Range("E10").Value = StartDate
        Worksheets("Projection_Daily").Range("E10").Resize(NoDays).DataSeries Rowcol:=xlColumns, Type:=xlChronological, Date:=xlDay, Step:=1, Stop:=EndDate, Trend:=False
        Unload Me
End Sub
&lt;/code&gt;&lt;/pre&gt;
&lt;p&gt;This is the code I currently use, I have tried to insert .Offset(4,0) to the code but with no luck. I hope you can help me with this.&lt;/p&gt;
&lt;p&gt;Thanks!    &lt;/p&gt;</t>
  </si>
  <si>
    <t>2014-12-03 10:57:59.940000+00:00</t>
  </si>
  <si>
    <t>2014-12-03 12:41:01.847000+00:00</t>
  </si>
  <si>
    <t>2014-12-03 11:04:34.323000+00:00</t>
  </si>
  <si>
    <t>SQL Server 2008 Installation on Windows 7 Home Premium</t>
  </si>
  <si>
    <t>&lt;p&gt;Can I install SQL Server 2008 Installation on Windows 7 Home Premium, with installing .NET framework 3.5 first? or any other issue installing on Windows 7 Home Premium.&lt;/p&gt;
&lt;p&gt;I have already installed Visual studio 2010 Premium successfully.&lt;/p&gt;</t>
  </si>
  <si>
    <t>2011-04-14 09:36:52.587000+00:00</t>
  </si>
  <si>
    <t>2011-05-28 17:07:45.580000+00:00</t>
  </si>
  <si>
    <t>How do I convert a jQuery Date value to a long value?</t>
  </si>
  <si>
    <t>&lt;p&gt;I have a jQuery Date function which shows output like &lt;code&gt;July 09 2012&lt;/code&gt;. Now I want to change this string value to a long value like &lt;code&gt;1335363564815&lt;/code&gt;, e.g. milliseconds. How can I do this? &lt;/p&gt;
&lt;p&gt;This is my code for my calender:&lt;/p&gt;
&lt;pre&gt;&lt;code&gt;&amp;lt;script type="text/javascript"&amp;gt;
         $('#date2').jdPicker({date_format:"FF dd YYYY"}); 
&amp;lt;/script&amp;gt;
&lt;/code&gt;&lt;/pre&gt;
&lt;p&gt;I use this plugin: &lt;a href="http://jdpicker.paulds.fr/?p=doc" rel="nofollow"&gt;&lt;code&gt;jquery.jdpicker.js&lt;/code&gt;&lt;/a&gt;&lt;/p&gt;</t>
  </si>
  <si>
    <t>2013-07-19 13:49:49.283000+00:00</t>
  </si>
  <si>
    <t>2013-07-19 14:06:07.890000+00:00</t>
  </si>
  <si>
    <t>Oracle CBO when using types</t>
  </si>
  <si>
    <t>&lt;p&gt;I have an interesting issue with the CBO on Oracle 11g R2 that I cant seem to work out. Assume the following (note that this is cut down DDL for brevity);&lt;/p&gt;
&lt;pre&gt;&lt;code&gt;create or replace object o_primary_key ( id number(38,0) );
create or replace type t_primary_key table of o_primary_key;
create table customer (
  customer_id number(38, 0) primary key,
  parent_customer_id number(38, 0),
  ... additional columns ommitted ...
)
create table orders (
  order_id number(38, 0) not null primary key,
  customer_id number(38, 0) not null,
  date_applied date not null,
  deleted_on date null,
  amount number(18, 9) not null,
  ... additional columns ommitted ...
)
index idx_orders_1 on orders (customer_id, date_applied, deleted_on, order_id);
index idx_customers_1 on customer (parent_customer_id, case when parent_customer_id is not null then customer_id else null end) compute statistics;
&lt;/code&gt;&lt;/pre&gt;
&lt;p&gt;The CUSTOMERS table has about 200,000 rows and the ORDERS table has about 6 million rows. I have a query such as the following and the intent of this query
is to display all the orders for the given customer id or if the customer id is a parent then all of the orders for its children.&lt;/p&gt;
&lt;pre&gt;&lt;code&gt;with c_ids as (
  select 1 as id from dual union all
  select 2 as id from dual union all
  select 3 as id from dual
),
c_customer_ids as (
  select t.id customer_id,
         c.parent_customer_id joining_customer_id
  from   c_ids t
  join   customers c
  on     t.id = c.customer_id
  or     t.id = c.parent_customer_id
)
select   *
from     c_customer_ids
join     orders o
on       o.customer_id = c.joining_customer_id
where    o.date_applied bewteen '10/MAY/15' and '13/MAY/15'
and      o.deleted_on is null
order by o.customer_id,
         o.date_applied;
&lt;/code&gt;&lt;/pre&gt;
&lt;p&gt;when I run this query, the CBO correctly (I beleive) decides to rewrite the OR portion of the query using the CONCATENATION operation such that it runs in part against the CUSTOMER_ID's and 
then against the PARENT_CUSTOMER_ID's as a second run. Both of these use queries use the index and the number of consistent gets is very low (around 200). &lt;/p&gt;
&lt;p&gt;Note that in the case I am testing I am pulling out about
1,800 rows from the total of 6 million.&lt;/p&gt;
&lt;p&gt;However, it gets interesting when I run the query such as this;&lt;/p&gt;
&lt;pre&gt;&lt;code&gt;with c_customer_ids as (
  select t.id customer_id,
         c.parent_customer_id joining_customer_id
  from   table(t_primary_key(o_primary_key(1), o_primary_key(2), o_primary_key(3))) t
  join   customers c
  on     t.id = c.customer_id
  or     t.id = c.parent_customer_id
)
select   *
from     c_customer_ids
join     orders o
on       o.customer_id = c.joining_customer_id
where    o.date_applied bewteen '10/MAY/15' and '13/MAY/15'
and      o.deleted_on is null
order by o.customer_id,
         o.date_applied;
&lt;/code&gt;&lt;/pre&gt;
&lt;p&gt;When using the types to define the numbers the CBO decides to incorrectly (I believe) run it as a single query using a full table scan on the ORDERS table and therefore the consisent gets is around 130,000 and
the query runs alot slower. &lt;/p&gt;
&lt;p&gt;Why does the use of the type's cause such a difference?&lt;/p&gt;
&lt;p&gt;Thanks,
Cain&lt;/p&gt;</t>
  </si>
  <si>
    <t>2015-06-11 13:37:43.740000+00:00</t>
  </si>
  <si>
    <t>2015-06-15 02:33:52.390000+00:00</t>
  </si>
  <si>
    <t>oracle|oracle11g</t>
  </si>
  <si>
    <t>Possible to have WCF STS with username/password and client certificate?</t>
  </si>
  <si>
    <t>&lt;p&gt;I'm using WIF with STS. Everything works fine and the client authenticates by sending the username/password in the credentials.&lt;/p&gt;
&lt;p&gt;We install clients at customer's sites.
What I would like is for each customer to use its own certificate for its clients. The reason for that is that there's no "customer-site" validation possible. I can deactivate some user accounts but I cannot disable all clients installed at a customer at once.&lt;br&gt;
If each customer had a different certificate I could revoke the certificate and no client from that customer would be able to connect anymore.&lt;/p&gt;
&lt;p&gt;I couldn't find any way to force the client to set its certificate to the communication. Usually this is automatic when the authentication mode is set to &lt;em&gt;certificate&lt;/em&gt; but I need to set it to &lt;em&gt;windows&lt;/em&gt; to be able to send the authentication.&lt;/p&gt;
&lt;p&gt;Does anyone have an idea on how to achieve that? Or let me know if that's just not possible.&lt;/p&gt;
&lt;p&gt;Cheers.&lt;/p&gt;</t>
  </si>
  <si>
    <t>2011-05-24 14:10:54.933000+00:00</t>
  </si>
  <si>
    <t>2011-05-24 14:49:21.190000+00:00</t>
  </si>
  <si>
    <t>wcf|authentication|certificate|wif</t>
  </si>
  <si>
    <t>DataGridView AutoResizeColumns before the Form is displayed</t>
  </si>
  <si>
    <t>&lt;p&gt;It's a simple question:&lt;/p&gt;
&lt;pre&gt;&lt;code&gt;Public Sub ShowListar()
    '... "lista" is my DataGridView. Also it is a UserControl.
    lista.Listar() '... Here I fill my DataGridView and call AutoResizeColumns
    Me.ShowModal()
End Sub
&lt;/code&gt;&lt;/pre&gt;
&lt;p&gt;The AutoResizeColumns is called before the form is displayed, and therefore the DataGridView doesnot autoresize the columns. But When I call AutoResizeColumns with the Form beying displayed, the AutoResize works well.&lt;/p&gt;
&lt;p&gt;There is a way to make AutoResizeColumns work before I call "Me.ShowModal()" ???&lt;/p&gt;</t>
  </si>
  <si>
    <t>2015-01-15 14:21:58.533000+00:00</t>
  </si>
  <si>
    <t>datagridview|autoresize</t>
  </si>
  <si>
    <t>Unable to resolve Class for burningimage plugin in grails app</t>
  </si>
  <si>
    <t>&lt;p&gt;I'm running grails 2.0.4 on a mac, and installed the burningimage plugin to handle image uploads.&lt;/p&gt;
&lt;p&gt;I have this at in my domain object:&lt;/p&gt;
&lt;pre&gt;&lt;code&gt;import pl.burningice.plugins.image.ast.FileImageContainer 
&lt;/code&gt;&lt;/pre&gt;
&lt;p&gt;however, netbeans says it's unable to resolve the class, and when I call imageUploadService in my controller, I get this error&lt;/p&gt;
&lt;pre&gt;&lt;code&gt;No such property: imageUploadService for class: wine.WineController
&lt;/code&gt;&lt;/pre&gt;
&lt;p&gt;Netbeans believes the plugin is installed, and I can see the plugin source files under the project in the .grails folder. Any idea how to resolve the import?&lt;/p&gt;</t>
  </si>
  <si>
    <t>2012-07-18 21:51:53.477000+00:00</t>
  </si>
  <si>
    <t>2012-07-18 22:02:56.087000+00:00</t>
  </si>
  <si>
    <t>grails|plugins</t>
  </si>
  <si>
    <t>Android - launching another app's most recent activity</t>
  </si>
  <si>
    <t>&lt;p&gt;I'd like my app to be able to launch any other app - but instead of launching the other-app's main activity (as described &lt;a href="https://stackoverflow.com/questions/30800900/android-launch-another-app-from-activity"&gt;here&lt;/a&gt;), I'd like to be able to launch the other-app's most recent activity.&lt;/p&gt;
&lt;p&gt;In other words, I want to programmatically have the same user experience that the user gets when clicking on the "recent apps" system/hardware button, and selecting any app from the list.&lt;/p&gt;
&lt;p&gt;Not sure if that's even possible with the current &lt;a href="https://developer.android.com/training/basics/intents/index.html" rel="nofollow noreferrer"&gt;Android API&lt;/a&gt;, or perhaps I didn't use it the right way.&lt;/p&gt;
&lt;p&gt;Thanks!&lt;/p&gt;</t>
  </si>
  <si>
    <t>2017-06-27 15:57:19.760000+00:00</t>
  </si>
  <si>
    <t>2017-06-27 16:05:45.077000+00:00</t>
  </si>
  <si>
    <t>Calculate Difference between time in Teradata</t>
  </si>
  <si>
    <t>&lt;p&gt;I want to take difference of 2 date fields but both are varchar field&lt;/p&gt;
&lt;p&gt;SyntaxEditor Code Snippet :&lt;/p&gt;
&lt;pre&gt;&lt;code&gt;start_time- 2018-03-02 06:31:22
end_time -  2018-03-02 06:33:32.478000  
&lt;/code&gt;&lt;/pre&gt;
&lt;p&gt;I want the result in integer as 2 in min always  and it should be an integer always&lt;/p&gt;
&lt;blockquote&gt;
  &lt;p&gt;Result :- 2&lt;/p&gt;
&lt;/blockquote&gt;
&lt;p&gt;It would be very great if anyone can help to achieve my case.&lt;/p&gt;
&lt;p&gt;Thanks  &lt;/p&gt;</t>
  </si>
  <si>
    <t>2018-03-07 13:38:10.970000+00:00</t>
  </si>
  <si>
    <t>2018-03-07 15:24:04.900000+00:00</t>
  </si>
  <si>
    <t>sql|time|timestamp|teradata</t>
  </si>
  <si>
    <t>How to get the complete code for braintree in codename one</t>
  </si>
  <si>
    <t>&lt;p&gt;Pls is the code below is enough to handle braintree for payment?&lt;/p&gt;
&lt;pre&gt;&lt;code&gt;Purchase.startOrder(new Purchase.Callback() {
public String fetchToken() {
return "";
}
public void onPurchaseSuccess(String nonce) {
}
public void onPurchaseFail(String errorMessage) {
}
public void onPurchaseCancel() {
}
});
&lt;/code&gt;&lt;/pre&gt;
&lt;p&gt;For the sample test I return the token provided in braintree websites like this&lt;/p&gt;
&lt;pre&gt;&lt;code&gt;     Purchase.startOrder(new Purchase.Callback() {
public String fetchToken() {
return "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";
}
public void onPurchaseSuccess(String nonce) {
}
public void onPurchaseFail(String errorMessage) {
}
public void onPurchaseCancel() {
}
});
&lt;/code&gt;&lt;/pre&gt;
&lt;p&gt;When I buit and install on my phone to test it out. It displays the payment method which include paypal and add debit or credit card.&lt;/p&gt;
&lt;p&gt;&lt;strong&gt;When I want to integrate my own:&lt;/strong&gt;
The problem am facing now is that at the server side, I have a code that provides client token&lt;br&gt;
My questions: &lt;br&gt;
1. How do I call this token in codename one, although I have code that says &lt;code&gt;return "";&lt;/code&gt;. What am I going to return here? I pointed the url that generated the token inside the return. It didn't work.&lt;br&gt;
2. If I get my own token is that enough to handle the payment? according to the code provided above.&lt;br&gt;
3. Is ssl required on the server side I want to use? 
Thanks for your response.&lt;/p&gt;</t>
  </si>
  <si>
    <t>2017-05-21 08:26:32.650000+00:00</t>
  </si>
  <si>
    <t>2017-05-22 04:03:23.573000+00:00</t>
  </si>
  <si>
    <t>2017-05-21 08:37:48.973000+00:00</t>
  </si>
  <si>
    <t>codenameone|braintree</t>
  </si>
  <si>
    <t>T-SQL query to SQLITE</t>
  </si>
  <si>
    <t>&lt;p&gt;I have a T-SQL query but struggling to convert it to SQLite for android, I have same table names, field name, table structure and relationship, any help will be appreciated, below is the query&lt;/p&gt;
&lt;pre&gt;&lt;code&gt;SELECT
   F.fieldID,F.name,F.description,F.sizeHA,F.sizeA
   ,F.owner,F.annualRent,F.latitude,F.longitude
   ,F.Farm_farmID,F.isActive,F.deactivationDate,F.areas,
   (SELECT COUNT(DISTINCT LOWER(culture)) FROM Usages 
          WHERE Field_fieldID = F.fieldID
          AND YEAR(date) = (SELECT TOP 1 YEAR(date) FROM Usages 
                            ORDER BY Date DESC)
   ) as UsageCount
   ,(SELECT TOP 1 u.culture FROM Usages u WHERE u.Field_fieldID = F.fieldID 
      ORDER BY u.date desc) as culture
   ,(SELECT TOP 1 u.sort FROM Usages u WHERE u.Field_fieldID = F.fieldID 
      ORDER BY u.date desc) as sort 
FROM Fields as F INNER JOIN Usages s on s.Field_fieldID = F.fieldID 
GROUP BY F.fieldID,F.name,F.description,F.sizeHA,F.sizeA
,F.owner,F.annualRent,
F.latitude,F.longitude,F.Farm_farmID,F.isActive,F.deactivationDate,F.areas
&lt;/code&gt;&lt;/pre&gt;</t>
  </si>
  <si>
    <t>2013-07-16 12:07:04.830000+00:00</t>
  </si>
  <si>
    <t>2013-07-16 12:43:42.807000+00:00</t>
  </si>
  <si>
    <t>2013-07-16 12:11:43.253000+00:00</t>
  </si>
  <si>
    <t>android|sql|sqlite|tsql</t>
  </si>
  <si>
    <t>Can a GNU Make function find libraries?</t>
  </si>
  <si>
    <t>&lt;p&gt;Is there a simple way within GNU make to construct an if-block that can identify whether a library (or even better, a header file!) is installed in the standard search directories?&lt;/p&gt;
&lt;p&gt;I have a fairly simple set of unit tests, built by a short Makefile (no autoconf, CMake, etc.), which I want to be able to bundle up an build on multiple platforms.  Some of these platforms are centrally managed clusters.
One of my tests depends on a user-installable library (libmemcached), which may not be available on the clusters.  &lt;/p&gt;
&lt;p&gt;I can do this sort of thing by constructing a CMake or autoconf system, but the project (four unit tests and a "library" of seven classes), just doesn't seem big enough to warrant it.  The picture I have in my head is something like&lt;/p&gt;
&lt;pre&gt;&lt;code&gt;ifneq (,$(lib-exists -lmemcached))
  LIBSRC += MemCDIndex.cc
  SRC += memcd-index.cc
  LDLIBS += -lmemcached
endif
&lt;/code&gt;&lt;/pre&gt;
&lt;p&gt;where LIBSRC and SRC are defined in my Makefile, listing the associated source files, and "lib-exists" is the function I'm trying to find.&lt;/p&gt;</t>
  </si>
  <si>
    <t>2015-11-02 21:43:17.200000+00:00</t>
  </si>
  <si>
    <t>search|makefile</t>
  </si>
  <si>
    <t>Unable to match up the column name</t>
  </si>
  <si>
    <t>&lt;p&gt;I'm searching for the column name but my code is not working. This is what I have tried :&lt;/p&gt;
&lt;pre&gt;&lt;code&gt;    word = "sample"
    Set aCell = ActiveSheet.Rows(1).Find(What:=word, LookIn:=xlValues, _
    LookAt:=xlWhole, SearchOrder:=xlByRows, SearchDirection:=xlNext, _
    MatchCase:=False, SearchFormat:=False)
    lastRow = Cells(1, Columns.count).End(xlToLeft).Column
    For k = 0 To lastRow
        If aCell Is Nothing Then
            aCell.Offset(0, 1).EntireColumn.Delete
        End If
    Next k
&lt;/code&gt;&lt;/pre&gt;
&lt;p&gt;All I want to do is to delete the entire column if it is found. Any help ?&lt;/p&gt;</t>
  </si>
  <si>
    <t>2016-04-29 09:25:04.547000+00:00</t>
  </si>
  <si>
    <t>2016-04-29 09:56:29.387000+00:00</t>
  </si>
  <si>
    <t>user5857081</t>
  </si>
  <si>
    <t>Get JSONPath from JSON data (client-side or server-side)</t>
  </si>
  <si>
    <t>&lt;p&gt;I've got a JSON object like this:&lt;/p&gt;
&lt;pre&gt;&lt;code&gt;{"photos":
   {"page":1,
    "pages":414,
    "perpage":10,
    "total":"4136",
    "photo":[
         {
            "id":"13193333",
            "owner":"picture owner",
            "title":"picture title",
            "lat":43.81919,
            "lon":11.294719,
            "url":"http:\\...."
         },
         {
            "id":"13193383",
            "owner":"picture owner",
            "title":"picture title",
            "lat":43.81919,
            "lon":11.294719,
            "url":"http:\\...."
         },
        ... (other items of "photo" like the two above).......
    ]},
    "stat":"ok"}
&lt;/code&gt;&lt;/pre&gt;
&lt;p&gt;According to JSONPath specification, if I want to select all the "title" I'll use:&lt;/p&gt;
&lt;pre&gt;&lt;code&gt;$.photos.photo[*].title
&lt;/code&gt;&lt;/pre&gt;
&lt;p&gt;Now, for each distinct attribute in my JSON data I need to get its JSONPath string in a general way (for example, I don't need the exactly "title" JSONpath - like &lt;code&gt;$.photos.photo[1].title&lt;/code&gt; - but the general JSONpath - like &lt;code&gt;$.photos.photo[*].title&lt;/code&gt;).&lt;/p&gt;
&lt;p&gt;&lt;strong&gt;Edit:&lt;/strong&gt; I'll try to explain better (sorry for my poor english!), what I want to do is to obtain the JSONPath related to each attribute in this way:&lt;/p&gt;
&lt;pre&gt;&lt;code&gt;JSON attribute: "photos"
JSONPath("photos") = $.photos
JSON attribute: "photo"
JSONPath("photo") = $.photos.photo[*]
JSON attribute: "title"
JSONPath("title") = $.photos.photo[*].title
&lt;/code&gt;&lt;/pre&gt;
&lt;p&gt;and so on...&lt;/p&gt;
&lt;p&gt;How can I solve this with JS or PHP language? Thanks!&lt;/p&gt;</t>
  </si>
  <si>
    <t>2014-03-21 16:21:37.450000+00:00</t>
  </si>
  <si>
    <t>2014-05-18 21:21:07.283000+00:00</t>
  </si>
  <si>
    <t>2014-03-21 18:28:14.247000+00:00</t>
  </si>
  <si>
    <t>javascript|php|json|jsonpath</t>
  </si>
  <si>
    <t>How to prevent Outgoing SMS from getting stored in KitKat?</t>
  </si>
  <si>
    <t>&lt;p&gt;I am creating an application that will send/receive messages to/from a certain gateway number. I don't want the messages that are sent to this particular number to be stored in the inbox of my device.&lt;/p&gt;
&lt;p&gt;The code I am using to send the SMS is:&lt;/p&gt;
&lt;pre&gt;&lt;code&gt;protected void sendMessage(String strMessage) {
    try {
        SmsManager smsMan = SmsManager.getDefault();
        smsMan.sendTextMessage(gatewayNumber, null, strMessage, null, null);
        Toast.makeText(getApplicationContext(),
                "SMS was sent successfully!",
                Toast.LENGTH_LONG).show();
    } catch (Exception e) {
        Toast.makeText(getApplicationContext(),
                "SMS was not sent, please contact developer!",
                Toast.LENGTH_LONG).show();
    }
}
&lt;/code&gt;&lt;/pre&gt;
&lt;p&gt;I have managed to tackle the problem of storing incoming messages by using the &lt;code&gt;abortBroadcast();&lt;/code&gt; function. (I realize this doesn't work above KitKat, and I'm fine with it).&lt;/p&gt;
&lt;p&gt;But the messages that are sent from the application are being stored in the inbox too (only on KitKat), and that bothers me. Any solutions?&lt;/p&gt;</t>
  </si>
  <si>
    <t>2015-02-19 15:49:29.210000+00:00</t>
  </si>
  <si>
    <t>android|sms|smsmanager|inbox</t>
  </si>
  <si>
    <t>Java JNA UCHAR and PUCHAR</t>
  </si>
  <si>
    <t>&lt;p&gt;I'm looking to get a Java string to '&lt;em&gt;WlanHostedNetworkSetSecondaryKey&lt;/em&gt;' and '&lt;em&gt;WlanHostedNetworkSetProperty&lt;/em&gt;'. One wants a struct within a struct with a CHAR[] and the first one wants a PUCHAR. I tried using &lt;em&gt;String, char[], byte[] and Memory&lt;/em&gt;, but they will keep producing me the same errors (Bad parameters or Bad profile something for the first). Any way maybe to debug more with JNA (probably not :()?
I also can't read anywhere the characterencoding which is used, except that it's not ANSI.. Any help would be great!&lt;/p&gt;
&lt;pre&gt;&lt;code&gt;        * DWORD WINAPI WlanHostedNetworkSetSecondaryKey(
        __in        HANDLE hClientHandle,
        __in        DWORD dwKeyLength,
        __in        PUCHAR pucKeyData,
        __in        BOOL bIsPassPhrase,
        __in        BOOL bPersistent,
        __out_opt   PWLAN_HOSTED_NETWORK_REASON pFailReason,
        __reserved  PVOID pvReserved
     * DWORD WINAPI WlanHostedNetworkSetProperty(
        __in        HANDLE hClientHandle,
        __in        WLAN_HOSTED_NETWORK_OPCODE OpCode,
        __in        DWORD dwDataSize,
        __in        PVOID pvData,
        __out_opt   PWLAN_HOSTED_NETWORK_REASON pFailReason,
        __reserved  PVOID pvReserved
        );
&lt;/code&gt;&lt;/pre&gt;
&lt;p&gt;For the most documentation on this&lt;/p&gt;
&lt;p&gt;&lt;a href="http://msdn.microsoft.com/en-us/library/dd439496(v=VS.85).aspx" rel="nofollow"&gt;http://msdn.microsoft.com/en-us/library/dd439496(v=VS.85).aspx&lt;/a&gt;&lt;/p&gt;
&lt;p&gt;&lt;a href="http://jna.java.net/javadoc/overview-summary.html#pointers" rel="nofollow"&gt;http://jna.java.net/javadoc/overview-summary.html#pointers&lt;/a&gt;&lt;/p&gt;
&lt;p&gt;&lt;a href="http://en.wikipedia.org/wiki/Java_Native_Access" rel="nofollow"&gt;http://en.wikipedia.org/wiki/Java_Native_Access&lt;/a&gt;&lt;/p&gt;
&lt;p&gt;Following comment:&lt;/p&gt;
&lt;pre&gt;&lt;code&gt;   String buffer = "test";
   ByteBuffer buf = ByteBuffer.allocateDirect(buffer.length()); buf.put(buffer.getBytes()); 
   Pointer pucKeyData = Native.getDirectBufferPointer(buf);
   System.out.println(
           CLibrary.INSTANCE.WlanHostedNetworkSetSecondaryKey(handle.getValue(), 5, pucKeyData, 0, 0, reason, reserved));
&lt;/code&gt;&lt;/pre&gt;</t>
  </si>
  <si>
    <t>2012-01-12 14:04:18.513000+00:00</t>
  </si>
  <si>
    <t>2012-01-13 03:26:45.880000+00:00</t>
  </si>
  <si>
    <t>2012-01-12 18:55:09.450000+00:00</t>
  </si>
  <si>
    <t>java|c|winapi|jna</t>
  </si>
  <si>
    <t>How to replace elements of a matrix by an another matrix in MATLAB?</t>
  </si>
  <si>
    <t>&lt;p&gt;How to replace elements of a matrix by an another matrix in MATLAB?&lt;/p&gt;
&lt;p&gt;Ex: let say if we have a matrix A, where   &lt;/p&gt;
&lt;p&gt;&lt;code&gt;A=[1 0 0; 0 1 0; 1 0 1]&lt;/code&gt;  &lt;/p&gt;
&lt;p&gt;I want to replace all ones by  &lt;/p&gt;
&lt;p&gt;&lt;code&gt;J=[1 0 0; 0 1 0; 0 0 1]&lt;/code&gt;  &lt;/p&gt;
&lt;p&gt;and zeros by  &lt;/p&gt;
&lt;p&gt;&lt;code&gt;K=[0 0 0; 0 0 0; 0 0 0]&lt;/code&gt;&lt;/p&gt;
&lt;p&gt;So that I can get 9x9 matrix.  So how we will code it in MATLAB&lt;/p&gt;
&lt;p&gt;Thanks&lt;/p&gt;</t>
  </si>
  <si>
    <t>2012-03-20 17:39:30.107000+00:00</t>
  </si>
  <si>
    <t>2012-03-20 17:55:41.863000+00:00</t>
  </si>
  <si>
    <t>2012-03-20 17:47:15.617000+00:00</t>
  </si>
  <si>
    <t>matlab|matrix</t>
  </si>
  <si>
    <t>Duplicate, Distinct and Unique values in Array JavaScript</t>
  </si>
  <si>
    <t>&lt;p&gt;I have been using this &lt;a href="https://sites.google.com/site/scriptsexamples/custom-methods/2d-arrays-library" rel="nofollow"&gt;library&lt;/a&gt; in my google apps script, particually the Unique function.&lt;/p&gt;
&lt;p&gt;So far this has done what I require, if I have two arrays like:&lt;/p&gt;
&lt;p&gt;&lt;code&gt;[1,2,3]&lt;/code&gt; and &lt;code&gt;[2,3,4]&lt;/code&gt;, I have been using &lt;code&gt;array1.concat(array2)&lt;/code&gt; and the using the unique function, which will return [1,2,3,4].&lt;/p&gt;
&lt;p&gt;How can I retrieve unique values which in my example will be &lt;code&gt;[1,4]&lt;/code&gt; ?&lt;/p&gt;</t>
  </si>
  <si>
    <t>2014-04-13 08:42:16.040000+00:00</t>
  </si>
  <si>
    <t>2014-04-13 17:16:33.690000+00:00</t>
  </si>
  <si>
    <t>javascript|arrays|google-apps-script</t>
  </si>
  <si>
    <t>Apache Access Logs Date&amp;Time</t>
  </si>
  <si>
    <t>&lt;p&gt;In Apache Access Logs &lt;/p&gt;
&lt;pre&gt;&lt;code&gt;matcher.group(0)
&lt;/code&gt;&lt;/pre&gt;
&lt;p&gt;What does &lt;code&gt;group(0)&lt;/code&gt;,&lt;code&gt;group(1)&lt;/code&gt; etc denote? How do we get other groups and where is it defined?&lt;/p&gt;</t>
  </si>
  <si>
    <t>2017-12-07 14:46:49.243000+00:00</t>
  </si>
  <si>
    <t>2017-12-07 21:23:33.243000+00:00</t>
  </si>
  <si>
    <t>apache|hadoop|logging|matcher</t>
  </si>
  <si>
    <t>Generate random numbers till Button click (UWP)</t>
  </si>
  <si>
    <t>&lt;p&gt;I have a textblock and a button.&lt;/p&gt;
&lt;p&gt;I want the textblock to be filled with a random number when I click the button and it should change the random number every 5 seconds. When I click the button a second time it should stop at the last random number.&lt;/p&gt;
&lt;p&gt;How do I make this? This is what I tried:&lt;/p&gt;
&lt;pre&gt;&lt;code&gt;    bool thisStatus = false;
    private void btn_click(object sender, RoutedEventArgs e)
    {
        if (thisStatus == false)
        {
            thisStatus = true;
        }
        else thisStatus = false;
        random();
    }
        private void random()
    {
        while (thisStatus)
        {
            Random random = new Random();
            int RandomNumber = random.Next(0, 100);
            txtBlck.Text = RandomNumber.ToString();
            Task.Delay(5000);
        }
    }
&lt;/code&gt;&lt;/pre&gt;</t>
  </si>
  <si>
    <t>2018-09-26 13:52:52.257000+00:00</t>
  </si>
  <si>
    <t>2018-09-26 14:07:37.503000+00:00</t>
  </si>
  <si>
    <t>c#|random|uwp</t>
  </si>
  <si>
    <t>UVa 10134: Is Bigger Smarter? (Dynamic programming and longest increasing subsequence)</t>
  </si>
  <si>
    <t>&lt;pre&gt;&lt;code&gt;private void findLDS() {
    Integer[] array = Arrays.copyOf(elephants.iq, elephants.iq.length);
    Hashtable&amp;lt;Integer, Integer&amp;gt; eq = elephants.elephantiqs;
    Integer[] lds = new Integer[array.length];
    Integer[] prev= new Integer[array.length];
    lds[0] = 0;
    prev[0] = 0;
    int maxlds = 1, ending=0;
    for(int i = 0; i &amp;lt; array.length; ++i) {
        lds[i] = 1;
        prev[i] = -1;
        for (int j = i; j &amp;gt;= 0; --j) {
            if(lds[j] + 1 &amp;gt; lds[i] &amp;amp;&amp;amp; array[j] &amp;gt; array[i] &amp;amp;&amp;amp; eq.get(array[j]) &amp;lt; eq.get(array[i])) {
                lds[i] = lds[j]+1;
                prev[i] = j;
            }
        }
        if(lds[i] &amp;gt; maxlds) {
            ending = i;
            maxlds = lds[i];
        }
    }
    System.out.println(maxlds);
    for(int i = ending; i &amp;gt;= 0; --i) {
        if(prev[i] != -1) {
            System.out.println(eq.get(array[prev[i]])); 
        }
    }
&lt;/code&gt;&lt;/pre&gt;
&lt;p&gt;I have based this algorithm on this &lt;a href="https://stackoverflow.com/questions/2631726/how-to-determine-the-longest-increasing-subsequence-using-dynamic-programming"&gt;SO question&lt;/a&gt;. This code is trying to find longest decreasing subsequence instead of increasing. array[] is sorted in descending order, and I also have a hashtable with the elephants IQ's as keys for their weights.&lt;/p&gt;
&lt;p&gt;I'm having a hard time properly understanding DP, and I need some help.&lt;/p&gt;
&lt;p&gt;My algorithm seems to work fine besides tracking the chosen sequence in prev[], where it always misses one element. Does anyone know how to do this?&lt;/p&gt;</t>
  </si>
  <si>
    <t>2011-04-26 19:49:24.950000+00:00</t>
  </si>
  <si>
    <t>2012-05-05 22:56:09.970000+00:00</t>
  </si>
  <si>
    <t>2017-05-23 12:31:20.873000+00:00</t>
  </si>
  <si>
    <t>java|dynamic-programming</t>
  </si>
  <si>
    <t>Android Studio messes up brazilian-portuguese characters</t>
  </si>
  <si>
    <t>&lt;p&gt;My project isn't showing any portuguese characters. When I try to type a word like "N��o" it returns N����o". &lt;/p&gt;
&lt;p&gt;The funny thing is that when I get the string from res/string.xml, it shows the word correctly.&lt;/p&gt;
&lt;p&gt;Any idea why? &lt;/p&gt;
&lt;p&gt;Things I've tried so far and did not work out:&lt;/p&gt;
&lt;ol&gt;
&lt;li&gt;File -&gt; Settings -&gt; Editor -&gt; File Encondings, I've changed everything to UTF-8 and others, rebuild/cleaned the project, and it kept the same.&lt;/li&gt;
&lt;/ol&gt;
&lt;p&gt;EDIT:&lt;/p&gt;
&lt;p&gt;I can upload a video on youtube showing it, if it helps with the solution!&lt;/p&gt;
&lt;p&gt;There goes an image of what is happening:
&lt;img src="https://i.stack.imgur.com/08ZT2.png" alt="enter image description here"&gt;&lt;/p&gt;</t>
  </si>
  <si>
    <t>2015-05-21 02:54:17.503000+00:00</t>
  </si>
  <si>
    <t>2015-05-24 23:57:45.863000+00:00</t>
  </si>
  <si>
    <t>2015-05-21 17:11:04.323000+00:00</t>
  </si>
  <si>
    <t>android|configuration|idioms</t>
  </si>
  <si>
    <t>Javascript, find first empty spot in grid</t>
  </si>
  <si>
    <t>&lt;p&gt;I have a grid with items inside of it with x and y co-orditantes. I am trying to write a function (with lodash) to determine where is the first empty spot where the top most left most spot is the first position. &lt;/p&gt;
&lt;p&gt;I am trying to do this by iterating over each spot until I find the first empty spot. It is only a 2 column layout so I work through them in a pattern like so - x: 0, y:0 -&gt; x:1, y:0 -&gt; x:0, y:1 -&gt; x:1, y:1 ... and then checking all the items along the way to see if there is &lt;em&gt;not&lt;/em&gt; a match, so I then know if there is an opening. My attempt looks like so : &lt;/p&gt;
&lt;pre&gt;&lt;code&gt;  function fillEmptySpace(isFilled, startX, startY) {
  if (!isFilled) {
    _.forEach(items, function(item, i) {
      if (!_.isMatch(item, {
          'x': startX
        }) &amp;amp;&amp;amp; !_.isMatch(item, {
          'y': startY
        })
        ) {
        console.log("empty spot at", startX, startY);
        isFilled = true;
      } else if (!_.isMatch(item, {
          'x': startX + 1
        }) &amp;amp;&amp;amp; !_.isMatch(item, {
          'y': startY
        })) {
        console.log("empty spot at", startX + 1, startY);
        isFilled = true;
      }
    });
    startY += 1;
    fillEmptySpace(isFilled, startX, startY);
  }
}
fillEmptySpace(false, 0, 0);
&lt;/code&gt;&lt;/pre&gt;
&lt;p&gt;The data looks like so :&lt;/p&gt;
&lt;pre&gt;&lt;code&gt;  var items = [{
  i: 'a',
  x: 0,
  y: 0,
  w: 1,
  h: 1,
  maxW: 2
}, {
  i: 'b',
  x: 1,
  y: 4,
  w: 1,
  h: 1,
  maxW: 2
}, {
  i: 'c',
  x: 0,
  y: 1,
  w: 1,
  h: 1,
  maxW: 2
}, {
  i: 'd',
  x: 0,
  y: 2,
  w: 1,
  h: 1,
  maxW: 2
}];
&lt;/code&gt;&lt;/pre&gt;
&lt;p&gt;And here is the fiddle I have been fooling around in : &lt;a href="https://jsfiddle.net/alexjm/ugpy13xd/38/" rel="nofollow"&gt;https://jsfiddle.net/alexjm/ugpy13xd/38/&lt;/a&gt;&lt;/p&gt;
&lt;p&gt;I can't seem to get this logic quite right, I am not sure a this point where I am getting it wrong. Any input would be greatly appreciated! &lt;/p&gt;
&lt;p&gt;Just as a note : with the provided data it should identify the first empty space as x:1, y:0, however right now it is saying empty spot at 0 0, which cannot be correct. Thanks!&lt;/p&gt;</t>
  </si>
  <si>
    <t>2016-07-19 19:35:34.977000+00:00</t>
  </si>
  <si>
    <t>2016-07-25 18:15:33.813000+00:00</t>
  </si>
  <si>
    <t>javascript|lodash</t>
  </si>
  <si>
    <t>Hive/Beeline : creation of table with subarray</t>
  </si>
  <si>
    <t>&lt;p&gt;I'm trying to create a table on Hive by using Beeline. The data are stocked in HDFS as parquet files and they have the following schema :&lt;/p&gt;
&lt;pre&gt;&lt;code&gt;{
  "object_type":"test",
  "heartbeat":1496755564224,
  "events":[
    {
      "timestamp":1496755582985,
      "hostname":"hostname1",
      "instance":"instance1",
      "metrics_array":[
        {
          "metric_name":"metric1_1",
          "metric_value":"value1_1"
        }
      ]
    },
    {
      "timestamp":1496756626551,
      "hostname":"hostname2",
      "instance":"instance1",
      "metrics_array":[
        {
          "metric_name":"metric2_1",
          "metric_value":"value2_1"
        }
      ]
    }
  ]
}
&lt;/code&gt;&lt;/pre&gt;
&lt;p&gt;My hql script used for the creation of the table is the following :&lt;/p&gt;
&lt;pre&gt;&lt;code&gt;set hive.support.sql11.reserved.keywords=false;
CREATE DATABASE IF NOT EXISTS datalake;
DROP TABLE IF EXISTS datalake.test;
CREATE EXTERNAL TABLE IF NOT EXISTS datalake.test
  (
     object_type STRING,
     heartbeat BIGINT,
     events STRUCT &amp;lt;
       metrics_array: STRUCT &amp;lt;
       metric_name: STRING,
       metric_value: STRING
       &amp;gt;,
       timestamp: BIGINT,
       hostname: STRING,
       instance: STRING
     &amp;gt;
)
STORED AS PARQUET
LOCATION '/tmp/test/';
&lt;/code&gt;&lt;/pre&gt;
&lt;p&gt;Here, is the error i have when i do a SELECT * FROM datalake.test :&lt;/p&gt;
&lt;p&gt;Error: java.io.IOException: org.apache.parquet.io.ParquetDecodingException: Can not read value at 0 in block -1 in file hdfs://tmp/test/part-r-00000-7e58b193-a08f-44b1-87fa-bb12b4053bdf.gz.parquet (state=,code=0)&lt;/p&gt;
&lt;p&gt;Any ideas ?&lt;/p&gt;
&lt;p&gt;Thanks !&lt;/p&gt;</t>
  </si>
  <si>
    <t>2018-04-04 08:39:56.903000+00:00</t>
  </si>
  <si>
    <t>hive|beeline</t>
  </si>
  <si>
    <t>Not Able to delete listItem from ListView Android</t>
  </si>
  <si>
    <t>&lt;p&gt;I am using this code in order to do this, but it is not functional at this point. I can select the checkbox, and when I click the button, nothing happens.&lt;/p&gt;
&lt;pre&gt;&lt;code&gt;SimpleAdapter adapter;
List&amp;lt;HashMap&amp;lt;String, String&amp;gt;&amp;gt; painItems = new ArrayList&amp;lt;HashMap&amp;lt;String, String&amp;gt;&amp;gt;();
ListView listthings;
   ...
    cb = (CheckBox)findViewById(R.id.checkBox1);    
    adapter = new SimpleAdapter(this, painItems, R.layout.mylistlayout,
            from, to);
    listthings.setAdapter(adapter);
    listthings.setOnItemClickListener(this);
    deleteButton = (Button) findViewById(R.id.deleteButton);
    deleteButton.setOnClickListener(this);
 ...
public void onClick(View v) {
    if (v == this.deleteButton) {
//      Toast.makeText(this, "delete clicked", Toast.LENGTH_SHORT).show();
        deleteCheckedItems();
    }
}
...
 private void deleteCheckedItems() {
    int count = this.listthings.getAdapter().getCount();
    for (int i = 0; i &amp;lt; count; i++) {
        if (this.listthings.isItemChecked(i)) {
            painItems.remove(i);
            adapter.notifyDataSetChanged();
                            listthings.invalidateViews();
        }
    }
&lt;/code&gt;&lt;/pre&gt;
&lt;p&gt;Any help appreciated. Thank You in advance.&lt;/p&gt;</t>
  </si>
  <si>
    <t>2011-07-26 20:19:53.693000+00:00</t>
  </si>
  <si>
    <t>2011-07-26 20:37:05.497000+00:00</t>
  </si>
  <si>
    <t>Amazon Aurora Replica</t>
  </si>
  <si>
    <t>&lt;p&gt;I have a big database (~250GB) in Aurora getting lots of inserts. There's only one instance, so I'd like to create a replica for redundancy. While we are doing nightly snapshots, we would prefer a more fault tolerant system, and it appears that using aurora replicas would provide automatic failover.&lt;/p&gt;
&lt;p&gt;My question: What exactly happens when I use the console and create a replica? Will a new instance come up and begin pulling data from the master instance? Could that affect database performance? I'm sure that it will take some time before the replica "catches up" and loads the 250GB; how will I know when it's "finished"?&lt;/p&gt;
&lt;p&gt;Don't want to have any downtime, so I'm a bit afraid to push the "create replica" button without knowing what it does...&lt;/p&gt;</t>
  </si>
  <si>
    <t>2016-08-16 14:29:26.650000+00:00</t>
  </si>
  <si>
    <t>2017-08-07 18:17:33.013000+00:00</t>
  </si>
  <si>
    <t>amazon-web-services|amazon-rds-aurora</t>
  </si>
  <si>
    <t>How do i use Django and UTF-8 content-type for template?</t>
  </si>
  <si>
    <t>&lt;p&gt;When I do:&lt;/p&gt;
&lt;pre&gt;&lt;code&gt;return render_to_response()
&lt;/code&gt;&lt;/pre&gt;
&lt;p&gt;in Django. How do I set the content-type to UTF-8? So that everything displayed is UTF-8?&lt;/p&gt;</t>
  </si>
  <si>
    <t>2010-01-04 11:33:06.963000+00:00</t>
  </si>
  <si>
    <t>2010-01-04 12:04:31.423000+00:00</t>
  </si>
  <si>
    <t>python|django|unicode|encoding|utf-8</t>
  </si>
  <si>
    <t>Edit value in DataGridView doesn't update the value in bound data directly</t>
  </si>
  <si>
    <t>&lt;p&gt;I have a simple form with datagridview and textbox. In datagridview, there are select (checkbox), item name, quantity, and price column. When I check the item name in datagridview, it will calculate the total and display it in the textbox, but it isn't updated directly. I must click another column to update the value.&lt;/p&gt;
&lt;p&gt;How to update the total directly when I check the item in datagridview without click another column to update the value?&lt;/p&gt;
&lt;pre&gt;&lt;code&gt;public partial class Form1 : Form
{
    //BindingList&amp;lt;Item&amp;gt; items = new BindingList&amp;lt;Item&amp;gt;();
    BindingSource items = new BindingSource();
    public Form1()
    {
        InitializeComponent();
        items.Add(new Item { Select = false, Name = "A", Quantity = 1, Price = 10000 });
        items.Add(new Item { Select = false, Name = "B", Quantity = 2, Price = 20000 });
        dataGridView1.DataSource = items;
    }
    private void dataGridView1_CellValueChanged(object sender, DataGridViewCellEventArgs e)
    {
        decimal total = 0;
        foreach (Item item in items)
        {
            if (item.Select)
            {
                total += (item.Quantity * item.Price);
            }
        }
        textBox1.Text = total.ToString();
    }
}
public class Item
{
    public bool Select { get; set; }
    public string Name { get; set; }
    public int Quantity { get; set; }
    public decimal Price { get; set; }
}
&lt;/code&gt;&lt;/pre&gt;</t>
  </si>
  <si>
    <t>2017-02-03 06:51:33.557000+00:00</t>
  </si>
  <si>
    <t>Is there a universal way of iterating over a set or values of a dict in Python 2.7?</t>
  </si>
  <si>
    <t>&lt;p&gt;I expect the collection to be either a set or a dict. Problem is that:&lt;/p&gt;
&lt;pre&gt;&lt;code&gt;for element in collection:
    print element
&lt;/code&gt;&lt;/pre&gt;
&lt;p&gt;will give me the elements if collection is a set, but indexes if collection is a dict. What I want is a one-liner that will iterate over dict values.&lt;/p&gt;
&lt;p&gt;Is that possible?&lt;/p&gt;</t>
  </si>
  <si>
    <t>2012-04-25 16:28:19.300000+00:00</t>
  </si>
  <si>
    <t>2012-04-26 09:37:52.463000+00:00</t>
  </si>
  <si>
    <t>Manipulating output of Select String Object</t>
  </si>
  <si>
    <t>&lt;p&gt;I wanted to manipulate the output in proper columns , so that I can later open the file in Excel.  Basically by copying the output and pasting it to the excel with delimiter option (Import Wizard).&lt;/p&gt;
&lt;p&gt;SourceFile: a.txt &lt;br&gt;
&lt;a href="https://rent.com" rel="nofollow noreferrer"&gt;https://rent.com&lt;/a&gt;&lt;/p&gt;
&lt;p&gt;&lt;strong&gt;Code&lt;/strong&gt;&lt;/p&gt;
&lt;pre&gt;&lt;code&gt;$pat=@("rent.com")
$files=Get-ChildItem "D:\test\*.*" -Recurse
$files |Select-String -Pattern $pat |Out-File "D:\output\result.txt"
&lt;/code&gt;&lt;/pre&gt;
&lt;p&gt;But the output i get is this:&lt;/p&gt;
&lt;pre&gt;&lt;code&gt;D:\test\a.txt:1:https://rent.com
&lt;/code&gt;&lt;/pre&gt;
&lt;p&gt;How can I manipulate the output, so that I get:&lt;/p&gt;
&lt;pre&gt;&lt;code&gt;D:\test\a.txt~1~https://rent.com
&lt;/code&gt;&lt;/pre&gt;
&lt;p&gt;Then I could use ~ as a delimiter and import into Excel. &lt;/p&gt;
&lt;p&gt;Appreciate your help!&lt;/p&gt;</t>
  </si>
  <si>
    <t>2017-08-03 15:27:21.093000+00:00</t>
  </si>
  <si>
    <t>2017-08-04 08:15:39.833000+00:00</t>
  </si>
  <si>
    <t>Local Webpage - Load images from folder</t>
  </si>
  <si>
    <t>&lt;p&gt;I am trying to build a simple webpage to display a gallery showcasing all of the families my firm has produced for Revit.  This will not be hosted on the web, but will just be stored on the server where the families are located.  The folders containing the families are located in the same directory as index.html:&lt;/p&gt;
&lt;p&gt;.Families&lt;br/&gt; 
.Details&lt;br/&gt; 
.Custom&lt;br/&gt; 
index.html&lt;/p&gt;
&lt;p&gt;I'm trying to use this script:
&lt;a href="https://stackoverflow.com/questions/18480550/how-to-load-all-the-images-from-one-of-my-folder-into-my-web-page-using-jquery/18480589#18480589"&gt;How to Load all Images in a Folder&lt;/a&gt;, but am getting this error:&lt;/p&gt;
&lt;blockquote&gt;
  &lt;p&gt;XMLHttpRequest cannot load file:///[directory]. Cross origin requests are only supported for protocol schemes: http, data, chrome-extension, https, chrome-extension-resource. &lt;/p&gt;
&lt;/blockquote&gt;
&lt;p&gt;I know that this is a security measure to prevent a website from accessing your local folders, but given that this is only going to exist on the server where the files are located, I'd like to know if there's another option.&lt;/p&gt;
&lt;p&gt;Code:&lt;/p&gt;
&lt;pre&gt;&lt;code&gt;function loadImages(dir){
  var fileExtension = ".png";
  $.ajax({
    url:dir,
    success: function(data) {
        $(data).find("a:contains(" + fileExtension + ")").each(function () {
            var filename = this.href.replace(window.location.host, "").replace("Html:///", " ");
            $("body").append($("&amp;lt;img src=" + dir + filename + "&amp;gt;&amp;lt;/img&amp;gt;"));
        });
    }
  });
}
&lt;/code&gt;&lt;/pre&gt;
&lt;p&gt;dir is passed in from another function, and would be something like: "/2014/Custom/Annotations".&lt;/p&gt;</t>
  </si>
  <si>
    <t>2014-11-11 21:10:33.423000+00:00</t>
  </si>
  <si>
    <t>2014-11-11 22:04:47.840000+00:00</t>
  </si>
  <si>
    <t>2017-05-23 10:33:40.597000+00:00</t>
  </si>
  <si>
    <t>Show a number of listview items in my TextView</t>
  </si>
  <si>
    <t>&lt;p&gt;How can I display number of items off a listview in my textview?
Here is a picture of my activity_main.xml:&lt;/p&gt;
&lt;p&gt;&lt;a href="https://i.stack.imgur.com/Gkvbq.png" rel="nofollow noreferrer"&gt;Mainactivity&lt;/a&gt;&lt;/p&gt;
&lt;p&gt;Textview Verkt��y inn/Utl��nstatus opens one activity with a listview. I want the number of listview items displayed in my textview. Is that possible?&lt;/p&gt;
&lt;p&gt;Adapter:&lt;/p&gt;
&lt;pre&gt;&lt;code&gt;public class listVerktoy extends ArrayAdapter&amp;lt;Verktoy&amp;gt; {
private Activity context;
private List&amp;lt;Verktoy&amp;gt; listverktoy;
public listVerktoy(Activity context, List&amp;lt;Verktoy&amp;gt; listverktoy){
    super (context, R.layout.list_verktoy, listverktoy);
    this.context = context;
    this.listverktoy = listverktoy;
}
public List&amp;lt;Verktoy&amp;gt; getItems(){
    return listverktoy;
}
@NonNull
@Override
public View getView(int position, @Nullable View convertView, @NonNull ViewGroup parent) {
    LayoutInflater inflater = context.getLayoutInflater();
    View listViewItem = inflater.inflate(R.layout.list_verktoy, null, true);
    TextView tvverkt��ynavn = (TextView)listViewItem.findViewById(R.id.tvverkt��ynavn);
    TextView tvverkt��ynr = (TextView)listViewItem.findViewById(R.id.tvverkt��ynr);
    TextView tvverkt��ytype = (TextView)listViewItem.findViewById(R.id.tvverkt��ytype);
    TextView tvverkt��ystatus = (TextView)listViewItem.findViewById(R.id.tvverkt��ystatus);
    TextView tvutl��nttil = (TextView)listViewItem.findViewById(R.id.tvutl��nttil);
    Verktoy verktoy = listverktoy.get(position);
    tvverkt��ynavn.setText(verktoy.getVerkt��ynavn());
    tvverkt��ynr.setText(verktoy.getVerkt��ynr());
    tvverkt��ytype.setText(verktoy.getVerkt��ytype());
    tvverkt��ystatus.setText(verktoy.getVerkt��ystatus());
    tvutl��nttil.setText(verktoy.getUtl��nttil());
    return listViewItem;
}
&lt;/code&gt;&lt;/pre&gt;
&lt;p&gt;Here is my "mainactivity":&lt;/p&gt;
&lt;pre&gt;&lt;code&gt;public class Verktoyside extends AppCompatActivity {
Toolbar toolbar;
TextView verkt��yliste;
TextView verkt��yut;
TextView verkt��yinn;
TextView tvdate;
@Override
protected void onCreate(Bundle savedInstanceState) {
    super.onCreate(savedInstanceState);
    setContentView(R.layout.activity_verktoyside);
    toolbar = (Toolbar)findViewById(R.id.toolbar);
    setSupportActionBar(toolbar);
    getSupportActionBar().setTitle("ALMU");
    verkt��yliste = (TextView)findViewById(R.id.tvverkt��yliste);
    verkt��yliste.setOnClickListener(new View.OnClickListener() {
        @Override
        public void onClick(View v) {
            Intent verkt��yliste = new Intent(Verktoyside.this, Verktoyliste.class);
            startActivity(verkt��yliste);
        }
    });
    verkt��yut = (TextView)findViewById(R.id.tvutl��nverkt��y);
    verkt��yut.setOnClickListener(new View.OnClickListener() {
        @Override
        public void onClick(View v) {
            Intent verkt��yut = new Intent(Verktoyside.this, Utlanside.class);
            startActivity(verkt��yut);
        }
    });
    verkt��yinn = (TextView)findViewById(R.id.tvinnleververkt��y);
    verkt��yinn.setOnClickListener(new View.OnClickListener() {
        @Override
        public void onClick(View v) {
            Intent verkt��yinn = new Intent(Verktoyside.this, Innleveringside.class);
            startActivity(verkt��yinn);
        }
    });
}
@Override
public boolean onCreateOptionsMenu(Menu menu) {
    getMenuInflater().inflate(R.menu.menu_hovedside, menu);
    return true;
}
@Override
public boolean onOptionsItemSelected(MenuItem item) {
    int id = item.getItemId();
    if (id == R.id.action_settings) {
        Toast.makeText(this, "Instillinger", Toast.LENGTH_SHORT).show();
    }
    return super.onOptionsItemSelected(item);
}
&lt;/code&gt;&lt;/pre&gt;</t>
  </si>
  <si>
    <t>2018-02-13 21:02:10.883000+00:00</t>
  </si>
  <si>
    <t>2018-02-14 01:16:43.940000+00:00</t>
  </si>
  <si>
    <t>2018-02-13 21:50:52.377000+00:00</t>
  </si>
  <si>
    <t>android|listview|android-textview</t>
  </si>
  <si>
    <t>C# and XML spreadsheet simple question</t>
  </si>
  <si>
    <t>&lt;p&gt;Hello guys 
I have 1675 line Code. Want to when user click button textbox.text insert into this xml spreadsheet and then create on desktop. does it possible? How can I insert text in current xml spreadsheet row?&lt;/p&gt;
&lt;p&gt;For example:&lt;/p&gt;
&lt;pre&gt;&lt;code&gt;  ` &amp;lt;Cell ss:StyleID="s38"/&amp;gt;
    &amp;lt;Cell ss:StyleID="s39"&amp;gt;
    &amp;lt;Data ss:Type="String"&amp;gt;������������������������������&amp;lt;/Data&amp;gt;
    &amp;lt;/Cell&amp;gt;
    &amp;lt;Cell ss:StyleID="s36"/&amp;gt;`
&lt;/code&gt;&lt;/pre&gt;
&lt;p&gt;Please help me, advice something its very important for me or give some good tutorials.&lt;/p&gt;</t>
  </si>
  <si>
    <t>2010-11-15 13:33:40.617000+00:00</t>
  </si>
  <si>
    <t>2010-11-15 19:56:13.223000+00:00</t>
  </si>
  <si>
    <t>2010-11-15 15:40:57.947000+00:00</t>
  </si>
  <si>
    <t>c#|excel|xml-spreadsheet</t>
  </si>
  <si>
    <t>Error with SQL update Statement</t>
  </si>
  <si>
    <t>&lt;p&gt;I want to update something in a sql database, but every time it gives me an error ...&lt;/p&gt;
&lt;p&gt;This is my code:&lt;/p&gt;
&lt;pre&gt;&lt;code&gt;// UPDATE SQL
- (void)sqlId:(int)sqlId text:(NSString *)text time:(NSString *)time preis:(NSString *)preis
{
    [self openDb];
    if (sqlite3_open([dbPath UTF8String], &amp;amp;database) == SQLITE_OK) {
        NSString *insertSQL = [NSString stringWithFormat:
                               @"UPDATE `webdesign` SET data='%@', time='%d', preis='%@' WHERE id='%d')",
                               text, [time intValue], preis, sqlId];
        const char *insert_stmt = [insertSQL UTF8String];
        sqlite3_prepare_v2(database, insert_stmt, -1, &amp;amp;statement, NULL);
        if (sqlite3_step(statement) == SQLITE_DONE) {
            NSLog(@"updated");
        } else {
            NSLog(@"Error");
        }
        sqlite3_finalize(statement);
    }
    [self closeDb];
}
&lt;/code&gt;&lt;/pre&gt;
&lt;p&gt;The console says:&lt;/p&gt;
&lt;pre&gt;&lt;code&gt;2013-08-31 12:07:21.366 Webdesign[6519:a0b] database opened
2013-08-31 12:07:21.367 Webdesign[6519:a0b] Error
2013-08-31 12:07:21.367 Webdesign[6519:a0b] database closed
&lt;/code&gt;&lt;/pre&gt;
&lt;p&gt;maybe it's a simple problem, but I can't find it.&lt;/p&gt;</t>
  </si>
  <si>
    <t>2013-08-31 10:18:39.413000+00:00</t>
  </si>
  <si>
    <t>2013-08-31 11:38:00.253000+00:00</t>
  </si>
  <si>
    <t>2013-08-31 10:22:50.927000+00:00</t>
  </si>
  <si>
    <t>ios|objective-c|sqlite3</t>
  </si>
  <si>
    <t>powershell for each file build a string to execute</t>
  </si>
  <si>
    <t>&lt;p&gt;I need to schedule a windows job to loop thru thousand of files and execute a command with the command options, the file name, and extension. &lt;/p&gt;
&lt;p&gt;These files have an extension of *.xls in directory c:\proj.  For example, one of the file is myImportantFile0001.xls, I would execute the following in powershell, manually:&lt;/p&gt;
&lt;pre&gt;&lt;code&gt;PS&amp;gt; java.exe -classpath  "C:\PROGRA~2\my1.0.2\lib/*" com.my.madsci  -v --collector-url https://api.fun.my.com/ --oauth-url  https://api.my.com/oauth/access    --type   /fileName:string/discovery:string  --key  /fileName:"myImportantFile0001/discovery:discovery" "C:\proj\myImportantFile0001_xls.txt"
&lt;/code&gt;&lt;/pre&gt;
&lt;p&gt;couple of problems I've got are:&lt;/p&gt;
&lt;p&gt;the command itself has double quotes,&lt;br&gt;
 the file name and extensions need to be found and converted&lt;br&gt;
 execute a java within powershell&lt;/p&gt;
&lt;p&gt;So how can I loop thru the thousand of files to build a string to execute the command using powershell?&lt;/p&gt;</t>
  </si>
  <si>
    <t>2015-10-21 10:14:29.953000+00:00</t>
  </si>
  <si>
    <t>2015-10-23 15:50:15.687000+00:00</t>
  </si>
  <si>
    <t>2015-10-21 10:37:18.287000+00:00</t>
  </si>
  <si>
    <t>java|string|powershell|foreach|filenames</t>
  </si>
  <si>
    <t>Has anyone encountered "Win32 Error : The network path was not found" trying to copy files with FinalBuilder 6?</t>
  </si>
  <si>
    <t>&lt;p&gt;I have a FinalBuilder job that, as a final step, deploys the compiled app and DLLs to a network share on another server.&lt;/p&gt;
&lt;p&gt;About 50% of the time, it just fails with &lt;/p&gt;
&lt;blockquote&gt;
  &lt;p&gt;Win32 Error : The network path was not found&lt;/p&gt;
&lt;/blockquote&gt;
&lt;p&gt;Changing the target from \\myserver\myshare to \\myserver.mydomain.com\myshare will often fix it temporarily - the first 2-3 runs after modifying the build file will work, after which it'll start failing again.&lt;/p&gt;
&lt;p&gt;The FinalBuilder task is running with domain credentials granting admin access on the target box; and copying files to/from shares on that server via Windows Explorer works reliably.&lt;/p&gt;
&lt;p&gt;I'm completely stumped.&lt;/p&gt;</t>
  </si>
  <si>
    <t>2011-06-14 19:14:40.640000+00:00</t>
  </si>
  <si>
    <t>2011-06-15 13:07:24.897000+00:00</t>
  </si>
  <si>
    <t>deployment|xcopy|network-share|finalbuilder</t>
  </si>
  <si>
    <t>How can I create filters for embedded videos?</t>
  </si>
  <si>
    <t>&lt;p&gt;I want to create a nav link that when clicked, filters the videos on the page tagged with a data filter. Can this be done with HTML? Do I need jQuery?&lt;/p&gt;
&lt;pre&gt;&lt;code&gt;&amp;lt;ul class="nav navbar-nav navbar-left"&amp;gt;
  &amp;lt;li&amp;gt;&amp;lt;a href="#" data-filter="video1" tabindex="-1"&amp;gt;Video 2&amp;lt;/a&amp;gt;&amp;lt;/li&amp;gt;
  &amp;lt;li&amp;gt;&amp;lt;a href="#" data-filter="video2" tabindex="-1"&amp;gt;Video 1&amp;lt;/a&amp;gt;&amp;lt;/li&amp;gt;
&amp;lt;/ul&amp;gt;
&amp;lt;div class="col-lg-4 col-md-6 col-sm-6 col-xs-12"&amp;gt;
        &amp;lt;h4&amp;gt;Video 2 title&amp;lt;/h4&amp;gt;
            &amp;lt;div class="embed-responsive embed-responsive-16by9" data-filter="video2"&amp;gt;
            &amp;lt;iframe class="embed-responsive-item" src="video2" frameborder="0" scrolling="no" allowtransparency="true" allowfullscreen&amp;gt;&amp;lt;/iframe&amp;gt;
            &amp;lt;/div&amp;gt;
&amp;lt;/div&amp;gt;
&amp;lt;div class="col-lg-4 col-md-6 col-sm-6 col-xs-12"&amp;gt;
        &amp;lt;h4&amp;gt;Video 1 title&amp;lt;/h4&amp;gt;
            &amp;lt;div class="embed-responsive embed-responsive-16by9" data-filter="video1"&amp;gt;
            &amp;lt;iframe class="embed-responsive-item" src="video1" frameborder="0" scrolling="no" allowtransparency="true" allowfullscreen&amp;gt;&amp;lt;/iframe&amp;gt;
            &amp;lt;/div&amp;gt;
&amp;lt;/div&amp;gt;
&lt;/code&gt;&lt;/pre&gt;</t>
  </si>
  <si>
    <t>2016-11-10 21:12:25.320000+00:00</t>
  </si>
  <si>
    <t>2016-11-10 22:24:01.397000+00:00</t>
  </si>
  <si>
    <t>jquery|filter|custom-data-attribute|html-dataset</t>
  </si>
  <si>
    <t>How to reload a parallax page to the top section on browser back button In parallax?</t>
  </si>
  <si>
    <t>&lt;p&gt;I have implemented parallax in my website with animation and dynamic data in down section. But when I move to another page and come back to same page with browser back button i lost all my dynamic data and animation, I brought from DB. &lt;/p&gt;
&lt;p&gt;I want to reload a page when user clicks back button so that user will be in top section.&lt;/p&gt;</t>
  </si>
  <si>
    <t>2015-04-19 13:06:59.513000+00:00</t>
  </si>
  <si>
    <t>2015-04-22 00:28:04.393000+00:00</t>
  </si>
  <si>
    <t>php|jquery|html5|parallax</t>
  </si>
  <si>
    <t>css and javascript not loaded when using htaccess</t>
  </si>
  <si>
    <t>&lt;p&gt;My CSS and JS don't load when I use &lt;code&gt;.htaccess&lt;/code&gt;&lt;/p&gt;
&lt;p&gt;I use this: &lt;/p&gt;
&lt;blockquote&gt;
  &lt;p&gt;RewriteEngine On&lt;br&gt;
  RewriteBase /mysite/&lt;br&gt;
  RewriteCond %{SCRIPT_FILENAME} !-d&lt;br&gt;
  RewriteCond %{SCRIPT_FILENAME} !-f&lt;br&gt;
  RewriteCond $1 !^(index.php|css|images|robots.txt)&lt;br&gt;
  RewriteRule ^show/([A-Za-z0-9-]+)/?$ index.php?show=$1 [NC,L] # Process parrots  &lt;/p&gt;
&lt;/blockquote&gt;
&lt;p&gt;and myCSS link:&lt;/p&gt;
&lt;pre&gt;&lt;code&gt;&amp;lt;link href="css/my.css" rel="stylesheet" type="text/css" /&amp;gt;
&lt;/code&gt;&lt;/pre&gt;
&lt;p&gt;Is there a way in order to make it work?&lt;/p&gt;</t>
  </si>
  <si>
    <t>2013-06-26 03:39:44.277000+00:00</t>
  </si>
  <si>
    <t>2013-06-26 03:44:05.930000+00:00</t>
  </si>
  <si>
    <t>php|javascript|css|.htaccess|url-rewriting</t>
  </si>
  <si>
    <t>How to stylize td of inner and outer table without use of div tags?</t>
  </si>
  <si>
    <t>&lt;p&gt;My code looks as follows:&lt;/p&gt;
&lt;p&gt;&lt;div class="snippet" data-lang="js" data-hide="false"&gt;_x000D_
&lt;div class="snippet-code"&gt;_x000D_
&lt;pre class="snippet-code-css lang-css prettyprint-override"&gt;&lt;code&gt;.outer tr td {_x000D_
  background-color: rgba(255, 0, 0, 0.5);_x000D_
  /*red*/_x000D_
}_x000D_
.inner tr td {_x000D_
  background-color: rgba(0, 0, 255, 0.5);_x000D_
  /*blue*/_x000D_
}_x000D_
.outer tr td:hover {_x000D_
  background-color: rgba(0, 255, 0, 0.25);_x000D_
  /*green*/_x000D_
}&lt;/code&gt;&lt;/pre&gt;_x000D_
&lt;pre class="snippet-code-html lang-html prettyprint-override"&gt;&lt;code&gt;&amp;lt;table class="outer"&amp;gt;_x000D_
  &amp;lt;tr&amp;gt;_x000D_
    &amp;lt;td&amp;gt;_x000D_
      &amp;lt;table class="inner"&amp;gt;_x000D_
        &amp;lt;tr&amp;gt;_x000D_
          &amp;lt;td&amp;gt;&amp;lt;/td&amp;gt;_x000D_
          &amp;lt;td&amp;gt;&amp;lt;/td&amp;gt;_x000D_
        &amp;lt;/tr&amp;gt;_x000D_
        &amp;lt;tr&amp;gt;_x000D_
          &amp;lt;td&amp;gt;&amp;lt;/td&amp;gt;_x000D_
          &amp;lt;td&amp;gt;&amp;lt;/td&amp;gt;_x000D_
        &amp;lt;/tr&amp;gt;_x000D_
      &amp;lt;/table&amp;gt;_x000D_
    &amp;lt;/td&amp;gt;_x000D_
    &amp;lt;td&amp;gt;&amp;lt;/td&amp;gt;_x000D_
  &amp;lt;/tr&amp;gt;_x000D_
  &amp;lt;tr&amp;gt;_x000D_
    &amp;lt;td&amp;gt;&amp;lt;/td&amp;gt;_x000D_
    &amp;lt;td&amp;gt;&amp;lt;/td&amp;gt;_x000D_
  &amp;lt;/tr&amp;gt;_x000D_
  &amp;lt;tr&amp;gt;_x000D_
    &amp;lt;td&amp;gt;_x000D_
      &amp;lt;table class="inner"&amp;gt;_x000D_
        &amp;lt;tr&amp;gt;_x000D_
          &amp;lt;td&amp;gt;&amp;lt;/td&amp;gt;_x000D_
          &amp;lt;td&amp;gt;&amp;lt;/td&amp;gt;_x000D_
        &amp;lt;/tr&amp;gt;_x000D_
        &amp;lt;tr&amp;gt;_x000D_
          &amp;lt;td&amp;gt;&amp;lt;/td&amp;gt;_x000D_
          &amp;lt;td&amp;gt;&amp;lt;/td&amp;gt;_x000D_
        &amp;lt;/tr&amp;gt;_x000D_
      &amp;lt;/table&amp;gt;_x000D_
    &amp;lt;/td&amp;gt;_x000D_
    &amp;lt;td&amp;gt;&amp;lt;/td&amp;gt;_x000D_
  &amp;lt;/tr&amp;gt;_x000D_
&amp;lt;/table&amp;gt;&lt;/code&gt;&lt;/pre&gt;_x000D_
&lt;/div&gt;_x000D_
&lt;/div&gt;_x000D_
&lt;/p&gt;
&lt;p&gt;The main problem is that, the green color is shown when I hover my inner &lt;code&gt;table&lt;/code&gt;'s &lt;code&gt;td&lt;/code&gt;. The problem may not have arrived if I used normal &lt;code&gt;rgb()&lt;/code&gt; or hexadecimal colors. I need the transparency on a purpose. Help me so that my inner &lt;code&gt;td&lt;/code&gt; doesn't get green color on my hover.&lt;/p&gt;
&lt;p&gt;I have class names for each &lt;code&gt;td&lt;/code&gt; in each row. I'm using class names for an &lt;code&gt;ajax&lt;/code&gt; operation using &lt;code&gt;jquery&lt;/code&gt;. So, I could not change the class names. This is is not my actual table. If I'd have to apply &lt;code&gt;css&lt;/code&gt; to all my &lt;code&gt;td&lt;/code&gt;s using their class name it would make my clients' browser some time to load. Please help me with the &lt;code&gt;css&lt;/code&gt; coding to ignore the styles of a parent. Or find me a way to stylize a &lt;code&gt;table&lt;/code&gt; but not its children &lt;code&gt;table&lt;/code&gt;. Thank you.&lt;/p&gt;</t>
  </si>
  <si>
    <t>2014-10-23 19:10:26.653000+00:00</t>
  </si>
  <si>
    <t>2014-10-23 19:31:26.483000+00:00</t>
  </si>
  <si>
    <t>2014-10-23 19:15:12.510000+00:00</t>
  </si>
  <si>
    <t>My Xcode installation is taking up loads of space; how to reduce space used by simulators?</t>
  </si>
  <si>
    <t>&lt;p&gt;So my computer is the base model MacBook Pro so hard drive space is a premium. &lt;/p&gt;
&lt;p&gt;I've been looking through folders to find what's taking up all the space and my &lt;code&gt;UserName/Library/Developer&lt;/code&gt; folder was 30GB. This folder contains &lt;code&gt;Xcode&lt;/code&gt; &amp;amp; &lt;code&gt;CoreSimulator&lt;/code&gt;.&lt;/p&gt;
&lt;p&gt;I've gone and deleted most of my archived projects and that's reduced the size down to 20GB in total with 18GB in the Xcode folder, but this still seems large. &lt;/p&gt;
&lt;p&gt;I haven't got any of the simulators installed, except for the current 8.4 simulator, yet I seem to have a folder for each simulator in the iOS DeviceSupport subfolder of Xcode.&lt;/p&gt;
&lt;p&gt;Can someone tell me if their Xcode folder is a similar size and if I should expect all of the simulators to be included in this folder, even if they aren't visibly available in Xcode? Is it safe for me to delete all of these unused simulators? &lt;/p&gt;</t>
  </si>
  <si>
    <t>2015-07-17 12:23:06.557000+00:00</t>
  </si>
  <si>
    <t>2018-05-18 17:03:23.203000+00:00</t>
  </si>
  <si>
    <t>xcode|diskspace</t>
  </si>
  <si>
    <t>How do I join two tables to get statistics</t>
  </si>
  <si>
    <t>&lt;p&gt;I have a MySQL database with two tables in it:&lt;/p&gt;
&lt;pre&gt;&lt;code&gt;Members
 - id, name, city_id
&lt;/code&gt;&lt;/pre&gt;
&lt;p&gt;and:&lt;/p&gt;
&lt;pre&gt;&lt;code&gt;Cities
- id, name
&lt;/code&gt;&lt;/pre&gt;
&lt;p&gt;I want a query that will return each city name and how many members are in it.&lt;/p&gt;
&lt;p&gt;The output I need is:&lt;/p&gt;
&lt;pre&gt;&lt;code&gt;city_name    count
------------------
New York     15
Los Angeles  20
&lt;/code&gt;&lt;/pre&gt;</t>
  </si>
  <si>
    <t>2011-09-14 11:16:36.990000+00:00</t>
  </si>
  <si>
    <t>2011-09-14 12:44:38.450000+00:00</t>
  </si>
  <si>
    <t>Difference between stub and when in mockito</t>
  </si>
  <si>
    <t>&lt;p&gt;I am new to mockito.&lt;/p&gt;
&lt;p&gt;need to know difference between stub and when&lt;/p&gt;
&lt;pre&gt;&lt;code&gt;      1. stub(cpproxy.getBinList()).toReturn(gettestbins());
      2. when(cpproxy.getBinList()).thenReturn(gettestbins());
&lt;/code&gt;&lt;/pre&gt;
&lt;p&gt;whats the difference between these two?&lt;/p&gt;</t>
  </si>
  <si>
    <t>2013-02-06 18:30:12.117000+00:00</t>
  </si>
  <si>
    <t>2015-08-18 18:00:02.623000+00:00</t>
  </si>
  <si>
    <t>2013-02-06 19:26:56.547000+00:00</t>
  </si>
  <si>
    <t>java|unit-testing|junit4|mockito</t>
  </si>
  <si>
    <t>Magento CE 1.7.0.2 - Unable to log in to admin panel with Chrome</t>
  </si>
  <si>
    <t>&lt;p&gt;I'm having an unusual issue and it doesn't seem to be related to other posts I've found. I'm logging into my Magento install that I have setup through MAMP on my local. It doesn't say "invalid password" or anything of that nature, it just refreshes itself. I've tried modifying .htaccess and posting it to Magento forum but nothing. I hit "submit" and it just seems to refresh the page. Is this a redirect issue? It works perfectly fine on Firefox but for some reason Chrome just won't allow access. &lt;/p&gt;</t>
  </si>
  <si>
    <t>2013-08-19 20:47:38.800000+00:00</t>
  </si>
  <si>
    <t>2014-11-26 12:56:26.337000+00:00</t>
  </si>
  <si>
    <t>2014-01-29 09:03:54.570000+00:00</t>
  </si>
  <si>
    <t>magento|google-chrome|magento-1.7</t>
  </si>
  <si>
    <t>Why do some folks use Class#method instead of Class.method in correspondence?</t>
  </si>
  <si>
    <t>&lt;p&gt;When writing about methods in Java (i.e. in forums, mailing lists, issue trackers, etc.) many people separate the method name from the class name using the '#' symbol instead of Java's native &lt;code&gt;.&lt;/code&gt; operator; for example, folks refer to &lt;code&gt;Object#toString&lt;/code&gt; instead of &lt;code&gt;Object.toString&lt;/code&gt;. Where does this syntax come from?&lt;/p&gt;</t>
  </si>
  <si>
    <t>2012-06-28 15:21:05.413000+00:00</t>
  </si>
  <si>
    <t>2016-04-03 20:40:08.443000+00:00</t>
  </si>
  <si>
    <t>2014-11-21 20:34:33.463000+00:00</t>
  </si>
  <si>
    <t>java|forum|mailing-list</t>
  </si>
  <si>
    <t>Rewrite SQL to LINQ query</t>
  </si>
  <si>
    <t>&lt;p&gt;Hi I am trying to write a SQL query to LINQ query. My SQL query is like this:&lt;/p&gt;
&lt;pre&gt;&lt;code&gt;select BookingArrivedEnquiredTime
from BookingArriveds
where BookingArrivedEnquiredDateTime='2015-02-17 00:00:00.000'
order by CAST(('01/01/2000 ' + BookingArrivedEnquiredTime) AS DATETIME)
&lt;/code&gt;&lt;/pre&gt;
&lt;p&gt;How can I write this query in LINQ?&lt;/p&gt;</t>
  </si>
  <si>
    <t>2015-03-19 10:21:08.293000+00:00</t>
  </si>
  <si>
    <t>2015-03-19 10:34:13.367000+00:00</t>
  </si>
  <si>
    <t>2015-03-19 10:26:49.357000+00:00</t>
  </si>
  <si>
    <t>How to cancel View.OnDragListener in android during dragging Operation?</t>
  </si>
  <si>
    <t>&lt;p&gt;Im using &lt;code&gt;view.startDrag()&lt;/code&gt; to start dragging operation. While dragging, events are received in &lt;code&gt;OnDragListener&lt;/code&gt;. Also im using &lt;code&gt;DragShadowBuilder&lt;/code&gt; to show the last image of &lt;code&gt;View B&lt;/code&gt; while dragging.&lt;/p&gt;
&lt;p&gt;Is there a way to stop or cancel or abort dragging from some external events or operation? for example, there are 2 view, &lt;code&gt;View A&lt;/code&gt; and &lt;code&gt;View B&lt;/code&gt;, i'm dragging &lt;code&gt;View B&lt;/code&gt; over &lt;code&gt;View A&lt;/code&gt;. While dragging, due to some external event or operation, i want to cancel dragging operations or cancel &lt;code&gt;OnDragListener&lt;/code&gt; (without removing my finger from the &lt;code&gt;view B&lt;/code&gt;).&lt;/p&gt;
&lt;p&gt;Code Snippet for &lt;code&gt;DragShadowBuilder&lt;/code&gt;:&lt;/p&gt;
&lt;pre&gt;&lt;code&gt;DragShadowBuilder shadowBuilder = new DragShadowBuilder(view) {
    @Override
    public void onDrawShadow(Canvas canvas) {
        canvas.drawBitmap(b, 0, 0, new Paint());
        super.onDrawShadow(canvas);
    }
};
boolean dragSuccess = false;
dragSuccess = view.startDrag(null, shadowBuilder, view, 0);
&lt;/code&gt;&lt;/pre&gt;
&lt;p&gt;Code Snippet for &lt;code&gt;OnDragListener&lt;/code&gt;:&lt;/p&gt;
&lt;pre&gt;&lt;code&gt;private final class ViewDragListener implements OnDragListener {
    @Override
    public boolean onDrag(View v, DragEvent event) {
        int action = event.getAction();
        switch (event.getAction()) {
            case DragEvent.ACTION_DRAG_STARTED:
                 log("ACTION_DRAG_STARTED");
                 break;
            case DragEvent.ACTION_DRAG_ENTERED:
                 log("ACTION_DRAG_ENTERED");
                 break;
            case DragEvent.ACTION_DRAG_EXITED:
                 log("ACTION_DRAG_EXITED");
            case DragEvent.ACTION_DROP:
                 log("ACTION_DROP");
                 mX = (int) event.getX();
                 mY = (int)event.getY();
                 break;
            case DragEvent.ACTION_DRAG_ENDED:
                 log("ACTION_DRAG_ENDED");
                 //Doing some cleanup operations.
                 break;
            case DragEvent.ACTION_DRAG_LOCATION:
                 log("ACTION_DRAG_LOCATION");
                 break;
            default:
                 break;
        }
        return true;
    }
}
&lt;/code&gt;&lt;/pre&gt;</t>
  </si>
  <si>
    <t>2014-06-10 12:15:05.747000+00:00</t>
  </si>
  <si>
    <t>2015-03-21 01:13:49.110000+00:00</t>
  </si>
  <si>
    <t>2014-06-10 12:40:30.900000+00:00</t>
  </si>
  <si>
    <t>android|drag-and-drop</t>
  </si>
  <si>
    <t>How to get instant average of some numbers when I add a new one</t>
  </si>
  <si>
    <t>&lt;p&gt;I am new at programming and I've tried a lot to find something that could help me with that problem.&lt;/p&gt;
&lt;pre&gt;&lt;code&gt;&amp;lt;form name="calc"&amp;gt;
&amp;lt;input name="rezultat"/&amp;gt;
&amp;lt;input type="button" name="1" value="2" onclick="run2()"/&amp;gt;
&amp;lt;input type="button" name="1" value="3" onclick="run3()"/&amp;gt;
&amp;lt;input type="button" name="1" value="4" onclick="run4()"/&amp;gt;
&amp;lt;input type="button" name="1" value="5" onclick="run5()"/&amp;gt;
&amp;lt;input type="button" name="1" value="6" onclick="run6()"/&amp;gt;
&amp;lt;input type="button" name="1" value="7" onclick="run7()"/&amp;gt;
&amp;lt;input type="button" name="1" value="8" onclick="run8()"/&amp;gt;
&amp;lt;input type="button" name="1" value="9" onclick="run9()"/&amp;gt;
&amp;lt;input type="button" name="1" value="10" onclick="run10()"/&amp;gt;
&amp;lt;/form&amp;gt;
&lt;/code&gt;&lt;/pre&gt;
&lt;p&gt;This is my HTML code&lt;/p&gt;
&lt;p&gt;The idea is to make instant average of the numbers when I add a new one by clicking the specific button (every button has a value and an onclick proprety) and show that in the "rezultat" field.&lt;/p&gt;
&lt;p&gt;I would be grateful if you'd help me with a script. &lt;/p&gt;</t>
  </si>
  <si>
    <t>2016-05-03 15:09:26.113000+00:00</t>
  </si>
  <si>
    <t>2016-05-03 15:49:46.543000+00:00</t>
  </si>
  <si>
    <t>javascript|button|sum|average|calculator</t>
  </si>
  <si>
    <t>How to read bytes from file</t>
  </si>
  <si>
    <t>&lt;p&gt;I'm trying to read the length of some metadata from a .lrf file. (Used with the program LoLReplay)&lt;/p&gt;
&lt;p&gt;There's not really documentation on these files, but I have already figured out how to do this in C++. I'm trying to re-write the project in python for multiple reasons, but I come across an error.&lt;/p&gt;
&lt;p&gt;To first explain, the .lrf file has metadata immediately at the start of the file in this format:&lt;/p&gt;
&lt;ul&gt;
&lt;li&gt;&lt;p&gt;first 4 bytes are for something I have no clue about.&lt;/p&gt;&lt;/li&gt;
&lt;li&gt;&lt;p&gt;next 4 bytes store the length of the metadata in hexidecimal, up until the end of the metadata, which after is the actual contents of the replay.&lt;/p&gt;&lt;/li&gt;
&lt;li&gt;&lt;p&gt;bytes after the initial 8 bytes are the metadata in json format&lt;/p&gt;&lt;/li&gt;
&lt;/ul&gt;
&lt;p&gt;The problem I'm having is actually reading the metadata length. This is the current function I have:&lt;/p&gt;
&lt;pre&gt;&lt;code&gt;def getMetaLength(self):
    try:
        file = open(self.file,"r")
    except IOError:
        print ("Failed to open file.")
        file.close()
    #We need to skip the first 4 bytes.
    file.read(4)
    mdlength = file.read(4)
    print(hex(mdlength))
    file.close()
&lt;/code&gt;&lt;/pre&gt;
&lt;p&gt;When I call this function, the shell returns a traceback stating:&lt;/p&gt;
&lt;pre&gt;&lt;code&gt;    Traceback (most recent call last):
    File "C:\Users\Donald\python\lolcogs\lolcogs_main.py", line 6, in &amp;lt;module&amp;gt;
    lolcogs.getMetaLength()
    File "C:\Users\Donald\python\lolcogs\LoLCogs.py", line 20, in getMetaLength
    file.read(4)
    File "C:\Python32\lib\encodings\cp1252.py", line 23, in decode
    return codecs.charmap_decode(input,self.errors,decoding_table)[0]
    UnicodeDecodeError: 'charmap' codec can't decode byte 0x81 in position 3648:       character maps to &amp;lt;undefined&amp;gt;
&lt;/code&gt;&lt;/pre&gt;
&lt;p&gt;My best guess is that read() is trying to read characters that are encoded in some unicode format, but these are definitely just bytes that I am attempting to read. Is there a way to read these as bytes? Also, is there a better way to skip bytes when you are attempting to read a file?&lt;/p&gt;</t>
  </si>
  <si>
    <t>2014-02-28 23:33:18.457000+00:00</t>
  </si>
  <si>
    <t>2014-03-01 01:27:43.707000+00:00</t>
  </si>
  <si>
    <t>2014-02-28 23:37:38.783000+00:00</t>
  </si>
  <si>
    <t>python|file|python-3.x</t>
  </si>
  <si>
    <t>Seesaw button bind WindowBuilder</t>
  </si>
  <si>
    <t>&lt;p&gt;Currently I'm using an application with a form designed in WindowBuilder. The form contains a button which I want to use in Clojure/seesaw. So my question is: how am I able to use the button defined in Java in Clojure?&lt;/p&gt;
&lt;p&gt;Kind regards,
Mittchel&lt;/p&gt;</t>
  </si>
  <si>
    <t>2012-06-10 12:30:22.577000+00:00</t>
  </si>
  <si>
    <t>2012-06-10 14:31:41.007000+00:00</t>
  </si>
  <si>
    <t>2012-06-10 13:01:07.587000+00:00</t>
  </si>
  <si>
    <t>clojure|windowbuilder|seesaw</t>
  </si>
  <si>
    <t>how to access the file in docroot folder when the server has spring mvc web site on root("/")</t>
  </si>
  <si>
    <t>&lt;p&gt;I have a spring mvc project deploy on root path. Then the files folder in docroot are filtered by spring mvc. I tried to add following config, it's not working&lt;/p&gt;
&lt;pre&gt;&lt;code&gt;   &amp;lt;mvc:resources location="/files/" mapping="/files/**"  order="0"/&amp;gt;
&lt;/code&gt;&lt;/pre&gt;
&lt;p&gt;I want to access the image file in files folder like: localhost:8080/files/image.jpg&lt;/p&gt;
&lt;p&gt;web.xml&lt;/p&gt;
&lt;pre&gt;&lt;code&gt;   &amp;lt;web-app version="3.1" xmlns="http://xmlns.jcp.org/xml/ns/javaee" xmlns:xsi="http://www.w3.org/2001/XMLSchema-instance" xsi:schemaLocation="http://xmlns.jcp.org/xml/ns/javaee http://xmlns.jcp.org/xml/ns/javaee/web-app_3_1.xsd"&amp;gt;
&amp;lt;filter&amp;gt;
    &amp;lt;filter-name&amp;gt;encoding-filter&amp;lt;/filter-name&amp;gt;
    &amp;lt;filter-class&amp;gt;org.springframework.web.filter.CharacterEncodingFilter&amp;lt;/filter-class&amp;gt;
    &amp;lt;init-param&amp;gt;
        &amp;lt;param-name&amp;gt;encoding&amp;lt;/param-name&amp;gt;
        &amp;lt;param-value&amp;gt;UTF-8&amp;lt;/param-value&amp;gt;
    &amp;lt;/init-param&amp;gt;
&amp;lt;/filter&amp;gt;
&amp;lt;filter-mapping&amp;gt;
    &amp;lt;filter-name&amp;gt;encoding-filter&amp;lt;/filter-name&amp;gt;
    &amp;lt;url-pattern&amp;gt;/*&amp;lt;/url-pattern&amp;gt;
&amp;lt;/filter-mapping&amp;gt;
&amp;lt;context-param&amp;gt;
    &amp;lt;param-name&amp;gt;contextConfigLocation&amp;lt;/param-name&amp;gt;
    &amp;lt;param-value&amp;gt;
        /WEB-INF/applicationContext.xml
        /WEB-INF/applicationContext-shiro.xml
    &amp;lt;/param-value&amp;gt;
&amp;lt;/context-param&amp;gt;
&amp;lt;listener&amp;gt;
    &amp;lt;listener-class&amp;gt;org.springframework.web.context.ContextLoaderListener&amp;lt;/listener-class&amp;gt;
&amp;lt;/listener&amp;gt;
&amp;lt;servlet&amp;gt;
    &amp;lt;servlet-name&amp;gt;dispatcher&amp;lt;/servlet-name&amp;gt;
    &amp;lt;servlet-class&amp;gt;org.springframework.web.servlet.DispatcherServlet&amp;lt;/servlet-class&amp;gt;
    &amp;lt;load-on-startup&amp;gt;2&amp;lt;/load-on-startup&amp;gt;
&amp;lt;/servlet&amp;gt;
&amp;lt;servlet-mapping&amp;gt;
    &amp;lt;servlet-name&amp;gt;dispatcher&amp;lt;/servlet-name&amp;gt;
    &amp;lt;url-pattern&amp;gt;/&amp;lt;/url-pattern&amp;gt;
&amp;lt;/servlet-mapping&amp;gt;
&amp;lt;session-config&amp;gt;
    &amp;lt;session-timeout&amp;gt;
        30
    &amp;lt;/session-timeout&amp;gt;
      &amp;lt;tracking-mode&amp;gt;
        COOKIE
    &amp;lt;/tracking-mode&amp;gt;
&amp;lt;/session-config&amp;gt;
&amp;lt;welcome-file-list&amp;gt;
    &amp;lt;welcome-file&amp;gt;redirect.jsp&amp;lt;/welcome-file&amp;gt;
&amp;lt;/welcome-file-list&amp;gt;
&amp;lt;!--shiro ������������ --&amp;gt;
&amp;lt;!-- &amp;lt;listener&amp;gt;
    &amp;lt;listener-class&amp;gt;org.apache.shiro.web.env.EnvironmentLoaderListener&amp;lt;/listener-class&amp;gt;
&amp;lt;/listener&amp;gt;--&amp;gt;
&amp;lt;filter&amp;gt;  
    &amp;lt;filter-name&amp;gt;shiroFilter&amp;lt;/filter-name&amp;gt;  
    &amp;lt;filter-class&amp;gt;org.springframework.web.filter.DelegatingFilterProxy&amp;lt;/filter-class&amp;gt;  
    &amp;lt;init-param&amp;gt;   
        &amp;lt;param-name&amp;gt;targetFilterLifecycle&amp;lt;/param-name&amp;gt;  
        &amp;lt;param-value&amp;gt;true&amp;lt;/param-value&amp;gt;  
    &amp;lt;/init-param&amp;gt;  
&amp;lt;/filter&amp;gt;  
&amp;lt;filter-mapping&amp;gt;  
    &amp;lt;filter-name&amp;gt;shiroFilter&amp;lt;/filter-name&amp;gt;  
    &amp;lt;url-pattern&amp;gt;/*&amp;lt;/url-pattern&amp;gt;  
&amp;lt;/filter-mapping&amp;gt; 
&amp;lt;!--shiro ������������ --&amp;gt;
&lt;/code&gt;&lt;/pre&gt;
&lt;p&gt;&lt;/p&gt;
&lt;p&gt;update : I have a solution with absolute path:&lt;/p&gt;
&lt;pre&gt;&lt;code&gt;&amp;lt;mvc:resources location="file:/Users/abc/docroot/files/" mapping="/files/**"  order="0"/&amp;gt;
&lt;/code&gt;&lt;/pre&gt;
&lt;p&gt;Is there any way to get root path in config file by any variable? ie:server.root&lt;/p&gt;</t>
  </si>
  <si>
    <t>2016-06-13 12:59:14.360000+00:00</t>
  </si>
  <si>
    <t>2016-06-13 13:56:54.050000+00:00</t>
  </si>
  <si>
    <t>spring|spring-mvc|tomcat</t>
  </si>
  <si>
    <t>Slickgrid not displaying JSON data from PHP unless I edit cells</t>
  </si>
  <si>
    <t>&lt;p&gt;As the title says, I have slickgrid getting/parsing JSON data from PHP, but while I can get it to update to the proper row count, nothing is displayed in a cell unless I edit it first.  When I do, the correct data is displayed, but only for cells I have edited.  Here is the relevant code:&lt;/p&gt;
&lt;pre&gt;&lt;code&gt;$(function () {
 $.getJSON("./test3.php", function(jsondata) {
  $.each(jsondata, function(i, arr) {
   var d = (data[i] = {});
   $.each(arr, function(key, value) {
    d[key] = value;
   });
  });
  grid.updateRowCount();
  grid.render();
 });
grid = new Slick.Grid("#myGrid", data, columns, options);
//continues function prepping the grid
&lt;/code&gt;&lt;/pre&gt;</t>
  </si>
  <si>
    <t>2012-02-14 23:29:47.800000+00:00</t>
  </si>
  <si>
    <t>2012-02-20 20:23:11.070000+00:00</t>
  </si>
  <si>
    <t>php|javascript|jquery|json|slickgrid</t>
  </si>
  <si>
    <t>Convert String to Date and remove day value (always set 1 day of month)</t>
  </si>
  <si>
    <t>&lt;p&gt;I can convert a &lt;code&gt;String&lt;/code&gt; to a &lt;code&gt;Date&lt;/code&gt;:&lt;/p&gt;
&lt;pre&gt;&lt;code&gt;private static final SimpleDateFormat CARD_DATE_FORMAT = new SimpleDateFormat("yyMMdd", Locale.getDefault());
public static Date toCardDateFormat(String date){
    try {
        return CARD_DATE_FORMAT.parse(date);
    } catch (ParseException e) {
        return null;
    }
}
&lt;/code&gt;&lt;/pre&gt;
&lt;p&gt;For example I have &lt;code&gt;200908&lt;/code&gt; - it will convert to &lt;code&gt;2020-09-08&lt;/code&gt;, but I need set the day always to 1&lt;sup&gt;st&lt;/sup&gt; day of month. I need &lt;code&gt;2020-09-01&lt;/code&gt;. How can I make this?&lt;/p&gt;</t>
  </si>
  <si>
    <t>2018-03-06 08:45:14.723000+00:00</t>
  </si>
  <si>
    <t>2018-03-06 15:54:55.903000+00:00</t>
  </si>
  <si>
    <t>2018-03-06 13:29:50.770000+00:00</t>
  </si>
  <si>
    <t>java|date|date-parsing|date-manipulation|dayofmonth</t>
  </si>
  <si>
    <t>receive and use HTTP Post JSON in C# asp.net</t>
  </si>
  <si>
    <t>&lt;p&gt;I have a device posting temperature/GPS data to a cloud broker.  The broker then "HTTP Posts device data JSON objects to a URL of your choosing" (quoted from the broker site documentation).&lt;br&gt;
How do I receive and deserialize this post in C#?  I'm using newtonsoft.json.  I've seen a similar example from stackoverflow, but for me its creating lots of errors.  My code is below.  public class Rootobject was created by pasting the JSON, so that was all automatic.  The part towards the end is what I don't know what to do with (public class testing section).  I'm not sure where it goes, and how to properly format it.&lt;br&gt;
Thank you for any suggestions.  &lt;/p&gt;
&lt;pre&gt;&lt;code&gt;using System;
using System.Collections.Generic;
using System.Linq;
using System.Net;
using System.Web;
using System.Web.Http;
using Newtonsoft.Json;
namespace WebServiceTest1.Models
{
        public class Rootobject
        {
            public DateTime received { get; set; }
            public string authtype { get; set; }
            public string[] tags { get; set; }
            public Routingresults routingResults { get; set; }
            public string device_name { get; set; }
            public int errorcode { get; set; }
            public string source { get; set; }
            public string timestamp { get; set; }
            public string record_id { get; set; }
            public string data { get; set; }
            public int device_id { get; set; }
        }
        public class Routingresults
        {
            public int matchedRules { get; set; }
            public object[] errors { get; set; }
        }
        //This is the part I dont know where to put, or how to use properly.  
        public class Testing
        { 
           string url = "http://example.com/MethodThatReturnsJson";
           //I'm sure this needs to be the URL of the site that is POSTING.
           WebClient client = new WebClient();
           string webServiceJsonString = client.DownloadString(url);
           //This line is erroring out.  doesn't like client.DownloadString(url)
           Rootobject yourObject = JsonConvert.DeserializeObject&amp;lt;Rootobject&amp;gt;(webServiceJsonString);
           //I typed Rootobject here based on class Rootobject above, but not confident that is correct.
        }
    }
}
&lt;/code&gt;&lt;/pre&gt;
&lt;p&gt;Thank you.&lt;/p&gt;</t>
  </si>
  <si>
    <t>2016-05-12 12:28:56.613000+00:00</t>
  </si>
  <si>
    <t>2016-05-12 14:15:32.503000+00:00</t>
  </si>
  <si>
    <t>2016-05-12 13:11:31.743000+00:00</t>
  </si>
  <si>
    <t>c#|asp.net|json</t>
  </si>
  <si>
    <t>.wav format not supported in android devices</t>
  </si>
  <si>
    <t>&lt;p&gt;Here is my sample project ,I want to develope sample drums app,that plays back eight sound files when eight separate buttons are pressed.Code is working fine, but tone is not clear, how to get the original tone? ,is there any mistake in my code?&lt;/p&gt;
&lt;p&gt;DrumsActivity.java&lt;/p&gt;
&lt;pre&gt;&lt;code&gt;public class DrumsActivity extends Activity
{
private AudioTrackSoundPlayer soundPlayer = null;
private ArrayList&amp;lt;View&amp;gt; buttons = null;
private boolean[] buttonStates = null;
@Override
public void onCreate(Bundle savedInstanceState)
{
    super.onCreate(savedInstanceState);
    setContentView(R.layout.main);
    buttons = new ArrayList&amp;lt;View&amp;gt;();
    buttons = new ArrayList&amp;lt;View&amp;gt;();
    buttons.add(findViewById(R.id.c));
    buttons.add(findViewById(R.id.d));
    buttons.add(findViewById(R.id.f));
    buttons.add(findViewById(R.id.g));
    buttons.add(findViewById(R.id.c1));
    buttons.add(findViewById(R.id.d1));
    buttons.add(findViewById(R.id.f1));
    buttons.add(findViewById(R.id.g1));
    buttonStates = new boolean[buttons.size()];
    soundPlayer = new AudioTrackSoundPlayer(this);
}
@Override
public boolean onTouchEvent(MotionEvent event)
{
    boolean[] newButtonStates = new boolean[8];
    int action = event.getAction();
    boolean isDownAction = (action &amp;amp; 0x5) == 0x5 || action == MotionEvent.ACTION_DOWN || action == MotionEvent.ACTION_MOVE;
    for (int touchIndex = 0; touchIndex &amp;lt; event.getPointerCount(); touchIndex++)
    {
        // find button for location
        int x = (int) event.getX(touchIndex);
        int y = (int) event.getY(touchIndex);
        for (int buttonIndex = 0; buttonIndex &amp;lt; buttons.size(); buttonIndex++)
        {
            View button = buttons.get(buttonIndex);
            int[] location = new int[2];
            button.getLocationOnScreen(location);
            int buttonX = location[0];
            int buttonY = location[1];
            Rect rect = new Rect(buttonX, buttonY, buttonX + button.getWidth(), buttonY + button.getHeight());
            if (rect.contains(x, y))
            {
                newButtonStates[buttonIndex] = isDownAction;
                break;
            }
        }
    }
    for (int index = 0; index &amp;lt; newButtonStates.length; index++)
    {
        if (buttonStates[index] != newButtonStates[index])
        {
            buttonStates[index] = newButtonStates[index];
            View button = buttons.get(index);
            toggleButtonSound(button, newButtonStates[index]);
        }
    }
    return true;
}
private void toggleButtonSound(View button, boolean down)
{
    String note = null;
    switch (button.getId())
    {
        case R.id.c:
            note = "crash";
            break;
        case R.id.d:
            note = "hithat";
            break;
        case R.id.f:
            note = "snare";
            break;
        case R.id.g:
            note = "giant";
            break;
        case R.id.c1:
            note = "c";
            break;
        case R.id.d1:
            note = "d";
            break;
        case R.id.f1:
            note = "f";
            break;
        case R.id.g1:
            note = "tom";
            break;
    }
    if (down)
    {
        if (!soundPlayer.isNotePlaying(note)) 
        {
            soundPlayer.playNote(note);
        }
    }
    else
    {
        soundPlayer.stopNote(note);
    }
}
&lt;/code&gt;&lt;/pre&gt;
&lt;p&gt;}&lt;/p&gt;
&lt;p&gt;AudioTrackSoundPlay.java&lt;/p&gt;
&lt;pre&gt;&lt;code&gt;public class AudioTrackSoundPlayer
{
private HashMap&amp;lt;String, PlayThread&amp;gt; threadMap = null;
private Context context;
public AudioTrackSoundPlayer(Context context)
{
    this.context = context;
    threadMap = new HashMap&amp;lt;String, AudioTrackSoundPlayer.PlayThread&amp;gt;();
}
public void playNote(String note)
{
    if (!isNotePlaying(note))
    {
        PlayThread thread = new PlayThread(note);
        thread.start();
        threadMap.put(note, thread);
    }
}
public void stopNote(String note)
{
    PlayThread thread = threadMap.get(note);
    if (thread != null)
    {
        thread.requestStop();
        threadMap.remove(note);
    }
}
public boolean isNotePlaying(String note)
{
    return threadMap.containsKey(note);
}
private class PlayThread extends Thread
{
    String note;
    boolean stop = false;
    AudioTrack audioTrack = null;
    public PlayThread(String note)
    {
        super();
        this.note = note;
    }
    public void run()
    {
        try
        {
            String path = note + ".wav";
            AssetManager assetManager = context.getAssets();
            AssetFileDescriptor ad = assetManager.openFd(path);
            long fileSize = ad.getLength();
            int bufferSize = 4096;
            byte[] buffer = new byte[bufferSize];
            audioTrack = new AudioTrack(AudioManager.STREAM_MUSIC, 22050, AudioFormat.CHANNEL_CONFIGURATION_MONO, AudioFormat.ENCODING_PCM_16BIT,bufferSize, AudioTrack.MODE_STREAM);
            //audioTrack = new AudioTrack(android.media.MediaPlayer);
            audioTrack.play();
            InputStream audioStream = null;
            int headerOffset = 0x2C;
            long bytesWritten = 0;
            int bytesRead = 0;
            while (!stop)
            {
                audioStream = assetManager.open(path);
                bytesWritten = 0;
                bytesRead = 0;
                audioStream.read(buffer, 0, headerOffset);
                while (!stop &amp;amp;&amp;amp; bytesWritten &amp;lt; fileSize - headerOffset)
                {
                    bytesRead = audioStream.read(buffer, 0, bufferSize);
                    bytesWritten += audioTrack.write(buffer, 0, bytesRead);
                }
            }
            audioTrack.stop();
            audioTrack.release();
        }
        catch (IOException e)
        {
            e.printStackTrace();
        }
    }
    public synchronized void requestStop()
    {
        stop = true;
    }
}
&lt;/code&gt;&lt;/pre&gt;
&lt;p&gt;}&lt;/p&gt;</t>
  </si>
  <si>
    <t>2015-02-10 05:50:51.173000+00:00</t>
  </si>
  <si>
    <t>Getting the database ID of the current row via load event</t>
  </si>
  <si>
    <t>&lt;p&gt;i used this code for click event but how to get when the form load get the TR values&lt;/p&gt;
&lt;p&gt;my code &lt;/p&gt;
&lt;pre&gt;&lt;code&gt;var table = $('#mytable').DataTable();
    $('#mytable tbody').on('click','#btnview',function () {
        var data = table.row($(this).parents('tr')).data();
       alert(data[0]);
    });
&lt;/code&gt;&lt;/pre&gt;</t>
  </si>
  <si>
    <t>2016-12-09 06:12:44.240000+00:00</t>
  </si>
  <si>
    <t>2016-12-09 07:15:38.410000+00:00</t>
  </si>
  <si>
    <t>Highlighting Pie Chart Slice When Clicked in AChartEngine</t>
  </si>
  <si>
    <t>&lt;p&gt;I want to highlight (change color) of a pie graph specific slice when clicked by the user.
I can find in the samples (the code below) that it is possible to show the index of the slice and the exact point. but what about recoloring the slice ?&lt;/p&gt;
&lt;pre&gt;&lt;code&gt;mChartView.setOnClickListener(new View.OnClickListener() {
        @Override
        public void onClick(View v) {
          SeriesSelection seriesSelection = mChartView.getCurrentSeriesAndPoint();
          if (seriesSelection == null) {
            Toast
                .makeText(PieChartBuilder.this, "No chart element was clicked", Toast.LENGTH_SHORT)
                .show();
          } else {
            Toast.makeText(
                PieChartBuilder.this,
                "Chart element data point index " + seriesSelection.getPointIndex()
                    + " was clicked" + " point value=" + seriesSelection.getValue(),
                Toast.LENGTH_SHORT).show();
          }
        }
      });
&lt;/code&gt;&lt;/pre&gt;</t>
  </si>
  <si>
    <t>2012-06-20 12:58:32.443000+00:00</t>
  </si>
  <si>
    <t>2014-07-24 23:19:29.397000+00:00</t>
  </si>
  <si>
    <t>2012-06-20 13:10:47.993000+00:00</t>
  </si>
  <si>
    <t>Python Class Closure: Is It What It Called?</t>
  </si>
  <si>
    <t>&lt;p&gt;I know high order functions and closure that is created with function returns. In most of the cases I find it useful and use it repetitively. My question here is related to the closure that is created with class definition and referencing a class instance's function that is returned from a function call. Can this be categorized as regular closure or is it something else in the Python (or programming) literature? Here is an example:&lt;/p&gt;
&lt;pre&gt;&lt;code&gt;class Klass:
    def __init__(self, val):
        self.val = val
    def ret_val(self):
        return self.val
def gen_val_fn(val):
    inst = Klass(val)
    return inst.ret_val
fn5 = gen_val_fn(5)
fn6 = gen_val_fn(6)
print("first: {}".format(fn5()))
print("second: {}".format(fn6()))
&lt;/code&gt;&lt;/pre&gt;
&lt;p&gt;How does the internals work here? My assumption here is after &lt;code&gt;gen_val_fn(5)&lt;/code&gt; call, the first instance of Klass is created and it is not garbage collected until the &lt;code&gt;fn5&lt;/code&gt; is garbage collected. So it is able to be able to create &lt;code&gt;val=5&lt;/code&gt; as closure (I am not sure this can be the right terminology). Is there any document or internal knowledge that you can point out on this? Or explain it if this explanation has flaws.&lt;/p&gt;
&lt;p&gt;Thanks!&lt;/p&gt;</t>
  </si>
  <si>
    <t>2018-05-03 20:06:29.140000+00:00</t>
  </si>
  <si>
    <t>2018-05-03 20:15:10.513000+00:00</t>
  </si>
  <si>
    <t>python|python-3.x|function|class|closures</t>
  </si>
  <si>
    <t>EXC_BAD_ACCESS for MR_importFromObject with swift</t>
  </si>
  <si>
    <t>&lt;p&gt;I'm new in swift, and i'm having a problem when i try to import data with magical record, with objective C it's works like a charme :&lt;/p&gt;
&lt;pre&gt;&lt;code&gt;let importedUser = User.MR_importFromObject(dic) as! User 
&lt;/code&gt;&lt;/pre&gt;
&lt;p&gt;I'm getting a &lt;strong&gt;EXC_BAD_ACCESS&lt;/strong&gt;, i try to enable zombie objects in vain. apparently it crashes here:&lt;/p&gt;
&lt;pre&gt;&lt;code&gt; results = [context executeFetchRequest:request error:&amp;amp;error];
&lt;/code&gt;&lt;/pre&gt;
&lt;p&gt;For me the context isn't null.&lt;/p&gt;</t>
  </si>
  <si>
    <t>2015-12-29 11:19:21.503000+00:00</t>
  </si>
  <si>
    <t>2016-01-13 10:09:39.080000+00:00</t>
  </si>
  <si>
    <t>swift|core-data|magicalrecord</t>
  </si>
  <si>
    <t>Does a before_filter in the application controller slow down the app?</t>
  </si>
  <si>
    <t>&lt;p&gt;I have a few &lt;code&gt;before_filter&lt;/code&gt; in my application controller to check 1) If the &lt;code&gt;current_user&lt;/code&gt; is banned, 2) If the &lt;code&gt;current_user&lt;/code&gt; has received a new message and 3) If the &lt;code&gt;current_user&lt;/code&gt; has any pending friend requests.&lt;/p&gt;
&lt;p&gt;This means that before every request the app will check for these things. Will this cause server issues in the future, possible a server overload?&lt;/p&gt;</t>
  </si>
  <si>
    <t>2013-05-19 06:22:31.280000+00:00</t>
  </si>
  <si>
    <t>2013-05-19 06:32:51.203000+00:00</t>
  </si>
  <si>
    <t>ruby-on-rails|ruby-on-rails-3|ruby-on-rails-3.2</t>
  </si>
  <si>
    <t>Special character in img src (@)</t>
  </si>
  <si>
    <t>&lt;p&gt;I'm populating a page with images. Each one comes from an external url (imdb). But there is a set of images that are not loading, appearing as a broken link. All url's of such images include an '@':&lt;/p&gt;
&lt;p&gt;&lt;code&gt;&amp;lt;img src="http://ia.media-imdb.com/images/M/MV5BMjQyODg5Njc4N15BMl5BanBnXkFtZTgwMzExMjE3NzE@._V1_SX300.jpg" class="sf-img" style="opacity: 1;"&amp;gt;&lt;/code&gt;&lt;/p&gt;
&lt;p&gt;Oddly enough, when testing it locally (localhost) the images load without issue. But when I upload it to my server and test it, then the images appear as missing.&lt;/p&gt;
&lt;p&gt;I'm kinda lost here. I'm not sure if the '@' is causing this or not. &lt;/p&gt;
&lt;p&gt;The rest of the images load correctly.&lt;/p&gt;</t>
  </si>
  <si>
    <t>2016-08-18 06:26:03.627000+00:00</t>
  </si>
  <si>
    <t>2016-09-07 00:16:55.173000+00:00</t>
  </si>
  <si>
    <t>2016-08-22 01:13:31.480000+00:00</t>
  </si>
  <si>
    <t>html|image|character</t>
  </si>
  <si>
    <t>How to Display Custom Post Type's Gallery (images ) in Through WP_Query</t>
  </si>
  <si>
    <t>&lt;p&gt;I am trying to load an Image Slider images from a Custom Post Type image  Gallery Feature. For example let say I have an Custom Post Type called &lt;code&gt;banner&lt;/code&gt; which I can load images to it's Gallery and I have an HTML code like this:&lt;/p&gt;
&lt;pre&gt;&lt;code&gt;&amp;lt;div class="item active"&amp;gt;
  &amp;lt;img src="assets/img/ban1r.jpg" alt=""&amp;gt;
  &amp;lt;div class="carousel-caption"&amp;gt;
    slide 1
  &amp;lt;/div&amp;gt;
&amp;lt;/div&amp;gt;
&amp;lt;div class="item active"&amp;gt;
  &amp;lt;img src="assets/img/ban2r.jpg" alt=""&amp;gt;
  &amp;lt;div class="carousel-caption"&amp;gt;
    slide 1
  &amp;lt;/div&amp;gt;
&amp;lt;/div&amp;gt;
&lt;/code&gt;&lt;/pre&gt;
&lt;p&gt;Can you please let me know how I can use the custom WP_Query to retrive the images from the custom post and load them into slider instead of above HTML?&lt;/p&gt;
&lt;p&gt;So far I have done something like this but it is not displaying any image!&lt;/p&gt;
&lt;pre&gt;&lt;code&gt;&amp;lt;?php
$args = array( 'post_type' =&amp;gt; 'banner');
$loop = new WP_Query( $args );
while ( $loop-&amp;gt;have_posts() ) : $loop-&amp;gt;the_post();
    $gallery = get_post_gallery_images($post);
foreach( $gallery as $image ) {
       echo '&amp;lt;div class="item active"&amp;gt;';
       echo '&amp;lt;img src="' . $image . '"&amp;gt;';
       echo '&amp;lt;/div&amp;gt;';
    }
endwhile;
?&amp;gt;
&lt;/code&gt;&lt;/pre&gt;</t>
  </si>
  <si>
    <t>2013-11-01 07:50:37.513000+00:00</t>
  </si>
  <si>
    <t>2013-11-01 09:04:13.610000+00:00</t>
  </si>
  <si>
    <t>2013-11-01 08:56:37.973000+00:00</t>
  </si>
  <si>
    <t>wordpress-theming|wordpress</t>
  </si>
  <si>
    <t>Permission for creating organization's site in Liferay</t>
  </si>
  <si>
    <t>&lt;p&gt;I have defined a custom role and assigned it to UserX. I want UserX to create an Organization , then create the Organization's site. I have checked all the permissions under "Users and Organizations" section while defining custom role. However I am unable to create Organization's site. &lt;/p&gt;
&lt;p&gt;When I check Create Site Box in the Organization Site section of Organization Information, I get &lt;/p&gt;
&lt;pre&gt;&lt;code&gt;    Public Pages
    This organization does not have any public pages.
    Private Pages
    This organization does not have any private pages.
&lt;/code&gt;&lt;/pre&gt;
&lt;p&gt;Where I am expecting it to give a selection box to select either Community Site, Intranet Site or any other custom site template.&lt;/p&gt;
&lt;p&gt;Which permission shall I include to my custom role , to get that selection box to select either Community Site, Intranet Site or any other custom site template ?&lt;/p&gt;</t>
  </si>
  <si>
    <t>2013-01-08 11:44:15.893000+00:00</t>
  </si>
  <si>
    <t>2013-01-21 09:34:57.283000+00:00</t>
  </si>
  <si>
    <t>liferay-6</t>
  </si>
  <si>
    <t>R Commander log window height</t>
  </si>
  <si>
    <t>&lt;p&gt;Where and how do I permanently change my option settings in R commander?
Specifically, I want to change the log window height and the output window height?&lt;/p&gt;</t>
  </si>
  <si>
    <t>2011-11-24 22:26:53.353000+00:00</t>
  </si>
  <si>
    <t>2011-11-25 20:06:37.260000+00:00</t>
  </si>
  <si>
    <t>2011-11-25 14:24:19.537000+00:00</t>
  </si>
  <si>
    <t>r|r-commander</t>
  </si>
  <si>
    <t>Is there any way to identify references added manually vs. references added by Nuget packages?</t>
  </si>
  <si>
    <t>&lt;p&gt;I have a solution containing projects with several hard references (added by right clicking on references and adding DLLs manually) and several installed nuget packages.&lt;/p&gt;
&lt;p&gt;How do I distinguish between these different DLLs? I'm having lots of trouble building projects in Azure DevOps, and I suspect this has to do with why. &lt;/p&gt;
&lt;p&gt;(If anyone would like to take this time to impart some more general dependency-fixing wisdom as well, please do.)&lt;/p&gt;</t>
  </si>
  <si>
    <t>2018-10-19 19:50:56.180000+00:00</t>
  </si>
  <si>
    <t>2018-10-19 19:59:11.437000+00:00</t>
  </si>
  <si>
    <t>c#|.net|dependencies</t>
  </si>
  <si>
    <t>preg_replace Unknown modifier</t>
  </si>
  <si>
    <t>&lt;pre&gt;&lt;code&gt;&amp;lt;?php
$str= &amp;lt;&amp;lt;&amp;lt;HTML
&amp;lt;div class="spoiler"&amp;gt;&amp;lt;span class="trigger"&amp;gt;&amp;lt;img src="/images/tree/plus.gif" /&amp;gt;&amp;lt;a href="#"&amp;gt;Filejungle&amp;lt;/a&amp;gt;&amp;lt;/span&amp;gt;
    &amp;lt;div style="display: none"&amp;gt;Content
&amp;lt;/div&amp;gt;
&amp;lt;/div&amp;gt;&amp;lt;br/&amp;gt;
&amp;lt;br/&amp;gt;
HTML;
$str = preg_replace("#&amp;lt;span class=\"trigger\"\&amp;gt;\&amp;lt;img src=\"/images/tree/plus.gif\" /&amp;gt;&amp;lt;a href=\"#\"&amp;gt;(.*)\&amp;lt;/a\&amp;gt;\&amp;lt;/span\&amp;gt;#s", "", $str);
echo $str;
?&amp;gt;
&lt;/code&gt;&lt;/pre&gt;
&lt;blockquote&gt;
  &lt;p&gt;Warning: preg_replace() [function.preg-replace]: Unknown modifier....&lt;/p&gt;
&lt;/blockquote&gt;
&lt;p&gt;How have I to correct?&lt;/p&gt;</t>
  </si>
  <si>
    <t>2011-12-29 12:06:32.183000+00:00</t>
  </si>
  <si>
    <t>2011-12-29 12:15:48.160000+00:00</t>
  </si>
  <si>
    <t>php|preg-replace</t>
  </si>
  <si>
    <t>How Handle File Size Exceeds Error in multer node.js</t>
  </si>
  <si>
    <t>&lt;p&gt;How to send a response if the file size exceeds in the multer in the file upload.The app crashes when the file uploaded the is greater than the limit. I tried to check the req.file.size with uploadFileSize , unfortunately it doesn't work.&lt;/p&gt;
&lt;pre&gt;&lt;code&gt;var uploadOptions = multer({
dest: uploadDir,
limits: {fileSize: uploadFileSize},
}).single('file');
app.post('/upload', function (req, res) {
    uploadOptions(req, res, function (err) {
            var temp = req.file.path;
            var file = uploadDir + req.file.originalname;
            var source = fs.createReadStream(temp);
            var destination = fs.createWriteStream(file);
            source.pipe(destination);
            fs.unlink(temp);
            source.on('end', function () {
                var result = {
                    'status': 'sucess',
                    'file': file
                };
                fs.chmod(file, 0777);
                res.send(result);
            });
            source.on('error', function (err) {
                var result = {
                    'status': 'Fail',
                    'error': err
                };
                res.send(result);
            });
        if (err) {
            var result = {
                'status': 'Fail',
                'error': err
            };
            return res.end(result);
        }
    }); 
});
&lt;/code&gt;&lt;/pre&gt;</t>
  </si>
  <si>
    <t>2016-06-02 14:47:44.567000+00:00</t>
  </si>
  <si>
    <t>2016-06-13 10:11:38.450000+00:00</t>
  </si>
  <si>
    <t>javascript|node.js|express|multer</t>
  </si>
  <si>
    <t>I want to postion "@formulaFiel" for alignment vertical. How can I do it in Crystal Reports 9 or 11?</t>
  </si>
  <si>
    <t>&lt;p&gt;I want to postion "@formulaFiel"  for alignment vertical.
How can I do it in Crystal Reports 9 or 11?
Thanks for you help.&lt;/p&gt;
&lt;p&gt;Example:
Text starts centered. Then, it grows as it is in the exemplary Word (top and down).
&lt;a href="https://i.stack.imgur.com/gCYaW.jpg" rel="nofollow noreferrer"&gt;enter image description here&lt;/a&gt;&lt;/p&gt;</t>
  </si>
  <si>
    <t>2018-04-08 20:37:42.540000+00:00</t>
  </si>
  <si>
    <t>2018-04-09 04:15:19.560000+00:00</t>
  </si>
  <si>
    <t>generate array from start and end string</t>
  </si>
  <si>
    <t>&lt;p&gt;I am sorry to ask simple question.&lt;/p&gt;
&lt;pre&gt;&lt;code&gt;function generateArray( $start, $end)
{
 //do task
 return $arr
} 
example 
$start= '47_000008';
$end= '47_000011'
$arr= generateArray( $start, $end);
&lt;/code&gt;&lt;/pre&gt;
&lt;p&gt;here element of array should be&lt;/p&gt;
&lt;pre&gt;&lt;code&gt;arr[0]=47_000008'
arr[1]=47_000009'
arr[2]=47_000010'
arr[3]=47_000011'
&lt;/code&gt;&lt;/pre&gt;
&lt;p&gt;i need a help to write the function&lt;/p&gt;
&lt;p&gt;here, start and end value can be between 47_000001 to 47_999999&lt;/p&gt;
&lt;p&gt;Thanks&lt;/p&gt;</t>
  </si>
  <si>
    <t>2012-09-19 10:17:39.410000+00:00</t>
  </si>
  <si>
    <t>2012-09-19 10:46:27.860000+00:00</t>
  </si>
  <si>
    <t>2012-09-19 10:26:29.483000+00:00</t>
  </si>
  <si>
    <t>How can I search for a string say "xyz" in the pixel value's of an image using c# or Vb.net</t>
  </si>
  <si>
    <t>&lt;p&gt;I have a challenge, where I need to find a particular string: example "XYZ" (this string has been encoded within the image).&lt;/p&gt;
&lt;p&gt;Every pixel consists of ARGB and I have to check every pixel's Red color - if that, contains the required string (3 character string).&lt;/p&gt;
&lt;p&gt;I have tried few things and I am able to read the values of a every pixel's red color value which returns an integer. &lt;/p&gt;
&lt;p&gt;My issue is: How can I search for the occurrence of &lt;strong&gt;that three character string&lt;/strong&gt; within every red pixel of an image?&lt;/p&gt;
&lt;p&gt;Any suggestions would be really appreciated&lt;/p&gt;
&lt;p&gt;Below is the code I am using to read the values of the pixel of an image.&lt;/p&gt;
&lt;pre&gt;&lt;code&gt;     Bitmap img = new Bitmap("F:\\pam\\Wallpapers\\red.jpg");
           // MessageBox.Show("Image height:" + img.Height + "" + "Image width:" + img.Width);
          //  MessageBox.Show("Image found at"+img);
            for (int i = 0; i &amp;lt; img.Width; i++)
{
    for (int j = 0; j &amp;lt; img.Height; j++)
    {
     //   String mark1 = 
        Color pixel = img.GetPixel(i,j);
        pixel = Color.FromArgb(pixel.R);
    //    string a = Color.fr
       int nPixelR = pixel.R;
      //  string q = img.GetPixel(0, 0);
        //pixel.R 
      //  img.GetPixel(0, 0);
       string pixelColorStringValue =
                       pixel.R.ToString("D3") + " " +
                       pixel.G.ToString("D3") + " " +
                       pixel.B.ToString("D3") + ", ";
       switch (pixelColorStringValue)
       {
           case "255 255 255":
               {
                   // white pixel
                   break;
               }
           case "000 000 000":
               {
                   // black pixel
                   break;
               }
           case "255 000 000":
               {
                   // black pixel
                   break;
               }
       }
        MessageBox.Show("pixel value" + pixel);
        if (pixel.Equals("a"))
        {
            MessageBox.Show("Keyword Found:");
            //  **Store pixel here in a array or list or whatever** 
        }
    }
} 
&lt;/code&gt;&lt;/pre&gt;</t>
  </si>
  <si>
    <t>2015-04-22 11:13:44.090000+00:00</t>
  </si>
  <si>
    <t>2015-04-27 12:00:04.263000+00:00</t>
  </si>
  <si>
    <t>2015-04-22 11:37:17.337000+00:00</t>
  </si>
  <si>
    <t>How to add markers on a map as users opens the activity, and update the realtime location of each marker as users move?</t>
  </si>
  <si>
    <t>&lt;p&gt;I have an activity in my app which has a &lt;code&gt;Map&lt;/code&gt; in it and as users opens this activity from their devices, a marker is added showing their current location and then an inner &lt;code&gt;Service&lt;/code&gt; class in which the code of updating the realtime location goes.&lt;/p&gt;
&lt;p&gt;Here's my code:&lt;/p&gt;
&lt;pre&gt;&lt;code&gt;        mDatabase.child(rID).addChildEventListener(new ChildEventListener() {
            @Override
            public void onChildAdded(DataSnapshot dataSnapshot, String s) {
                if (dataSnapshot.getValue() != null) {
                    Map&amp;lt;String, String&amp;gt; newAcceptedUser = (Map&amp;lt;String, String&amp;gt;) dataSnapshot.getValue();
                    pAccepted = newAcceptedUser.get("pName");
                    uidPAccepted = newAcceptedUser.get("pUrl");
                    String cLatS = newAcceptedUser.get("currentLat").trim();
                    currentLtAU = Double.parseDouble(cLatS);
                    String cLngS = newAcceptedUser.get("currentLng").trim();
                    currentLnAU = Double.parseDouble(cLngS);
                    Toast.makeText(getBaseContext(), pAccepted.trim() + " joined", Toast.LENGTH_LONG).show();
                    pMarker = mMap.addMarker(new MarkerOptions().position(new LatLng(currentLtAU, currentLnAU)).title(pAccepted.trim()));
                    venueMarker = mMap.addMarker(new MarkerOptions().position(new LatLng(Double.parseDouble(venueLat), Double.parseDouble(venueLng))).title("Play at " + venue.trim()).icon(BitmapDescriptorFactory.defaultMarker(BitmapDescriptorFactory.HUE_GREEN)));
                    markersList.add(pMarker);
                    markersList.add(venueMarker);
                    ////get the latLngbuilder from the marker list
                    LatLngBounds.Builder builder = new LatLngBounds.Builder();
                    for (Marker m : markersList) {
                        builder.include(m.getPosition());
                    }
                    //Bounds padding here
                    int padding = 100;
                    //Create bounds here
                    LatLngBounds bounds = builder.build();
                    //Create camera with bounds
                    final CameraUpdate cu = CameraUpdateFactory.newLatLngBounds(bounds, padding);
                    startService(new Intent(getBaseContext(), ALocationService.class));
                    //Check map is loaded
                    mMap.setOnMapLoadedCallback(new GoogleMap.OnMapLoadedCallback() {
                        @Override
                        public void onMapLoaded() {
                            mMap.animateCamera(cu);
                            mMap.getUiSettings().setZoomControlsEnabled(true);
                            mMap.getUiSettings().setMapToolbarEnabled(true);
                            mMap.setMapType(GoogleMap.MAP_TYPE_SATELLITE);
                            mMap.setMaxZoomPreference(19.0f);
                        }
                    });
                } else {
                    Snackbar snackbar = Snackbar
                            .make(coordinatorLayout, "Some error occurred. Please retry!", Snackbar.LENGTH_SHORT);
                    snackbar.show();
                }
            }
            ...
            ...
        });
&lt;/code&gt;&lt;/pre&gt;
&lt;p&gt;Here's &lt;code&gt;ALocationService.class&lt;/code&gt;:&lt;/p&gt;
&lt;pre&gt;&lt;code&gt;public static class ALocationService extends Service {
        ...
        @Override
        public void onCreate() {
            super.onCreate();
            locationRequest = LocationRequest.create() //standard GMS LocationRequest
                    .setPriority(LocationRequest.PRIORITY_HIGH_ACCURACY)
                    .setNumUpdates(1000)
                    .setInterval(1000);
            ReactiveLocationProvider locationProvider = new ReactiveLocationProvider(getBaseContext());    
            subscription = locationProvider.getUpdatedLocation(locationRequest)
                    .subscribe(new Action1&amp;lt;Location&amp;gt;() {
                        @Override
                        public void call(Location location) {
                            currentLtAU = location.getLatitude();
                            currentLnAU = location.getLongitude();
                            if(pMarker!=null)
                            {
                                pMarker.remove();
                            }
                            pMarker = mMap.addMarker(new MarkerOptions().position(new LatLng(currentLtAU, currentLnAU)).title(pAccepted.trim()));
                            markersList.add(pMarker);
        }
        ...
    }
&lt;/code&gt;&lt;/pre&gt;
&lt;p&gt;Here's &lt;code&gt;onBackPressed()&lt;/code&gt;:&lt;/p&gt;
&lt;pre&gt;&lt;code&gt;@Override
    public void onBackPressed() {
            new AlertDialog.Builder(AcceptedRequest.this)
                    .setMessage("Are you sure you want to quit?")
                    .setPositiveButton("Yes", new DialogInterface.OnClickListener() {
                        public void onClick(DialogInterface dialog, int which) {
                            Toast.makeText(getBaseContext(), pAccepted.trim() + " left", Toast.LENGTH_LONG).show();
                            markersList.remove(pMarker);
                            markersList.remove(venueMarker);
                            pMarker.remove();
                            venueMarker.remove();
                            stopService(new Intent(getBaseContext(), ALocationService.class));
                            subscription.unsubscribe();
                            finish();
                        }
                    })
                    .setNegativeButton("No", new DialogInterface.OnClickListener() {
                        public void onClick(DialogInterface dialog, int which) {
                            // do nothing
                        }
                    })
                    .show();
    }
&lt;/code&gt;&lt;/pre&gt;
&lt;p&gt;Here's how data structure looks like:&lt;/p&gt;
&lt;pre&gt;&lt;code&gt;-app
  -child
    -rID
      -uniqueId
        -key: value
        -key: value
        -key: value
      -uniqueId
        -key: value
        -key: value
        -key: value
      -uniqueId
        -key: value
        -key: value
        -key: value
&lt;/code&gt;&lt;/pre&gt;
&lt;p&gt;&lt;strong&gt;The problem&lt;/strong&gt; is that something weird is happening when different users are opening this activity from their devices. Like sometimes the &lt;code&gt;venueMarker&lt;/code&gt; is getting renamed as &lt;code&gt;pMarker&lt;/code&gt; or for one user 2-3 markers are getting added at once or users are unable to see updating realtime location of other users on the map and when pressing back button, this &lt;code&gt;Toast.makeText(getBaseContext(), pAccepted.trim() + " left", Toast.LENGTH_LONG).show();&lt;/code&gt; is showing name of other user instead of the user who has left.&lt;/p&gt;
&lt;p&gt;It's all very complicated here. &lt;strong&gt;It'd be really helpful if&lt;/strong&gt; you could suggest me some easy way of doing it or by improving my code and letting me know the issues!&lt;/p&gt;</t>
  </si>
  <si>
    <t>2017-01-18 02:31:48.687000+00:00</t>
  </si>
  <si>
    <t>2017-01-26 13:25:32.047000+00:00</t>
  </si>
  <si>
    <t>android|google-maps|firebase|google-maps-markers|google-maps-android-api-2</t>
  </si>
  <si>
    <t>Is there an equivalent function to the SQL PIVOT in Cypher or APOC?</t>
  </si>
  <si>
    <t>&lt;p&gt;I would like to ask if it is possible to PIVOT (SQL) data (suppose the same as 'transpose' in excel) data? Thank you &lt;/p&gt;</t>
  </si>
  <si>
    <t>2018-11-15 16:32:05.263000+00:00</t>
  </si>
  <si>
    <t>2018-11-15 21:13:45.827000+00:00</t>
  </si>
  <si>
    <t>2018-11-15 20:44:29.053000+00:00</t>
  </si>
  <si>
    <t>neo4j|cypher|neo4j-apoc</t>
  </si>
  <si>
    <t>Control number of records processed by a mapper</t>
  </si>
  <si>
    <t>&lt;p&gt;I want to control the number of records processed by each mapper.&lt;/p&gt;
&lt;p&gt;In my cluster some data nodes have more number of records. So the mappers created at that nodes process more no. of records. So these mappers running for long duration.&lt;/p&gt;
&lt;p&gt;Mapper processing time does not depend on my record size. Number of records decide the time. So is there any way to control the number of records  processed by each mapper?&lt;/p&gt;</t>
  </si>
  <si>
    <t>2014-05-02 10:10:17.483000+00:00</t>
  </si>
  <si>
    <t>2014-05-02 12:46:04.070000+00:00</t>
  </si>
  <si>
    <t>hadoop|mapreduce</t>
  </si>
  <si>
    <t>Policy inheritance and inaccessible protected members</t>
  </si>
  <si>
    <t>&lt;p&gt;It seems that a protected member from a template policy class is inaccessible, even with a class hierarchy which seems correct.&lt;/p&gt;
&lt;p&gt;For instance, with the following code snippet :&lt;/p&gt;
&lt;pre&gt;&lt;code&gt;#include &amp;lt;iostream&amp;gt;
using namespace std;
template &amp;lt;class T&amp;gt;
class A {
  protected:
    T value;
    T getValue() { return value; }
  public:
    A(T value) { this-&amp;gt;value = value; }
};
template &amp;lt;class T, template &amp;lt;class U&amp;gt; class A&amp;gt;
class B : protected A&amp;lt;T&amp;gt; {
  public:
    B() : A&amp;lt;T&amp;gt;(0) { /* Fake value */ }
    void print(A&amp;lt;T&amp;gt;&amp;amp; input) {
      cout &amp;lt;&amp;lt; input.getValue() &amp;lt;&amp;lt; endl;
    }
};
int main(int argc, char *argv[]) {
  B&amp;lt;int, A&amp;gt; b;
  A&amp;lt;int&amp;gt; a(42);
  b.print(a);
}
&lt;/code&gt;&lt;/pre&gt;
&lt;p&gt;The compiler (clang on OS X, but gcc returns the same type of error) returns the following error :&lt;/p&gt;
&lt;pre&gt;&lt;code&gt;Untitled.cpp:18:21: error: 'getValue' is a protected member of 'A&amp;lt;int&amp;gt;'
      cout &amp;lt;&amp;lt; input.getValue() &amp;lt;&amp;lt; endl;
                ^
Untitled.cpp:25:5: note: in instantiation of member function 'B&amp;lt;int, A&amp;gt;::print' requested here
  b.print(a);
    ^
Untitled.cpp:8:7: note: can only access this member on an object of type 'B&amp;lt;int, A&amp;gt;'
    T getValue() { return value; }
      ^
1 error generated.
&lt;/code&gt;&lt;/pre&gt;
&lt;p&gt;The strange thing is that the last note from the compiler is totally correct but already applied since the &lt;code&gt;b&lt;/code&gt; object is of type &lt;code&gt;'B&amp;lt;int, A&amp;gt;'&lt;/code&gt;. Is that a compiler bug or is there a problem in the code ?&lt;/p&gt;
&lt;p&gt;Thanks&lt;/p&gt;</t>
  </si>
  <si>
    <t>2013-03-29 11:15:14.780000+00:00</t>
  </si>
  <si>
    <t>2013-03-29 13:11:07.123000+00:00</t>
  </si>
  <si>
    <t>c++|inheritance|visibility|protected|policy</t>
  </si>
  <si>
    <t>fGetCsv only reading first line?</t>
  </si>
  <si>
    <t>&lt;p&gt;I'm trying to use fgetCsv but for some reason it is only reading the first line. Here is the code:&lt;/p&gt;
&lt;pre&gt;&lt;code&gt;$fieldseparator = ",";
$lineseparator = "\r";
if(!file_exists($csvFile)) {
    echo "&amp;lt;div id='error'&amp;gt;Cannot find uploaded file. Please try again&amp;lt;/div&amp;gt;";
    exit;
}
$file = fopen($csvFile,"r");
if(!$file) {
    echo "&amp;lt;div id='error'&amp;gt;Error loading CSV file&amp;lt;/div&amp;gt;";
    exit;
}
$size = filesize($csvFile);
if(!$size) {
    echo "&amp;lt;div id='warning'&amp;gt;File is empty&amp;lt;/div&amp;gt;";
    exit;
}
$query = "";
$content = fgetcsv($file,$size,$lineseparator);
fclose($file);
foreach($content as $data) {
        $values = explode($fieldseparator,$data);
        $query[$i] = "('".implode("','",$values)."')";
}
&lt;/code&gt;&lt;/pre&gt;
&lt;p&gt;This just outputs one line. Here is the CSV file:&lt;/p&gt;
&lt;pre&gt;&lt;code&gt;TSE-P01,1,WO47653897,RM,EcoQuiet,1
TSE-P02,1,WO47653898,RM,EcoQuiet,1
TSE-P03,1,WO47653899,RM,EcoQuiet,1
TSE-P04,1,WO47653900,RM,EcoQuiet,1
TSE-P05,1,WO47653901,RM,EcoQuiet,1
TSE-P06,1,WO47653902,RM,EcoQuiet,1
TSE-P07,1,WO47653903,RM,EcoQuiet,1
TSE-P08,1,WO47653904,RM,EcoQuiet,1
&lt;/code&gt;&lt;/pre&gt;
&lt;p&gt;Any ideas why this might be happening?&lt;/p&gt;</t>
  </si>
  <si>
    <t>2011-11-12 21:17:28.627000+00:00</t>
  </si>
  <si>
    <t>2014-01-29 11:58:27.670000+00:00</t>
  </si>
  <si>
    <t>php|csv|fgetcsv</t>
  </si>
  <si>
    <t>emacs evil mode moving up</t>
  </si>
  <si>
    <t>&lt;p&gt;I have a weird behaviour with evil-mode in emacs.
When I move up by 'k' or up arrow after empty line I jump by 2 lines.
Something like evil-mode after empty line ignores one line above.
With moving down there is no problem at all.
GNU Emacs 24.3.1 (Arch Linux) evil-mode from elpa.
Just starting with emacs so I have only basic .emacs and only a few extensions.&lt;/p&gt;
&lt;p&gt;Thanks a lot for help.&lt;/p&gt;</t>
  </si>
  <si>
    <t>2013-11-05 20:57:58.600000+00:00</t>
  </si>
  <si>
    <t>emacs|evil-mode</t>
  </si>
  <si>
    <t>How to use &amp;shy; and the CSS "hyphens" property together?</t>
  </si>
  <si>
    <t>&lt;p&gt;I'm using the &lt;code&gt;hyphens&lt;/code&gt; property of CSS: &lt;a href="https://developer.mozilla.org/en-US/docs/Web/CSS/hyphens" rel="nofollow"&gt;https://developer.mozilla.org/en-US/docs/Web/CSS/hyphens&lt;/a&gt; Mozillas documentation says:&lt;/p&gt;
&lt;blockquote&gt;
  &lt;p&gt;Suggested line break opportunities, as covered in Suggesting line break opportunities, should be preferred over automatically selecting break points whenever possible.&lt;/p&gt;
&lt;/blockquote&gt;
&lt;p&gt;I thought that means the browser places hyphens as needed unless there is something like a &lt;code&gt;&amp;amp;shy;&lt;/code&gt;. If that's the case the &lt;code&gt;&amp;amp;shy;&lt;/code&gt; will be prioritised.&lt;/p&gt;
&lt;p&gt;But I have this code:&lt;/p&gt;
&lt;p&gt;&lt;div class="snippet" data-lang="js" data-hide="false"&gt;_x000D_
&lt;div class="snippet-code"&gt;_x000D_
&lt;pre class="snippet-code-css lang-css prettyprint-override"&gt;&lt;code&gt;.box {_x000D_
  width: 130px;_x000D_
  border: 1px solid red;_x000D_
  margin-bottom: 5px;_x000D_
}_x000D_
.box &amp;gt; a {_x000D_
  text-transform: uppercase;_x000D_
  font-size: 12px;_x000D_
_x000D_
  -moz-hyphens: auto;_x000D_
  -webkit-hyphens: auto;_x000D_
  -ms-hyphens: auto;_x000D_
  hyphens: auto;_x000D_
}&lt;/code&gt;&lt;/pre&gt;_x000D_
&lt;pre class="snippet-code-html lang-html prettyprint-override"&gt;&lt;code&gt;&amp;lt;div class="box"&amp;gt;_x000D_
  &amp;lt;a href="" lang="en"&amp;gt;subdermat&amp;amp;shy;oglyphic&amp;lt;/a&amp;gt;_x000D_
&amp;lt;/div&amp;gt;_x000D_
&amp;lt;div class="box"&amp;gt;_x000D_
  &amp;lt;a href="" lang="en"&amp;gt;subdermatoglyphic&amp;lt;/a&amp;gt;_x000D_
&amp;lt;/div&amp;gt;&lt;/code&gt;&lt;/pre&gt;_x000D_
&lt;/div&gt;_x000D_
&lt;/div&gt;_x000D_
&lt;/p&gt;
&lt;p&gt;Now I would assume the word breaks after "subdermat". But it doesn't. It breaks after "subdermato". At least in Firefox 33. This result may be different in other browsers. I know that this is "experimental technology" but maybe I'm missing something. Is something wrong with my implementation?&lt;/p&gt;</t>
  </si>
  <si>
    <t>2014-10-22 15:35:54.570000+00:00</t>
  </si>
  <si>
    <t>2014-10-22 16:38:44.473000+00:00</t>
  </si>
  <si>
    <t>2014-10-22 15:49:13.963000+00:00</t>
  </si>
  <si>
    <t>html|css|hyphenation</t>
  </si>
  <si>
    <t>Not getting Users list info from quickblox example</t>
  </si>
  <si>
    <t>&lt;p&gt;&lt;div class="snippet" data-lang="js" data-hide="false"&gt;_x000D_
&lt;div class="snippet-code"&gt;_x000D_
&lt;pre class="snippet-code-html lang-html prettyprint-override"&gt;&lt;code&gt;final ListView opponentsList = (ListView) view.findViewById(R.id.opponentsList);_x000D_
        ArrayList&amp;lt;Integer&amp;gt; userIds = new ArrayList&amp;lt;&amp;gt;();_x000D_
        QBUsers.getUsersByIDs(userIds, new QBPagedRequestBuilder(userIds.size(), 1), new QBEntityCallbackImpl&amp;lt;ArrayList&amp;lt;QBUser&amp;gt;&amp;gt;() {_x000D_
            @Override_x000D_
            public void onSuccess(ArrayList&amp;lt;QBUser&amp;gt; results, Bundle params) {_x000D_
                super.onSuccess(results,params);_x000D_
                List&amp;lt;QBUser&amp;gt; users = new ArrayList&amp;lt;&amp;gt;(results.size());_x000D_
                for (QBUser result : results)_x000D_
                {_x000D_
                    // There mus be a more efficient, or at least better looking, way of doing this..._x000D_
                    QBUser user = new QBUser();_x000D_
                    user.setId(result.getId());_x000D_
                    user.setLogin(result.getFullName());_x000D_
                    users.add(user);_x000D_
                }_x000D_
_x000D_
                int i = searchIndexLogginedUser(users);_x000D_
                if (i &amp;gt;= 0)_x000D_
                    users.remove(i);_x000D_
_x000D_
                // Prepare users list for simple adapter._x000D_
                //_x000D_
                opponentsAdapter = new OpponentsAdapter(getActivity(), users);_x000D_
                opponentsList.setAdapter(opponentsAdapter);_x000D_
            }_x000D_
        });_x000D_
        progresDialog.dismiss();&lt;/code&gt;&lt;/pre&gt;_x000D_
&lt;/div&gt;_x000D_
&lt;/div&gt;_x000D_
&lt;/p&gt;
&lt;p&gt;Not going onSuccess method when getting users data from QBUsers.getUsersByIDs() using quickblox example in android?&lt;/p&gt;</t>
  </si>
  <si>
    <t>2016-02-04 11:19:55.037000+00:00</t>
  </si>
  <si>
    <t>2016-02-08 22:55:35.260000+00:00</t>
  </si>
  <si>
    <t>2016-02-04 11:34:35.893000+00:00</t>
  </si>
  <si>
    <t>android|quickblox-android</t>
  </si>
  <si>
    <t>Java Object to json with Gson utf8 encoding issue</t>
  </si>
  <si>
    <t>&lt;p&gt;I'm converting simple POJO with a string inside with the following code:&lt;/p&gt;
&lt;pre&gt;&lt;code&gt;Gson gson = new Gson();
String json = gson.toJson(pojo);
&lt;/code&gt;&lt;/pre&gt;
&lt;p&gt;I'm getting this json string:&lt;/p&gt;
&lt;pre&gt;&lt;code&gt;{"test": "to\u00c4\u008dno"}
&lt;/code&gt;&lt;/pre&gt;
&lt;p&gt;"to\u00c4\u008dno" should be "to\u010dno" but instead it puts two hexadecimal utf8 characters which is wrong.&lt;/p&gt;
&lt;p&gt;Something is wrong with encoding but can't figure out what.&lt;/p&gt;</t>
  </si>
  <si>
    <t>2017-11-07 10:43:10.427000+00:00</t>
  </si>
  <si>
    <t>2017-11-07 11:13:31.883000+00:00</t>
  </si>
  <si>
    <t>java|utf-8|gson</t>
  </si>
  <si>
    <t>Using LINQ to update string array</t>
  </si>
  <si>
    <t>&lt;p&gt;I'm trying to create a method to update an AssemblyInfo file with a new version string, using LINQ. I can successfully extract the string I need to update, but am not sure how to update the item in the collection. I'm new to LINQ, so any advice is appreciated!&lt;/p&gt;
&lt;pre&gt;&lt;code&gt;private void UpdateVersion(string file, string version)
    {
        string[] asmInfo = File.ReadAllLines(file);
        var line = asmInfo.Single(x =&amp;gt; x.Trim().StartsWith("[assembly: AssemblyVersion"));
        line = "[assembly: AssemblyVersion\"" + version + "\")]";
        // This doesn't work - it's writing the original file back
        File.WriteAllLines(file, asmInfo);
    }
&lt;/code&gt;&lt;/pre&gt;</t>
  </si>
  <si>
    <t>2011-06-18 05:51:04.647000+00:00</t>
  </si>
  <si>
    <t>2011-06-18 20:09:00.267000+00:00</t>
  </si>
  <si>
    <t>2011-06-18 06:53:25.607000+00:00</t>
  </si>
  <si>
    <t>c#|.net|linq|linq-to-objects</t>
  </si>
  <si>
    <t>Visual Studios 2013 indenting code</t>
  </si>
  <si>
    <t>&lt;p&gt;It's not necessary I fix this 'issue' since it's a more aesthetic thing. I was just wondering if it's possible to indent code that comes under the "public:" deceleration after indenting the deceleration itself.&lt;/p&gt;
&lt;p&gt;So it would look like this:&lt;/p&gt;
&lt;pre&gt;&lt;code&gt;class Myclass{
    public:
        void test(){
        }
}
&lt;/code&gt;&lt;/pre&gt;
&lt;p&gt;At the moment the void part would be directly underneath the public modifier. I have looked through the formatting setting and yet cannot find how to do this.&lt;/p&gt;</t>
  </si>
  <si>
    <t>2014-07-24 11:51:54.413000+00:00</t>
  </si>
  <si>
    <t>2014-07-25 14:30:26.530000+00:00</t>
  </si>
  <si>
    <t>c++|visual-studio|formatting|indentation|visual-studio-sdk</t>
  </si>
  <si>
    <t>Swift SpriteKit - Appodeal.showAd GameViewController method access from GameScene not working</t>
  </si>
  <si>
    <t>&lt;p&gt;Im trying to get the Appodeal sdk to work on my game. &lt;/p&gt;
&lt;pre&gt;&lt;code&gt;    func showInterstitial(){
   let inter = AppodealShowStyle.Interstitial
     Appodeal.showAd(inter, rootViewController: self)
 }
&lt;/code&gt;&lt;/pre&gt;
&lt;p&gt;Is the method in my GameViewController I'm trying to call from GameScene. There are no problems when I call it from the GameViewController itself. &lt;/p&gt;
&lt;p&gt;I get a really long message in my console:&lt;/p&gt;
&lt;p&gt;2016-06-05 15:54:29.257 3[95692:2076512]  Presenting the interstitial threw exception: Attemped to add a SKNode which already has a parent:  name:'(null)' text:'1' fontName:'Futura' position:{384, 974} with trace: (
    0   CoreFoundation                      0x04fc5494 &lt;strong&gt;exceptionPreprocess + 180
    1   libobjc.A.dylib                     0x0731fe02 objc_exception_throw + 50
    2   CoreFoundation                      0x04fc53bd +[NSException raise:format:] + 141
    3   SpriteKit                           0x07176953 -[SKNode insertChild:atIndex:] + 182
    4   SpriteKit                           0x0717687b -[SKNode addChild:] + 84
    5   3                                   0x00034a38 _TFC1_9GameScene13didMoveToViewfCSo6SKViewT_ + 7240
    6   3                                   0x00034c5d _TToFC1_9GameScene13didMoveToViewfCSo6SKViewT_ + 61
    7   SpriteKit                           0x071442c1 -[SKScene _didMoveToView:] + 217
    8   SpriteKit                           0x0716433d -[SKView presentScene:] + 592
    9   3                                   0x00031dd8 _TFC1_18GameViewController11viewDidLoadfT_T_ + 824
    10  3                                   0x00031eb2 _TToFC1_18GameViewController11viewDidLoadfT_T_ + 34
    11  UIKit                               0x0268cb72 -[UIViewController _sendViewDidLoadWithAppearanceProxyObjectTaggingEnabled] + 44
    12  UIKit                               0x02691692 -[UIViewController loadViewIfRequired] + 1384
    13  UIKit                               0x02691ab1 -[UIViewController view] + 35
    14  UIKit                               0x026a5c7c -[UIViewController _presentViewController:withAnimationController:completion:] + 3881
    15  UIKit                               0x026a940f __62-[UIViewController presentViewController:animated:completion:]_block_invoke + 397
    16  UIKit                               0x026a9754 -[UIViewController _performCoordinatedPresentOrDismiss:animated:] + 493
    17  UIKit                               0x026a923b -[UIViewController presentViewController:animated:completion:] + 182
    18  3                                   0x006afc39 GADCategories_GADSlot_Mediation + 16778
    19  3                                   0x0067c5a9 GADCategories_NSString_GADPathValidation + 31687
    20  3                                   0x006fc09f GADAbsoluteTimeMilliseconds + 3657
    21  3                                   0x0069d1c5 GADCategories_DFPBannerView_CustomRenderedAd + 17414
    22  3                                   0x00111885 -[AppodealAdMobInterstitialAdapter presentFromRootViewController:] + 81
    23  3                                   0x0007f6fa -[AppodealModalAdMediator presentModalAdapterFromViewController:] + 250
    24  3                                   0x0007fcc3 -[AppodealModalAdMediator presentFromRootViewController:] + 368
    25  3                                   0x0007a842 -[AppodealInterstitialAdManager presentWithRootViewController:] + 386
    26  3                                   0x000a0564 -[AppodealSdk presentInterstitialFromRootViewController:] + 94
    27  3                                   0x00062b6d +[Appodeal showAd:rootViewController:] + 133
    28  3                                   0x00031943 _TFC1_18GameViewController16showInterstitialfT_T_ + 131
    29  3                                   0x00037a2a _TFC1_9GameScene12touchesBeganfTGVs3SetCSo7UITouch_9withEventGSqCSo7UIEvent__T_ + 5994
    30  3                                   0x00038040 _TToFC1_9GameScene12touchesBeganfTGVs3SetCSo7UITouch_9withEventGSqCSo7UIEvent__T_ + 128
    31  SpriteKit                           0x07162866 -[SKView touchesBegan:withEvent:] + 1093
    32  UIKit                               0x025432af -[UIWindow _sendTouchesForEvent:] + 456
    33  UIKit                               0x025445cc -[UIWindow sendEvent:] + 1159
    34  UIKit                               0x024e5be8 -[UIApplication sendEvent:] + 266
    35  UIKit                               0x024ba769 _UIApplicationHandleEventQueue + 7795
    36  CoreFoundation                      0x04ed7e5f __CFRUNLOOP_IS_CALLING_OUT_TO_A_SOURCE0_PERFORM_FUNCTION&lt;/strong&gt; + 15
    37  CoreFoundation                      0x04ecdaeb __CFRunLoopDoSources0 + 523
    38  CoreFoundation                      0x04eccf08 __CFRunLoopRun + 1032
    39  CoreFoundation                      0x04ecc846 CFRunLoopRunSpecific + 470
    40  CoreFoundation                      0x04ecc65b CFRunLoopRunInMode + 123
    41  GraphicsServices                    0x08708664 GSEventRunModal + 192
    42  GraphicsServices                    0x087084a1 GSEventRun + 104
    43  UIKit                               0x024c0eb9 UIApplicationMain + 160
    44  3                                   0x0002b811 main + 145
    45  libdyld.dylib                       0x0815aa25 start + 1
)
2016-06-05 19:54:29 +0000 [Appodeal 0.10.6][error][AppodealAdQueue] Error while refreshing ad queue: Error Domain=com.appodeal Code=708610 "Got error message from server: " UserInfo={NSLocalizedDescription=Got error message from server: }
2016-06-05 19:54:40 +0000 [Appodeal 0.10.6][error][AppodealAdQueue] Error while refreshing ad queue: Error Domain=com.appodeal Code=708610 "Got error message from server: " UserInfo={NSLocalizedDescription=Got error message from server: }
2016-06-05 19:55:02 +0000 [Appodeal 0.10.6][error][AppodealAdQueue] Error while refreshing ad queue: Error Domain=com.appodeal Code=708610 "Got error message from server: " UserInfo={NSLocalizedDescription=Got error message from server: }
gameover
speed1.1
speed1.0
2016-06-05 19:55:42 +0000 [Appodeal 0.10.6][error][AppodealAdQueue] Error while refreshing ad queue: Error Domain=com.appodeal Code=708610 "Got error message from server: " UserInfo={NSLocalizedDescription=Got error message from server: }
2016-06-05 19:57:03 +0000 [Appodeal 0.10.6][error][AppodealAdQueue] Error while refreshing ad queue: Error Domain=com.appodeal Code=708610 "Got error message from server: " UserInfo={NSLocalizedDescription=Got error message from server: }&lt;/p&gt;</t>
  </si>
  <si>
    <t>2016-06-05 19:59:06.577000+00:00</t>
  </si>
  <si>
    <t>swift|class|methods|sprite-kit|adsense</t>
  </si>
  <si>
    <t>Script working on localhost but not on host server.</t>
  </si>
  <si>
    <t>&lt;p&gt;I have this script. It works all right in localhost but I have problems on host server.&lt;/p&gt;
&lt;pre&gt;&lt;code&gt;$query="SELECT t1.*, t2.*, t3.*,t4.*,t5.*,t7.asciiname as asciiname_t7, t8.asciiname as asciiname_t8,t9.*
         FROM anunturi t1 
         INNER JOIN tranzactie t2 ON t1.tranzactie = t2.id_tranzactie
         INNER JOIN tip_proprietate t3 ON t1.tip = t3.id_prop
         INNER JOIN anunt_descriere t4 ON t1.id_anunt = t4.ext
         INNER JOIN anunt_locatie t5 ON t1.id_anunt = t5.ext
         INNER JOIN zone t9 ON t5.zona = t9.id_zona
         INNER JOIN locatii t7 ON t5.judet = t7.admin1_code AND t7.feature_code='ADM1'
         INNER JOIN locatii t8 ON t5.oras = t8.geonameid
         WHERE t1.status=:arh ORDER BY t1.data DESC"; 
        $stmt = $this-&amp;gt;dbh-&amp;gt;prepare($query);
        $stmt-&amp;gt;bindParam(':arh', $arh, PDO::PARAM_INT);
        $stmt-&amp;gt;execute();
        $nr=$stmt-&amp;gt;rowCount();
        //echo $nr;
if($nr&amp;gt;0)
  {
        foreach ($stmt-&amp;gt;fetchAll(PDO::FETCH_ASSOC) as $result) 
        {
            if($result['tip']=='1')
            {
            $camere=" - ".$result['camere'];
            }
            else
            {
            $camere="";
            }
            if($result['special']=='0' &amp;amp;&amp;amp; $_SESSION['privilegiu']=='2')      {
            $special="&amp;lt;a href='#' id='".$result['id_anunt']."'    onclick='special(this);'&amp;gt;special&amp;lt;/a&amp;gt;";    
            $rest="&amp;lt;a href='#' id='".$result['id_anunt']."'   onclick='mod(this);'&amp;gt;Edit&amp;lt;/a&amp;gt; &amp;lt;a href='#' id='".$result['id_anunt']."'  onclick='arhivare(this);'&amp;gt;Arhivare&amp;lt;/a&amp;gt; "; 
            }
            else
            {
                if($_SESSION['privilegiu']=='2') {
                $special="&amp;lt;a href='#' id='".$result['id_anunt']."'   onclick='nespecial(this);'&amp;gt;normal&amp;lt;/a&amp;gt;";
                $rest="&amp;lt;a href='#' id='".$result['id_anunt']."'   onclick='mod(this);'&amp;gt;Edit&amp;lt;/a&amp;gt; &amp;lt;a href='#' id='".$result['id_anunt']."'   onclick='arhivare(this);'&amp;gt;Arhivare&amp;lt;/a&amp;gt; ";
                }
                else
                {
                    $special="";
                    $rest="";
                }
            }
            $view[]="
            &amp;lt;tr&amp;gt;
            &amp;lt;td&amp;gt;".$result['id_anunt']."&amp;lt;/td&amp;gt;
            &amp;lt;td&amp;gt;".$result['den_tranzactie']."&amp;lt;/td&amp;gt;
            &amp;lt;td&amp;gt;".$result['den_prop'].$camere."&amp;lt;/td&amp;gt;
            &amp;lt;td&amp;gt;".$result['asciiname_t7']." ".$result['asciiname_t8']." ".$result['den_zona']."&amp;lt;/td&amp;gt;
            &amp;lt;td&amp;gt;&amp;lt;input type='hidden' name='tip' id='i".$result['id_anunt']."' value='".$result['tip']."'&amp;gt;&amp;lt;input type='hidden' name='tranz' id='e".$result['id_anunt']."' value='".$result['tranzactie']."'&amp;gt;&amp;lt;a href='#' id='".$result['id_anunt']."' class='view' value='".$result['id_anunt']."'   onclick='view(this);'&amp;gt;View&amp;lt;/a&amp;gt; ".$rest.$special."&amp;lt;/td&amp;gt;
            &amp;lt;/tr&amp;gt;";
        }
   }
   else
    {   
$view[]="Nu exista oferte";
     }
    return $view;
}
&lt;/code&gt;&lt;/pre&gt;
&lt;p&gt;I tested this script most on my localhost server and now I cannot use it.
I need it urgently.
Thanks in advance!&lt;/p&gt;</t>
  </si>
  <si>
    <t>2013-10-15 09:56:56.040000+00:00</t>
  </si>
  <si>
    <t>2013-10-15 10:17:15.783000+00:00</t>
  </si>
  <si>
    <t>MSBuild exec task never completes when executing git submodule</t>
  </si>
  <si>
    <t>&lt;p&gt;Within a git repository, I would like to add a sub module via MSBuild. I assumed something like the following would allow me to do so.&lt;/p&gt;
&lt;pre&gt;&lt;code&gt;&amp;lt;Exec Command='git submodule add -f git@clone-url.git "sub/module/folder"' /&amp;gt;
&lt;/code&gt;&lt;/pre&gt;
&lt;p&gt;Unfortunately, the execute command never completes. The following message appears and stays until I terminate the script.&lt;/p&gt;
&lt;pre&gt;&lt;code&gt;Cloning into 'sub/module/folder'...
&lt;/code&gt;&lt;/pre&gt;
&lt;p&gt;My guess is that git is asking for my username and password. For some reason, the output is never passed to the main command window so that I can enter my username and password for the repository.&lt;/p&gt;
&lt;p&gt;Is there anyway to see why it is pausing or allow the execute command to output to the main window?&lt;/p&gt;</t>
  </si>
  <si>
    <t>2014-08-11 13:15:28.707000+00:00</t>
  </si>
  <si>
    <t>2014-08-11 14:04:45.460000+00:00</t>
  </si>
  <si>
    <t>git|msbuild|git-submodules</t>
  </si>
  <si>
    <t>Debugging Web Service with SOAP Packet</t>
  </si>
  <si>
    <t>&lt;p&gt;I have a web service that I created in C# and a test harness that was provided by my client. Unfortunately my web service doesn't seem to be parsing the objects created by the test harness. I believe the problem lies with serializing the soap packet. &lt;/p&gt;
&lt;p&gt;Using TCPTrace I was able to get the soap packet passed to the web service but only on a remote machine so I can't debug it there. Is there a way of calling my local webservice with the soap packet generated rather than my current test harness where I manually create objects and call the web service through a web reference?&lt;/p&gt;
&lt;p&gt;[edit] The machine that I got the soap packet was on a vm so I can't link it to my machine. I suppose I'm looking for a tool that I can paste the soap packet into and it will in turn call my web service&lt;/p&gt;</t>
  </si>
  <si>
    <t>2008-08-26 17:14:55.467000+00:00</t>
  </si>
  <si>
    <t>2015-11-20 11:37:58.943000+00:00</t>
  </si>
  <si>
    <t>Kievia</t>
  </si>
  <si>
    <t>c#|web-services|soap|tcptrace-pocketsoap</t>
  </si>
  <si>
    <t>Getting context of parent in Foreign Key - Django</t>
  </si>
  <si>
    <t>&lt;p&gt;This is supposed to be really simple and it is in the documents. I am trying to get the context of a ListView. For example:&lt;/p&gt;
&lt;p&gt;"We can also add the publisher into the context at the same time, so we can use it in the template &lt;a href="http://docs.djangoproject.com/en/1.3/topics/class-based-views/#dynamic-filtering/" rel="nofollow"&gt;http://docs.djangoproject.com/en/1.3/topics/class-based-views/#dynamic-filtering/&lt;/a&gt;:&lt;/p&gt;
&lt;pre&gt;&lt;code&gt;class IssuesByTitleView(ListView):
    context_object_name = "issue_list"
    def get_queryset(self):
        self.title = get_object_or_404(Title, slug=self.kwargs['title_slug'])
        return Issue.objects.filter(title=self.title).order_by('-number')
&lt;/code&gt;&lt;/pre&gt;
&lt;p&gt;My models.py look something like this: &lt;/p&gt;
&lt;pre&gt;&lt;code&gt;class Title(models.Model):
    CATEGORY_CHOICES = (
    ('Ongoing', 'Ongoing'),    
    ('Ongoing - Canceled', 'Ongoing - Canceled'),
    ('Limited Series', 'Limited Series'),
    ('One-shot', 'One-shot'),
    ('Other', 'Other'),
    )    
    title = models.CharField(max_length=64)
    vol = models.IntegerField(blank=True, null=True, max_length=3)
    year = models.CharField(blank=True, null=True, max_length=20, help_text="Ex) 1980 - present, 1980 - 1989.")
    category = models.CharField(max_length=30, choices=CATEGORY_CHOICES)    
    is_current = models.BooleanField(help_text="Check if the title is being published where Emma makes regular appearances.")
    slug = models.SlugField()
    class Meta:
        ordering = ['title']
    def get_absolute_url(self):
        return "/titles/%s" % self.slug        
    def __unicode__(self):
        return self.title
    class Issue(models.Model):
        CATEGORY_CHOICES = (
        ('Major', 'Major'),    
        ('Minor', 'Minor'),
        ('Cameo', 'Cameo'),
        ('Other', 'Other'),
        )
        title = models.ForeignKey(Title)
        number = models.IntegerField(help_text="Do not include the '#'.")
        .........
&lt;/code&gt;&lt;/pre&gt;
&lt;p&gt;Views.py:&lt;/p&gt;
&lt;pre&gt;&lt;code&gt;class IssuesByTitleView(ListView):
    context_object_name = "issue_list"
    def get_queryset(self):
        self.title = get_object_or_404(Title, slug=self.kwargs['title_slug'])
        return Issue.objects.filter(title=self.title).order_by('-number')
    def get_context_data(self):
        context = super(IssuesByTitleView, self).get_context_data()
        context['title'] = self.title
        return context
&lt;/code&gt;&lt;/pre&gt;
&lt;p&gt;In my list of issues within the Title, I need to return the Title and all the other properties of the Title. That up there does not work and it returns an error:&lt;/p&gt;
&lt;blockquote&gt;
  &lt;p&gt;get_context_data() got an unexpected keyword argument 'object_list'&lt;/p&gt;
&lt;/blockquote&gt;</t>
  </si>
  <si>
    <t>2011-05-09 08:06:12.293000+00:00</t>
  </si>
  <si>
    <t>2013-01-29 13:12:54.103000+00:00</t>
  </si>
  <si>
    <t>django|django-views</t>
  </si>
  <si>
    <t>Class implementing interfaces with conflicting method signatures</t>
  </si>
  <si>
    <t>&lt;p&gt;Let's say we have two interfaces with conflicting method signatures:&lt;/p&gt;
&lt;pre&gt;&lt;code&gt;interface IA
{
    void F();
}
interface IB
{
    int F();
}
&lt;/code&gt;&lt;/pre&gt;
&lt;p&gt;and now we create a class like this:&lt;/p&gt;
&lt;pre&gt;&lt;code&gt;class Test : IA, IB
{
    public void F() { ... }
    int IB.F() { ... }
}
&lt;/code&gt;&lt;/pre&gt;
&lt;p&gt;The method named as &lt;code&gt;IB.F&lt;/code&gt; looks like a &lt;code&gt;private&lt;/code&gt; method, however you can do something like this:&lt;/p&gt;
&lt;pre&gt;&lt;code&gt;var t = new Test();
t.F();       //Calls public method F
((IB)t).F(); //Calls private method IB.F!!!
&lt;/code&gt;&lt;/pre&gt;
&lt;p&gt;&lt;strong&gt;So my question is:&lt;/strong&gt; how does the C# compiler know that &lt;code&gt;IB.F&lt;/code&gt; can be called outside the class scope? &lt;/p&gt;
&lt;p&gt;I guess it's that &lt;code&gt;IB.&lt;/code&gt; prefix, but looked into the &lt;code&gt;IL&lt;/code&gt; code and it just appears as a &lt;code&gt;private&lt;/code&gt; method with that odd signature.&lt;/p&gt;</t>
  </si>
  <si>
    <t>2013-05-31 18:41:25.533000+00:00</t>
  </si>
  <si>
    <t>2013-05-31 19:14:51.920000+00:00</t>
  </si>
  <si>
    <t>c#|interface|clr</t>
  </si>
  <si>
    <t>Metro UsernameToken Policy</t>
  </si>
  <si>
    <t>&lt;p&gt;I created a web services client prototype using api's available in weblogic 10.3. I've been told I need to use Metro 2.0 instead (it's already being used for other projects). The problem I have encounter is that the WSDL does not include any Security Policy information but a UsernameToken is required for each method call. In weblogic I was able to write my own policy xml file and instantiate my service with it (see below), however I can not seem to figure out how to do the same using Metro.&lt;/p&gt;
&lt;p&gt;Policy.xml&lt;/p&gt;
&lt;pre&gt;&lt;code&gt; &amp;lt;?xml version="1.0"?&amp;gt;  
     &amp;lt;wsp:Policy  
       xmlns:wsp="http://schemas.xmlsoap.org/ws/2004/09/policy"  
       xmlns:sp="http://docs.oasis-open.org/ws-sx/ws-securitypolicy/200512"&amp;gt;  
       &amp;lt;sp:SupportingTokens&amp;gt;  
         &amp;lt;wsp:Policy&amp;gt;  
           &amp;lt;sp:UsernameToken  
             sp:IncludeToken="http://docs.oasis-open.org/ws-sx/ws-securitypolicy/200512/IncludeToken/AlwaysToRecipient"&amp;gt;  
             &amp;lt;wsp:Policy&amp;gt;  
               &amp;lt;sp:WssUsernameToken10/&amp;gt;
               &amp;lt;sp:HashPassword/&amp;gt;
             &amp;lt;/wsp:Policy&amp;gt;  
           &amp;lt;/sp:UsernameToken&amp;gt;  
         &amp;lt;/wsp:Policy&amp;gt;  
       &amp;lt;/sp:SupportingTokens&amp;gt;  
     &amp;lt;/wsp:Policy&amp;gt;
&lt;/code&gt;&lt;/pre&gt;
&lt;p&gt;Client.java (Weblogic)&lt;/p&gt;
&lt;pre&gt;&lt;code&gt;      ClientPolicyFeature cpf = new ClientPolicyFeature();
      InputStream asStream =  WebServiceSoapClient.class.getResourceAsStream("Policy.xml");  
      cpf.setEffectivePolicy(new InputStreamPolicySource(asStream)); 
      try
      {
         webService = new WebService(new URL("http://192.168.1.10/WebService/WebService.asmx?wsdl"), new QName("http://testme.com", "WebService"));
      }
      catch ( MalformedURLException e )
      {
         e.printStackTrace();
      }
      WebServiceSoap client = webService.getWebServiceSoap(new WebServiceFeature[] {cpf});    
      List&amp;lt;CredentialProvider&amp;gt; credProviders = new ArrayList&amp;lt;CredentialProvider&amp;gt;();    
      String username = "user";
      String password = "pass";
      CredentialProvider cp = new ClientUNTCredentialProvider(username.getBytes(), password.getBytes());     
      credProviders.add(cp);
      Map&amp;lt;String, Object&amp;gt; rc = ((BindingProvider) client).getRequestContext();  
      rc.put(WSSecurityContext.CREDENTIAL_PROVIDER_LIST, credProviders);
... 
&lt;/code&gt;&lt;/pre&gt;
&lt;p&gt;I am able to generate my Proxy classes using Metro however I can not figure out how to configure it to send the UsernameToken. I have attempted several different examples from the web which have not worked. Any help would be appreciated.&lt;/p&gt;</t>
  </si>
  <si>
    <t>2010-01-13 02:40:38.410000+00:00</t>
  </si>
  <si>
    <t>2010-04-01 00:00:03.997000+00:00</t>
  </si>
  <si>
    <t>java|web-services|client|weblogic|java-metro-framework</t>
  </si>
  <si>
    <t>How can I see the point when a condition stops being met in gdb?</t>
  </si>
  <si>
    <t>&lt;p&gt;A variable value changes to something unreasonable, but there is too many subroutines to manually find where the change happens. How can I use gdb to find the point when a condition (eg. "x&amp;lt;1") is no longer true?&lt;/p&gt;</t>
  </si>
  <si>
    <t>2014-01-23 05:01:17.910000+00:00</t>
  </si>
  <si>
    <t>2014-01-23 05:03:42.010000+00:00</t>
  </si>
  <si>
    <t>user649198</t>
  </si>
  <si>
    <t>debugging|gdb</t>
  </si>
  <si>
    <t>how to connect to imap through socks ? Go</t>
  </si>
  <si>
    <t>&lt;p&gt;I'm trying to connect to an IMAP server through a &lt;a href="https://godoc.org/code.google.com/p/go.net/proxy#SOCKS5" rel="nofollow"&gt;socks5&lt;/a&gt;. To do so I've exported some functions from the &lt;a href="https://godoc.org/code.google.com/p/go-imap/go1/imap#DialTLS" rel="nofollow"&gt;Imap&lt;/a&gt; package but I got stuck at the socks5 dialer setup(1st step:) .
  I think the reason is that I'm passing  &lt;code&gt;nil&lt;/code&gt; as &lt;code&gt;forward&lt;/code&gt; (of type &lt;code&gt;Dial&lt;/code&gt;) argument . What is the &lt;code&gt;forward&lt;/code&gt; argument supposed to be ? It is not documented (in godoc)&lt;/p&gt;
&lt;pre&gt;&lt;code&gt;func dialSocks(socks string) (Dial proxy.Dialer, err error) {
    Dial, err = proxy.SOCKS5("tcp", socks, nil, nil)
    return
}
func dialTLS(addr string, config *tls.Config) (c *imap.Client, err error) {
    addr = defaultPort(addr, "993")
    d, err := dialSocks("101.120.113.185:1328")
    if err != nil {
        log.Error(err)
        return
    }
    conn, err := d.Dial("tcp", addr)
    if err == nil {
        host, _, _ := net.SplitHostPort(addr)
        tlsConn := tls.Client(conn, setServerName(config, host))
        if c, err = imap.NewClient(tlsConn, host, 60*time.Second); err != nil {
            conn.Close()
        }
    }
    return
}
func defaultPort(addr, port string) string {
    _, _, err := net.SplitHostPort(addr)
    if err != nil {
        addr = net.JoinHostPort(addr, port)
    }
    return addr
}
&lt;/code&gt;&lt;/pre&gt;</t>
  </si>
  <si>
    <t>2014-08-06 03:24:46.653000+00:00</t>
  </si>
  <si>
    <t>2014-08-06 18:53:51.390000+00:00</t>
  </si>
  <si>
    <t>2014-08-06 15:01:18.523000+00:00</t>
  </si>
  <si>
    <t>go|socks</t>
  </si>
  <si>
    <t>Show only a limited number of rows in a table</t>
  </si>
  <si>
    <t>&lt;p&gt;I am trying to limit the number of rows displayed in a &lt;code&gt;&amp;lt;table&amp;gt;&lt;/code&gt;. I need to show only 2 rows out of whatever number of records fetched. There's a small button at the end of the table, on click of which the rest of the records will get revealed.&lt;/p&gt;
&lt;p&gt;Here's a sample screenshot of how the table will look like.
&lt;img src="https://i.stack.imgur.com/ZZEMQ.jpg" alt="enter image description here"&gt;&lt;/p&gt;
&lt;p&gt;I have tried searching over SO and other websites, but unable to get through. I can't use any jQuery plugin for table either.&lt;/p&gt;
&lt;p&gt;How can I achieve this using jQuery/JavaScript?&lt;/p&gt;</t>
  </si>
  <si>
    <t>2014-10-27 08:04:49.680000+00:00</t>
  </si>
  <si>
    <t>2018-08-15 13:02:56.697000+00:00</t>
  </si>
  <si>
    <t>2014-10-27 08:15:35.317000+00:00</t>
  </si>
  <si>
    <t>Change UITableViewStyle &amp; cells programmatically - Made in Storyboard, Mod in Code</t>
  </si>
  <si>
    <t>&lt;p&gt;A view controller class (subclass of UITableViewController) in this utility app is used to display 4 table views, 3 of which are entered via a navigation controller. In the storyboard, the style has been set to &lt;code&gt;UITableViewStyleGrouped&lt;/code&gt;.&lt;br &gt;&lt;br &gt;
The question: Is it possible to programmatically change to &lt;code&gt;Style Plain&lt;/code&gt; to use an index and free up some screen space to display the index? I have tried suggestions from other SO questions to modify this in the &lt;code&gt;init&lt;/code&gt; and in the &lt;code&gt;viewDidLoad&lt;/code&gt; without success.&lt;/p&gt;
&lt;pre&gt;&lt;code&gt;- (void)viewDidLoad
{
   [super viewDidLoad];
   self.navigationItem.title = self.title;
   if ([[self parentViewController] isKindOfClass:[UITabBarController class]]) {
      [self getNewDataForDate:nil];
      self.tableView = [[UITableView alloc] initWithFrame:CGRectZero style:UITableViewStylePlain];
   }
}
&lt;/code&gt;&lt;/pre&gt;
&lt;p&gt;Edit 1: The real issue is beyond the above code. Changing the 'style' of a storyboard produced tableview with prototype cells (that are displayed there as grouped) must require some other mods to code. Is it here?&lt;/p&gt;
&lt;pre&gt;&lt;code&gt;static NSString *CellIdentifier = @"ListCell";
DetailTableViewCell *cell = [tableView dequeueReusableCellWithIdentifier:CellIdentifier];
&lt;/code&gt;&lt;/pre&gt;
&lt;p&gt;The result is this error:&lt;/p&gt;
&lt;pre&gt;&lt;code&gt;Assertion failure in -[UITableView _createPreparedCellForGlobalRow:withIndexPath:]
&lt;/code&gt;&lt;/pre&gt;</t>
  </si>
  <si>
    <t>2012-05-22 17:01:22.963000+00:00</t>
  </si>
  <si>
    <t>2012-05-23 17:48:11.297000+00:00</t>
  </si>
  <si>
    <t>ios|uitableview</t>
  </si>
  <si>
    <t>NSArray, how get items based on a property's value</t>
  </si>
  <si>
    <t>&lt;p&gt;I have  NSMutableArray which contains a list of people , now I need to get a list of all people where gender = male, how can I do that? should I get into NSPredicates to do that?&lt;/p&gt;</t>
  </si>
  <si>
    <t>2013-07-04 04:23:01.270000+00:00</t>
  </si>
  <si>
    <t>2013-07-04 04:37:33.110000+00:00</t>
  </si>
  <si>
    <t>ios|nsarray</t>
  </si>
  <si>
    <t>Passing function variable through database</t>
  </si>
  <si>
    <t>&lt;p&gt;Is it possible to fill in a variable through database for a function?&lt;/p&gt;
&lt;p&gt;The file that follows is called from an ajax request through a function to display in a div on my index page. &lt;/p&gt;
&lt;p&gt;the file is as follows: 
&lt;pre&gt;&lt;code&gt;$query = mysqli_query($con,"SELECT tagID, views FROM tbl_favorites");
$count = mysqli_num_rows($query);
if ($count == 0){
    echo "Error to display!";
}
else{
    $arrayViews = array();
    while($results = mysqli_fetch_array($query))
    {
        $arrayViews[] = $results['views'];
    }
}
$max = max($arrayViews);
rsort($arrayViews);
for ($i=0; $i&amp;lt;$count; $i++){
    $favoriteQuery = mysqli_query($con,"SELECT tagID FROM tbl_favorites WHERE views = '".$arrayViews[$i]."'");
    while ($favorite = mysqli_fetch_array($favoriteQuery)){ 
        echo "&amp;lt;a class='favoriteKeyword' onclick='fetchResult(".$favorite['tagID'].", null);' href=&amp;gt;&amp;lt;p id='key'&amp;gt;".$favorite['tagID']."&amp;lt;/p&amp;gt;&amp;lt;/a&amp;gt;";
    }
}
//close connection after query executes
mysqli_close($con);
&lt;/code&gt;&lt;/pre&gt;
&lt;p&gt;?&gt;
This is actually being populated successfully, but when using the function in a &lt;code&gt;onClick = functionName&lt;/code&gt; (PHP value retrieve from database), it doesn't work. Why does this happen?&lt;/p&gt;</t>
  </si>
  <si>
    <t>2014-05-28 18:20:56.157000+00:00</t>
  </si>
  <si>
    <t>2014-05-29 16:57:53.337000+00:00</t>
  </si>
  <si>
    <t>ajax|database|variables</t>
  </si>
  <si>
    <t>Check number input field only have 8 digits and starts with number 2</t>
  </si>
  <si>
    <t>&lt;p&gt;I have an input field which already force a user to enter 8 digits, but i want to force him to enter the digits starts with 2 as give him an alert when enter the first number wrong, if he wrote 2 then let him enter the rest of number.
here is my code :&lt;/p&gt;
&lt;p&gt;HTML&lt;/p&gt;
&lt;pre&gt;&lt;code&gt;&amp;lt;input type="number" maxlength="8"  class="form-control myInput" name="myInput" id="myInput" placeholder="myInput" pattern="\d{8}" required&amp;gt;
&amp;lt;/div&amp;gt;
&lt;/code&gt;&lt;/pre&gt;
&lt;p&gt;JQuery&lt;/p&gt;
&lt;pre&gt;&lt;code&gt;$(".myInput").unbind('keyup change input paste').bind('keyup change input paste',function(e){
    var $this = $(this) ,val = $this.val(),valLength = val.length, maxCount = $this.attr('maxlength');
    if(valLength&amp;gt;maxCount){
        $this.val($this.val().substring(0,maxCount));
    }
});
&lt;/code&gt;&lt;/pre&gt;
&lt;p&gt;Please help.&lt;/p&gt;</t>
  </si>
  <si>
    <t>2017-03-29 15:14:04.170000+00:00</t>
  </si>
  <si>
    <t>2017-03-29 20:13:54.360000+00:00</t>
  </si>
  <si>
    <t>get Json object in Codeigniter with Jquery</t>
  </si>
  <si>
    <t>&lt;blockquote&gt;
  &lt;p&gt;i want to get data that i called it from controller and display it when the drop down menu changed 
  this is my model:&lt;/p&gt;
&lt;/blockquote&gt;
&lt;pre&gt;&lt;code&gt;$query = $this-&amp;gt;db-&amp;gt;query('select ifnull(max(content_id),0)+1 as content_id from news_contents where news_id = '.$news_id);
    return $query-&amp;gt;result();
&lt;/code&gt;&lt;/pre&gt;
&lt;blockquote&gt;
  &lt;p&gt;this is my controller:&lt;/p&gt;
&lt;/blockquote&gt;
&lt;pre&gt;&lt;code&gt; header('Content-Type: application/x-json; charset=utf-8');
 echo(json_encode($this-&amp;gt;m_news_crud-&amp;gt;new_newscontent_id($news_id)));
&lt;/code&gt;&lt;/pre&gt;
&lt;blockquote&gt;
  &lt;p&gt;and this is my view:&lt;/p&gt;
&lt;/blockquote&gt;
&lt;pre&gt;&lt;code&gt;&amp;lt;!DOCTYPE HTML&amp;gt;
&amp;lt;html&amp;gt;
&amp;lt;head&amp;gt;
&amp;lt;meta charset="utf-8"&amp;gt;
&amp;lt;/head&amp;gt;
&amp;lt;body&amp;gt;
  &amp;lt;form&amp;gt;
   &amp;lt;select id="first"&amp;gt;
    &amp;lt;option value="201512001"&amp;gt;Option 1&amp;lt;/option&amp;gt;
    &amp;lt;option value="201512002"&amp;gt;Option 2&amp;lt;/option&amp;gt;
    &amp;lt;option value="201512003"&amp;gt;Option 3&amp;lt;/option&amp;gt;
    &amp;lt;option value="201512004"&amp;gt;Option 4&amp;lt;/option&amp;gt;
   &amp;lt;/select&amp;gt;
   &amp;lt;div id="msg"&amp;gt;&amp;lt;/div&amp;gt;
&amp;lt;/form&amp;gt;
&amp;lt;script src="//ajax.googleapis.com/ajax/libs/jquery/1.11.0/jquery.min.js"&amp;gt;&amp;lt;/script&amp;gt;
 &amp;lt;script type="text/javascript"&amp;gt;
 var b_url = "http://194.1.1.236/abuqir-arabic-master/"
 $('#first').change(function(e) {
        e.preventDefault();
        var news_id = $('#first').val();
        console.log(news_id);    
        $.ajax({
            type: 'get',
            url: (b_url + "c_news_crud/get_content_max/" + news_id),
            dataType: 'json',
            success: function(data) {
                alert(data);
            }
        });
        });
  &amp;lt;/script&amp;gt;
  &amp;lt;/body&amp;gt;
  &amp;lt;/html&amp;gt;
&lt;/code&gt;&lt;/pre&gt;
&lt;blockquote&gt;
  &lt;p&gt;Data structure is :&lt;/p&gt;
&lt;/blockquote&gt;
&lt;pre&gt;&lt;code&gt;[{"content_id":"4"}]
&lt;/code&gt;&lt;/pre&gt;
&lt;blockquote&gt;
  &lt;p&gt;it seems like it appear in browser developer tool put it doesn't appear in view &lt;/p&gt;
  &lt;p&gt;and finally sorry for my languages&lt;/p&gt;
&lt;/blockquote&gt;</t>
  </si>
  <si>
    <t>2015-12-15 09:21:44.253000+00:00</t>
  </si>
  <si>
    <t>2015-12-15 09:44:43.327000+00:00</t>
  </si>
  <si>
    <t>jquery|json|codeigniter</t>
  </si>
  <si>
    <t>AS3 / TextField on movieClip</t>
  </si>
  <si>
    <t>&lt;p&gt;I have a problem i though i could use this code, but i don't know how to give them a instance name without putting them on the stage.&lt;/p&gt;
&lt;pre&gt;&lt;code&gt;MovieClipInstanceName.addChild(TextFieldInstanceName);
&lt;/code&gt;&lt;/pre&gt;
&lt;p&gt;I do not know if there might be another way to get a TextField to a movieClip. I only work with one frame and with multiple movieClips (pages).&lt;/p&gt;</t>
  </si>
  <si>
    <t>2013-12-05 19:28:53.047000+00:00</t>
  </si>
  <si>
    <t>2013-12-06 20:26:52.547000+00:00</t>
  </si>
  <si>
    <t>actionscript-3|flash</t>
  </si>
  <si>
    <t>mysql table views with conditions</t>
  </si>
  <si>
    <t>&lt;p&gt;I have an online store, two views because my products could come from either my packages table or sessions table. The prices are joined from the price table.&lt;/p&gt;
&lt;p&gt;The two views work fine on their own, but when I combine there usage I get no results. 
I want my shipping guy to only see the items he should ship, not the digital items, namely, those with delivery format equal to 'DVD'.&lt;/p&gt;
&lt;p&gt;session view:&lt;/p&gt;
&lt;pre&gt;&lt;code&gt;select 
        `ats_store`.`order`.`payment_type` AS `payment_type`,
        `production_www`.`paypal_transactions`.`createdOn` AS `order_date`,
        `production_www`.`paypal_transactions`.`FIRSTNAME` AS `firstname`,
        `production_www`.`paypal_transactions`.`LASTNAME` AS `lastname`,
        `ats_store`.`order`.`id` AS `order_id`,
        `ats_store`.`order`.`customerid` AS `customerid`,
        `ats_store`.`order`.`shipping_address_id` AS `shipping_address_id`,
        `ats_store`.`order`.`status` AS `status`,
        `ats_store`.`order_items`.`product_id` AS `product_id`,
        `ats_store`.`shipping_address`.`country` AS `country`,
        `ats_store`.`shipping_address`.`street_1` AS `street1`,
        `ats_store`.`shipping_address`.`street_2` AS `street2`,
        `ats_store`.`shipping_address`.`street_3` AS `street3`,
        `ats_store`.`shipping_address`.`city` AS `city`,
        `ats_store`.`shipping_address`.`state_and_province` AS `state`,
        `ats_store`.`shipping_address`.`zip_code` AS `zip`,
        group_concat(`production_cache_salesforce_repl`.`ats_conference_session__c`.`Name`,
            '(',
            `price`.`Delivery_Format__c`,
            ')'
            order by `production_cache_salesforce_repl`.`ats_conference_session__c`.`sort_code__c` ASC
            separator ',') AS `session_products`
    from
        (((((`ats_store`.`order`
        left join `ats_store`.`shipping_address` ON ((`ats_store`.`shipping_address`.`id` = `ats_store`.`order`.`shipping_address_id`)))
        join `ats_store`.`order_items` ON ((`ats_store`.`order_items`.`order_id` = `ats_store`.`order`.`id`)))
        join `production_cache_salesforce_repl`.`ats_store_price__c` `price` ON ((`price`.`Id` = `ats_store`.`order_items`.`product_id`)))
        join `production_cache_salesforce_repl`.`ats_conference_session__c` ON ((`production_cache_salesforce_repl`.`ats_conference_session__c`.`Id` = convert( `price`.`ATS_Conference_Session__c` using utf8))))
        left join `production_www`.`paypal_transactions` ON ((`production_www`.`paypal_transactions`.`id` = `ats_store`.`order`.`paypal_transaction_id`)))
    where
        ((`ats_store`.`order`.`shipping_address_id` &amp;lt;&amp;gt; -(1))
            and (`production_www`.`paypal_transactions`.`COMMENT1` = 'ATS Web Store')
            and (`production_www`.`paypal_transactions`.`RESPMSG` = 'Approved')
            and (`price`.`Delivery_Format__c` = 'DVD'))
    group by `ats_store`.`order`.`id`
    order by `production_www`.`paypal_transactions`.`createdOn`
&lt;/code&gt;&lt;/pre&gt;
&lt;p&gt;package view:&lt;/p&gt;
&lt;pre&gt;&lt;code&gt;select 
        `ats_store`.`order`.`payment_type` AS `payment_type`,
        `production_www`.`paypal_transactions`.`createdOn` AS `order_date`,
        `production_www`.`paypal_transactions`.`FIRSTNAME` AS `firstname`,
        `production_www`.`paypal_transactions`.`LASTNAME` AS `lastname`,
        `ats_store`.`order`.`id` AS `order_id`,
        `ats_store`.`order`.`customerid` AS `customerid`,
        `ats_store`.`order`.`shipping_address_id` AS `shipping_address_id`,
        `ats_store`.`order`.`status` AS `status`,
        `ats_store`.`order_items`.`product_id` AS `product_id`,
        `ats_store`.`shipping_address`.`country` AS `country`,
        `ats_store`.`shipping_address`.`street_1` AS `street1`,
        `ats_store`.`shipping_address`.`street_2` AS `street2`,
        `ats_store`.`shipping_address`.`street_3` AS `street3`,
        `ats_store`.`shipping_address`.`city` AS `city`,
        `ats_store`.`shipping_address`.`state_and_province` AS `state`,
        `ats_store`.`shipping_address`.`zip_code` AS `zip`,
        `price`.`Delivery_Format__c` AS `delivery_format`,
        group_concat(`production_cache_salesforce_repl`.`ats_store_package__c`.`Package_Code__c`,
            '(',
            `price`.`Delivery_Format__c`,
            ')'
            order by `production_cache_salesforce_repl`.`ats_store_package__c`.`Package_Code__c` ASC
            separator ',') AS `package_products`
    from
        (((((`ats_store`.`order`
        left join `ats_store`.`shipping_address` ON ((`ats_store`.`shipping_address`.`id` = `ats_store`.`order`.`shipping_address_id`)))
        join `ats_store`.`order_items` ON ((`ats_store`.`order_items`.`order_id` = `ats_store`.`order`.`id`)))
        join `production_cache_salesforce_repl`.`ats_store_price__c` `price` ON ((`price`.`Id` = `ats_store`.`order_items`.`product_id`)))
        join `production_cache_salesforce_repl`.`ats_store_package__c` ON ((`production_cache_salesforce_repl`.`ats_store_package__c`.`Id` = convert( `price`.`ATS_Store_Package__c` using utf8))))
        left join `production_www`.`paypal_transactions` ON ((`production_www`.`paypal_transactions`.`id` = `ats_store`.`order`.`paypal_transaction_id`)))
    where
        ((`ats_store`.`order`.`shipping_address_id` &amp;lt;&amp;gt; -(1))
            and (`production_www`.`paypal_transactions`.`COMMENT1` = 'ATS Web Store')
            and (`production_www`.`paypal_transactions`.`RESPMSG` = 'Approved')
            and (`price`.`Delivery_Format__c` = 'DVD'))
    group by `ats_store`.`order`.`id`
    order by `production_www`.`paypal_transactions`.`createdOn`
&lt;/code&gt;&lt;/pre&gt;
&lt;p&gt;Here is the query that uses both views:&lt;/p&gt;
&lt;pre&gt;&lt;code&gt;select *,group_concat(pv.package_products,',',sv.session_products) as products from ats_store.shipping_orders_sessions_view sv,ats_store.shipping_orders_packages_view pv
where sv.order_id = pv.order_id
group by sv.order_id
&lt;/code&gt;&lt;/pre&gt;
&lt;p&gt;If I remove from the VIEWS &lt;code&gt;and (&lt;/code&gt;price&lt;code&gt;.&lt;/code&gt;Delivery_Format__c&lt;code&gt;= 'DVD')&lt;/code&gt; I can get the orders, but the digital and DVD products are shown. I only want my shipping guy to see items he should ship, the DVDs.&lt;/p&gt;</t>
  </si>
  <si>
    <t>2014-03-28 14:47:58.840000+00:00</t>
  </si>
  <si>
    <t>2014-03-28 15:51:31.457000+00:00</t>
  </si>
  <si>
    <t>mysql|database|architecture</t>
  </si>
  <si>
    <t>What's the monitorEvents() equivalent for FireFox?</t>
  </si>
  <si>
    <t>&lt;p&gt;Google Chrome has a feature where you can run &lt;code&gt;monitorEvents(document)&lt;/code&gt; and every event you fired will be logged in the console.&lt;/p&gt;
&lt;p&gt;How can I get similar functionality in FireFox?&lt;/p&gt;
&lt;p&gt;I came across this very outdated answer, but Firebug doesn't even exist anymore: &lt;a href="https://stackoverflow.com/questions/11097234/using-firefox-how-can-i-monitor-all-javascript-events-that-are-fired"&gt;Using Firefox, how can I monitor all JavaScript events that are fired?&lt;/a&gt;&lt;/p&gt;</t>
  </si>
  <si>
    <t>2018-06-03 13:33:29.343000+00:00</t>
  </si>
  <si>
    <t>2018-06-03 13:50:24.143000+00:00</t>
  </si>
  <si>
    <t>javascript|jquery|google-chrome|firefox|devtools</t>
  </si>
  <si>
    <t>How can I find a file in a directory</t>
  </si>
  <si>
    <t>&lt;p&gt;I need to write code that will search for a file in the same directory as the program itself is saved in. I am limited to some specific lines of code and I cannot use for loops. &lt;/p&gt;
&lt;p&gt;The code should ask the user for input, take that input and search it in the directory, and if not in the directory of any other error it must re-prompt the user. I am very new to programming so I don't know how to accomplish this task. Any tips or example codes are extremely helpful and appreciated greatly&lt;/p&gt;
&lt;p&gt;The code NEEDS to include:&lt;/p&gt;
&lt;pre&gt;&lt;code&gt;filename = input(msg)
&lt;/code&gt;&lt;/pre&gt;
&lt;p&gt;and&lt;/p&gt;
&lt;pre&gt;&lt;code&gt;print("That file does not exist.")
&lt;/code&gt;&lt;/pre&gt;
&lt;p&gt;and ends with&lt;/p&gt;
&lt;pre&gt;&lt;code&gt;return filename
&lt;/code&gt;&lt;/pre&gt;</t>
  </si>
  <si>
    <t>2014-11-05 17:16:18.673000+00:00</t>
  </si>
  <si>
    <t>2014-11-05 17:33:54.600000+00:00</t>
  </si>
  <si>
    <t>2014-11-05 17:20:06.173000+00:00</t>
  </si>
  <si>
    <t>python|search|directory</t>
  </si>
  <si>
    <t>The TableView problem...How to know the row number</t>
  </si>
  <si>
    <t>&lt;p&gt;&lt;code&gt;what I am doing&lt;/code&gt; &lt;/p&gt;
&lt;p&gt;I am making a project in which I am using a tableView. In that tableView I have a delete Button in every row..&lt;/p&gt;
&lt;p&gt;&lt;code&gt;what I want&lt;/code&gt;&lt;/p&gt;
&lt;p&gt;I want that When I press the button ...there is a delay of 1 second. and after that the row should be deleted..in that time of delay the delete button of the row that I pressed should be hide.&lt;/p&gt;
&lt;p&gt;&lt;code&gt;My Problem&lt;/code&gt;&lt;/p&gt;
&lt;p&gt;Well I am able to do this thing but there is a problem. When I press the delete button of any row ...only the delete button of the last row hides...&lt;/p&gt;
&lt;p&gt;&lt;code&gt;Root of the problem -According to my view&lt;/code&gt;&lt;br&gt;
Well I have assigned the delete button in cellForRowAtIndexPath ..
and I have assigned the method for it...when I press the button...The method get called..in that method I have made that delete button hidden...&lt;/p&gt;
&lt;p&gt;I mean how would it know that In which row that delete button should be hide...&lt;/p&gt;
&lt;p&gt;&lt;code&gt;My Question&lt;/code&gt;&lt;br&gt;
When I press the delete button how to know in which row that should hide..Now its hiding every time in the Last row only..&lt;/p&gt;
&lt;p&gt;Suggestion Pls...  &lt;/p&gt;</t>
  </si>
  <si>
    <t>2011-03-22 07:14:03.823000+00:00</t>
  </si>
  <si>
    <t>2011-03-22 08:35:11.140000+00:00</t>
  </si>
  <si>
    <t>iphone|ios|uitableview</t>
  </si>
  <si>
    <t>Error: Object references an unsaved transient instance</t>
  </si>
  <si>
    <t>&lt;p&gt;now I'm building a web application on asp-net using castle active record. When I was trying to save an entity with a has-many relation I got the error: "object references an unsaved transient instance - save the transient instance before flushing. Type: SupBoardModel.Entities.Output, Entity: SupBoardModel.Entities.Output#0". Searching on the web I found the causes of this error and some of its solutions but no one worked for me. The relation already have a property set to Cascade = ManyRelationCascadeEnum.All, one of a common suggestion around the web so... What is wrong here??? There is a piece of code for more information and understanding:&lt;/p&gt;
&lt;pre&gt;&lt;code&gt; //In some part of my application
 State state = new State();
 //Set some fields
 //...
 state.Outputs = (List&amp;lt;Output&amp;gt;)Session["outputs"]; //Collection filled on a web form but not saved yet
 //Here is the error
 state.SaveAndFlush(); // Booom!!!!
//Part of a definition of Output(child entity)
[Serializable, ActiveRecord(Table = "SUPB_OUTPUTS")]
public class Output : ActiveRecordBase&amp;lt;Output&amp;gt;
{
    private int _id;
    /// &amp;lt;summary&amp;gt;
    /// Primary key
    /// &amp;lt;/summary&amp;gt;
    [PrimaryKey(PrimaryKeyType.SeqHiLo, "OUTPUT_ID", SequenceName = "SEQ_OUTPUT_ID")]
    public int Id
    {
        get { return _id; }
        set { _id = value; }
    }
    private string _label;
    /// &amp;lt;summary&amp;gt;
    /// Output custom label
    /// &amp;lt;/summary&amp;gt;
    [Property("OUTPUT_LABEL")]
    public string Label
    {
        get { return _label; }
        set { _label = value; }
    }
    private State _state;
    /// &amp;lt;summary&amp;gt;
    /// StateRef owner (An output is only available for one state)
    /// &amp;lt;/summary&amp;gt;
    [BelongsTo("OUTPUT_ID_STATE", Lazy = FetchWhen.OnInvoke)]
    public State StateRef
    {
        get { return _state; }
        set { _state = value; }
    }
}
// Part of a definition of State(parent entity)
[Serializable, ActiveRecord(Table = "SUPB_STATES")]
public class State : ActiveRecordBase&amp;lt;State&amp;gt;
{
    private int _id;
    /// &amp;lt;summary&amp;gt;
    /// Primary key
    /// &amp;lt;/summary&amp;gt;
    [PrimaryKey(PrimaryKeyType.SeqHiLo, "STATE_ID", SequenceName = "SEQ_STATE_ID")]
    public int Id
    {
        get { return _id; }
        set { _id = value; }
    }
    private string _name;
    /// &amp;lt;summary&amp;gt;
    /// StateRef name
    /// &amp;lt;/summary&amp;gt;
    [Property("STATE_NAME")]
    public string Name
    {
        get { return _name; }
        set { _name = value; }
    }
    private string _description;
    /// &amp;lt;summary&amp;gt;
    /// StateRef description
    /// &amp;lt;/summary&amp;gt;
    [Property("STATE_DESC")]
    public string Description
    {
        get { return _description; }
        set { _description= value; }
    }
    private IList&amp;lt;Output&amp;gt; _outputs;
    /// &amp;lt;summary&amp;gt;
    /// State outputs (Columns to display data)
    /// &amp;lt;/summary&amp;gt;
    [HasMany(typeof(Output), Table = "SUPB_OUTPUTS", ColumnKey = "OUTPUT_ID_STATE", Lazy = true, Cascade = ManyRelationCascadeEnum.All)]
    public IList&amp;lt;Output&amp;gt; Outputs
    {
        get { return _outputs; }
        set { _outputs = value; }
    }
}
&lt;/code&gt;&lt;/pre&gt;
&lt;p&gt;This error is make me crazy. I hope that is a way to save the State without save each Output before. The cascade attribute has no change for me, all options (All, AllDeleteOrfan, SaveUpdate) give me the same result. This case is very common and is mentioned on &lt;a href="http://docs.castleproject.org/%28X%281%29S%28znghcs55lveeljjvqg21vni4%29%29/Active%20Record.Getting%20Started.ashx" rel="nofollow"&gt;http://docs.castleproject.org/%28X%281%29S%28znghcs55lveeljjvqg21vni4%29%29/Active%20Record.Getting%20Started.ashx&lt;/a&gt; but is a mystery for me. Can any body help me??&lt;/p&gt;
&lt;p&gt;Thanks
Menrique&lt;/p&gt;</t>
  </si>
  <si>
    <t>2011-08-22 21:34:27.733000+00:00</t>
  </si>
  <si>
    <t>2012-04-26 04:12:45.030000+00:00</t>
  </si>
  <si>
    <t>nhibernate|castle-activerecord|castle|persistent</t>
  </si>
  <si>
    <t>detect completely browser closed in JavaScript</t>
  </si>
  <si>
    <t>&lt;p&gt;I am working on a project using polymer 3  where I want to destroy/clear a cookie and log out the user from the website. Destroying or clearing cookie is not an issue but I am just not able to detect when the browser closes.&lt;/p&gt;
&lt;p&gt;So far I have tried: &lt;/p&gt;
&lt;pre&gt;&lt;code&gt;    window.onbeforeunload
&lt;/code&gt;&lt;/pre&gt;
&lt;p&gt;from the JavaScript end and for php have tried this:&lt;/p&gt;
&lt;pre&gt;&lt;code&gt;    session_set_cookie_params(0);
&lt;/code&gt;&lt;/pre&gt;
&lt;p&gt;but none are working. Any help would be really appreciable.
I can use &lt;code&gt;setInterval()&lt;/code&gt; or &lt;code&gt;setTimeout()&lt;/code&gt; function but it's not fulfilling my requirement. &lt;/p&gt;
&lt;p&gt;Plz don't suggest any jQuery suggestion.&lt;/p&gt;</t>
  </si>
  <si>
    <t>2018-11-19 06:52:09.253000+00:00</t>
  </si>
  <si>
    <t>2018-11-21 10:27:33.397000+00:00</t>
  </si>
  <si>
    <t>2018-11-19 07:11:56.063000+00:00</t>
  </si>
  <si>
    <t>javascript|php|browser|polymer</t>
  </si>
  <si>
    <t>Cannot map network drive using .Net / WNetAddConnection2W (Error 67 - The network name cannot be found)?</t>
  </si>
  <si>
    <t>&lt;p&gt;Good afternoon,&lt;/p&gt;
&lt;p&gt;I am using the code below to map a network drive in a .net application.. well more precisely, try to do it. Whenever I do make the call to WNetAddConnection2W, I get a win32exception with the error code 67... which basically translates into 'The network name cannot be found'.. but I really do now know why... any ideas where this error might come from?&lt;/p&gt;
&lt;p&gt;Here's the NetworkMapper class:&lt;/p&gt;
&lt;pre&gt;&lt;code&gt;using System;
using System.Collections.Generic;
using System.ComponentModel;
using System.IO;
using System.Runtime.InteropServices;
using System.Text;
namespace Libraries.Utilities
{
    /// &amp;lt;summary&amp;gt;
    /// 
    /// &amp;lt;/summary&amp;gt;
    public class NetworkDriveMapper
    {
        #region Public variables and propertys
        private string _localDrive = null;
        private string _shareName = "";
        /// &amp;lt;summary&amp;gt;
        /// Initializes a new instance of the &amp;lt;see cref="NetworkDriveMapper"/&amp;gt; class.
        /// &amp;lt;/summary&amp;gt;
        public NetworkDriveMapper()
        {
            FindNextFreeDrive = false;
            PromptForCredentials = false;
            Force = false;
            Persistent = false;
            SaveCredentials = false;
        }
        /// &amp;lt;summary&amp;gt;
        /// Option to save credentials on reconnection...
        /// &amp;lt;/summary&amp;gt;
        public bool SaveCredentials { get; set; }
        /// &amp;lt;summary&amp;gt;
        /// Option to reconnect drive after log off / reboot...
        /// &amp;lt;/summary&amp;gt;
        public bool Persistent { get; set; }
        /// &amp;lt;summary&amp;gt;
        /// Option to force connection if drive is already mapped...
        /// or force disconnection if network path is not responding...
        /// &amp;lt;/summary&amp;gt;
        public bool Force { get; set; }
        /// &amp;lt;summary&amp;gt;
        /// Option to prompt for user credintals when mapping a drive
        /// &amp;lt;/summary&amp;gt;
        public bool PromptForCredentials { get; set; }
        /// &amp;lt;summary&amp;gt;
        /// Option to auto select the 'lpLocalName' property to next free driver letter when mapping a network drive
        /// &amp;lt;/summary&amp;gt;
        public bool FindNextFreeDrive { get; set; }
        /// &amp;lt;summary&amp;gt;
        /// Drive to be used in mapping / unmapping (eg. 's:')
        /// &amp;lt;/summary&amp;gt;
        public string LocalDrive
        {
            get { return _localDrive; }
            set
            {
                if (string.IsNullOrEmpty(value))
                {
                    _localDrive = null;
                }
                else
                {
                    _localDrive = value.Substring(0, 1) + ":";
                }
            }
        }
        /// &amp;lt;summary&amp;gt;
        /// Share address to map drive to. (eg. '\\Computer\C$')
        /// &amp;lt;/summary&amp;gt;
        public string ShareName
        {
            get { return _shareName; }
            set { _shareName = value; }
        }
        /// &amp;lt;summary&amp;gt;
        /// Returns a string array of currently mapped network drives
        /// &amp;lt;/summary&amp;gt;
        public string[] MappedDrives
        {
            get
            {
                var driveArray = new List&amp;lt;string&amp;gt;();
                foreach (string driveLetter in Directory.GetLogicalDrives())
                {
                    if (PathIsNetworkPath(driveLetter))
                    {
                        driveArray.Add(driveLetter);
                    }
                }
                return (driveArray.ToArray());
            }
        }
        #endregion
        #region Public functions
        /// &amp;lt;summary&amp;gt;
        /// Map network drive
        /// &amp;lt;/summary&amp;gt;
        public void MapDrive()
        {
            mapDrive(null, null);
        }
        /// &amp;lt;summary&amp;gt;
        /// Map network drive (using supplied Username and Password)
        /// &amp;lt;/summary&amp;gt;
        /// &amp;lt;param name="username"&amp;gt;Username passed for permissions / credintals ('Username' may be passed as null, to map using only a password)&amp;lt;/param&amp;gt;
        /// &amp;lt;param name="password"&amp;gt;Password passed for permissions / credintals&amp;lt;/param&amp;gt;
        public void MapDrive(string username, string password)
        {
            mapDrive(username, password);
        }
        /// &amp;lt;summary&amp;gt;
        /// Set common propertys, then map the network drive
        /// &amp;lt;/summary&amp;gt;
        /// &amp;lt;param name="localDrive"&amp;gt;lpLocalName to use for connection&amp;lt;/param&amp;gt;
        /// &amp;lt;param name="shareName"&amp;gt;Share name for the connection (eg. '\\Computer\Share')&amp;lt;/param&amp;gt;
        /// &amp;lt;param name="force"&amp;gt;Option to force dis/connection&amp;lt;/param&amp;gt;
        public void MapDrive(string localDrive, string shareName, bool force)
        {
            _localDrive = localDrive;
            _shareName = shareName;
            Force = force;
            mapDrive(null, null);
        }
        /// &amp;lt;summary&amp;gt;
        /// Set common propertys, then map the network drive
        /// &amp;lt;/summary&amp;gt;
        /// &amp;lt;param name="localDrive"&amp;gt;Password passed for permissions / credintals&amp;lt;/param&amp;gt;
        /// &amp;lt;param name="force"&amp;gt;Option to force dis/connection&amp;lt;/param&amp;gt;
        public void MapDrive(string localDrive, bool force)
        {
            _localDrive = localDrive;
            Force = force;
            mapDrive(null, null);
        }
        /// &amp;lt;summary&amp;gt;
        /// Unmap network drive
        /// &amp;lt;/summary&amp;gt;
        public void UnMapDrive()
        {
            unMapDrive();
        }
        /// &amp;lt;summary&amp;gt;
        /// Unmap network drive
        /// &amp;lt;/summary&amp;gt;
        public void UnMapDrive(string localDrive)
        {
            _localDrive = localDrive;
            unMapDrive();
        }
        /// &amp;lt;summary&amp;gt;
        /// Unmap network drive
        /// &amp;lt;/summary&amp;gt;
        public void UnMapDrive(string localDrive, bool force)
        {
            _localDrive = localDrive;
            Force = force;
            unMapDrive();
        }
        /// &amp;lt;summary&amp;gt;
        /// Check / restore persistent network drive
        /// &amp;lt;/summary&amp;gt;
        public void RestoreDrives()
        {
            restoreDrive(null);
        }
        /// &amp;lt;summary&amp;gt;
        /// Check / restore persistent network drive
        /// &amp;lt;/summary&amp;gt;
        public void RestoreDrive(string localDrive)
        {
            restoreDrive(localDrive);
        }
        /// &amp;lt;summary&amp;gt;
        /// Display windows dialog for mapping a network drive (using Desktop as parent form)
        /// &amp;lt;/summary&amp;gt;      
        public void ShowConnectDialog()
        {
            displayDialog(IntPtr.Zero, 1);
        }
        /// &amp;lt;summary&amp;gt;
        /// Display windows dialog for mapping a network drive
        /// &amp;lt;/summary&amp;gt;
        /// &amp;lt;param name="parentFormHandle"&amp;gt;Form used as a parent for the dialog&amp;lt;/param&amp;gt;
        public void ShowConnectDialog(IntPtr parentFormHandle)
        {
            displayDialog(parentFormHandle, 1);
        }
        /// &amp;lt;summary&amp;gt;
        /// Display windows dialog for disconnecting a network drive (using Desktop as parent form)
        /// &amp;lt;/summary&amp;gt;      
        public void ShowDisconnectDialog()
        {
            displayDialog(IntPtr.Zero, 2);
        }
        /// &amp;lt;summary&amp;gt;
        /// Display windows dialog for disconnecting a network drive
        /// &amp;lt;/summary&amp;gt;
        /// &amp;lt;param name="parentFormHandle"&amp;gt;Form used as a parent for the dialog&amp;lt;/param&amp;gt;
        public void ShowDisconnectDialog(IntPtr parentFormHandle)
        {
            displayDialog(parentFormHandle, 2);
        }
        /// &amp;lt;summary&amp;gt;
        /// Returns the share name of a connected network drive
        /// &amp;lt;/summary&amp;gt;
        /// &amp;lt;param name="localDrive"&amp;gt;Drive name (eg. 'X:')&amp;lt;/param&amp;gt;
        /// &amp;lt;returns&amp;gt;Share name (eg. \\computer\share)&amp;lt;/returns&amp;gt;
        public string GetMappedShareName(string localDrive)
        {
            // collect and clean the passed lpLocalName param
            if (localDrive == null || localDrive.Length == 0)
                throw new Exception("Invalid 'localDrive' passed, 'localDrive' parameter cannot be 'empty'");
            localDrive = localDrive.Substring(0, 1);
            // call api to collect lpLocalName's share name 
            int i = 255;
            var bSharename = new byte[i];
            int iCallStatus = WNetGetConnection(localDrive + ":", bSharename, ref i);
            switch (iCallStatus)
            {
                case 1201:
                    throw new Exception(
                        "Cannot collect 'ShareName', Passed 'DriveName' is valid but currently not connected (API: ERROR_CONNECTION_UNAVAIL)");
                case 1208:
                    throw new Exception("API function 'WNetGetConnection' failed (API: ERROR_EXTENDED_ERROR:" +
                                        iCallStatus.ToString() + ")");
                case 1203:
                case 1222:
                    throw new Exception(
                        "Cannot collect 'ShareName', No network connection found (API: ERROR_NO_NETWORK / ERROR_NO_NET_OR_BAD_PATH)");
                case 2250:
                    throw new Exception(
                        "Invalid 'DriveName' passed, Drive is not a network drive (API: ERROR_NOT_CONNECTED)");
                case 1200:
                    throw new Exception(
                        "Invalid / Malfored 'Drive Name' passed to 'GetShareName' function (API: ERROR_BAD_DEVICE)");
                case 234:
                    throw new Exception("Invalid 'Buffer' length, buffer is too small (API: ERROR_MORE_DATA)");
            }
            // return collected share name
            return Encoding.GetEncoding(1252).GetString(bSharename, 0, i).TrimEnd((char) 0);
        }
        /// &amp;lt;summary&amp;gt;
        /// Returns true if passed drive is a network drive
        /// &amp;lt;/summary&amp;gt;
        /// &amp;lt;param name="localDrive"&amp;gt;Drive name (eg. 'X:')&amp;lt;/param&amp;gt;
        /// &amp;lt;returns&amp;gt;'True' if the passed drive is a mapped network drive&amp;lt;/returns&amp;gt;
        public bool IsNetworkDrive(string localDrive)
        {
            // collect and clean the passed lpLocalName param
            if (localDrive == null || localDrive.Trim().Length == 0)
                throw new Exception("Invalid 'localDrive' passed, 'localDrive' parameter cannot be 'empty'");
            localDrive = localDrive.Substring(0, 1);
            // return status of drive type
            return PathIsNetworkPath(localDrive + ":");
        }
        #endregion
        #region Private functions
        // map network drive
        private void mapDrive(string username, string password)
        {
            // if drive property is set to auto select, collect next free drive         
            if (FindNextFreeDrive)
            {
                _localDrive = nextFreeDrive();
                if (string.IsNullOrEmpty(_localDrive))
                    throw new Exception("Could not find valid free drive name");
            }
            // create struct data to pass to the api function
            var stNetRes = new netResource
                               {
                                   dwScope = 2,
                                   dwType = RESOURCETYPE_DISK,
                                   dwDisplayType = 3,
                                   dwUsage = 1,
                                   lpRemoteName = _shareName,
                                   lpLocalName = _localDrive
                               };
            // prepare flags for drive mapping options
            int iFlags = 0;
            if (SaveCredentials)
                iFlags += CONNECT_CMD_SAVECRED;
            if (Persistent)
                iFlags += CONNECT_UPDATE_PROFILE;
            if (PromptForCredentials)
                iFlags += CONNECT_INTERACTIVE + CONNECT_PROMPT;
            // prepare username / password params
            if (username != null &amp;amp;&amp;amp; username.Length == 0)
                username = null;
            if (password != null &amp;amp;&amp;amp; password.Length == 0)
                password = null;
            // if force, unmap ready for new connection
            if (Force)
            {
                try
                {
                    unMapDrive();
                }
                catch
                {
                }
            }
            // call and return
            int i = WNetAddConnection2W(ref stNetRes, password, username, iFlags);
            if (i &amp;gt; 0)
                throw new Win32Exception(i);
        }
        // unmap network drive  
        private void unMapDrive()
        {
            // prep vars and call unmap
            int iFlags = 0;
            int iRet = 0;
            // if persistent, set flag
            if (Persistent)
            {
                iFlags += CONNECT_UPDATE_PROFILE;
            }
            // if local drive is null, unmap with use connection
            if (_localDrive == null)
            {
                // unmap use connection, passing the share name, as local drive
                iRet = WNetCancelConnection2W(_shareName, iFlags, Convert.ToInt32(Force));
            }
            else
            {
                // unmap drive
                iRet = WNetCancelConnection2W(_localDrive, iFlags, Convert.ToInt32(Force));
            }
            // if errors, throw exception
            if (iRet &amp;gt; 0)
                throw new Win32Exception(iRet);
        }
        // check / restore a network drive
        private void restoreDrive(string driveName)
        {
            // call restore and return
            int i = WNetRestoreConnection(0, driveName);
            // if error returned, throw
            if (i &amp;gt; 0)
                throw new Win32Exception(i);
        }
        // display windows dialog
        private void displayDialog(IntPtr wndHandle, int dialogToShow)
        {
            // prep variables
            int i = -1;
            int iHandle = 0;
            // get parent handle
            if (wndHandle != IntPtr.Zero)
                iHandle = wndHandle.ToInt32();
            // choose dialog to show bassed on 
            if (dialogToShow == 1)
                i = WNetConnectionDialog(iHandle, RESOURCETYPE_DISK);
            else if (dialogToShow == 2)
                i = WNetDisconnectDialog(iHandle, RESOURCETYPE_DISK);
            // if error returned, throw
            if (i &amp;gt; 0)
                throw new Win32Exception(i);
        }
        // returns the next viable drive name to use for mapping
        private string nextFreeDrive()
        {
            // loop from c to z and check that drive is free
            string retValue = null;
            for (int i = 67; i &amp;lt;= 90; i++)
            {
                if (GetDriveType(((char) i).ToString() + ":") == 1)
                {
                    retValue = ((char) i).ToString() + ":";
                    break;
                }
            }
            // return selected drive
            return retValue;
        }
        #endregion
        #region API functions / calls
        private const int CONNECT_CMD_SAVECRED = 0x00001000;
        private const int CONNECT_INTERACTIVE = 0x00000008;
        private const int CONNECT_PROMPT = 0x00000010;
        private const int CONNECT_UPDATE_PROFILE = 0x00000001;
        private const int RESOURCETYPE_DISK = 1;
        [DllImport("mpr.dll", EntryPoint = "WNetAddConnection2W", CharSet = CharSet.Unicode, SetLastError = true)]
        private static extern int WNetAddConnection2W(ref netResource netRes, string password, string username,
                                                    int flags);
        [DllImport("mpr.dll", EntryPoint = "WNetCancelConnection2W", CharSet = CharSet.Unicode, SetLastError = true)]
        private static extern int WNetCancelConnection2W(string name, int flags, int force);
        [DllImport("mpr.dll", EntryPoint = "WNetConnectionDialog", SetLastError = true)]
        private static extern int WNetConnectionDialog(int hWnd, int type);
        [DllImport("mpr.dll", EntryPoint = "WNetDisconnectDialog", SetLastError = true)]
        private static extern int WNetDisconnectDialog(int hWnd, int type);
        [DllImport("mpr.dll", CharSet = CharSet.Unicode, SetLastError = true)]
        private static extern int WNetRestoreConnection(int hWnd, string localDrive);
        [DllImport("mpr.dll", EntryPoint = "WNetGetConnection", SetLastError = true)]
        private static extern int WNetGetConnection(string localDrive, byte[] remoteName, ref int bufferLength);
        [DllImport("shlwapi.dll", EntryPoint = "PathIsNetworkPath", SetLastError = true)]
        private static extern bool PathIsNetworkPath(string localDrive);
        [DllImport("kernel32.dll", EntryPoint = "GetDriveType", SetLastError = true)]
        private static extern int GetDriveType(string localDrive);
        [StructLayout(LayoutKind.Sequential)]
        private struct netResource
        {
        #region��Data��Members��(8)��
            public int dwScope;
            public int dwType;
            public int dwDisplayType;
            public int dwUsage;
            [MarshalAs(UnmanagedType.LPWStr)]
            public string lpLocalName;
            [MarshalAs(UnmanagedType.LPWStr)]
            public string lpRemoteName;
            [MarshalAs(UnmanagedType.LPWStr)]
            public string lpComment;
            [MarshalAs(UnmanagedType.LPWStr)]
            public string lpProvider;
        #endregion��Data��Members��
        }
        // standard
        #endregion
    }
}
&lt;/code&gt;&lt;/pre&gt;
&lt;p&gt;Basically what I do is the following:&lt;/p&gt;
&lt;pre&gt;&lt;code&gt;var networkDriveMapper = new Utilities.NetworkDriveMapper
                {
                    PromptForCredentials = false,
                    Persistent = true,
                    FindNextFreeDrive = false,
                    Force = false
                };
                networkDriveMapper.MapDrive("B:", @"\\server\share", false);
&lt;/code&gt;&lt;/pre&gt;
&lt;p&gt;And then the &lt;em&gt;private void mapDrive(string username, string password)&lt;/em&gt; method throws the &lt;em&gt;Win32Exception&lt;/em&gt; with the error code &lt;em&gt;67&lt;/em&gt; ...&lt;/p&gt;
&lt;p&gt;Anyone else using the the mpr.dll / WNetAddConnection2W entrypoint? And/Or knows how to circumvent/fix this error?&lt;/p&gt;
&lt;p&gt;Cheers and thanks,
-J��rg&lt;/p&gt;
&lt;p&gt;&lt;strong&gt;Update&lt;/strong&gt;: I originally had an Error 1204 ('The specified network provider name is invalid').. but the 2 answers so far kinda helped me a little bit, but not solved the entire problem of not being able to map network drives properly...&lt;/p&gt;</t>
  </si>
  <si>
    <t>2009-08-05 12:27:20.943000+00:00</t>
  </si>
  <si>
    <t>2009-08-06 08:59:11.383000+00:00</t>
  </si>
  <si>
    <t>.net|dllimport</t>
  </si>
  <si>
    <t>I get permission denied error while trying to run bundle install</t>
  </si>
  <si>
    <t>&lt;p&gt;I recently switched from Linux to Mac, and while trying to run bundle on one of my previous projects, I get the error below:&lt;/p&gt;
&lt;pre&gt;&lt;code&gt;System/Library/Frameworks/Ruby.framework/Versions/2.0/usr/lib/ruby/2.0.0/rubygems/specification.rb:959:in `read': Permission denied - /Library/Ruby/Gems/2.0.0/specifications/puma-2.14.0.gemspec (Errno::EACCES)
    from /System/Library/Frameworks/Ruby.framework/Versions/2.0/usr/lib/ruby/2.0.0/rubygems/specification.rb:959:in `load'
    from /System/Library/Frameworks/Ruby.framework/Versions/2.0/usr/lib/ruby/2.0.0/rubygems/specification.rb:644:in `block (2 levels) in each_spec'
    from /System/Library/Frameworks/Ruby.framework/Versions/2.0/usr/lib/ruby/2.0.0/rubygems/specification.rb:643:in `each'
    from /System/Library/Frameworks/Ruby.framework/Versions/2.0/usr/lib/ruby/2.0.0/rubygems/specification.rb:643:in `block in each_spec'
    from /System/Library/Frameworks/Ruby.framework/Versions/2.0/usr/lib/ruby/2.0.0/rubygems/specification.rb:642:in `each'
    from /System/Library/Frameworks/Ruby.framework/Versions/2.0/usr/lib/ruby/2.0.0/rubygems/specification.rb:642:in `each_spec'
    from /System/Library/Frameworks/Ruby.framework/Versions/2.0/usr/lib/ruby/2.0.0/rubygems/specification.rb:658:in `each_normal'
    from /System/Library/Frameworks/Ruby.framework/Versions/2.0/usr/lib/ruby/2.0.0/rubygems/specification.rb:669:in `_all'
    from /System/Library/Frameworks/Ruby.framework/Versions/2.0/usr/lib/ruby/2.0.0/rubygems/specification.rb:822:in `each'
    from /System/Library/Frameworks/Ruby.framework/Versions/2.0/usr/lib/ruby/2.0.0/rubygems/dependency.rb:253:in `find_all'
    from /System/Library/Frameworks/Ruby.framework/Versions/2.0/usr/lib/ruby/2.0.0/rubygems/dependency.rb:253:in `matching_specs'
    from /System/Library/Frameworks/Ruby.framework/Versions/2.0/usr/lib/ruby/2.0.0/rubygems/dependency.rb:277:in `to_specs'
    from /System/Library/Frameworks/Ruby.framework/Versions/2.0/usr/lib/ruby/2.0.0/rubygems/dependency.rb:307:in `to_spec'
    from /System/Library/Frameworks/Ruby.framework/Versions/2.0/usr/lib/ruby/2.0.0/rubygems/core_ext/kernel_gem.rb:47:in `gem'
    from /usr/bin/bundle:22:in `&amp;lt;main&amp;gt;'
&lt;/code&gt;&lt;/pre&gt;
&lt;p&gt;I have tried reinstalling &lt;code&gt;bundler&lt;/code&gt;, &lt;code&gt;rbenv&lt;/code&gt; and &lt;code&gt;ruby&lt;/code&gt;, but I keep getting the same error. I ran the command with &lt;code&gt;sudo&lt;/code&gt; and it works, how can I set the permission without having to use &lt;code&gt;sudo&lt;/code&gt; &lt;/p&gt;</t>
  </si>
  <si>
    <t>2016-01-17 17:09:56.463000+00:00</t>
  </si>
  <si>
    <t>2016-01-17 18:19:54.817000+00:00</t>
  </si>
  <si>
    <t>2016-01-17 18:07:52.430000+00:00</t>
  </si>
  <si>
    <t>ruby|macos|bundler</t>
  </si>
  <si>
    <t>What's the difference between authenticated() and csrf in Spring Security?</t>
  </si>
  <si>
    <t>&lt;p&gt;I have a web app built using ReactJS + Spring Boot/Social/Security.&lt;/p&gt;
&lt;p&gt;I want to make sure when I release it, I'm protected from CSRF. I'm  using most of Spring Security out of the box and below is my basic configure() override:&lt;/p&gt;
&lt;pre&gt;&lt;code&gt;@Configuration
@Order (SecurityProperties.ACCESS_OVERRIDE_ORDER)
 public class SecurityConfiguration extends WebSecurityConfigurerAdapter {
  @Override
  protected void configure(HttpSecurity http) throws Exception {
     http
             .authorizeRequests()
             .antMatchers("/login/facebook").permitAll()
             .antMatchers("/logout").permitAll()
             .antMatchers("/api/**").authenticated()
             .and().csrf().disable();
  }
}
&lt;/code&gt;&lt;/pre&gt;
&lt;p&gt;My question is, since all of my (/api/**) requests to the backend are only allowed when authenticated, does this protect me from CSRF?&lt;/p&gt;
&lt;p&gt;To be clear, when the user authenticates with Facebook via the Spring Social plugin, I redirect the call to an endpoint (/login/facebook) in my backend app to handle a successful login. In this method, I do the following:&lt;/p&gt;
&lt;pre&gt;&lt;code&gt;UsernamePasswordAuthenticationToken authentication = new UsernamePasswordAuthenticationToken(theUser.getFacebookId(), null, null);
SecurityContextHolder.getContext().setAuthentication(authentication);
&lt;/code&gt;&lt;/pre&gt;
&lt;p&gt;This makes sure that any subsequent requests made to /api will be recognized as authenticated.&lt;/p&gt;</t>
  </si>
  <si>
    <t>2017-08-10 01:31:23.437000+00:00</t>
  </si>
  <si>
    <t>2017-08-10 03:11:39.273000+00:00</t>
  </si>
  <si>
    <t>2017-08-10 02:05:36.310000+00:00</t>
  </si>
  <si>
    <t>spring|spring-boot|spring-security|csrf-protection|spring-social-facebook</t>
  </si>
  <si>
    <t>.NET C# socket send on two different threads</t>
  </si>
  <si>
    <t>&lt;p&gt;I have a socket which I receive from and send to in a single thread. However, there exists another thread which can periodically use the socket to send data. Currently, I'm using a shared object to lock my &lt;code&gt;Socket.send()&lt;/code&gt; operations. Is this lock necessary? If yes, would I need the lock on my receive method as well even though I'm only receiving from one thread?&lt;/p&gt;
&lt;p&gt;Eg in Thread1:&lt;/p&gt;
&lt;pre&gt;&lt;code&gt;//...some code
 while (offset&amp;lt; len)
    {
       currentBytesRead += Client.Receive(buf, offset, len - offset, SocketFlags.None);
    }
//...some more code...
lock (lockObject)
    {
         Client.Send(outputByte);
    }
&lt;/code&gt;&lt;/pre&gt;
&lt;p&gt;In Thread2:&lt;/p&gt;
&lt;pre&gt;&lt;code&gt;    lock (lockObject)
    {
         Client.Send(outputByte);
    }
&lt;/code&gt;&lt;/pre&gt;</t>
  </si>
  <si>
    <t>2016-05-26 11:39:40.107000+00:00</t>
  </si>
  <si>
    <t>2016-05-26 11:54:02.573000+00:00</t>
  </si>
  <si>
    <t>c#|multithreading|sockets</t>
  </si>
  <si>
    <t>Google maps instead of iframes</t>
  </si>
  <si>
    <t>&lt;p&gt;How to make it work in ie8-ie9?&lt;/p&gt;
&lt;p&gt;I have used iframes, but i have to take away all the iframe and replace them with some not bug way of displaying.&lt;/p&gt;
&lt;p&gt;This the best way which works every where except the ie7-ie9 because in IE display only empty box.&lt;/p&gt;
&lt;p&gt;I way that I think about to take google map link and separate them between link and style, but have no idea now to do it.&lt;/p&gt;
&lt;pre&gt;&lt;code&gt;&amp;lt;div style="margin: 0 auto; width:550px; height:400px;"&amp;gt;
&amp;lt;object type="text/html" data="https://maps.google.co.uk/maps?f=q&amp;amp;amp;source=s_q&amp;amp;amp;hl=en&amp;amp;amp;geocode=&amp;amp;amp;q=BH20+5QT&amp;amp;amp;aq=&amp;amp;amp;sll=50.638194,-2.206535&amp;amp;amp;sspn=0.048883,0.100851&amp;amp;amp;t=m&amp;amp;amp;ie=UTF8&amp;amp;amp;hq=&amp;amp;amp;hnear=East+Lulworth+BH20+5QT,+United+Kingdom&amp;amp;amp;ll=50.638085,-2.181816&amp;amp;amp;spn=0.021774,0.049009&amp;amp;amp;z=14&amp;amp;amp;iwloc=A&amp;amp;amp;output=embed" style="width:550px; height:400px;"&amp;gt;
&amp;lt;/object&amp;gt;&amp;lt;/div&amp;gt;
&lt;/code&gt;&lt;/pre&gt;</t>
  </si>
  <si>
    <t>2013-03-04 18:04:32.483000+00:00</t>
  </si>
  <si>
    <t>2013-09-02 04:56:19.153000+00:00</t>
  </si>
  <si>
    <t>html5|google-maps|object|html|internet-explorer-7</t>
  </si>
  <si>
    <t>How to get select array empty</t>
  </si>
  <si>
    <t>&lt;p&gt;The name of my select option property is populated dynamically.&lt;/p&gt;
&lt;p&gt;On submit my form I need to know if all my forams selects filled ...&lt;/p&gt;
&lt;p&gt;How can I do this?&lt;/p&gt;
&lt;p&gt;I would also like to take the mouse cursor to the select that was not filled.&lt;/p&gt;
&lt;pre&gt;&lt;code&gt; &amp;lt;script type="text/javascript" src="js/jquery-1.6.4.js"&amp;gt;&amp;lt;/script&amp;gt;
    &amp;lt;script type="text/javascript"&amp;gt;
        $(document).ready(function () {
            $("#teste").click(function () {
                a = $("select[name='sel[]'] option:selected").length;
                alert(a);
            });
        });
    &amp;lt;/script&amp;gt;
&amp;lt;title&amp;gt;
&amp;lt;/title&amp;gt;
&amp;lt;/head&amp;gt;
    &amp;lt;form&amp;gt;
        &amp;lt;select name="sel[0]"&amp;gt;
            &amp;lt;option value="teste"&amp;gt;&amp;lt;/option&amp;gt;
            &amp;lt;option value="teste"&amp;gt;1234&amp;lt;/option&amp;gt;
            &amp;lt;option value="teste"&amp;gt;1234&amp;lt;/option&amp;gt;
            &amp;lt;option value="teste"&amp;gt;1234&amp;lt;/option&amp;gt;
        &amp;lt;/select&amp;gt;
        &amp;lt;br /&amp;gt;
        &amp;lt;br /&amp;gt;
        &amp;lt;br /&amp;gt;
        &amp;lt;select name="sel[1]"&amp;gt;
            &amp;lt;option value="teste"&amp;gt;&amp;lt;/option&amp;gt;
            &amp;lt;option value="teste"&amp;gt;1234&amp;lt;/option&amp;gt;
            &amp;lt;option value="teste"&amp;gt;1234&amp;lt;/option&amp;gt;
            &amp;lt;option value="teste"&amp;gt;1234&amp;lt;/option&amp;gt;
        &amp;lt;/select&amp;gt;
        ... Many others 
        &amp;lt;input type="button" id="teste" value="TESTAR"&amp;gt;
    &amp;lt;/form&amp;gt;
&amp;lt;/html&amp;gt;
&lt;/code&gt;&lt;/pre&gt;</t>
  </si>
  <si>
    <t>2013-11-26 18:47:05.877000+00:00</t>
  </si>
  <si>
    <t>2013-11-26 19:18:10.990000+00:00</t>
  </si>
  <si>
    <t>How to Get Local IP by SocketHandle?</t>
  </si>
  <si>
    <t>&lt;p&gt;I am developing chatroom application - use TServerSocket and TClientSocket to Send and Receive Text
I Can get Socket.SocketHandle from computer that sent for me, but how to get local IP (or Computernetname) of that computer.&lt;/p&gt;</t>
  </si>
  <si>
    <t>2013-05-02 15:53:00.243000+00:00</t>
  </si>
  <si>
    <t>2013-05-02 16:29:14.067000+00:00</t>
  </si>
  <si>
    <t>2013-05-02 15:55:43.163000+00:00</t>
  </si>
  <si>
    <t>delphi|client-server|handle</t>
  </si>
  <si>
    <t>Figuring out The Big O Notation/Recurrence Relation From My Old Algorithm</t>
  </si>
  <si>
    <t>&lt;p&gt;**Hi all,
I have a question about recurrence relation/ Big O notation.  I was given a homework assignment that asked me to give the Big O notation of some of my old code/ Algorithms that I came up with for previous homework assignments. Sadly, I have not yet taken a course in Finite Mathematics; so this is new to me. I managed to figure out three of the four Algorithms that I used.  However, I am stuck on the fourth algorithms. This method is a recursive method and is coded in Java. I have, really, spent hours trying to figure this out, and I���ve watched lots of videos and read lots of articles on Big O notation but sadly can���t get it. Any help would be great!!!
Here is the code: &lt;/p&gt;
&lt;pre&gt;&lt;code&gt;ArrayList&amp;lt;FacebookUser&amp;gt; getRecommendations(FacebookUser e) {
    FacebookUser rootUser = userCallForList.get(0);
    if(rootUser.getFriends().isEmpty() || e.getFriends().isEmpty()){
        return returnHash();
    }
    for(FacebookUser hold : e.getFriends()){
        if( !hold.equals(rootUser) &amp;amp;&amp;amp; addHash(hold)){
            getRecommendations(hold);   
        }
    }
    return returnHash();
}
&lt;/code&gt;&lt;/pre&gt;
&lt;p&gt;&lt;strong&gt;Note About the Code:&lt;/strong&gt;
The method takes a FacebookUser as an argument. The method returns an ArrayList that contains all of the friends of the FacebookUser that is passed into it plus the result of calling the same getRecommendations method on all of that FacebookUser���s friends. It does not add anyone to the list of recommendations if they are already on it and does not add the FacebookUser (E.I rootUser) that is calling it; As that could lead to an infinite loop. I use a HashSet as my collection and then I have to change it back to an ArrayList. &lt;/p&gt;</t>
  </si>
  <si>
    <t>2015-03-19 20:09:22.537000+00:00</t>
  </si>
  <si>
    <t>2015-03-19 20:32:49.407000+00:00</t>
  </si>
  <si>
    <t>java|recursion|big-o|recurrence</t>
  </si>
  <si>
    <t>Use a precompiled plugin (via a shared library) in a QML application</t>
  </si>
  <si>
    <t>&lt;p&gt;I have a QML plugin compiled (to a &lt;code&gt;.so&lt;/code&gt;) by &lt;a href="https://github.com/mapbox/mapbox-gl-native/tree/master/platform/qt" rel="nofollow noreferrer"&gt;another project&lt;/a&gt;. I want to re-use this in my own QML application without re-building it each time. I want to copy the &lt;code&gt;.so&lt;/code&gt; over and, with minimal additional code, be able to write:&lt;/p&gt;
&lt;p&gt;&lt;code&gt;import QQuickMapboxGL 1.0&lt;/code&gt;&lt;/p&gt;
&lt;p&gt;at the top of my QML files and have it work.&lt;/p&gt;
&lt;p&gt;&lt;strong&gt;Where do I need to copy the &lt;code&gt;.so&lt;/code&gt; in my QML project, and how do I need to add it to the project so that the QML runtime can find it?&lt;/strong&gt;&lt;/p&gt;
&lt;hr&gt;
&lt;p&gt;What I've tried:&lt;/p&gt;
&lt;ol&gt;
&lt;li&gt;Create a &lt;code&gt;QQuickMapboxGL&lt;/code&gt; directory with &lt;code&gt;libqmapboxgl.so&lt;/code&gt; in it.&lt;/li&gt;
&lt;li&gt;&lt;p&gt;Create a &lt;code&gt;qmldir&lt;/code&gt; file in that directory with the contents:&lt;/p&gt;
&lt;pre&gt;&lt;code&gt;plugin qmapboxgl
&lt;/code&gt;&lt;/pre&gt;&lt;/li&gt;
&lt;li&gt;&lt;p&gt;Add the following to my &lt;code&gt;.pro&lt;/code&gt; file:&lt;/p&gt;
 &lt;pre class="lang-sh prettyprint-override"&gt;&lt;code&gt;INSTALL_DIR = $$PWD/../install
target.path = $$INSTALL_DIR
# Copy the QQuickMapboxGL folder to the install directory
plugin.files = QQuickMapboxGL/*
plugin.path  = $$INSTALL_DIR/QQuickMapboxGL
INSTALLS += target plugin
&lt;/code&gt;&lt;/pre&gt;&lt;/li&gt;
&lt;li&gt;&lt;p&gt;Add a &lt;code&gt;make install&lt;/code&gt; build step.&lt;/p&gt;&lt;/li&gt;
&lt;/ol&gt;
&lt;p&gt;The result of this mad hackery was:&lt;/p&gt;
&lt;pre class="lang-none prettyprint-override"&gt;&lt;code&gt;plugin cannot be loaded for module "QQuickMapboxGL": Plugin verification data mismatch in '/my/build/QQuickMapboxGL/libqmapboxgl.so'
&lt;/code&gt;&lt;/pre&gt;
&lt;p&gt;I have verified that the plugin and my application are both being compiled with the same version of g++ (&lt;code&gt;g++-5 (Ubuntu 5.4.1-2ubuntu1~14.04) 5.4.1 20160904&lt;/code&gt;) and the same Qt download (5.7.0).&lt;/p&gt;</t>
  </si>
  <si>
    <t>2016-11-16 00:02:28.677000+00:00</t>
  </si>
  <si>
    <t>2017-04-27 17:16:35.093000+00:00</t>
  </si>
  <si>
    <t>2016-11-16 23:11:15.373000+00:00</t>
  </si>
  <si>
    <t>qt|plugins|qml|qtquick2</t>
  </si>
  <si>
    <t>SQL transpose data</t>
  </si>
  <si>
    <t>&lt;p&gt;I need to transpose data that looks like the following.  I don't need to use any aggregate functions, just want to transpose columns to rows.&lt;/p&gt;
&lt;p&gt;Current view:&lt;/p&gt;
&lt;pre&gt;&lt;code&gt;Name | Code1 | Code2 | Code3 | Pct1 | Pct2 | Pct3 | Amt1 | Amt2 | Amt3
Name1   123     124     125     50     25     25   1000    1500  1555
Name2    123    124     125     50     25     25   1222    1520  1600
&lt;/code&gt;&lt;/pre&gt;
&lt;p&gt;What I Need:&lt;/p&gt;
&lt;pre&gt;&lt;code&gt;AccountName   |    Code#   |       Pct   |         Amt
Name1              123             50             1000
Name1              124             25             1500
Name1              125             25             1555
Name2              123             50             1222
Name2              124             25             1520
Name2              125             25             1600
&lt;/code&gt;&lt;/pre&gt;
&lt;p&gt;if this is possible, could you also include where I would place my joins if I need to use data in a different table?&lt;/p&gt;
&lt;p&gt;I'm using SQL Server Management Studio 2014 and I don't have the permission to create tables&lt;/p&gt;</t>
  </si>
  <si>
    <t>2016-06-16 18:33:45.417000+00:00</t>
  </si>
  <si>
    <t>2016-06-18 13:36:18.650000+00:00</t>
  </si>
  <si>
    <t>sql|sql-server|pivot|transpose|unpivot</t>
  </si>
  <si>
    <t>Checking Request.ServerVariables["HTTP_REFERER"] on every request</t>
  </si>
  <si>
    <t>&lt;p&gt;I am using this code to check if the request came from a page , if not then redirect somewhere.&lt;/p&gt;
&lt;pre&gt;&lt;code&gt;string referer = Request.ServerVariables["HTTP_REFERER"];
            if (string.IsNullOrEmpty(referer))
            {
                Response.Redirect("/UnauthorizedAccess.aspx");
            }
&lt;/code&gt;&lt;/pre&gt;
&lt;p&gt;It is working , I don't know whether it is perfect the solution.However I am checking this on load event of one of my page.How can I make it check on every request.Should I check this for all my pages.Also it is a good approach.Can anybody point me in the right direction.Any suggestion is welcome.&lt;/p&gt;</t>
  </si>
  <si>
    <t>2012-06-20 11:10:04.560000+00:00</t>
  </si>
  <si>
    <t>2012-06-20 11:34:20.170000+00:00</t>
  </si>
  <si>
    <t>Android custom circle view inverse background color</t>
  </si>
  <si>
    <t>&lt;p&gt;I don't know how to call the outer-space of a circle... a mask or inverse-space? I hope you will understand what I'm trying to say by seeing the images.&lt;/p&gt;
&lt;p&gt;Original image:&lt;/p&gt;
&lt;p&gt;&lt;img src="https://i.stack.imgur.com/UcTVf.jpg" alt="enter image description here"&gt;&lt;/p&gt;
&lt;p&gt;Custom view:&lt;/p&gt;
&lt;p&gt;&lt;img src="https://i.stack.imgur.com/Lt5hx.jpg" alt="enter image description here"&gt;&lt;/p&gt;
&lt;p&gt;As you can see, I want to apply that transparent-black color to my view, but I don't know where to start.&lt;/p&gt;
&lt;pre&gt;&lt;code&gt;public class MaskView extends View {
    private int mBackgroundColor;
    public MaskView(Context context) {
        super(context);
        init();
    }
    public MaskView(Context context, AttributeSet set) {
        super(context, set);
        init();
    }
    public MaskView(Context context, AttributeSet set, int defStyle) {
        super(context, set, defStyle);
        init();
    }
    private void init() {
        mBackgroundColor = Color.parseColor("#AA000000");
    }
    @Override
    protected void onDraw(Canvas canvas) {
        super.onDraw(canvas);
        canvas.drawColor(mBackgroundColor);
    }
}
&lt;/code&gt;&lt;/pre&gt;</t>
  </si>
  <si>
    <t>2015-01-27 15:47:50.777000+00:00</t>
  </si>
  <si>
    <t>2015-01-27 16:05:59.417000+00:00</t>
  </si>
  <si>
    <t>android|android-custom-view</t>
  </si>
  <si>
    <t>file_get_contents - authorisation and sending data</t>
  </si>
  <si>
    <t>&lt;p&gt;How can I send GET / POST data to server which require authorisation using file_get_contents?&lt;/p&gt;
&lt;p&gt;I know how to send GET/POST data and authorise in file_get_contents but don't know who to combine these in one.
Can someone help?&lt;/p&gt;</t>
  </si>
  <si>
    <t>2012-07-04 13:18:37.240000+00:00</t>
  </si>
  <si>
    <t>2016-01-19 17:29:39.023000+00:00</t>
  </si>
  <si>
    <t>post|get|authorization|file-get-contents</t>
  </si>
  <si>
    <t>How to commit stored procedure in flask app</t>
  </si>
  <si>
    <t>&lt;p&gt;Have flask app where I'm trying to call ms sql procedure, when I'm calling data is not commited. Its inserted and rollback as I understand because increment is changing in table. How to commit it ?&lt;/p&gt;
&lt;pre&gt;&lt;code&gt;# config.py
from flask import Flask
from flask_restful import Api
from sqlalchemy import create_engine
from sqlalchemy.orm import create_session
connection = create_engine(
    'mssql+pyodbc://......
)
session = create_session(bind=connection, autocommit=True)
app = Flask(__name__)
api = Api(app)
# models.py
class user_registration(Resource):
   def post(self):
       username = request.json['username']
       name = request.json['name']
       surname = request.json['surname']
       password = request.json['password']
       is_admin = request.json['is_admin']
       session.begin()
       query = connection.execute('exec [dbo].[user_registration] ?,?,?,?,?', username, name, surname, password,
                                  is_admin)
       result = {'data': [dict(zip(tuple(query.keys()), i)) for i in query.cursor]}
       session.commit()
       return jsonify(result)
# python post script
import requests
r = requests.post(url='http://127.0.0.1:8000/user_registration', json={
   "username": "testo",
   "name": "test",
   "surname": "test",
   "password": "test3",
   "is_admin": "0"
})
print(r.json())
&lt;/code&gt;&lt;/pre&gt;</t>
  </si>
  <si>
    <t>2017-12-03 10:09:18.373000+00:00</t>
  </si>
  <si>
    <t>python|sql-server|flask|flask-sqlalchemy</t>
  </si>
  <si>
    <t>How to find updated date for hive tables?</t>
  </si>
  <si>
    <t>&lt;p&gt;How to find the last DML or DQL update timestamp for Hive table. I can find TransientDDLid by using "formatted describe ". But it is helping in getting Modified Date. How can I figure out the latest UPDATED DATE for a Hive Table(Managed/External)?&lt;/p&gt;</t>
  </si>
  <si>
    <t>2018-07-20 11:21:54.587000+00:00</t>
  </si>
  <si>
    <t>2018-07-25 13:27:11.580000+00:00</t>
  </si>
  <si>
    <t>2018-07-20 11:23:51.847000+00:00</t>
  </si>
  <si>
    <t>hive|hiveql</t>
  </si>
  <si>
    <t>permission MODIFY_PHONE_STATE doesnot work</t>
  </si>
  <si>
    <t>&lt;p&gt;i am working on call blocking app for android 2.2
this permission does not work for me&lt;/p&gt;
&lt;pre&gt;&lt;code&gt;android.permission.MODIFY_PHONE_STATE
&lt;/code&gt;&lt;/pre&gt;
&lt;p&gt;and it gives the following error&lt;/p&gt;
&lt;pre&gt;&lt;code&gt;Permission is only granted to system apps
&lt;/code&gt;&lt;/pre&gt;
&lt;p&gt;will my app work without this permission ???
or any other solution..&lt;/p&gt;</t>
  </si>
  <si>
    <t>2013-01-26 10:52:01.087000+00:00</t>
  </si>
  <si>
    <t>2013-01-26 11:11:40.320000+00:00</t>
  </si>
  <si>
    <t>2013-01-26 11:01:39.363000+00:00</t>
  </si>
  <si>
    <t>java|android|callblocking</t>
  </si>
  <si>
    <t>How to read a ".wav" file into MATLAB?</t>
  </si>
  <si>
    <t>&lt;p&gt;I wanted to input a wave file in the MATLAB so that I could process it using filters, when I come to input the wave file called &lt;code&gt;wave.wav&lt;/code&gt;, this file is located on my desktop, and then I used &lt;/p&gt;
&lt;pre&gt;&lt;code&gt;[y, fs, nb] = wavread('wave.wav');
&lt;/code&gt;&lt;/pre&gt;
&lt;p&gt;to read the wave file but always gives me an error &lt;code&gt;cannot open file&lt;/code&gt;, the only thing I can think of is that the function doesnt know the path of the &lt;code&gt;wave.wav&lt;/code&gt;, any help?
And how can I play the file also using MATLAB after read, &lt;code&gt;sound()&lt;/code&gt;?&lt;/p&gt;</t>
  </si>
  <si>
    <t>2011-06-12 03:03:30.623000+00:00</t>
  </si>
  <si>
    <t>2012-12-29 05:26:55.213000+00:00</t>
  </si>
  <si>
    <t>2011-06-12 03:14:21.870000+00:00</t>
  </si>
  <si>
    <t>matlab|wav</t>
  </si>
  <si>
    <t>Unable to iterate over array in Async observable in Angular</t>
  </si>
  <si>
    <t>&lt;p&gt;I'm trying to create a search page in angular, that queries results via Angulars $http Service and returns a defined object. The code looks similar to the tutorial the Angular documentation: &lt;a href="https://angular.io/tutorial/toh-pt6#final-code-review" rel="nofollow noreferrer"&gt;https://angular.io/tutorial/toh-pt6#final-code-review&lt;/a&gt;.&lt;/p&gt;
&lt;p&gt;However my app has a few key differences:&lt;/p&gt;
&lt;ul&gt;
&lt;li&gt;The object being returned is an object containing an array, as opposed to just an array.&lt;/li&gt;
&lt;li&gt;My table in the view iterates over the array inside the object.&lt;/li&gt;
&lt;/ul&gt;
&lt;p&gt;This is causing me an issue where the table in the view that iterates over this array throws a 'null' error before anything is searched, and therefore breaks the whole page from functioning properly&lt;/p&gt;
&lt;pre&gt;&lt;code&gt;&amp;lt;tbody&amp;gt;
    &amp;lt;tr *ngFor="let email of (SearchResults$ | async).hits"&amp;gt;
        &amp;lt;td&amp;gt;&amp;lt;input type="checkbox" (change)="changeSelectedEmailsMap(email)" &amp;gt;&amp;lt;/td&amp;gt;
        &amp;lt;td&amp;gt;{{email._source.from}}&amp;lt;/td&amp;gt;
        &amp;lt;td&amp;gt;{{email._source.recipient}}&amp;lt;/td&amp;gt;
        &amp;lt;td&amp;gt;{{email._source.date | date: 'dd/MM/yyyy hh:mm:ss'}}&amp;lt;/td&amp;gt;
        &amp;lt;td&amp;gt;{{email._source.subject}}&amp;lt;/td&amp;gt;
        &amp;lt;td&amp;gt;&amp;lt;a routerLink="/detail/{{email.id}}" class="btn btn-outline-info btn-sm" role="button"&amp;gt;View&amp;lt;/a&amp;gt;&amp;lt;/td&amp;gt;
     &amp;lt;/tr&amp;gt;
 &amp;lt;/tbody&amp;gt;
&lt;/code&gt;&lt;/pre&gt;
&lt;p&gt;For now, this is the only part of the page using these results, however it will be using other variables in SearchResults$&lt;/p&gt;
&lt;p&gt;I have tried hiding the table entirely until results came in, using *ngIf="SearchResults$ !== null" on the entire table. However it still throws a null error once results come in and the table displays, leading me to believe the object isn't getting completely filled before the table takes a gander.&lt;/p&gt;
&lt;p&gt;Is there any way to have the table only check hits when the variable exists?&lt;/p&gt;
&lt;p&gt;Component.ts:&lt;/p&gt;
&lt;pre&gt;&lt;code&gt;export class RepositorySearchComponent implements OnInit {
  @Input() repository: Repository;
  SearchResults$: Observable&amp;lt;EmailSearchResult&amp;gt;;
  private searchTerms = new Subject&amp;lt;string&amp;gt;();
  constructor(private emailService: EmailService) { }
  search(term: string){
    this.searchTerms.next(term);
  }
  ngOnInit() {
    this.SearchResults$ = this.searchTerms.pipe(
      debounceTime(300),
      distinctUntilChanged(),
      switchMap((term: string) =&amp;gt; this.emailService.search(term, this.repository.id))
    );
  }
}
&lt;/code&gt;&lt;/pre&gt;</t>
  </si>
  <si>
    <t>2018-05-05 03:53:27.187000+00:00</t>
  </si>
  <si>
    <t>2018-05-05 04:06:33.837000+00:00</t>
  </si>
  <si>
    <t>send data to PHP from iphone app in objective c</t>
  </si>
  <si>
    <t>&lt;p&gt;i have an app which needs to send data to mysql to insert into my tables. So I am using PHP to achieve this. But the problem is that I am not able to send data with spaces in between. How can I achieve this? Do I need to encode the data in xml/JSON or is there any other way? If I need to encode the data..how should I do it?&lt;/p&gt;
&lt;p&gt;Any help is appreciated.&lt;/p&gt;
&lt;p&gt;PHP code:&lt;/p&gt;
&lt;pre&gt;&lt;code&gt;$guesttype = $_GET["guesttype"];
$guestLname =$_GET["guestLname"];
$guestFname =$_GET["guestFname"];
----
echo "something";
&lt;/code&gt;&lt;/pre&gt;
&lt;p&gt;OBJECTIVE C CODE:&lt;/p&gt;
&lt;pre&gt;&lt;code&gt;NSString *strURL = [NSString stringWithFormat:PHPurlwithargs ,userName, password, hostName, DBName, function, userCompany, _todisplaytype];
// to execute php code
NSData *dataURL = [NSData dataWithContentsOfURL:[NSURL URLWithString:strURL]];
// to receive the returend value
NSString *strResult = [[NSString alloc] initWithData:dataURL encoding:NSUTF8StringEncoding];
&lt;/code&gt;&lt;/pre&gt;</t>
  </si>
  <si>
    <t>2013-08-01 21:07:04.807000+00:00</t>
  </si>
  <si>
    <t>2013-08-01 22:27:59.947000+00:00</t>
  </si>
  <si>
    <t>php|mysql|objective-c|xml-parsing</t>
  </si>
  <si>
    <t>complex maven project dependencies being compiled multiple times</t>
  </si>
  <si>
    <t>&lt;pre&gt;&lt;code&gt;&amp;lt;project (...)&amp;gt;
    &amp;lt;modelVersion&amp;gt;4.0.0&amp;lt;/modelVersion&amp;gt;
    &amp;lt;groupId&amp;gt;our.group.id&amp;lt;/groupId&amp;gt;
    &amp;lt;artifactId&amp;gt;parent.of.all&amp;lt;/artifactId&amp;gt;
    &amp;lt;version&amp;gt;3.2.2-SNAPSHOT&amp;lt;/version&amp;gt;
    &amp;lt;packaging&amp;gt;pom&amp;lt;/packaging&amp;gt;
    &amp;lt;url&amp;gt;http://maven.apache.org&amp;lt;/url&amp;gt;
    &amp;lt;modules&amp;gt;
        &amp;lt;module&amp;gt;module-common&amp;lt;/module&amp;gt;
        &amp;lt;module&amp;gt;module-A&amp;lt;/module&amp;gt;
        &amp;lt;module&amp;gt;module-B&amp;lt;/module&amp;gt;
        &amp;lt;module&amp;gt;module-C&amp;lt;/module&amp;gt;
    &amp;lt;/modules&amp;gt;
    &amp;lt;dependencyManagement&amp;gt;
        &amp;lt;dependencies&amp;gt;
            &amp;lt;dependency&amp;gt;
                (... - some external dependecies...)
            &amp;lt;/dependency&amp;gt;
            &amp;lt;dependency&amp;gt;
                (... - some external dependecies...)
            &amp;lt;/dependency&amp;gt;
            &amp;lt;dependency&amp;gt;
                (... - some external dependecies...)
            &amp;lt;/dependency&amp;gt;
            &amp;lt;dependency&amp;gt;
                &amp;lt;groupId&amp;gt;our.group.id&amp;lt;/groupId&amp;gt;
                &amp;lt;artifactId&amp;gt;module-common&amp;lt;/artifactId&amp;gt;
                &amp;lt;version&amp;gt;${project.version}&amp;lt;/version&amp;gt;
            &amp;lt;/dependency&amp;gt;
            &amp;lt;dependency&amp;gt;
                &amp;lt;groupId&amp;gt;our.group.id&amp;lt;/groupId&amp;gt;
                &amp;lt;artifactId&amp;gt;module-A&amp;lt;/artifactId&amp;gt;
                &amp;lt;version&amp;gt;${project.version}&amp;lt;/version&amp;gt;
            &amp;lt;/dependency&amp;gt;
            &amp;lt;dependency&amp;gt;
                &amp;lt;groupId&amp;gt;our.group.id&amp;lt;/groupId&amp;gt;
                &amp;lt;artifactId&amp;gt;module-B&amp;lt;/artifactId&amp;gt;
                &amp;lt;version&amp;gt;${project.version}&amp;lt;/version&amp;gt;
            &amp;lt;/dependency&amp;gt;
            &amp;lt;dependency&amp;gt;
                &amp;lt;groupId&amp;gt;our.group.id&amp;lt;/groupId&amp;gt;
                &amp;lt;artifactId&amp;gt;module-C&amp;lt;/artifactId&amp;gt;
                &amp;lt;version&amp;gt;${project.version}&amp;lt;/version&amp;gt;
            &amp;lt;/dependency&amp;gt;
        &amp;lt;/dependencies&amp;gt;
    &amp;lt;/dependencyManagement&amp;gt;
&amp;lt;/project&amp;gt;
&lt;/code&gt;&lt;/pre&gt;
&lt;p&gt;This is the main pom of project, that holds within some modules &lt;code&gt;module-common&lt;/code&gt; &lt;code&gt;module-A&lt;/code&gt; &lt;code&gt;module-B&lt;/code&gt; &lt;code&gt;module-C&lt;/code&gt;. &lt;/p&gt;
&lt;p&gt;The issue that I am facing is the fact, that most of them is bing compiled and tested multiple times, because of internal dependencies between modules:&lt;/p&gt;
&lt;pre&gt;&lt;code&gt;&amp;lt;project (...)&amp;gt;
    &amp;lt;modelVersion&amp;gt;4.0.0&amp;lt;/modelVersion&amp;gt;
    &amp;lt;parent&amp;gt;
        &amp;lt;groupId&amp;gt;our.group.id&amp;lt;/groupId&amp;gt;
        &amp;lt;artifactId&amp;gt;parent.of.all&amp;lt;/artifactId&amp;gt;
        &amp;lt;version&amp;gt;3.2.2-SNAPSHOT&amp;lt;/version&amp;gt;
    &amp;lt;/parent&amp;gt;
    &amp;lt;artifactId&amp;gt;module-B&amp;lt;/artifactId&amp;gt;
    &amp;lt;packaging&amp;gt;jar&amp;lt;/packaging&amp;gt;
    &amp;lt;dependencies&amp;gt;
        &amp;lt;dependency&amp;gt;
            (... - some external dependecies...)
        &amp;lt;/dependency&amp;gt;
        &amp;lt;dependency&amp;gt; &amp;lt;!-- internal dependency to other module --&amp;gt;
            &amp;lt;groupId&amp;gt;our.group.id&amp;lt;/groupId&amp;gt;
            &amp;lt;artifactId&amp;gt;module-common&amp;lt;/artifactId&amp;gt;
        &amp;lt;/dependency&amp;gt;
    &amp;lt;/dependencies&amp;gt;
&amp;lt;/project&amp;gt;
&lt;/code&gt;&lt;/pre&gt;
&lt;p&gt;The more dependencies there are, the longer it takes to build project. How can I prevent maven from doing full install on the same modules being done multiple times? &lt;/p&gt;</t>
  </si>
  <si>
    <t>2013-05-28 08:41:58.673000+00:00</t>
  </si>
  <si>
    <t>2013-05-28 19:08:21.407000+00:00</t>
  </si>
  <si>
    <t>CADisplayLink on iPhone 3GS and iPhone 4 drops from 60 to 40 FPS randomly</t>
  </si>
  <si>
    <t>&lt;p&gt;I am using CADisplayLink to perform a function called gameLoop at 60 FPS and at first the application runs perfectly. Then at a random time (could be 5 seconds or 1 minute the fps drops to around 40 FPS. &lt;/p&gt;
&lt;p&gt;After days of searching forums, debugging, optimizing my rendering, profiling, and analyzing my app, I decided to remove everything from the gameLoop function except for a few lines which calculate how long it has been since the last call to gameLoop. I cannot figure out why CADisplayLink calls gameLoop at 60 FPS for a while then calls it at 40 FPS thereafter when gameLoop does almost nothing.&lt;/p&gt;
&lt;p&gt;I implemented a pause/unpause function which invalidates the display link and restarts it. When I restart the display link, the app runs at 60 FPS again until it drops randomly.&lt;/p&gt;
&lt;p&gt;Thanks in advance to anyone who can give me some insight as to why this is happening.&lt;/p&gt;</t>
  </si>
  <si>
    <t>2012-08-11 01:45:55.333000+00:00</t>
  </si>
  <si>
    <t>2013-06-22 03:21:56.280000+00:00</t>
  </si>
  <si>
    <t>2012-08-15 18:31:36.700000+00:00</t>
  </si>
  <si>
    <t>frame-rate|cadisplaylink</t>
  </si>
  <si>
    <t>How to build notepad++</t>
  </si>
  <si>
    <t>&lt;p&gt;When I run&lt;/p&gt;
&lt;pre&gt;&lt;code&gt;BuildBoost.bat --toolset msvc-9.0 your\boost\install\folder
&lt;/code&gt;&lt;/pre&gt;
&lt;p&gt;it gives the message "boostpath.mak" not found&lt;/p&gt;
&lt;p&gt;I'm following these instructions &lt;a href="http://sourceforge.net/apps/mediawiki/notepad-plus/index.php?title=Compiling_Notepad%2b%2b#Build_Notepad.2B.2B_v5.8.7_.28win32.2C_Debug.29%3a" rel="nofollow"&gt;How To Compile Notepad++ From Source&lt;/a&gt;.&lt;/p&gt;</t>
  </si>
  <si>
    <t>2012-05-04 21:42:46.200000+00:00</t>
  </si>
  <si>
    <t>2012-12-27 06:18:06.030000+00:00</t>
  </si>
  <si>
    <t>2012-05-04 22:06:52.840000+00:00</t>
  </si>
  <si>
    <t>c++|boost|notepad++</t>
  </si>
  <si>
    <t>Using the slices setoption in Google Apps Script</t>
  </si>
  <si>
    <t>&lt;p&gt;I'm doing some testing with Google Charts service, and I'm trying to explode certain slices of my piechart. However, this isn't working as I'd hoped.&lt;/p&gt;
&lt;p&gt;My data source is a range A1:B30, and when I try to explode a range within it, for example the first 4 slices, I'd have thought this would do the trick:&lt;/p&gt;
&lt;pre&gt;&lt;code&gt;setOption('slices',['0',{offset: 0.75},'1',{offset: 0.75},'2',{offset: 0.75},
                        '3',{offset: 0.75},'4',{offset: 0.75}])
&lt;/code&gt;&lt;/pre&gt;
&lt;p&gt;However, that doesn't seem to work - I end up with this:&lt;/p&gt;
&lt;p&gt;&lt;a href="https://i.stack.imgur.com/h5AIn.png" rel="nofollow noreferrer"&gt;&lt;img src="https://i.stack.imgur.com/h5AIn.png" alt="Pie chart"&gt;&lt;/a&gt;&lt;/p&gt;
&lt;p&gt;It's weird - Has it got something to do with there being two elements (the A and B column values in the range) ?? That would explain if the pattern was it always skipped one slice, but at one point it skips two - strange!  Any advice?&lt;/p&gt;
&lt;p&gt;best wishes&lt;/p&gt;
&lt;p&gt;Dave&lt;/p&gt;</t>
  </si>
  <si>
    <t>2016-08-12 13:35:57.443000+00:00</t>
  </si>
  <si>
    <t>2016-08-12 21:26:40.077000+00:00</t>
  </si>
  <si>
    <t>2016-08-12 21:15:30.437000+00:00</t>
  </si>
  <si>
    <t>charts|google-apps-script|google-visualization</t>
  </si>
  <si>
    <t>How to reference C# library in ColdFusion?</t>
  </si>
  <si>
    <t>&lt;p&gt;I have a situation where in I need to reference a C# library in my ColdFusion code. Any suggestions or links would be really useful.&lt;/p&gt;
&lt;p&gt;cheers&lt;/p&gt;</t>
  </si>
  <si>
    <t>2009-07-20 15:04:39.433000+00:00</t>
  </si>
  <si>
    <t>2015-06-01 21:34:39.707000+00:00</t>
  </si>
  <si>
    <t>2011-10-03 05:04:09.347000+00:00</t>
  </si>
  <si>
    <t>c#|coldfusion</t>
  </si>
  <si>
    <t>likelihood in EM algorithm</t>
  </si>
  <si>
    <t>&lt;p&gt;Regarding the EM algorithm.
If I understand correctly, the likelihood is obtained in the E-step (for instance in the Baum���Welch algorithm the likelihood can be obtained form the forward-backward procedure).
However, the final step in each EM-iteration is the M-step. That means the likelihood computed in the step k, actually "belongs" to the parameters of step (k-1). Is that really so, or am I missing something?&lt;/p&gt;</t>
  </si>
  <si>
    <t>2015-06-25 13:04:31.783000+00:00</t>
  </si>
  <si>
    <t>2015-07-21 20:01:19.850000+00:00</t>
  </si>
  <si>
    <t>algorithm</t>
  </si>
  <si>
    <t>How to add UILabel between two strings</t>
  </si>
  <si>
    <t>&lt;p&gt;i have this code to show some texts in a UITextview..i just want to add a UILabel between these strings.i am getting text in this formate, 1  this is first text 2 this is second text 3 this is third text,,i want to add or append UILabel between numeric character and text.my code for showing text is&lt;/p&gt;
&lt;pre&gt;&lt;code&gt; NSMutableString *combined = [NSMutableString string];
    for(NSUInteger idx = 0; idx &amp;lt; [delegatee.allSelectedVerseEnglish count]; idx++) {
        [combined appendFormat:@"   %d %@", 
         idx + 1, 
         [delegatee.allSelectedVerseEnglish objectAtIndex:idx]];
    }
    NSNumberFormatter * f = [[NSNumberFormatter alloc] init]; 
    NSNumber * n = [f numberFromString:combined]; 
    NSLog(@"N: %@", n);
       maintextview.text =combined;
&lt;/code&gt;&lt;/pre&gt;
&lt;p&gt;combined is the text in the above formate ,and maintextview is the UITextview.&lt;/p&gt;
&lt;p&gt;am also getting the string range between two sentence&lt;/p&gt;
&lt;pre&gt;&lt;code&gt;- (void)textViewDidEndEditing:(UITextView *)textView
{
    if (textView == maintextview) {
    mainpopupview.frame =CGRectMake(0, 0, 768, 1004)    ;
    [self.view addSubview:mainpopupview];
    NSRange selectedRange = [textView selectedRange];
    NSString *backString = [maintextview.text substringToIndex:selectedRange.location];
    NSRange backRange = [backString rangeOfString:@"   " options:NSBackwardsSearch];
    NSRange backRangee = [backString rangeOfString:@"   " options:NSBackwardsSearch];
    int  myRangeLenght = backRangee.location - backRange.location;
    NSRange myStringRange = NSMakeRange (backRange.location, myRangeLenght);
    NSString *forwardString  = [maintextview.text substringFromIndex:backRange.location];
    NSLog(@"%@",[[forwardString componentsSeparatedByString:@"   "] objectAtIndex:1]);
    NSLog (@"%@",  [maintextview.text substringWithRange:myStringRange]);
    NSString * myStringTxt = [[forwardString componentsSeparatedByString:@"   "] objectAtIndex:1];
    NSLog(@"1 %@", myStringTxt);
    //  maintextview.textColor = [UIColor yellowColor];
    NSRange myStringRangee = [maintextview.text rangeOfString:myStringTxt];
    [maintextview select:self];
    maintextview.selectedRange = myStringRangee;
&lt;/code&gt;&lt;/pre&gt;
&lt;p&gt;is there any way to do this.
Thanks in advance.&lt;/p&gt;</t>
  </si>
  <si>
    <t>2012-06-01 15:27:30.167000+00:00</t>
  </si>
  <si>
    <t>2012-06-01 17:40:20.450000+00:00</t>
  </si>
  <si>
    <t>iphone|ios|ios5|nsstring|nsrange</t>
  </si>
  <si>
    <t>neo4j cypher, find node and it is relation by id</t>
  </si>
  <si>
    <t>&lt;p&gt;I want match node by node id and also get it is relation to another node, 
first part is work, when you pass params, but I do not know how to get relation between another node and return also second node properties.&lt;/p&gt;
&lt;p&gt;This part is work : &lt;/p&gt;
&lt;pre&gt;&lt;code&gt;MATCH (a:Player) where ID(a)= {id} RETURN ID(a), a.name, a.surname, a.position
&lt;/code&gt;&lt;/pre&gt;
&lt;p&gt;This is full query : &lt;/p&gt;
&lt;pre&gt;&lt;code&gt;Map&amp;lt;String, Object&amp;gt; params = new HashMap&amp;lt;&amp;gt;();
params.put("id", id);
ExecutionResult result = engine.execute("MATCH (a:Player) where ID(a)= {id}- [:`PLAY_IN`]-(b:Team) "
        + " RETURN ID(a), a.name, a.surname, a.position, ID(b), b.name ", params);
&lt;/code&gt;&lt;/pre&gt;</t>
  </si>
  <si>
    <t>2014-07-18 13:07:25.287000+00:00</t>
  </si>
  <si>
    <t>2014-07-18 13:23:03.043000+00:00</t>
  </si>
  <si>
    <t>2014-07-18 13:14:58.443000+00:00</t>
  </si>
  <si>
    <t>java|neo4j|cypher</t>
  </si>
  <si>
    <t>Connect to Oauth without User Interaction [QuickBooks]</t>
  </si>
  <si>
    <t>&lt;p&gt;Please Let me Know how to accomplish my task, connecting to Oauth without any interaction of the user and also the Oauth should not be expire or any way to prevent it from expire.&lt;/p&gt;
&lt;p&gt;it would be great if you can provide me detailed code in c#.&lt;/p&gt;</t>
  </si>
  <si>
    <t>2016-10-03 14:52:24.930000+00:00</t>
  </si>
  <si>
    <t>2016-10-03 20:01:01.503000+00:00</t>
  </si>
  <si>
    <t>c#|oauth|quickbooks|quickbooks-online</t>
  </si>
  <si>
    <t>using a bool in a WWWForm unity</t>
  </si>
  <si>
    <t>&lt;p&gt;So Im trying to add a boolean field to a WWWForm to send to my server.  The problem is that there is no bool param option.  When I try using a string option I get errors as well from the server.  any help is very much appreciated.&lt;/p&gt;</t>
  </si>
  <si>
    <t>2015-07-23 05:14:11.423000+00:00</t>
  </si>
  <si>
    <t>2017-02-16 00:15:06.177000+00:00</t>
  </si>
  <si>
    <t>2015-07-23 05:51:22.850000+00:00</t>
  </si>
  <si>
    <t>forms|unity3d</t>
  </si>
  <si>
    <t>Open configuration.yml file for realm server in order to allow Facebook authentication</t>
  </si>
  <si>
    <t>&lt;p&gt;I'm new to realm and struggling to figure out how to authenticate with Facebook. The docs and other stack overflow questions constantly refer to editing the configuration.yml file, but I cannot find/open this file for the life of me. Where does this file exist? &lt;/p&gt;
&lt;p&gt;Im basically trying to open this config file and uncomment the line that for facebook in the providers section as described here: &lt;a href="https://stackoverflow.com/questions/39978769/realm-syncuser-authenticate-failed-with-googles-clientid-and-facebook"&gt;Realm SyncUser.authenticate failed with Google&amp;#39;s clientID and Facebook&lt;/a&gt;&lt;/p&gt;</t>
  </si>
  <si>
    <t>2017-11-28 20:29:46.753000+00:00</t>
  </si>
  <si>
    <t>2017-12-01 21:42:02.410000+00:00</t>
  </si>
  <si>
    <t>realm|realm-mobile-platform</t>
  </si>
  <si>
    <t>How to get the particular row by column in smartsheet api</t>
  </si>
  <si>
    <t>&lt;p&gt;I am using smartsheet as a database and I want to query the smartsheet by column name equals value like in sql db for example: To get the particular row of Employee sheet where salary equal to 10000. But documentation describes only how to get list of rows and how to update and delete rows by row id.&lt;/p&gt;
&lt;p&gt;&lt;a href="https://smartsheet-platform.github.io/api-docs/?java" rel="nofollow noreferrer"&gt;https://smartsheet-platform.github.io/api-docs/?java&lt;/a&gt;&lt;/p&gt;
&lt;p&gt;What i want is to achieve without knowing id of the row. But I can do by search function by searching the salary of the employee &lt;/p&gt;
&lt;p&gt;&lt;a href="https://api.smartsheet.com/2.0/search?query=10000" rel="nofollow noreferrer"&gt;https://api.smartsheet.com/2.0/search?query=10000&lt;/a&gt;&lt;/p&gt;
&lt;p&gt;and the response of above call will have row id and again i should make a call with rowid to get that row by below call which I don't want.&lt;/p&gt;
&lt;p&gt;GET /sheets/{sheetId}/rows/{rowId}&lt;/p&gt;
&lt;p&gt;Can anyone help me out?&lt;/p&gt;</t>
  </si>
  <si>
    <t>2018-09-07 12:00:43.187000+00:00</t>
  </si>
  <si>
    <t>2018-09-07 15:33:58.520000+00:00</t>
  </si>
  <si>
    <t>smartsheet-api|smartsheet-api-2.0</t>
  </si>
  <si>
    <t>How to get domain name who access the server</t>
  </si>
  <si>
    <t>&lt;p&gt;I'm creating a REST API, so basically one api key only valid for one domain,&lt;/p&gt;
&lt;p&gt;example : api_key 0kjs9s9s9 only valid for mysite.com&lt;/p&gt;
&lt;p&gt;this is for security purpose, so 0kjs9s9s9 only will be able to accessed from mysite.com.&lt;/p&gt;
&lt;p&gt;So the question, how to get the domain name who access the page ?
when i print, &lt;code&gt;print_r($_SERVER)&lt;/code&gt;, i only get one information about who are request the page, 'REMOTE_ADDR', and it's an IP. after reading from some place, i find, that i can use &lt;code&gt;gethostbyaddr($_SERVER['REMOTE_ADDR'])&lt;/code&gt;
but i'm not sure it's the right way.
please any body give me and example code for this issue.&lt;/p&gt;
&lt;p&gt;How if mysite.com is running under proxy and load balancer farm ? which IP i will get ? the proxy or the domain ?&lt;/p&gt;
&lt;p&gt;Is some one can send request with fake domain ?&lt;/p&gt;
&lt;p&gt;Thanks in advance&lt;/p&gt;</t>
  </si>
  <si>
    <t>2012-12-08 09:57:29.490000+00:00</t>
  </si>
  <si>
    <t>2012-12-08 10:21:26.840000+00:00</t>
  </si>
  <si>
    <t>2012-12-08 10:03:10.560000+00:00</t>
  </si>
  <si>
    <t>typo3 t3ddy - default accordeon height</t>
  </si>
  <si>
    <t>&lt;p&gt;is there a way to set the default height-style in t3ddy?&lt;/p&gt;
&lt;p&gt;I'm using &lt;strong&gt;t3ddy&lt;/strong&gt; version &lt;strong&gt;1.2&lt;/strong&gt; in typo3 8.7&lt;/p&gt;
&lt;p&gt;The current default setting for accordeons is set to "Auto: All panels will be set to the height of the tallest panel." but we need it to be "Content: Each panel will be only as tall as its content."&lt;/p&gt;</t>
  </si>
  <si>
    <t>2018-11-09 15:50:24.483000+00:00</t>
  </si>
  <si>
    <t>typo3|typo3-8.x</t>
  </si>
  <si>
    <t>Google cloud DNS record set doesn't work</t>
  </si>
  <si>
    <t>&lt;p&gt;I have a back-end service on Google cloud, which I access through a Google cloud load-balancer with a static IP for front-end and port 80 (do not get any ideas, I am a developer with very basic knowledge of networking).&lt;/p&gt;
&lt;p&gt;For accessing this service through a domain name (as a sub-domain of apps.googleusercontent.com, not custom domain), I created a zone (in cloud DNS) and then an A-Type record set with the IP of the load balancer. I get a 404 (google 404 page) on this new Domain.&lt;/p&gt;
&lt;p&gt;I did a nslookup on new domain name and the IP returned was different than the loadbalancer IP. NSLookup returned another IP when I tried again after 30 minutes.&lt;/p&gt;
&lt;p&gt;Is this the right way to setup the domain?&lt;/p&gt;
&lt;p&gt;P.S. The back-end is a Kubernetes service.&lt;/p&gt;
&lt;p&gt;For creating zone, I used this DNS suffix : apps.googleusercontent.com&lt;/p&gt;</t>
  </si>
  <si>
    <t>2017-06-22 15:33:15.873000+00:00</t>
  </si>
  <si>
    <t>2018-02-09 16:43:41.413000+00:00</t>
  </si>
  <si>
    <t>2017-06-23 05:33:50.403000+00:00</t>
  </si>
  <si>
    <t>dns|google-cloud-platform</t>
  </si>
  <si>
    <t>EditText contents not getting wraped</t>
  </si>
  <si>
    <t>&lt;p&gt;Hi I have the following code&lt;/p&gt;
&lt;pre&gt;&lt;code&gt; &amp;lt;EditText
    android:id="@+id/value"
    android:layout_width="fill_parent"
    android:layout_height="wrap_content"
    android:layout_marginTop="5dip"
    android:layout_weight="1"
    android:gravity="left|center_vertical"
    android:inputType="textMultiLine"
    android:maxLength="2000"
    android:paddingLeft="5dip"
    android:singleLine="false"
    android:textColor="@android:color/black"
    android:textSize="14sp"
     /&amp;gt;
&lt;/code&gt;&lt;/pre&gt;
&lt;p&gt;The above code doesn't wrap the text to next line it displays the text in full single line and types it in single line can anyone help me.&lt;/p&gt;
&lt;p&gt;The above code is inside a linearlayout of a fragment&lt;/p&gt;</t>
  </si>
  <si>
    <t>2013-11-20 11:01:10.600000+00:00</t>
  </si>
  <si>
    <t>2013-11-20 11:26:09.047000+00:00</t>
  </si>
  <si>
    <t>2013-11-20 11:08:17.680000+00:00</t>
  </si>
  <si>
    <t>android|android-edittext|textwrapping</t>
  </si>
  <si>
    <t>Custom jCarousel Trigger - End of Items</t>
  </si>
  <si>
    <t>&lt;p&gt;I am using jCarousel to show a list of items.  Lets say there are 8 items.  I am showing 4, waiting 10 seconds, then scrolling to show the last 4.  I'd like it to then show the first four and then throw a trigger that tells it to rebind data. The items would update and continue cycling like this.&lt;/p&gt;
&lt;p&gt;These items are being loaded through jquery.load [ajax].  I want the items to rebind after they all show.  It'd be even better if I could get them to rebind after cycling twice.  I was rebinding the data using setInterval (time based), but I'd like it to be dynamic so I don't have to change the javascript timer later down the road when more items are added.&lt;/p&gt;
&lt;p&gt;My calling code looks like this:&lt;/p&gt;
&lt;pre&gt;&lt;code&gt;    $(document).ready(function () {
        updateConsoles();
        $("#tableapp").ajaxStop(function () {                
            scrollwindow();
        });
    });      
    function updateConsoles() {
        $('#tableapp').load('AjaxPages/ApplicationMonitor.aspx #application');
    }        
    function scrollwindow() {
        $("#tableapp").jCarouselLite({
            vertical: true,
            hoverPause: true,
            visible: 4,
            auto: 6000,
            speed: 500,
            scroll: 4
        });
    };
&lt;/code&gt;&lt;/pre&gt;
&lt;p&gt;Ideally I am looking to be able to add something like:&lt;/p&gt;
&lt;pre&gt;&lt;code&gt;   function scrollwindow() {
        $("#tableapp").jCarouselLite({
            vertical: true,
            hoverPause: true,
            visible: 4,
            auto: 6000,
            speed: 500,
            scroll: 4,
            whenFinishedCyclingItems: updateConsoles()
        });
    };
&lt;/code&gt;&lt;/pre&gt;
&lt;p&gt;I am pretty new to javascript and jQuery.&lt;/p&gt;</t>
  </si>
  <si>
    <t>2011-12-29 17:32:59.160000+00:00</t>
  </si>
  <si>
    <t>2011-12-29 18:10:30.870000+00:00</t>
  </si>
  <si>
    <t>javascript|jquery|jcarousel|jcarousellite</t>
  </si>
  <si>
    <t>How to change Java ROME parser default socket timeout?</t>
  </si>
  <si>
    <t>&lt;p&gt;I am parsing a fair amount of RSS feeds in cascade using Java ROME as my XML parser. 
Sometimes one of the RSS feeds might be unreachable because of network issues, which results in a Socket timeout when trying to create the XMLReader object ( new XMLReader(url)).&lt;/p&gt;
&lt;p&gt;The problem is that the default timeout lasts about 2 decades and when it happens it's slowing down the whole process. &lt;/p&gt;
&lt;p&gt;Is there a way to change the default socket timeout in Java ROME?&lt;/p&gt;</t>
  </si>
  <si>
    <t>2013-04-05 10:34:11.687000+00:00</t>
  </si>
  <si>
    <t>2013-04-05 10:47:42.080000+00:00</t>
  </si>
  <si>
    <t>java|sockets|timeout|rome</t>
  </si>
  <si>
    <t>have an error when i try import my component in react native</t>
  </si>
  <si>
    <t>&lt;p&gt;I got an error when i try import my component.
here is text of error  :
"element type is invalid expected a string (for built-in components) or a class/function".&lt;/p&gt;
&lt;p&gt;Main file index.android.js&lt;/p&gt;
&lt;pre&gt;
import React, { Component } from &amp;#39;react&amp;#39;;&lt;br/&gt;import {&lt;br/&gt;    AppRegistry,&lt;br/&gt;    StyleSheet,&lt;br/&gt;    Text,&lt;br/&gt;    View&lt;br/&gt;} from &amp;#39;react-native&amp;#39;;&lt;br/&gt;&lt;br/&gt;import {Text2} from &amp;#39;./components/Text2&amp;#39;;&lt;br/&gt;&lt;br/&gt;class p001_lesson extends Component {&lt;br/&gt;    render() {&lt;br/&gt;        return (&lt;br/&gt;            &amp;lt;View&amp;gt;&lt;br/&gt;                &amp;lt;Text2/&amp;gt;&lt;br/&gt;            &amp;lt;/View&amp;gt;&lt;br/&gt;        );&lt;br/&gt;    }&lt;br/&gt;}&lt;br/&gt;&lt;br/&gt;AppRegistry.registerComponent(&amp;#39;p001_lesson&amp;#39;, () =&amp;gt; p001_lesson);&lt;br/&gt;
    &lt;/pre&gt;
&lt;pre&gt;&lt;code&gt;second file Text2.js
&amp;lt;pre&amp;gt;
import React, {Component} from 'react';
import {
    Text,
} from 'react-native';
class Text2 extends Component {
    render() {
        return &amp;lt;Text&amp;gt;some text here&amp;lt;/Text&amp;gt;
    }
}
&lt;/code&gt;&lt;/pre&gt;
&lt;p&gt;&lt;/p&gt;
&lt;p&gt;How i can fix my import? Sorry for my English :D&lt;/p&gt;</t>
  </si>
  <si>
    <t>2017-01-13 21:51:24.050000+00:00</t>
  </si>
  <si>
    <t>2017-07-21 06:23:27.863000+00:00</t>
  </si>
  <si>
    <t>javascript|android|ios|reactjs|react-native</t>
  </si>
  <si>
    <t>JAVA API to rename and delete files in S3 bucket</t>
  </si>
  <si>
    <t>&lt;p&gt;I am implementing PageRanking on Amazon WebServices using Elastic Map Reduce. Following is my Code. The problem is that the rename and delete methods in FileSystem API(Using Hadoop 2.2.0) don't seem to do their job.&lt;/p&gt;
&lt;p&gt;Am I missing something?&lt;/p&gt;
&lt;pre&gt;&lt;code&gt;    public class PageRankDriver{
private static Logger log = Logger.getLogger(PageRankDriver.class.toString()); 
public static void main(String[] args) throws IOException
{
    if (args.length != 4||Integer.parseInt(args[3])&amp;lt;0)
    {
        System.err.println("Usage: PageRank &amp;lt;nodes path&amp;gt; &amp;lt;edges path&amp;gt; &amp;lt;output path&amp;gt; &amp;lt;# of iterations&amp;gt; ");
        System.exit(-1);
    }
    /*
     * Initial config
     */
    JobConf conf = new JobConf(PageRankDriver.class);
    log.info("Test Debug 1");
    FileSystem fs= FileSystem.get(URI.create(args[0]),conf);
    String[] otherArgs = new GenericOptionsParser(conf, args).getRemainingArgs();
    /*
     * Get the number of nodes
     */
    FSDataInputStream nodesFile = fs.open(new Path(otherArgs[0]));
    int count = 0;
    while (nodesFile.readLine() != null)
    {
        count++;
    }
    conf.set("NODE_COUNT", count + "");
    //delete old output folder
    fs.delete(new Path(otherArgs[2]),true);
    conf.setJobName("PageRank");
    conf.setInputFormat(TextInputFormat.class);
    conf.setOutputFormat(TextOutputFormat.class);
    TextOutputFormat.setOutputPath(conf, new Path(otherArgs[2]));
    TextInputFormat.setInputPaths(conf, new Path(otherArgs[1]));
    conf.setMapperClass(PageRankFirstMapper.class);
    conf.setReducerClass(PageRankFirstReducer.class);
    log.info("----"+TextOutputFormat.getOutputPath(conf).getName());
    conf.setBoolean("mapred.output.compress", false);
    conf.setOutputKeyClass(Text.class);
    conf.setOutputValueClass(Text.class);
    conf.setJarByClass(PageRankDriver.class);
    conf.setJar("PageRank.jar");
    JobClient.runJob(conf);
    log.info("Test Debug 2");
    //This is used to adjust the path for hdfs or local machine
    String pre="";  
    //||fs.getWorkingDirectory().toString().contains("hadoop");s3://awsee599
    if(fs.getWorkingDirectory().toString().contains("hdfs")||fs.getWorkingDirectory().toString().contains("hadoop"))
    {
        pre="s3://awsee599/";
    }
    /*Path src=new Path(otherArgs[2]+"/part-00000");
    Path dst=new Path(pre);
    fs.copyToLocalFile(src, dst);*/
    boolean test1=fs.rename(new Path(otherArgs[2]+"/part-00000"), new Path(pre+"temp.txt"));
    log.info("Test Debug 3------------"+pre+" Working directory::"+fs.getWorkingDirectory().toString()+" Rename----------"+test1);
    boolean test2=fs.delete(new Path(otherArgs[2]),true);
    log.info("Test Debug 3------------"+pre+" Working directory::"+fs.getWorkingDirectory().toString()+"Delete----"+test2);
    conf.clear();
    boolean test = false;
    /***************************************
     * Now onto the next few iterations
     ***************************************/
    for (int i = 0; i &amp;lt; Integer.parseInt(otherArgs[3]); i++)
    {
        JobConf confNext = new JobConf(PageRankDriver.class);
        log.info("------------FRUIT LOOPS::::"+i);
        //log.info("----"+FileOutputFormat.getOutputPath(conf).getName());
        confNext.setJobName("PageRank");
        confNext.setBoolean("mapred.output.compress", false);
        confNext.setInputFormat(TextInputFormat.class);
        confNext.setOutputFormat(TextOutputFormat.class);
        log.info("Test debug 4---------------"+fs.getWorkingDirectory().toString());
        //FileOutputFormat.getOutputPath(conf);
        if(fs.exists(new Path(otherArgs[2])))
        {
            log.info("--------------------------output exists-----------------------");
            /*fs.delete(new Path(otherArgs[2]),true);*/
        }
        TextOutputFormat.setOutputPath(confNext, new Path(otherArgs[2]));
        log.info("----"+otherArgs[2]);
        if(fs.exists(new Path(pre+"temp.txt")))
        {
            log.info("--------------------------temp.txt exists-----------------------");
        }
        TextInputFormat.setInputPaths(confNext, new Path(pre+"temp.txt"));
        /*FileInputFormat.setInputPaths(confNext, new Path(pre+"temp.txt"));*/
        Path[] path=TextInputFormat.getInputPaths(confNext);
        for (int j = 0; j &amp;lt; path.length; j++) {
            log.info("---------"+path[j].getName()+"------------");
            log.info("------------"+pre+"------------");
        }
        log.info("----"+TextOutputFormat.getOutputPath(confNext).getName());
        confNext.setMapperClass(PageRankSecondMapper.class);
        confNext.setReducerClass(PageRankSecondReducer.class);
        confNext.setOutputKeyClass(Text.class);
        confNext.setOutputValueClass(Text.class);
                    /*ERROR PRINTED BELOW is thrown from here*/ 
        RunningJob jb=JobClient.runJob(confNext);
        if(jb.isSuccessful())
            log.info("Yes-------"+jb.getTrackingURL());
        /*fs.setPermission(new Path(pre+"part-00000"), FsPermission.getFileDefault());*/
        test=fs.delete(new Path(pre+"temp.txt"),true);
        log.info("DELETE-temp.txt------------"+test);
        log.info("temp.txt exists----------"+fs.exists(new Path(pre+"temp.txt")));
        log.info(otherArgs[2]+"/part-00000"+"::"+pre+"temp.txt");
        test=fs.rename(new Path(otherArgs[2]+"/part-00000"), new Path(pre+"temp.txt"));
        /*Path src1=new Path(otherArgs[2]+"/part-00000");
        Path dst1=new Path(pre);
        fs.copyToLocalFile(src1, dst1);
        fs.setPermission(new Path(otherArgs[2]), FsPermission.getFileDefault());*/
        fs.delete(new Path(otherArgs[2]),true);
        log.info("After delete and rename;temp.txt exists----------"+fs.exists(new Path(pre+"temp.txt")));
        log.info("After delete and rename;Output exists----------"+fs.exists(new Path(otherArgs[2])));
        confNext.clear();
    }
    log.info("Exiting Main---------------------------");
}
&lt;/code&gt;&lt;/pre&gt;
&lt;p&gt;}&lt;/p&gt;
&lt;p&gt;I get the following exception when I run the above code in EMR. The funny thing is, the For loop runs the first iteration without any fuss.
The same path is accessed in the first run and in the second run the following exception is thrown&lt;/p&gt;
&lt;pre&gt;&lt;code&gt;Exception in thread "main" org.apache.hadoop.mapred.InvalidInputException: Input path does not exist: s3://awsee599/temp.txt
    at org.apache.hadoop.mapred.FileInputFormat.listStatus(FileInputFormat.java:197)
    at org.apache.hadoop.mapred.FileInputFormat.getSplits(FileInputFormat.java:208)
    at org.apache.hadoop.mapred.JobClient.writeOldSplits(JobClient.java:1044)
    at org.apache.hadoop.mapred.JobClient.writeSplits(JobClient.java:1036)
    at org.apache.hadoop.mapred.JobClient.access$700(JobClient.java:174)
    at org.apache.hadoop.mapred.JobClient$2.run(JobClient.java:952)
    at org.apache.hadoop.mapred.JobClient$2.run(JobClient.java:905)
    at java.security.AccessController.doPrivileged(Native Method)
    at javax.security.auth.Subject.doAs(Subject.java:415)
    at org.apache.hadoop.security.UserGroupInformation.doAs(UserGroupInformation.java:1132)
    at org.apache.hadoop.mapred.JobClient.submitJobInternal(JobClient.java
&lt;/code&gt;&lt;/pre&gt;</t>
  </si>
  <si>
    <t>2013-11-09 11:53:55.870000+00:00</t>
  </si>
  <si>
    <t>2013-11-09 12:22:47.380000+00:00</t>
  </si>
  <si>
    <t>java|amazon-s3|emr</t>
  </si>
  <si>
    <t>Parsing XML with Android and Java</t>
  </si>
  <si>
    <t>&lt;p&gt;I have to parse this XML &lt;a href="https://i.imgur.com/GUAHB4t.jpg" rel="nofollow noreferrer"&gt;https://i.imgur.com/GUAHB4t.jpg&lt;/a&gt; to extract the highlighted string under the "DetailPageURL" tag. I did a try but have quite confused ideas. I'm working on Android SDK&lt;/p&gt;
&lt;pre&gt;&lt;code&gt;import android.os.AsyncTask;
import org.w3c.dom.Document;
import org.w3c.dom.Element;
import org.w3c.dom.NodeList;
import org.xml.sax.SAXException;
import java.io.IOException;
import java.net.MalformedURLException;
import java.net.URL;
import javax.xml.parsers.DocumentBuilder;
import javax.xml.parsers.DocumentBuilderFactory;
import javax.xml.parsers.ParserConfigurationException;
public class ReflinkFetcher extends AsyncTask&amp;lt;String, Void, String&amp;gt; {
String refLink = null;
@Override
protected String doInBackground( String... url){
    Document doc = openXML(url[0]);
    Element rootElement = doc.getDocumentElement();
    refLink = getString("DetailPageUrl", rootElement);
    return refLink;
}
public String getRefLink(){
    return refLink;
}
private Document openXML(String url) {
    Document doc = null;
    try {
        DocumentBuilderFactory dbf = DocumentBuilderFactory.newInstance();
        DocumentBuilder db = dbf.newDocumentBuilder();
        doc = db.parse(new URL(url).openStream());
    } catch (SAXException e1) {
        e1.printStackTrace();
    } catch (ParserConfigurationException e1) {
        e1.printStackTrace();
    } catch (MalformedURLException e2) {
        e2.printStackTrace();
    } catch (IOException e3) {
        e3.printStackTrace();
    }
    return doc;
}
private String getString(String tagName, Element element) {
    NodeList list = element.getElementsByTagName("Items");
    if (list != null &amp;amp;&amp;amp; list.getLength() &amp;gt; 0) {
        NodeList subList = list.item(0).getChildNodes(); //0=items
        if (subList != null &amp;amp;&amp;amp; subList.getLength() &amp;gt; 0) {
            subList = subList.item(4).getChildNodes(); //4=item
            if( subList != null &amp;amp;&amp;amp; subList.getLength() &amp;gt;0 ) {
                subList = subList.item(2).getChildNodes(); //2=DetailPageURL
                if( subList != null &amp;amp;&amp;amp; subList.getLength() &amp;gt;0 ) {
                    return subList.item(0).getNodeValue(); // Value??
                }
            }
        }
    }
    return null;
}
}
&lt;/code&gt;&lt;/pre&gt;
&lt;p&gt;The final return null is being executed. I think the "getString" method is quite poor too. How can I improve it?&lt;/p&gt;</t>
  </si>
  <si>
    <t>2017-07-28 13:26:14.937000+00:00</t>
  </si>
  <si>
    <t>2017-07-28 13:41:16.010000+00:00</t>
  </si>
  <si>
    <t>java|android|xml</t>
  </si>
  <si>
    <t>Javascript error "Object doesn't support this property or method" displays in DEBUG mode</t>
  </si>
  <si>
    <t>&lt;p&gt;I have a C# .NET windows application that will get HTML files and use them to display data. The HTML files will have javascript in them to help parse/display the data, and one of them uses an activeXObject to display PDF files.&lt;/p&gt;
&lt;p&gt;When I install a binary version of the windows application, the PDF file displays properly and is fine.
When I am running from DEBUG mode from VS2008, i get the error: &lt;/p&gt;
&lt;blockquote&gt;
  &lt;p&gt;Failed to load details page. An
  exception occurred in the script.
  Error name: TypeError. Error message:
  Object doesn't support this property
  or method&lt;/p&gt;
&lt;/blockquote&gt;
&lt;p&gt;They are both referring to the same HTML page, the only difference is one is a binary install and the other is just my DEBUG build running.&lt;/p&gt;
&lt;p&gt;I need to get it working in DEBUG mode so I can test but I'm not sure what's wrong; Any suggestions would definitely be appreciated!&lt;/p&gt;
&lt;p&gt;Edit: Sorry here is the HTML Code:&lt;/p&gt;
&lt;pre&gt;&lt;code&gt;&amp;lt;html xmlns="http://www.w3.org/1999/xhtml"&amp;gt;
&amp;lt;head&amp;gt;      
&amp;lt;title&amp;gt;Received Fax Preview Page&amp;lt;/title&amp;gt;    
&amp;lt;/head&amp;gt;     
&amp;lt;body&amp;gt;  
&amp;lt;object data="myfile.pdf" type="application/pdf" width="800" height="600"&amp;gt;SUP&amp;lt;/object&amp;gt;  
&amp;lt;/body&amp;gt;
&amp;lt;/html&amp;gt;
&lt;/code&gt;&lt;/pre&gt;
&lt;p&gt;And i'm just using the C# web browser to display it.&lt;/p&gt;
&lt;pre&gt;&lt;code&gt; _webBrowser.DocumentText = htmlDoc;
&lt;/code&gt;&lt;/pre&gt;</t>
  </si>
  <si>
    <t>2011-04-20 17:56:53.333000+00:00</t>
  </si>
  <si>
    <t>2011-04-26 16:37:01.867000+00:00</t>
  </si>
  <si>
    <t>2011-04-26 14:05:01.927000+00:00</t>
  </si>
  <si>
    <t>c#|javascript|.net|debugging|activexobject</t>
  </si>
  <si>
    <t>Print a Custom doc property</t>
  </si>
  <si>
    <t>&lt;p&gt;Here is my  current code.&lt;/p&gt;
&lt;pre&gt;&lt;code&gt;Sub PrintMasterTime()
Dim PropVal As Integer
    PropVal = ActiveDocument.CustomDocumentProperties(MasterTime).Value
    Print PropVal
End Sub
&lt;/code&gt;&lt;/pre&gt;
&lt;p&gt;Compile Error: &lt;code&gt;Method not valid without suitable object&lt;/code&gt;&lt;/p&gt;
&lt;p&gt;Not sure why it's not printing. &lt;code&gt;"MasterTime"&lt;/code&gt; is the name of my custom document property.&lt;/p&gt;</t>
  </si>
  <si>
    <t>2015-01-07 15:17:10.453000+00:00</t>
  </si>
  <si>
    <t>2015-01-07 16:19:24.423000+00:00</t>
  </si>
  <si>
    <t>vba|word-2010|custom-properties</t>
  </si>
  <si>
    <t>Append value to more than one position in vector</t>
  </si>
  <si>
    <t>&lt;p&gt;How do we append a single value to multiple positions in a vector? &lt;/p&gt;
&lt;pre&gt;&lt;code&gt;x=c(1,2,3)
append(x, "a", c(1,3))
[1] "1" "a" "2" "3"
Warning messages:
1: In if (!after) c(values, x) else if (after &amp;gt;= lengx) c(x, values) else c(x[1L:after],  :
  ��������������� &amp;gt; 1���������������������������������
2: In if (after &amp;gt;= lengx) c(x, values) else c(x[1L:after], values,  :
  ��������������� &amp;gt; 1���������������������������������
3: In 1L:after : numerical expression has 2 elements: only the first used
4: In (after + 1L):lengx :
  numerical expression has 2 elements: only the first used
&lt;/code&gt;&lt;/pre&gt;
&lt;p&gt;With the above code, only the first position is registered, with a warning message. &lt;/p&gt;
&lt;pre&gt;&lt;code&gt;lapply(c(1,3), function(y) append(x, 'a', y))
&lt;/code&gt;&lt;/pre&gt;
&lt;p&gt;yields this result: &lt;/p&gt;
&lt;pre&gt;&lt;code&gt;[[1]]
[1] "1" "a" "2" "3"
[[2]]
[1] "1" "2" "3" "a"
&lt;/code&gt;&lt;/pre&gt;
&lt;hr&gt;
&lt;p&gt;&lt;strong&gt;Expected output:&lt;/strong&gt;&lt;/p&gt;
&lt;pre&gt;&lt;code&gt;1 a 2 3 a
&lt;/code&gt;&lt;/pre&gt;</t>
  </si>
  <si>
    <t>2018-05-02 16:39:32.633000+00:00</t>
  </si>
  <si>
    <t>2018-05-02 18:42:39.183000+00:00</t>
  </si>
  <si>
    <t>Linking error -&gt; Managed DLL to Unmanaged Lib</t>
  </si>
  <si>
    <t>&lt;p&gt;I have a managed C++ dll which uses a unmanaged C++ lib. I've added the lib file in the managed project's "Additional Dependencies". Unfortunately I get a dozen of std::locale already defined in msvcprtd.lib linking errors.&lt;/p&gt;
&lt;p&gt;Any idea? Do I have to build both as dll and link them together?&lt;/p&gt;</t>
  </si>
  <si>
    <t>2011-12-16 12:16:53.377000+00:00</t>
  </si>
  <si>
    <t>2011-12-16 12:49:15.973000+00:00</t>
  </si>
  <si>
    <t>2011-12-16 12:22:40.080000+00:00</t>
  </si>
  <si>
    <t>c++|visual-studio</t>
  </si>
  <si>
    <t>C# console app fails login to SharePoint when called by PHP but runs okay on its own</t>
  </si>
  <si>
    <t>&lt;p&gt;I have a C# code that adds an item to a List in SharePoint 2013. It runs fine from the command line, but when I execute it from PHP code with &lt;code&gt;exec&lt;/code&gt; or &lt;code&gt;popen&lt;/code&gt;, I get a &lt;code&gt;401 Unauthorized&lt;/code&gt; error. I set it up such that the PHP code is executed when a user clicks on a button on a webpage.&lt;/p&gt;
&lt;p&gt;PHP:&lt;/p&gt;
&lt;pre&gt;&lt;code&gt;exec("C:/Path/To/shortcut.lnk");
&lt;/code&gt;&lt;/pre&gt;
&lt;p&gt;Where &lt;code&gt;shortcut.lnk&lt;/code&gt; is a shortcut with admin privileges pointing to the &lt;code&gt;.exe&lt;/code&gt; file with the following C# code:&lt;/p&gt;
&lt;pre&gt;&lt;code&gt;ClientContext clientContext = new ClientContext("siteUrl");
clientContext.Credentials = new NetworkCredential("username", "password", "domain");
List oList = clientContext.Web.Lists.GetByTitle("listTitle");
ListItemCreationInformation itemCreateInfo = new ListItemCreationInformation();
ListItem oListItem = oList.AddItem(itemCreateInfo);
oListItem["Title"] = "Some Title";
oListItem.Update();
clientContext.ExecuteQuery();
&lt;/code&gt;&lt;/pre&gt;
&lt;p&gt;The last line throws the following:&lt;/p&gt;
&lt;pre&gt;&lt;code&gt;System.Net.WebException: The remote server returned an error: (401) Unauthorized. ---&amp;gt; System.ComponentModel.Win32Exception: The logon attempt failed
   at System.Net.NTAuthentication.GetOutgoingBlob(Byte[] incomingBlob, Boolean throwOnError, SecurityStatus&amp;amp; statusCode)
   at System.Net.NTAuthentication.GetOutgoingBlob(String incomingBlob)
   at System.Net.NegotiateClient.DoAuthenticate(String challenge, WebRequest webRequest, ICredentials credentials, Boolean preAuthenticate)
   at System.Net.NegotiateClient.Authenticate(String challenge, WebRequest webRequest, ICredentials credentials)
   at System.Net.AuthenticationManagerDefault.Authenticate(String challenge, WebRequest request, ICredentials credentials)
   at System.Net.AuthenticationState.AttemptAuthenticate(HttpWebRequest httpWebRequest, ICredentials authInfo)
   at System.Net.HttpWebRequest.CheckResubmitForAuth()
   at System.Net.HttpWebRequest.CheckResubmit(Exception&amp;amp; e, Boolean&amp;amp; disableUpload)
   --- End of inner exception stack trace ---
   at System.Net.HttpWebRequest.GetResponse()
   at Microsoft.SharePoint.Client.SPWebRequestExecutor.Execute()
   at Microsoft.SharePoint.Client.ClientContext.GetFormDigestInfoPrivate()
   at Microsoft.SharePoint.Client.ClientContext.EnsureFormDigest()
   at Microsoft.SharePoint.Client.ClientContext.ExecuteQuery()
&lt;/code&gt;&lt;/pre&gt;</t>
  </si>
  <si>
    <t>2017-12-22 04:54:13.100000+00:00</t>
  </si>
  <si>
    <t>c#|php|sharepoint-2013</t>
  </si>
  <si>
    <t>How to replace multiple selectors at a time using replaceWith()</t>
  </si>
  <si>
    <t>&lt;p&gt;I want to replace certain divs with other divs. But I want to do it all at a time.&lt;/p&gt;
&lt;pre&gt;&lt;code&gt;divs_to_replace.eq(-1).after(new_divs).end().remove();
&lt;/code&gt;&lt;/pre&gt;
&lt;p&gt;So I thought I should use replaceWith() instead as it does that at once:&lt;/p&gt;
&lt;pre&gt;&lt;code&gt;divs_to_replace.replaceWith(new_divs);
&lt;/code&gt;&lt;/pre&gt;
&lt;p&gt;However this replaces the old divs with the new ones one by one. So I have as many old divs there are times duplicated new divs. Is there a way I can do this all at once?&lt;/p&gt;
&lt;p&gt;&lt;strong&gt;EDIT:&lt;/strong&gt;&lt;/p&gt;
&lt;p&gt;&lt;a href="http://jsfiddle.net/9ej2n/" rel="nofollow"&gt;http://jsfiddle.net/9ej2n/&lt;/a&gt;
(Working solution)&lt;/p&gt;
&lt;p&gt;&lt;a href="http://jsfiddle.net/9ej2n/1/" rel="nofollow"&gt;http://jsfiddle.net/9ej2n/1/&lt;/a&gt;
(Desired solution)&lt;/p&gt;
&lt;p&gt;&lt;strong&gt;EDIT2:&lt;/strong&gt;
        (..content..)
    &lt;/p&gt;
&lt;pre&gt;&lt;code&gt;&amp;lt;div class="article"&amp;gt;
    (..content..)
&amp;lt;/div&amp;gt;
&amp;lt;div class="article"&amp;gt;
    (..content..)
&amp;lt;/div&amp;gt;
&amp;lt;div class="article"&amp;gt;
    (..content..)
&amp;lt;/div&amp;gt;
&amp;lt;div class="empty_article"&amp;gt;&amp;lt;/div&amp;gt;
&amp;lt;div class="empty_article"&amp;gt;&amp;lt;/div&amp;gt;
&amp;lt;div class="empty_article"&amp;gt;&amp;lt;/div&amp;gt;
&amp;lt;div class="empty_article"&amp;gt;&amp;lt;/div&amp;gt;
&lt;/code&gt;&lt;/pre&gt;
&lt;p&gt;Now I load new articles with content via AJAX into the page and replace the empty_articles with this new ones.&lt;/p&gt;
&lt;p&gt;I tried to make the example simple to go to the point. Anyway this is more real example.
I thought it would be better for performance to use replaceWith() instead of the before approach.&lt;/p&gt;</t>
  </si>
  <si>
    <t>2013-12-07 13:59:42.393000+00:00</t>
  </si>
  <si>
    <t>2013-12-07 14:22:15.653000+00:00</t>
  </si>
  <si>
    <t>2013-12-07 14:20:13.887000+00:00</t>
  </si>
  <si>
    <t>javascript|jquery|replacewith</t>
  </si>
  <si>
    <t>Can't add icon to Action Right Click Drop Down Menu in Notes Client View</t>
  </si>
  <si>
    <t>&lt;p&gt;I am trying to add an icon to the Right Click, Drop Down Menu , on an Action, in a View.  The icon shows up in the Action Bar (with no text, but that is how it's supposed to work) at the top (see image) but in the drop down menu, it does not appear, only the text does.  Is there something I am missing?  Is this not suppported?&lt;/p&gt;
&lt;p&gt;&lt;a href="https://i.stack.imgur.com/VZ5ex.gif" rel="nofollow noreferrer"&gt;&lt;img src="https://i.stack.imgur.com/VZ5ex.gif" alt="enter image description here"&gt;&lt;/a&gt;&lt;/p&gt;
&lt;p&gt;&lt;a href="https://i.stack.imgur.com/f9Erv.gif" rel="nofollow noreferrer"&gt;&lt;img src="https://i.stack.imgur.com/f9Erv.gif" alt="enter image description here"&gt;&lt;/a&gt;&lt;/p&gt;</t>
  </si>
  <si>
    <t>2016-04-27 15:43:55.693000+00:00</t>
  </si>
  <si>
    <t>2016-04-28 08:06:32.250000+00:00</t>
  </si>
  <si>
    <t>lotus-notes|lotusscript|notesview</t>
  </si>
  <si>
    <t>Enumerate All Installed Applications on OS X</t>
  </si>
  <si>
    <t>&lt;h1&gt;Basic problem&lt;/h1&gt;
&lt;p&gt;I'm looking for a solution to enumerate all applications installed on a (Mac) OS X system, i.e. all application bundles registered with &lt;a href="https://developer.apple.com/library/mac/#documentation/Carbon/Reference/LaunchServicesReference/Reference/reference.html" rel="nofollow noreferrer"&gt;LaunchServices&lt;/a&gt;.&lt;/p&gt;
&lt;h1&gt;Simple approach that did not work&lt;/h1&gt;
&lt;p&gt;(Please note: &lt;code&gt;lsregister&lt;/code&gt; can be found under &lt;code&gt;/System/Library/Frameworks/CoreServices.framework/Frameworks/LaunchServices.framework/Support/lsregister&lt;/code&gt;).&lt;/p&gt;
&lt;p&gt;Currently I am using the output of &lt;code&gt;lsregister -dump | grep -E '^.*[ \\t]*path:[ \\t]+(\/.*)$' | grep -Eo '\/.*'&lt;/code&gt;, which has a few problems:&lt;/p&gt;
&lt;ul&gt;
&lt;li&gt;&lt;code&gt;.app&lt;/code&gt; bundles with newlines (&lt;code&gt;\n&lt;/code&gt;, which is valid on UNIX) are not handled correctly (This issue would be fixable by writing a proper parser)&lt;/li&gt;
&lt;li&gt;&lt;p&gt;&lt;code&gt;lsregister&lt;/code&gt; doesn't handle correctly weird filename (e.g. containing the &lt;a href="http://en.wikipedia.org/wiki/Right-to-left_mark" rel="nofollow noreferrer"&gt;RTL mark&lt;/a&gt;). &lt;code&gt;lsregister&lt;/code&gt; just seems to ignore files with the RTL mark in their name. 
If you want to, you can create a file with RTL in its name by running the following command.&lt;/p&gt;
&lt;pre&gt;&lt;code&gt;python -c 'import shutil; shutil.copytree(u"/Applications/TextEdit.app", u"/Applications/ThisIsAWeird\u202EApp.app")'
&lt;/code&gt;&lt;/pre&gt;
&lt;p&gt;After doing this, &lt;code&gt;lsregister -dump | grep ThisIsAWeird&lt;/code&gt; will &lt;em&gt;not&lt;/em&gt; reveal it. But when you right click on a text file and go to "Open With" you'll that LaunchServices and Finder still support that file.
&lt;img src="https://i.stack.imgur.com/c40Jq.png" alt="see yourself"&gt;&lt;/p&gt;&lt;/li&gt;
&lt;/ul&gt;
&lt;p&gt;Simply enumerating all files in &lt;code&gt;/Applications&lt;/code&gt; and other directories does not work because LaunchServices is aware of application bundles in arbitrary folders and I also need these apps.&lt;/p&gt;
&lt;h1&gt;Other approch that I didn't get to work&lt;/h1&gt;
&lt;p&gt;Apparently, there's a private API function called &lt;code&gt;_LSFindApplications&lt;/code&gt; which does exactly what I need to do but I can't get it to work and didn't find any inofficial documentation on the internet. (proof it exists: &lt;code&gt;nm /System/Library/Frameworks/CoreServices.framework/Frameworks/LaunchServices.framework/LaunchServices  | grep __LSFindApplications$&lt;/code&gt;)&lt;/p&gt;
&lt;h1&gt;UPDATE: system_profiler method also doesn't seem to work&lt;/h1&gt;
&lt;p&gt;Until now I though the &lt;code&gt;system_profiler&lt;/code&gt; method as suggested by @Anoop works but today I found out that &lt;code&gt;lsregister&lt;/code&gt; still picks up more binaries. Some or missing on all machines, some seems to be only missing in &lt;code&gt;system_profiler&lt;/code&gt; when you have mounted an external volume with another installation of OS X. Here's a list what's missing in the output of &lt;code&gt;system_profiler&lt;/code&gt; (but is present in &lt;code&gt;lsregister&lt;/code&gt;) on one of my machines:&lt;/p&gt;
&lt;pre&gt;&lt;code&gt;/Applications/Automator.app/Contents/Resources/Application Stub.app
/Applications/Google Chrome.app/Contents/Versions/30.0.1599.69/Google Chrome Framework.framework/Resources/app_mode_loader.app
/Applications/Google Chrome.app/Contents/Versions/30.0.1599.69/Google Chrome Framework.framework/Resources/crash_report_sender.app
/Applications/Google Chrome.app/Contents/Versions/30.0.1599.69/Google Chrome Helper EH.app
/Applications/Google Chrome.app/Contents/Versions/30.0.1599.69/Google Chrome Helper NP.app
/Applications/Google Chrome.app/Contents/Versions/30.0.1599.69/Google Chrome Helper.app
/System/Library/CoreServices/AddPrinter.app
/System/Library/CoreServices/AirPlayUIAgent.app
/System/Library/CoreServices/AppleFileServer.app
/System/Library/CoreServices/AppleGraphicsWarning.app
/System/Library/CoreServices/AppleScript Runner.app
/System/Library/CoreServices/AppleScript Utility.app
/System/Library/CoreServices/CalendarFileHandler.app
/System/Library/CoreServices/Certificate Assistant.app
/System/Library/CoreServices/CoreLocationAgent.app
/System/Library/CoreServices/CoreServicesUIAgent.app
/System/Library/CoreServices/CoreTypes.bundle
/System/Library/CoreServices/Database Events.app
/System/Library/CoreServices/DiskImageMounter.app
/System/Library/CoreServices/Expansion Slot Utility.app
/System/Library/CoreServices/File Sync.app
/System/Library/CoreServices/FileSyncAgent.app
/System/Library/CoreServices/Folder Actions Dispatcher.app
/System/Library/CoreServices/Folder Actions Setup.app
/System/Library/CoreServices/HelpViewer.app
/System/Library/CoreServices/Image Events.app
/System/Library/CoreServices/Install in Progress.app
/System/Library/CoreServices/Jar Launcher.app
/System/Library/CoreServices/Java Web Start.app
/System/Library/CoreServices/KeyboardSetupAssistant.app
/System/Library/CoreServices/Language Chooser.app
/System/Library/CoreServices/LocationMenu.app
/System/Library/CoreServices/MRTAgent.app
/System/Library/CoreServices/Memory Slot Utility.app
/System/Library/CoreServices/NetAuthAgent.app
/System/Library/CoreServices/Network Diagnostics.app
/System/Library/CoreServices/Network Setup Assistant.app
/System/Library/CoreServices/ODSAgent.app
/System/Library/CoreServices/Pass Viewer.app
/System/Library/CoreServices/Printer Setup Utility.app
/System/Library/CoreServices/RegisterPluginIMApp.app
/System/Library/CoreServices/Screen Sharing.app
/System/Library/CoreServices/SecurityAgent.app
/System/Library/CoreServices/SecurityFixer.app
/System/Library/CoreServices/SocialPushAgent.app
/System/Library/CoreServices/System Events.app
/System/Library/CoreServices/System Image Utility.app
/System/Library/CoreServices/SystemUIServer.app
/System/Library/CoreServices/Ticket Viewer.app
/System/Library/CoreServices/UniversalAccessControl.app
/System/Library/CoreServices/UnmountAssistantAgent.app
/System/Library/CoreServices/UserNotificationCenter.app
/System/Library/CoreServices/VoiceOver.app
/System/Library/CoreServices/ZoomWindow.app
/System/Library/CoreServices/backupd.bundle/Contents/Resources/TMLaunchAgent.app
/System/Library/CoreServices/loginwindow.app
/System/Library/CoreServices/rcd.app
/System/Library/Frameworks/PubSub.framework/Versions/A/Resources/PubSubAgent.app
/System/Library/Frameworks/Quartz.framework/Versions/A/Frameworks/QuickLookUI.framework/Versions/A/Resources/QuickLookUIHelper.app
/System/Library/Frameworks/QuickLook.framework/Versions/A/Resources/quicklookd.app
/System/Library/PrivateFrameworks/DiskImages.framework/Versions/A/Resources/DiskImages UI Agent.app
/System/Library/Services/AppleSpell.service
/System/Library/Services/ChineseTextConverterService.app
/System/Library/Services/ImageCaptureService.app
/System/Library/Services/OpenSpell.service
/System/Library/Services/SpeechService.service
/System/Library/SocialServices/Facebook.socialplugin
/System/Library/SocialServices/Twitter.socialplugin
/System/Library/SocialServices/Weibo.socialplugin
&lt;/code&gt;&lt;/pre&gt;</t>
  </si>
  <si>
    <t>2013-03-01 18:08:21.633000+00:00</t>
  </si>
  <si>
    <t>2016-03-10 18:14:56.803000+00:00</t>
  </si>
  <si>
    <t>2013-10-08 17:42:34.363000+00:00</t>
  </si>
  <si>
    <t>macos|osx-mountain-lion|launch-services</t>
  </si>
  <si>
    <t>how to write multiple Insert queries in single procedure?</t>
  </si>
  <si>
    <t>&lt;p&gt;how to write multiple Insert queries in single procedure?&lt;/p&gt;
&lt;pre&gt;&lt;code&gt;CREATE DEFINER=`root`@`localhost` PROCEDURE `Proc_Insert`(IN `newt` VARCHAR(500), IN `news` TEXT, IN `status` VARCHAR(500), IN `ntype` VARCHAR(500), IN `img_file` VARCHAR(1500), IN `vlink` VARCHAR(500))
INSERT INTO tbl_news(newt, news, status, ntype) VALUES (newt,news,status,ntype);
SET LID = LAST_INSERT_ID();
INSERT INTO tbl_img(pic, cid, imgfile, imgtype, imgstatus) VALUES (LID,LID,img_file,ntype,status);
INSERT INTO tbl_video(cid, vlink, vdis, vstatus) VALUES (LID,v_link,news,status);
&lt;/code&gt;&lt;/pre&gt;
&lt;p&gt;This is the first time i am using this stored procedure.&lt;/p&gt;</t>
  </si>
  <si>
    <t>2017-03-04 23:16:49.523000+00:00</t>
  </si>
  <si>
    <t>2017-03-21 12:15:45.350000+00:00</t>
  </si>
  <si>
    <t>2017-03-05 04:22:08.227000+00:00</t>
  </si>
  <si>
    <t>Django app login - Can I require user to enter email and password only and then lookup username prior to form validation?</t>
  </si>
  <si>
    <t>&lt;p&gt;I want users to log in using email/password only since their email is easier for them to remember than an app-specific username. But I do still use username elsewhere. Is there an easy way to tweak the auth login view and form to display email and password only and pass in username based on an email lookup? I enforce email uniqueness on signup so the email lookup should only ever return a single username.&lt;/p&gt;
&lt;p&gt;EDIT: To be clear, I do NOT want to use email as username. I need both. But I want users to log in with email/pwd not username/pwd.&lt;/p&gt;
&lt;p&gt;THE SOLUTION: Prompted by @quaspas's final comment I created a custom url, view and template for login. The template only requires the user to enter email and password. The view looks up the correct username based on the user-submitted email and then uses Django's standard authenticate() and login() functions to log the user in. &lt;/p&gt;</t>
  </si>
  <si>
    <t>2014-01-08 21:08:14.983000+00:00</t>
  </si>
  <si>
    <t>2014-01-09 00:50:56.957000+00:00</t>
  </si>
  <si>
    <t>Excel add-in - get workbook name of "thisworkbook"</t>
  </si>
  <si>
    <t>&lt;p&gt;I can't get the name of the workbook when I use a add-in.&lt;/p&gt;
&lt;p&gt;I'm trying to develop a add-in that runs each time you open Excel and reads the filename of the open file.&lt;/p&gt;
&lt;p&gt;If the file name is &lt;code&gt;XCFIL.SKV&lt;/code&gt; then do something...&lt;/p&gt;
&lt;p&gt;This code should do it, but it doesn't. What am I missing?&lt;br&gt;
The code stops and if I debug and press F8 it works fine, but it won't run on it's own.&lt;/p&gt;
&lt;pre&gt;&lt;code&gt;Private Sub Workbook_Open()
    If ThisWorkbook.Name = "XCFIL.SKV" Then
        MsgBox "y"
    End If
End Sub
&lt;/code&gt;&lt;/pre&gt;</t>
  </si>
  <si>
    <t>2016-11-10 13:40:16.093000+00:00</t>
  </si>
  <si>
    <t>2016-11-10 17:05:57.670000+00:00</t>
  </si>
  <si>
    <t>excel|excel-vba|excel-addins|vba</t>
  </si>
  <si>
    <t>Can not draw according to the exact position of mouse cursor</t>
  </si>
  <si>
    <t>&lt;p&gt;I have found out that if i don't give canvas width and height via window.innerWidth/innerHeight line is drawn far above the actual mouse cursor. I mean I can not afford to give the canvas the whole width and height of the window. I mean there should be other divs, paragraphs etc . here I give width and height to my canvas 400px and 768px respectively. it is not behaving as it should be. I mean when I try to draw a line it appears far above my mouse cursor. How can I fix it?&lt;/p&gt;
&lt;pre&gt;&lt;code&gt;&amp;lt;!DOCTYPE HTML&amp;gt;
&amp;lt;html&amp;gt;
&amp;lt;head&amp;gt;
&amp;lt;meta charset="utf-8"&amp;gt;
&amp;lt;title&amp;gt;Game Stage&amp;lt;/title&amp;gt;
&amp;lt;script type="text/javascript"&amp;gt;
var i=0;
var radius=10;
var lines;
var x,y;
var now_draw=false;
var i=0;
    function loadCanvas(id) {
        var canvas = document.createElement('canvas');
        div = document.getElementById(id); 
        canvas.id     = "CursorLayer";
        canvas.width  = 400;
        canvas.height = 768;
        canvas.style.zIndex   = 8;
        canvas.style.position = "absolute";
        canvas.style.border   = "1px solid";
        div.appendChild(canvas)
    }
    function nowdraw(e){
now_draw=true;
}
function drawit(e){
if(now_draw){
var ctx=document.getElementById("CursorLayer").getContext("2d");
x=e.clientX;
y=e.clientY;
if(i==0){
ctx.lineWidth=2*radius;
ctx.lineTo(x,y);
ctx.stroke();
}
if(i&amp;gt;0){
ctx.fillStyle="red";
ctx.beginPath();
ctx.arc(x,y,radius,0,2*Math.PI);
ctx.fill();
i=0;
}
ctx.fillStyle="red";
ctx.beginPath();
ctx.arc(x,y,radius,0,2*Math.PI);
ctx.fill();
ctx.lineWidth=2*radius;
ctx.strokeStyle="red";
ctx.beginPath();
ctx.moveTo(x,y);
}
}
function cannotdraw(){
now_draw=false;
i++;
}
window.onmousedown=nowdraw;
window.onmousemove=drawit;
window.onmouseup=cannotdraw;
        &amp;lt;/script&amp;gt;
&amp;lt;/head&amp;gt;
&amp;lt;body&amp;gt;
    &amp;lt;h1&amp;gt;draw here&amp;lt;/h1&amp;gt;
&amp;lt;div id="divControls"&amp;gt;&amp;lt;/div&amp;gt;
&amp;lt;div id="divGameStage"&amp;gt;&amp;lt;/div&amp;gt;
&amp;lt;script type="text/javascript"&amp;gt;
    loadCanvas("divGameStage");
&amp;lt;/script&amp;gt;
&amp;lt;/body&amp;gt;
&amp;lt;/html&amp;gt;
&lt;/code&gt;&lt;/pre&gt;
&lt;p&gt;fiddle: &lt;a href="http://jsfiddle.net/4BXB6/" rel="nofollow noreferrer"&gt;jsfiddle&lt;/a&gt;&lt;/p&gt;</t>
  </si>
  <si>
    <t>2014-04-18 21:52:02.573000+00:00</t>
  </si>
  <si>
    <t>2018-05-14 09:57:28.787000+00:00</t>
  </si>
  <si>
    <t>2018-04-03 06:22:15.787000+00:00</t>
  </si>
  <si>
    <t>Extracting Text From HTML With SQL</t>
  </si>
  <si>
    <t>&lt;p&gt;I have HTML in my database table which is of following Format&lt;/p&gt;
&lt;pre&gt;&lt;code&gt; &amp;lt;img style='border-style: none' src='../Images/flag_Green.gif' onmouseover='ddrivetip("&amp;lt;table     border=1 cellpadding=1 width=100%&amp;gt;&amp;lt;tr&amp;gt;&amp;lt;th nowrap width=20%&amp;gt;My Status&amp;lt;/th&amp;gt;&amp;lt;th&amp;gt;My Details&amp;lt;/th&amp;gt;&amp;lt;/tr&amp;gt;&amp;lt;tr&amp;gt;&amp;lt;td&amp;gt;Green&amp;lt;/td&amp;gt;&amp;lt;td&amp;gt;Compliant - 06-0907370&amp;lt;/td&amp;gt;&amp;lt;/tr&amp;gt;&amp;lt;/table&amp;gt;", 400, null, this);' onmouseout='hideddrivetip(this)'&amp;gt;&amp;lt;/img&amp;gt;
&lt;/code&gt;&lt;/pre&gt;
&lt;p&gt;I need to extract colour value from this e.g. in this Case it's "green"
Can anyone help me to write a function that can extract this? It's between first td tag&lt;/p&gt;</t>
  </si>
  <si>
    <t>2014-08-27 14:24:18.400000+00:00</t>
  </si>
  <si>
    <t>2014-08-27 15:04:18.490000+00:00</t>
  </si>
  <si>
    <t>2014-08-27 14:25:24.697000+00:00</t>
  </si>
  <si>
    <t>how to expose methods on system bus using Qtdbus</t>
  </si>
  <si>
    <t>&lt;p&gt;I want to expose methods of my application on System bus using Qt Dbus in Qt Creator.
while using session bus ,the methods get exposed, but with system bus I am only able to see the Service name with which i registered but no methods to be exposed under it.(I am checking it in D-feet)
What should i do ?&lt;/p&gt;</t>
  </si>
  <si>
    <t>2012-01-27 07:37:31.490000+00:00</t>
  </si>
  <si>
    <t>2013-10-02 10:37:17.433000+00:00</t>
  </si>
  <si>
    <t>2012-08-13 13:01:51.773000+00:00</t>
  </si>
  <si>
    <t>dbus|qtdbus</t>
  </si>
  <si>
    <t>The background music is intrerrupted when loading files</t>
  </si>
  <si>
    <t>&lt;p&gt;Using Delphi XE6 and FireMonkey we have the following problem:&lt;/p&gt;
&lt;p&gt;We have TMediaPlayer playing in the main thread an mp3 music which when we load some jpg files (for example, think at a slide show) in the moment in which the file is loaded through &lt;code&gt;myBmp.LoadFromFile(myFile)&lt;/code&gt; the music is interrupted for a short amount of time, causing some very unpleasant 'hiccups'.&lt;/p&gt;
&lt;p&gt;We have two variants: one with &lt;em&gt;LoadFromFile&lt;/em&gt; in the main thread and the other with &lt;em&gt;LoadFromFile&lt;/em&gt; in another thread. With the last one we tried to lower the thread priority like this:&lt;/p&gt;
&lt;pre&gt;&lt;code&gt;begin
  {$IF Defined(MSWINDOWS)}
      Priority:=TThreadPriority.tpLower; //to not bother the music
  {$ELSEIF Defined(POSIX)}
      // ** Priority is an Integer **
      Priority:=Priority-2; //to not bother the music
  {$ENDIF POSIX}
  tmpBmp.LoadFromFile(FileName);
  {$IF Defined(MSWINDOWS)}
      Priority:=TThreadPriority.tpNormal; //to not bother the music
  {$ELSEIF Defined(POSIX)}
      // ** Priority is an Integer **
      Priority:=Priority+2; //to not bother the music
  {$ENDIF POSIX}
end;
&lt;/code&gt;&lt;/pre&gt;
&lt;p&gt;...however without success. &lt;/p&gt;
&lt;p&gt;Can someone enlighten us why the music is interrupted on a i5 (4 cores) @ 3.2 GHz (used ~ 10%) with 32GB RAM and SSD when the files loaded are some JPEGs at approx. 400kb?&lt;/p&gt;</t>
  </si>
  <si>
    <t>2014-11-19 09:59:22.370000+00:00</t>
  </si>
  <si>
    <t>multithreading|file|delphi|music</t>
  </si>
  <si>
    <t>How to export a crystal report as a fixed character into a text file</t>
  </si>
  <si>
    <t>&lt;p&gt;I'm trying to export a formula with fixed characters spacing into a text file. 
What is happening is that its a long set of fields that is longer then the report page in crystal can show. When running the report it places the additional fields under  and it repeats for all the records. When I try to export it to a text file it is pushing it the same way instead of that one record being one whole line across on the text file like I would like it to be. How can this be done. New to crystal thanks in advance. &lt;/p&gt;</t>
  </si>
  <si>
    <t>2012-08-03 16:11:06.683000+00:00</t>
  </si>
  <si>
    <t>2012-08-03 17:11:47.623000+00:00</t>
  </si>
  <si>
    <t>crystal-reports|export|text-files</t>
  </si>
  <si>
    <t>Can we provide multiple patterns for a single filter-chain in filterChainProxy</t>
  </si>
  <si>
    <t>&lt;p&gt;I have two patterns for which same filters are to be applied.&lt;/p&gt;
&lt;pre&gt;&lt;code&gt;&amp;lt;security:filter-chain pattern="/home.do*" filters="a,b,c,d" /&amp;gt;
&amp;lt;security:filter-chain pattern="/login.do*" filters="a,b,c,d" /&amp;gt;
&lt;/code&gt;&lt;/pre&gt;
&lt;p&gt;Along with the above two there are many other unique patterns and a generic pattern &lt;code&gt;/**/*.do*/**&lt;/code&gt; as well.&lt;/p&gt;
&lt;p&gt;Can I specify comma separated multiple patterns in the pattern attribute like below: &lt;/p&gt;
&lt;p&gt;&lt;code&gt;&amp;lt;security:filter-chain pattern="/home.do*, /login.do*" filters="a,b,c,d" /&amp;gt;&lt;/code&gt;&lt;/p&gt;</t>
  </si>
  <si>
    <t>2012-07-13 09:28:04.580000+00:00</t>
  </si>
  <si>
    <t>2012-07-13 14:43:20.583000+00:00</t>
  </si>
  <si>
    <t>spring|spring-security</t>
  </si>
  <si>
    <t>Execute javascript function attached to a html element in python</t>
  </si>
  <si>
    <t>&lt;p&gt;What I'm trying to do is what can be done in a browser by running this javascript: &lt;code&gt;document.getElementById('foo').bar()&lt;/code&gt;.&lt;/p&gt;
&lt;p&gt;I don't know how to go about doing this in python. I used to do stuff with submitting forms using twill and sending responses with urllib2, but I never had to do any javascript. Where should I start?&lt;/p&gt;</t>
  </si>
  <si>
    <t>2014-09-13 13:49:06.380000+00:00</t>
  </si>
  <si>
    <t>2014-09-13 14:04:55.513000+00:00</t>
  </si>
  <si>
    <t>2014-09-13 13:52:00.700000+00:00</t>
  </si>
  <si>
    <t>javascript|python|dom</t>
  </si>
  <si>
    <t>Updating Tableview with photos in the background</t>
  </si>
  <si>
    <t>&lt;p&gt;I'm currently hitting an API to get a list of inventory items.  Right now I am also downloading all of the photos for all of the items on initial load.  What I want to do is load the table view with all of the text (be able to interact with the tableview) and then load the photos in the background and update each row once the photo has been retrieved so that it loads faster.  I have all of the URLs of the photos from the API. How would I do this? &lt;/p&gt;</t>
  </si>
  <si>
    <t>2017-01-13 03:15:56.237000+00:00</t>
  </si>
  <si>
    <t>2017-01-13 10:41:31.543000+00:00</t>
  </si>
  <si>
    <t>ios|iphone|uitableview|swift3|ios10</t>
  </si>
  <si>
    <t>Java SimpleDateFormat gives different time zone for different day</t>
  </si>
  <si>
    <t>&lt;p&gt;I had a strange behaviour when parsing dates. Given&lt;/p&gt;
&lt;pre&gt;&lt;code&gt;DateFormat sdf= new SimpleDateFormat("dd/MM/yyyy");
&lt;/code&gt;&lt;/pre&gt;
&lt;p&gt;&lt;code&gt;sdf.parse("25/10/2014")&lt;/code&gt; returns 25 Oct 2014 00:00:00 &lt;strong&gt;BST&lt;/strong&gt;&lt;/p&gt;
&lt;p&gt;while&lt;/p&gt;
&lt;p&gt;&lt;code&gt;sdf.parse("27/10/2014")&lt;/code&gt; returns 27 Oct 2014 00:00:00 &lt;strong&gt;GMT&lt;/strong&gt;&lt;/p&gt;
&lt;p&gt;I figured out that's because of the Daylight Time change, but surely I would expect the same time zone to be returned by the same parser. Or am I wrong?&lt;/p&gt;</t>
  </si>
  <si>
    <t>2014-11-20 14:49:32.243000+00:00</t>
  </si>
  <si>
    <t>2014-11-20 15:41:22.687000+00:00</t>
  </si>
  <si>
    <t>java|simpledateformat</t>
  </si>
  <si>
    <t>How to pass SOAP Header parameters in a Worklight SOAP adapter procedure?</t>
  </si>
  <si>
    <t>&lt;p&gt;I have used the IBM MobileFirst Studio V7.1 - Service Discovery wizard option and created a SOAP adapter from a application WSDL file. The Service Discovery procedure correctly creates the MobileFirst adapter in the MFP Studio&lt;/p&gt;
&lt;p&gt;The message payload is shown below &lt;/p&gt;
&lt;pre&gt;&lt;code&gt;&amp;lt;soapenv:Envelope xmlns:soapenv="http://schemas.xmlsoap.org/soap/envelope/" xmlns:cus="http://siebel.com/CustomUI"&amp;gt;
   &amp;lt;soapenv:Header&amp;gt;
      &amp;lt;ns1:Security soapenv:actor="http://schemas.xmlsoap.org/soap/actor/next" soapenv:mustUnderstand="0" xmlns:ns1="http://schemas.xmlsoap.org/ws/2002/07/secext"&amp;gt;
         &amp;lt;ns1:UsernameToken&amp;gt;
            &amp;lt;ns1:Username&amp;gt;IBM&amp;lt;/ns1:Username&amp;gt;
            &amp;lt;ns1:Password&amp;gt;IBM&amp;lt;/ns1:Password&amp;gt;
         &amp;lt;/ns1:UsernameToken&amp;gt;
      &amp;lt;/ns1:Security&amp;gt;
   &amp;lt;/soapenv:Header&amp;gt;
   &amp;lt;soapenv:Body&amp;gt;
      &amp;lt;cus:QueryJobDetails_Input&amp;gt;
         &amp;lt;cus:Object_spcId&amp;gt;SURV0332&amp;lt;/cus:Object_spcId&amp;gt;
      &amp;lt;/cus:QueryJobDetails_Input&amp;gt;
   &amp;lt;/soapenv:Body&amp;gt;
&amp;lt;/soapenv:Envelope&amp;gt;
&lt;/code&gt;&lt;/pre&gt;
&lt;p&gt;Now, using the adapter testing option in the MobileFirst Studio, the following JSON payload are being passed in the dialog window&lt;/p&gt;
&lt;p&gt;&lt;strong&gt;Procedure Arguments&lt;/strong&gt;&lt;/p&gt;
&lt;p&gt;params :&lt;/p&gt;
&lt;pre&gt;&lt;code&gt;{"QueryJobDetails_Input":{"Object_spcId":"SURV0332"}}
&lt;/code&gt;&lt;/pre&gt;
&lt;p&gt;headers:&lt;/p&gt;
&lt;pre&gt;&lt;code&gt;{"UsernameToken":{"Username":"IBM","Password":"IBM"}}
&lt;/code&gt;&lt;/pre&gt;
&lt;p&gt;But I get the following error when the adapter executes&lt;/p&gt;
&lt;pre&gt;&lt;code&gt;{
   "errors": [
      "Class Cast: com.worklight.common.js.util.JSObjectConverter$1 cannot be cast to java.lang.String"
   ],
   "info": [
   ],
   "isSuccessful": false,
   "warnings": [
   ]
}
&lt;/code&gt;&lt;/pre&gt;
&lt;p&gt;Is the WS Security Header block being passed in the correct format ?&lt;/p&gt;
&lt;p&gt;Thanks&lt;/p&gt;</t>
  </si>
  <si>
    <t>2016-02-04 07:09:41.520000+00:00</t>
  </si>
  <si>
    <t>2016-02-05 17:44:00.607000+00:00</t>
  </si>
  <si>
    <t>2016-02-04 08:08:04.250000+00:00</t>
  </si>
  <si>
    <t>java|soap|ibm-mobilefirst|mobilefirst-adapters|mobilefirst-studio</t>
  </si>
  <si>
    <t>Verilog or Vivado HLS or Vivado SDSoC</t>
  </si>
  <si>
    <t>&lt;p&gt;I want to convert my lane detection code written by C++ (OpenCV) to FPGA. &lt;strong&gt;Vivado HLS&lt;/strong&gt; or &lt;strong&gt;Vivado SDSoC&lt;/strong&gt; can help to embed the C ++ code into the FPGA. Or I can rewrite the lane detection code with &lt;strong&gt;verilog&lt;/strong&gt;. The question is, what are the advantages and disadvantages of these three ways? 
&lt;em&gt;I want to use one of the cheap Zynq-7000 FPGAs.&lt;/em&gt; &lt;/p&gt;</t>
  </si>
  <si>
    <t>2017-08-22 15:19:59.590000+00:00</t>
  </si>
  <si>
    <t>2018-06-22 20:22:04.217000+00:00</t>
  </si>
  <si>
    <t>image-processing|verilog|real-time|fpga|xilinx</t>
  </si>
  <si>
    <t>Best practice instantiating generic delegates and accessing property getters</t>
  </si>
  <si>
    <t>&lt;p&gt;I want to create delegates to access properties of different objects without knowing them in advance. &lt;/p&gt;
&lt;p&gt;I have the following definitions&lt;/p&gt;
&lt;pre&gt;&lt;code&gt;public delegate T MyMethod&amp;lt;K, T&amp;gt;(K data);
public static MyMethod&amp;lt;K, T&amp;gt; CreatePropertyGetter&amp;lt;K, T&amp;gt;(PropertyInfo property)
{       
   MethodInfo mi = property.DeclaringType.GetMethod("get_" + property.Name);        
return (MyMethod&amp;lt;K, T&amp;gt;)Delegate.CreateDelegate(typeof(MyMethod&amp;lt;K, T&amp;gt;), mi);
}
&lt;/code&gt;&lt;/pre&gt;
&lt;p&gt;where T can be decimal, string, datetime or int&lt;/p&gt;
&lt;p&gt;I have some initializing code that will create MyMethod delegates, based on the reflected properties of my object as follows:&lt;/p&gt;
&lt;pre&gt;&lt;code&gt;foreach (PropertyInfo property in entityType.GetProperties())
{               
    switch (property.PropertyType.Name)
    {
        case "System.Decimal":
            return CreatePropertyGetter&amp;lt;T, decimal&amp;gt;(property);
        case "System.DateTime":
            return CreatePropertyGetter&amp;lt;T, DateTime&amp;gt;(property);
        case "System.String":
            return CreatePropertyGetter&amp;lt;T, DateTime&amp;gt;(property);
    }
}
&lt;/code&gt;&lt;/pre&gt;
&lt;p&gt;Is there a better way to&lt;/p&gt;
&lt;ol&gt;
&lt;li&gt;create property getters? &lt;/li&gt;
&lt;li&gt;enumerate through the supported property types hard-coded as strings?&lt;/li&gt;
&lt;/ol&gt;
&lt;p&gt;&lt;strong&gt;EDIT:&lt;/strong&gt;&lt;/p&gt;
&lt;p&gt;My concern is performance, since these delegates will be called frequently (ticking scenario), so any casting will slow it down. While a more elegant solution is desirable, performance is still my main concern&lt;/p&gt;
&lt;p&gt;I posted the same question on Code Review here, so i will mark this as solved considering the response &lt;a href="https://codereview.stackexchange.com/questions/1188/best-practice-instantiating-generic-delegates-and-accessing-property-getters"&gt;there&lt;/a&gt;&lt;/p&gt;</t>
  </si>
  <si>
    <t>2011-03-07 16:05:46.883000+00:00</t>
  </si>
  <si>
    <t>2011-03-07 21:07:55.370000+00:00</t>
  </si>
  <si>
    <t>2017-04-13 12:40:33.320000+00:00</t>
  </si>
  <si>
    <t>c#|.net|generics|delegates|properties</t>
  </si>
  <si>
    <t>Getting specific information from raw information in python</t>
  </si>
  <si>
    <t>&lt;p&gt;Firstly sorry for how badly my question is phrased but I am not 100% sure how to explain what I am looking for. I am using the geopy package in python.&lt;/p&gt;
&lt;p&gt;Basically I use the following code:&lt;/p&gt;
&lt;pre&gt;&lt;code&gt;geolocator = Nominatim()
location = geolocator.reverse("{}, {}".format(lat, lon))
print(location.address)
print((location.latitude, location.longitude))
print(location.raw)
&lt;/code&gt;&lt;/pre&gt;
&lt;p&gt;An example of the output it gives me is:&lt;/p&gt;
&lt;pre&gt;&lt;code&gt;Coastal Track, Totaranui, Tasman, New Zealand/Aotearoa
(-40.8274559, 173.0053319)
{u'display_name': u'Coastal Track, Totaranui, Tasman, New Zealand/Aotearoa', u'place_id': u'93390086', u'lon': u'173.0053319', u'osm_type': u'way', u'licence': u'Data \xa9 OpenStreetMap contributors, ODbL 1.0. http://www.openstreetmap.org/copyright', u'osm_id': u'149082205', u'lat': u'-40.8274559', u'address': {u'path': u'Coastal Track', u'state': u'Tasman', u'country': u'New Zealand/Aotearoa', u'country_code': u'nz', u'hamlet': u'Totaranui'}}
&lt;/code&gt;&lt;/pre&gt;
&lt;p&gt;What I want to do is take things like the osm_id, osm_type etc and create a variable for them.
I tried something like location.raw.attrib['osm_type'] but that does not work. I am new to python so would really appreciate any help and I hope I was clear enough with what I am asking, thanks!&lt;/p&gt;</t>
  </si>
  <si>
    <t>2016-01-27 21:16:27.227000+00:00</t>
  </si>
  <si>
    <t>2016-01-27 22:35:13.373000+00:00</t>
  </si>
  <si>
    <t>python|variables|unicode</t>
  </si>
  <si>
    <t>JavaCpp presets for OpenCV in Android. Example throws UnsatisfiedLinkError</t>
  </si>
  <si>
    <t>&lt;p&gt;I am trying to run the Android samples of bytedeco but I constantly get a&lt;/p&gt;
&lt;p&gt;&lt;code&gt;org.bytedeco.javacv.android.recognize.example E/art: dlopen("/data/app/org.bytedeco.javacv.android.recognize.example-2/lib/arm/libjniopencv_core.so", RTLD_LAZY) failed: dlopen failed: cannot locate symbol "_ZN2cv8internal18WriteStructContextD1Ev" referenced by "libniopencv_core.so"...&lt;/code&gt;&lt;/p&gt;
&lt;p&gt;This is happening in this line&lt;/p&gt;
&lt;p&gt;&lt;code&gt;opencv_face.FaceRecognizer faceRecognizer = createEigenFaceRecognizer();&lt;/code&gt; in the &lt;code&gt;OpenCvRecognizeActivity&lt;/code&gt; class&lt;/p&gt;
&lt;p&gt;I get the error with any other OpenCV related class I try to use of &lt;code&gt;opencv_core&lt;/code&gt;&lt;/p&gt;
&lt;p&gt;I have not changed the dependencies in the sample app. They look like this:&lt;/p&gt;
&lt;pre&gt;&lt;code&gt;compile group: 'org.bytedeco', name: 'javacv', version: '1.3.2'
compile group: 'org.bytedeco.javacpp-presets', name: 'opencv', version: '3.2.0-1.3', classifier: 'android-arm'
compile group: 'org.bytedeco.javacpp-presets', name: 'opencv', version: '3.2.0-1.3', classifier: 'android-x86'
compile group: 'org.bytedeco.javacpp-presets', name: 'ffmpeg', version: '3.2.1-1.3', classifier: 'android-arm'
compile group: 'org.bytedeco.javacpp-presets', name: 'ffmpeg', version: '3.2.1-1.3', classifier: 'android-x86'
&lt;/code&gt;&lt;/pre&gt;
&lt;p&gt;Am I missing something? Does the setup of the app require some previous steps?&lt;/p&gt;
&lt;p&gt;Thanks&lt;/p&gt;</t>
  </si>
  <si>
    <t>2018-03-26 10:22:06.357000+00:00</t>
  </si>
  <si>
    <t>2018-05-09 04:55:08.360000+00:00</t>
  </si>
  <si>
    <t>2018-03-26 11:37:26.673000+00:00</t>
  </si>
  <si>
    <t>android|opencv|javacv|javacpp</t>
  </si>
  <si>
    <t>'PyThreadState_Get: no current thread' when importing nlopt (Python)</t>
  </si>
  <si>
    <t>&lt;p&gt;I'm trying to import nlopt package for one of my projects, using Anaconda3 on Mac. I installed the package using conda install:&lt;/p&gt;
&lt;p&gt;&lt;code&gt;conda install -c conda-forge nlopt&lt;/code&gt;&lt;/p&gt;
&lt;p&gt;Now, when trying to import the package, I'm getting the following error: &lt;/p&gt;
&lt;pre&gt;&lt;code&gt;&amp;gt; Macbook13m2012:~ gil$ python
Python 3.6.6 |Anaconda, Inc.| (default, Jun 28 2018, 11:07:29)
[GCC 4.2.1 Compatible Clang 4.0.1 (tags/RELEASE_401/final)] on darwin
Type "help", "copyright", "credits" or "license" for more information.
&amp;gt;&amp;gt;&amp;gt; import nlopt
Fatal Python error: PyThreadState_Get: no current thread
&lt;/code&gt;&lt;/pre&gt;
&lt;p&gt;I couldn't find an answer to this issue besides version conflicts, which I already resolved.&lt;/p&gt;
&lt;p&gt;The relevant installed package versions:&lt;/p&gt;
&lt;ul&gt;
&lt;li&gt;python 3.6.6&lt;/li&gt;
&lt;li&gt;nlopt 2.5.0&lt;/li&gt;
&lt;li&gt;ipython 6.5.0&lt;/li&gt;
&lt;/ul&gt;
&lt;p&gt;It's worth mentioning that as a first step, I tried to install the package as instructed &lt;a href="http://louistiao.me/posts/installing-nlopt-with-python-support-on-mac-os-x-1010/" rel="nofollow noreferrer"&gt;here&lt;/a&gt;, using &lt;code&gt;$ brew install nlopt --with-python&lt;/code&gt;.
That did not end up well, as the module was not found when importing it.&lt;/p&gt;
&lt;p&gt;Thanks!&lt;/p&gt;</t>
  </si>
  <si>
    <t>2018-09-06 08:38:42.023000+00:00</t>
  </si>
  <si>
    <t>2018-09-06 08:41:54.667000+00:00</t>
  </si>
  <si>
    <t>python|nlopt</t>
  </si>
  <si>
    <t>Ruby on rails 3 select box values combined ready for validation, is this possible?</t>
  </si>
  <si>
    <t>&lt;p&gt;I have created a custom date_Select field using 3 separate select fields:&lt;/p&gt;
&lt;pre&gt;&lt;code&gt;&amp;lt;%= f.select :day, options_for_select(User::DAYS), :include_blank =&amp;gt; "Day:" %&amp;gt;
&amp;lt;%= f.select :month, options_for_select(User::MONTHS), :include_blank =&amp;gt; "Month:" %&amp;gt;
&amp;lt;%= f.select :year, options_for_select(User::YEAR_RANGE), :include_blank =&amp;gt;"Year:" %&amp;gt;
&lt;/code&gt;&lt;/pre&gt;
&lt;p&gt;In my User.rb (Model) I have this validation rule and also using validates_timelessness gem:&lt;/p&gt;
&lt;pre&gt;&lt;code&gt;  MONTHS = ["January", 1], ["February", 2]..etc
  DAYS = ["01", 1], ["02", 2], ["03", 3]..etc
  START_YEAR = Time.now.year - 111
  END_YEAR = Time.now.year
  YEAR_RANGE = START_YEAR..END_YEAR
validates :birthday,   :timeliness  =&amp;gt; {:on_or_before =&amp;gt; lambda { Date.current }, :type =&amp;gt; :date, :on_or_before_message =&amp;gt; "Select a valid birthday"} 
&lt;/code&gt;&lt;/pre&gt;
&lt;p&gt;I have created some tests which work perfectly fine with the date_select that comes with rails but that date_select is buggy which is why I opted for a custom one. My only issue now is I wish to get day, month and year to work with my :birthday symbol. How do I combine all 3 so that my :birthday symbol can use the select data? If that makes sense...&lt;/p&gt;
&lt;p&gt;The date_select would have been perfect but it lets users submit a form without the yea being filled out and if a users chooses 1 for a day and clicks submit it will automatically select january. I haven't found a way round that.&lt;/p&gt;
&lt;p&gt;So I'm using 3 separate select fields which I want to combine and make work with :birthday just like date_select did.&lt;/p&gt;
&lt;p&gt;Help is appreciated. &lt;/p&gt;</t>
  </si>
  <si>
    <t>2011-08-12 23:32:04.897000+00:00</t>
  </si>
  <si>
    <t>2011-08-12 23:40:24.547000+00:00</t>
  </si>
  <si>
    <t>ruby-on-rails|ruby|ruby-on-rails-3|rubygems|rvm</t>
  </si>
  <si>
    <t>Migrating to iCal.net Period - Matches Date Only</t>
  </si>
  <si>
    <t>&lt;p&gt;I'm trying to simulate the MatchesDateOnly for my recurrence rule "ExcludeDates" which I'm storing as date only values. I want my RRULE to ignore certain date only periods.&lt;/p&gt;
&lt;p&gt;Previously in DDay we could specify:&lt;/p&gt;
&lt;pre&gt;&lt;code&gt;if (!recurrenceOptions.ExcludeDates.IsNullOrEmpty ())
{
    var periodList = new PeriodList ();
    recurrenceOptions.ExcludeDates.ForEach (d =&amp;gt;
    {
        var period = new Period (new iCalDateTime (d), TimeSpan.FromDays (1)) { MatchesDateOnly = true };
        periodList.Add (period);
    });
    iCalEvent.ExceptionDates.Add (periodList);
}
var occurences = iCalEvent.GetOccurrences (range.StartDate, range.EndDate);
&lt;/code&gt;&lt;/pre&gt;
&lt;p&gt;How can I mimic this functionality in iCal.net?&lt;/p&gt;</t>
  </si>
  <si>
    <t>2017-09-21 01:16:38.170000+00:00</t>
  </si>
  <si>
    <t>2017-09-21 02:05:02.620000+00:00</t>
  </si>
  <si>
    <t>c#|icalendar|ical-dotnet</t>
  </si>
  <si>
    <t>how to check a ui-slider is disabled or not</t>
  </si>
  <si>
    <t>&lt;p&gt;I need to know how to check a ui-slider is disabled or not.
I have tried with &lt;/p&gt;
&lt;pre&gt;&lt;code&gt;$('#slider_price').is(":disabled")
&lt;/code&gt;&lt;/pre&gt;
&lt;p&gt;But i always get "false" even if the slider is disabled or enabled.&lt;/p&gt;
&lt;p&gt;Please help me and thanks in adavance&lt;/p&gt;</t>
  </si>
  <si>
    <t>2016-06-08 05:36:59.557000+00:00</t>
  </si>
  <si>
    <t>2016-06-08 05:54:59.373000+00:00</t>
  </si>
  <si>
    <t>jquery-ui-slider|disabled-control</t>
  </si>
  <si>
    <t>scrollable contents overlaps on fixed non-scrollable content</t>
  </si>
  <si>
    <t>&lt;p&gt;I want the scrollable part of the page to scroll within it's height only. But it overlaps with the header whose position has been set to 'fixed'. &lt;/p&gt;
&lt;p&gt;Here is the fiddle: &lt;a href="https://jsfiddle.net/3xc9n6jb/" rel="nofollow"&gt;https://jsfiddle.net/3xc9n6jb/&lt;/a&gt;&lt;/p&gt;
&lt;p&gt;How do I make them not overlap so that the scrollable content scrolls without touching the header?&lt;/p&gt;
&lt;pre&gt;&lt;code&gt;&amp;lt;div class="main-div"&amp;gt;
    &amp;lt;div class="myBox"&amp;gt;&amp;lt;/div&amp;gt; &amp;lt;!--This red rectangle is the header. The scrollable content should not overlap with this.--&amp;gt;
    &amp;lt;div class="scrollable-content horizontal"&amp;gt;
        &amp;lt;ul&amp;gt;
            &amp;lt;li&amp;gt;First Item&amp;lt;/li&amp;gt;
            &amp;lt;li&amp;gt;Second Item&amp;lt;/li&amp;gt;
            &amp;lt;li&amp;gt;Third Item&amp;lt;/li&amp;gt;
            &amp;lt;li&amp;gt;Fourth Item&amp;lt;/li&amp;gt;
            &amp;lt;li&amp;gt;Fifth Item&amp;lt;/li&amp;gt;
            &amp;lt;li&amp;gt;Sixth Item&amp;lt;/li&amp;gt;
            &amp;lt;li&amp;gt;Seventh Item&amp;lt;/li&amp;gt;
            &amp;lt;li&amp;gt;Eight Item&amp;lt;/li&amp;gt;
            &amp;lt;li&amp;gt;Ninth Item&amp;lt;/li&amp;gt;
            &amp;lt;li&amp;gt;Tenth Item&amp;lt;/li&amp;gt;
        &amp;lt;/ul&amp;gt;  
   &amp;lt;/div&amp;gt;
&amp;lt;/div&amp;gt;
.myBox {
    width: 500px;
    height: 50px;
    background-color: red;
    position: fixed;
}
ul {
   position: absolute;
   margin-top: 30px;
}
&lt;/code&gt;&lt;/pre&gt;</t>
  </si>
  <si>
    <t>2016-04-19 04:33:39.680000+00:00</t>
  </si>
  <si>
    <t>2016-04-19 05:22:04.843000+00:00</t>
  </si>
  <si>
    <t>scrollbar</t>
  </si>
  <si>
    <t>I have error secure apache on Digital Ocean?</t>
  </si>
  <si>
    <t>&lt;p&gt;I want to set https for my hosting on ubuntu 18 under Digital Ocean as it is written here:
&lt;a href="https://www.digitalocean.com/community/tutorials/how-to-secure-apache-with-let-s-encrypt-on-ubuntu-18-04" rel="nofollow noreferrer"&gt;https://www.digitalocean.com/community/tutorials/how-to-secure-apache-with-let-s-encrypt-on-ubuntu-18-04&lt;/a&gt;&lt;/p&gt;
&lt;p&gt;But I had problems with ufw settuings:&lt;/p&gt;
&lt;pre&gt;&lt;code&gt;# sudo ufw status
Status: inactive
root@nsn-do-lamp:/etc/apache2/sites-available# sudo ufw allow 'Apache'
Rules updated
Rules updated (v6)
root@nsn-do-lamp:/etc/apache2/sites-available# sudo ufw status
Status: inactive
root@nsn-do-lamp:/etc/apache2/sites-available# sudo systemctl reload apache2
root@nsn-do-lamp:/etc/apache2/sites-available# sudo ufw status
Status: inactive
root@nsn-do-lamp:/etc/apache2/sites-available# sudo ufw allow 'Apache Full'
Skipping adding existing rule
Skipping adding existing rule (v6)
root@nsn-do-lamp:/etc/apache2/sites-available# sudo ufw delete allow 'Apache'
Rules updated
Rules updated (v6)
root@nsn-do-lamp:/etc/apache2/sites-available# sudo ufw status
Status: inactive
&lt;/code&gt;&lt;/pre&gt;
&lt;p&gt;I see that status is inactive.&lt;/p&gt;
&lt;p&gt;I tried to make :&lt;/p&gt;
&lt;h1&gt;sudo ufw app list&lt;/h1&gt;
&lt;pre&gt;&lt;code&gt;Available applications:
  Apache
  Apache Full
  Apache Secure
  OpenSSH
root@nsn-do-lamp:/etc/apache2/sites-available# sudo ufw allow 'Apache'
Rules updated
Rules updated (v6)
root@nsn-do-lamp:/etc/apache2/sites-available# sudo ufw status
Status: inactive
&lt;/code&gt;&lt;/pre&gt;
&lt;p&gt;I think this error is critical and did not proceed with next commands. Why error and how to fix it ?&lt;/p&gt;
&lt;p&gt;&lt;strong&gt;MODIFIED BLOCK # 2:&lt;/strong&gt;
I did :&lt;/p&gt;
&lt;pre&gt;&lt;code&gt;# ufw allow 80
Rules updated
Rules updated (v6)
root@nsn-do-lamp:~# sudo ufw app list
Available applications:
  Apache
  Apache Full
  Apache Secure
  OpenSSH
root@nsn-do-lamp:~# sudo ufw status
Status: inactive
root@nsn-do-lamp:~# sudo service apache2 restart
root@nsn-do-lamp:~# sudo ufw status
Status: inactive
&lt;/code&gt;&lt;/pre&gt;
&lt;p&gt;Also I restarted the OS, but status is inactive anyway. What is wrong?
The same using ports 443.
I check my ports :&lt;/p&gt;
&lt;pre&gt;&lt;code&gt;# netstat -a  
Active Internet connections (servers and established) 
Proto Recv-Q Send-Q Local Address           Foreign Address         State       
tcp        0      0 localhost:domain        0.0.0.0:*               LISTEN      
tcp        0      0 0.0.0.0:ssh             0.0.0.0:*               LISTEN      
tcp        0      0 localhost.lo:postgresql 0.0.0.0:*               LISTEN      
tcp        0      0 localhost.localdo:mysql 0.0.0.0:*               LISTEN      
tcp        0    316 box.example.com:ssh     213.109.234.130:44188   ESTABLISHED 
tcp6       0      0 [::]:ssh                [::]:*                  LISTEN      
tcp6       0      0 [::]:http               [::]:*                  LISTEN      
udp     7680      0 localhost:domain        0.0.0.0:*                           
udp     2560      0 localhost.localdo:55370 localhost.localdo:55370 ESTABLISHED 
raw6       0      0 [::]:ipv6-icmp          [::]:*                  7           
Active UNIX domain sockets (servers and established) 
Proto RefCnt Flags       Type       State         I-Node   Path 
unix  2      [ ]         DGRAM                    133990   /run/user/0/systemd/notify 
unix  2      [ ACC ]     SEQPACKET  LISTENING     11724    /run/udev/control 
unix  2      [ ACC ]     STREAM     LISTENING     133993   /run/user/0/systemd/private 
unix  2      [ ACC ]     STREAM     LISTENING     133997   /run/user/0/gnupg/S.gpg-agent.extra 
unix  2      [ ACC ]     STREAM     LISTENING     133998   /run/user/0/gnupg/S.gpg-agent.ssh 
unix  2      [ ACC ]     STREAM     LISTENING     133999   /run/user/0/gnupg/S.dirmngr 
unix  2      [ ACC ]     STREAM     LISTENING     134000   /run/user/0/gnupg/S.gpg-agent.browser 
unix  2      [ ACC ]     STREAM     LISTENING     134001   /run/user/0/gnupg/S.gpg-agent 
unix  3      [ ]         DGRAM                    11678    /run/systemd/notify 
unix  2      [ ACC ]     STREAM     LISTENING     11681    /run/systemd/private 
unix  2      [ ACC ]     STREAM     LISTENING     11686    /run/systemd/journal/stdout 
unix  9      [ ]         DGRAM                    11688    /run/systemd/journal/socket 
unix  2      [ ACC ]     STREAM     LISTENING     11722    /run/lvm/lvmetad.socket 
unix  2      [ ACC ]     STREAM     LISTENING     11762    /run/lvm/lvmpolld.socket 
unix  2      [ ACC ]     STREAM     LISTENING     18480    /var/run/postgresql/.s.PGSQL.5432 
unix  2      [ ]         DGRAM                    11995    /run/systemd/journal/syslog 
unix  6      [ ]         DGRAM                    12052    /run/systemd/journal/dev-log 
unix  2      [ ACC ]     STREAM     LISTENING     18571    /var/run/mysqld/mysqld.sock 
unix  2      [ ACC ]     STREAM     LISTENING     15792    /var/lib/lxd/unix.socket 
unix  2      [ ACC ]     STREAM     LISTENING     15805    @ISCSIADM_ABSTRACT_NAMESPACE 
unix  2      [ ACC ]     STREAM     LISTENING     15797    /var/run/dbus/system_bus_socket 
unix  2      [ ACC ]     STREAM     LISTENING     15764    /run/snapd.socket 
unix  2      [ ACC ]     STREAM     LISTENING     15766    /run/snapd-snap.socket 
unix  2      [ ACC ]     STREAM     LISTENING     15785    /run/acpid.socket 
unix  2      [ ACC ]     STREAM     LISTENING     15817    /run/uuidd/request 
unix  2      [ ]         DGRAM                    12404     
unix  3      [ ]         DGRAM                    14820     
unix  2      [ ]         DGRAM                    12660     
unix  3      [ ]         STREAM     CONNECTED     16768     
unix  3      [ ]         STREAM     CONNECTED     15931    /run/systemd/journal/stdout 
unix  3      [ ]         STREAM     CONNECTED     15800     
unix  3      [ ]         STREAM     CONNECTED     18050    /run/systemd/journal/stdout 
unix  2      [ ]         DGRAM                    14810     
unix  3      [ ]         DGRAM                    14526     
unix  3      [ ]         DGRAM                    14528     
unix  3      [ ]         DGRAM                    133991    
unix  3      [ ]         STREAM     CONNECTED     16814    /var/run/dbus/system_bus_socket 
unix  3      [ ]         STREAM     CONNECTED     16811    /var/run/dbus/system_bus_socket 
unix  3      [ ]         DGRAM                    14819     
unix  3      [ ]         DGRAM                    14527     
unix  2      [ ]         DGRAM                    133966    
unix  3      [ ]         DGRAM                    12886     
unix  3      [ ]         DGRAM                    12885     
unix  3      [ ]         DGRAM                    14817     
unix  2      [ ]         DGRAM                    14522     
unix  3      [ ]         STREAM     CONNECTED     16812    /var/run/dbus/system_bus_socket 
unix  2      [ ]         DGRAM                    16802     
unix  3      [ ]         STREAM     CONNECTED     17880     
unix  3      [ ]         STREAM     CONNECTED     16809     
unix  3      [ ]         STREAM     CONNECTED     18049     
unix  3      [ ]         STREAM     CONNECTED     16810     
unix  3      [ ]         STREAM     CONNECTED     15799     
unix  3      [ ]         STREAM     CONNECTED     16815    /var/run/dbus/system_bus_socket 
unix  3      [ ]         DGRAM                    133992    
unix  3      [ ]         STREAM     CONNECTED     14392     
unix  3      [ ]         STREAM     CONNECTED     17140    /run/systemd/journal/stdout 
unix  2      [ ]         DGRAM                    15083     
unix  3      [ ]         STREAM     CONNECTED     14393    /run/systemd/journal/stdout 
unix  3      [ ]         STREAM     CONNECTED     133964   /run/systemd/journal/stdout 
unix  3      [ ]         STREAM     CONNECTED     17881    /var/run/dbus/system_bus_socket 
unix  3      [ ]         STREAM     CONNECTED     16775     
unix  3      [ ]         STREAM     CONNECTED     17138     
unix  3      [ ]         STREAM     CONNECTED     133945    
unix  3      [ ]         DGRAM                    14525     
unix  2      [ ]         DGRAM                    17907     
unix  2      [ ]         DGRAM                    133853    
unix  3      [ ]         STREAM     CONNECTED     15929     
unix  3      [ ]         STREAM     CONNECTED     18536    /var/run/dbus/system_bus_socket 
unix  3      [ ]         STREAM     CONNECTED     16247    /run/systemd/journal/stdout 
unix  3      [ ]         STREAM     CONNECTED     16246     
unix  3      [ ]         DGRAM                    11680     
unix  3      [ ]         DGRAM                    11679     
unix  3      [ ]         STREAM     CONNECTED     16168     
unix  3      [ ]         STREAM     CONNECTED     16169    /run/systemd/journal/stdout 
unix  3      [ ]         STREAM     CONNECTED     16406    /run/systemd/journal/stdout 
unix  3      [ ]         STREAM     CONNECTED     16813    /var/run/dbus/system_bus_socket 
unix  3      [ ]         DGRAM                    14314     
unix  3      [ ]         STREAM     CONNECTED     18535     
unix  3      [ ]         STREAM     CONNECTED     16404     
unix  3      [ ]         DGRAM                    14818     
unix  3      [ ]         STREAM     CONNECTED     15007    /run/systemd/journal/stdout 
unix  3      [ ]         STREAM     CONNECTED     16728     
unix  2      [ ]         DGRAM                    12850     
unix  2      [ ]         DGRAM                    133953    
unix  3      [ ]         STREAM     CONNECTED     17455     
unix  3      [ ]         STREAM     CONNECTED     15005     
unix  3      [ ]         STREAM     CONNECTED     14720    /run/systemd/journal/stdout 
unix  3      [ ]         STREAM     CONNECTED     12658     
unix  3      [ ]         STREAM     CONNECTED     13014    /run/systemd/journal/stdout 
unix  3      [ ]         STREAM     CONNECTED     17460    /run/systemd/journal/stdout 
unix  3      [ ]         STREAM     CONNECTED     12543     
unix  3      [ ]         STREAM     CONNECTED     16727     
unix  3      [ ]         STREAM     CONNECTED     13016    /run/systemd/journal/stdout 
unix  2      [ ]         DGRAM                    16769     
unix  3      [ ]         STREAM     CONNECTED     16731    /run/systemd/journal/stdout 
unix  3      [ ]         DGRAM                    14315     
unix  3      [ ]         STREAM     CONNECTED     14718     
root@nsn-do-lamp:~# netstat --listening 
Active Internet connections (only servers) 
Proto Recv-Q Send-Q Local Address           Foreign Address         State       
tcp        0      0 localhost:domain        0.0.0.0:*               LISTEN      
tcp        0      0 0.0.0.0:ssh             0.0.0.0:*               LISTEN      
tcp        0      0 localhost.lo:postgresql 0.0.0.0:*               LISTEN      
tcp        0      0 localhost.localdo:mysql 0.0.0.0:*               LISTEN      
tcp6       0      0 [::]:ssh                [::]:*                  LISTEN      
tcp6       0      0 [::]:http               [::]:*                  LISTEN      
udp     8448      0 localhost:domain        0.0.0.0:*                           
raw6       0      0 [::]:ipv6-icmp          [::]:*                  7           
Active UNIX domain sockets (only servers) 
Proto RefCnt Flags       Type       State         I-Node   Path 
unix  2      [ ACC ]     SEQPACKET  LISTENING     11724    /run/udev/control 
unix  2      [ ACC ]     STREAM     LISTENING     133993   /run/user/0/systemd/private 
unix  2      [ ACC ]     STREAM     LISTENING     133997   /run/user/0/gnupg/S.gpg-agent.extra 
unix  2      [ ACC ]     STREAM     LISTENING     133998   /run/user/0/gnupg/S.gpg-agent.ssh 
unix  2      [ ACC ]     STREAM     LISTENING     133999   /run/user/0/gnupg/S.dirmngr 
unix  2      [ ACC ]     STREAM     LISTENING     134000   /run/user/0/gnupg/S.gpg-agent.browser 
unix  2      [ ACC ]     STREAM     LISTENING     134001   /run/user/0/gnupg/S.gpg-agent 
unix  2      [ ACC ]     STREAM     LISTENING     11681    /run/systemd/private 
unix  2      [ ACC ]     STREAM     LISTENING     11686    /run/systemd/journal/stdout 
unix  2      [ ACC ]     STREAM     LISTENING     11722    /run/lvm/lvmetad.socket 
unix  2      [ ACC ]     STREAM     LISTENING     11762    /run/lvm/lvmpolld.socket 
unix  2      [ ACC ]     STREAM     LISTENING     18480    /var/run/postgresql/.s.PGSQL.5432 
unix  2      [ ACC ]     STREAM     LISTENING     18571    /var/run/mysqld/mysqld.sock 
unix  2      [ ACC ]     STREAM     LISTENING     15792    /var/lib/lxd/unix.socket 
unix  2      [ ACC ]     STREAM     LISTENING     15805    @ISCSIADM_ABSTRACT_NAMESPACE 
unix  2      [ ACC ]     STREAM     LISTENING     15797    /var/run/dbus/system_bus_socket 
unix  2      [ ACC ]     STREAM     LISTENING     15764    /run/snapd.socket 
unix  2      [ ACC ]     STREAM     LISTENING     15766    /run/snapd-snap.socket 
unix  2      [ ACC ]     STREAM     LISTENING     15785    /run/acpid.socket 
unix  2      [ ACC ]     STREAM     LISTENING     15817    /run/uuidd/request
&lt;/code&gt;&lt;/pre&gt;
&lt;p&gt;Thanks!&lt;/p&gt;</t>
  </si>
  <si>
    <t>2018-11-08 15:09:54.543000+00:00</t>
  </si>
  <si>
    <t>2018-11-19 06:29:28.037000+00:00</t>
  </si>
  <si>
    <t>2018-11-09 07:12:06.207000+00:00</t>
  </si>
  <si>
    <t>ubuntu|ssl-certificate|digital-ocean</t>
  </si>
  <si>
    <t>Selectpicker is not working when I try to display JSON data using vue js?</t>
  </si>
  <si>
    <t>&lt;p&gt;When I write $('.selectpicker').selectpicker('refresh'); in the console it is loading.. Where should I provide this code?&lt;/p&gt;
&lt;p&gt;My HTML code is&lt;/p&gt;
&lt;pre&gt;&lt;code&gt; &amp;lt;form action="" class="form-inline" onsubmit="return false;" method="post" id="categories"&amp;gt;
&amp;lt;div class="row"&amp;gt;
    &amp;lt;div class="col-xs-6"&amp;gt;
        &amp;lt;select id="lunchBegins" class="selectpicker" data-live-search="true" data-live-search-style="begins" title="Select Your City" v-model="category" name="category"&amp;gt;
            &amp;lt;option v-for="post in articles" v-bind:value="post.name"&amp;gt;{{post.name}}&amp;lt;/option&amp;gt;
        &amp;lt;/select&amp;gt;
    &amp;lt;/div&amp;gt;
    &amp;lt;div class="col-xs-6"&amp;gt;
        &amp;lt;select id="basic" class="selectpicker show-tick form-control" v-model="subcategory" name="subcategory"&amp;gt;
            &amp;lt;option v-for="so in services" v-bind:value="so.name"&amp;gt;{{so.name}}&amp;lt;/option&amp;gt;
        &amp;lt;/select&amp;gt;
    &amp;lt;/div&amp;gt;
&amp;lt;/div&amp;gt;
&amp;lt;/form&amp;gt;
&lt;/code&gt;&lt;/pre&gt;
&lt;p&gt;My vue js script is as given below.. I have added the script in the mount() but nothing happens for me. But when I type in the console.. drop down list appears&lt;/p&gt;
&lt;pre&gt;&lt;code&gt;  &amp;lt;script&amp;gt;
categories = new Vue({
    el: '#categories',
    data: {
        articles: [],
        services: [],
        category: 0,
        subcategory: 0,
        content: false
    },
      watch: {
           subcategory: function(e) {
            this.prefetch();
          },
           category: function() {
            var self = this;
            self.subcategory = 0;
            $.ajax({
              url: "https://n2s.herokuapp.com/api/post/get_all_services/",
              data: {
                'service': self.id
              },
              type: "POST",
              dataType: "JSON",
              success: function(e) {
              console.log('Loading services');
              console.log(self.category);
              let categoryIdArray = self.articles.filter(x=&amp;gt;x.name==self.category);
                console.log(categoryIdArray);
                self.services = e.filter(x=&amp;gt;x.cat_id==categoryIdArray[0].cat_id);
                 console.log(self.services);
                self.prefetch();
              }
            });
          },
      },
    mounted: function() {
   $('.selectpicker').selectpicker('refresh');
        var vm = this;
        $.ajax({
            url: "https://n2s.herokuapp.com/api/post/get_all_category/",
            method: "GET",
            dataType: "JSON",
            success: function(e) {
                    console.log(e); 
                 vm.articles = e;
                console.log(vm);
            },
        });
    },
})
&amp;lt;/script&amp;gt;
&lt;/code&gt;&lt;/pre&gt;
&lt;p&gt;Is there any way to initialize select picker? Please help me.&lt;/p&gt;</t>
  </si>
  <si>
    <t>2017-11-28 08:44:47.947000+00:00</t>
  </si>
  <si>
    <t>2018-01-05 19:59:47.177000+00:00</t>
  </si>
  <si>
    <t>2017-11-28 09:33:27.453000+00:00</t>
  </si>
  <si>
    <t>javascript|html|json|vue.js</t>
  </si>
  <si>
    <t>SQL Server: setting variables from query output</t>
  </si>
  <si>
    <t>&lt;p&gt;Hey all, I am wondering how to set variables to the output of the following query string:&lt;/p&gt;
&lt;pre&gt;&lt;code&gt;SELECT count(*) fees_quantity,
   1.5 fees_price,
   1.5 * count(*) fees_amount,
   round(SUM((CONVERT(int,Points) * .1)),0)) redep_amount,
   round(SUM((CONVERT(int,Points) * .1)),0)) + 1.5 * count(*) total_amount
FROM tblHGP HGP,  
   OrderDetails OD, 
   tblInvoices i
  JOIN tblCS cs ON i.INumber = cs.INumber
  JOIN tblECI ac ON i.INumber = ac.INumber 
WHERE cs.SoldTo = HGP.ECard 
AND issued BETWEEN '2010-09-01' AND '2010-09-30 23:59:59' 
AND Country = 'US' 
AND HGP.iNumber = OD.orderdetail
&lt;/code&gt;&lt;/pre&gt;
&lt;p&gt;How can I do something like this?&lt;/p&gt;
&lt;pre&gt;&lt;code&gt;DECLARE @FeesQty varchar(3)
DECLARE @FeesTotal varchar(10)
DECLARE @RedepTotal varchar(10)
DECLARE @Total varchar(10)
@FeesQty = fees_quantity
@FeesTotal = fees_amount
@RedepTotal = redep_amount
@Total = total_amount
&lt;/code&gt;&lt;/pre&gt;
&lt;p&gt;How can that be done?&lt;/p&gt;
&lt;p&gt;Thanks!&lt;/p&gt;
&lt;p&gt;David&lt;/p&gt;</t>
  </si>
  <si>
    <t>2010-10-22 17:37:09.627000+00:00</t>
  </si>
  <si>
    <t>2015-03-14 09:07:28.177000+00:00</t>
  </si>
  <si>
    <t>2010-10-22 20:36:29.780000+00:00</t>
  </si>
  <si>
    <t>sql|sql-server|sql-server-2005</t>
  </si>
  <si>
    <t>Different Authentication Schemes for the Same ASP.NET Web API</t>
  </si>
  <si>
    <t>&lt;h2&gt;The Situation&lt;/h2&gt;
&lt;p&gt;I have an upcoming project where the web pages will be making AJAX calls. External clients will also be provided a REST API. I will be implementing this project using ASP.NET MVC 4 with Web API.&lt;/p&gt;
&lt;p&gt;I have seen various examples online where people use the &lt;code&gt;[Authorize]&lt;/code&gt; attribute for security. I presume this is whenever Web API is called via AJAX on a web page.&lt;/p&gt;
&lt;p&gt;I have also seen various examples where an API key was passed along with each request (via query string or header). I presume this is whenever Web API is called from an external system.&lt;/p&gt;
&lt;h2&gt;The Questions&lt;/h2&gt;
&lt;p&gt;Here are the questions that immediately come to mind:&lt;/p&gt;
&lt;ul&gt;
&lt;li&gt;Should I be creating a separate controller for internal and external clients?&lt;/li&gt;
&lt;li&gt;or should I force the web pages to use the same external authentication model?&lt;/li&gt;
&lt;li&gt;or is there a way that external clients can use the Authorize attribute?&lt;/li&gt;
&lt;li&gt;or should I somehow support both forms or authentication at the same time?&lt;/li&gt;
&lt;/ul&gt;
&lt;h2&gt;A Side Note&lt;/h2&gt;
&lt;p&gt;A colleague pointed out that I might want to deploy the API to a totally different URL than where the web app is hosted. Along the same lines, he pointed out that the external API may need to be more coarse grain or evolve separately.&lt;/p&gt;
&lt;p&gt;I don't want to reinvent the wheel, here. This makes me wonder whether I should be using Web API as an internal API for my AJAX calls in the first place or if I should stick to old-school MVC actions with &lt;code&gt;[HttpPost]&lt;/code&gt; attributes.&lt;/p&gt;</t>
  </si>
  <si>
    <t>2013-07-02 18:36:03.157000+00:00</t>
  </si>
  <si>
    <t>2013-07-03 05:21:04.920000+00:00</t>
  </si>
  <si>
    <t>authentication|asp.net-web-api|authorization</t>
  </si>
  <si>
    <t>wxWidgets: How to refer to child components?</t>
  </si>
  <si>
    <t>&lt;p&gt;I have a wxPanel named p.&lt;/p&gt;
&lt;p&gt;I have 5 textboxes on it.&lt;/p&gt;
&lt;p&gt;How do I assign a static piece of text to each text box within the panel without doing it one by one? Can I refer to them like referring to array elements?&lt;/p&gt;
&lt;p&gt;Thanks!&lt;/p&gt;</t>
  </si>
  <si>
    <t>2013-08-21 06:14:24.607000+00:00</t>
  </si>
  <si>
    <t>2013-08-23 06:39:34.440000+00:00</t>
  </si>
  <si>
    <t>c++|wxwidgets</t>
  </si>
  <si>
    <t>Convert binary data to its ASCII equivalent without using String object in Arduino</t>
  </si>
  <si>
    <t>&lt;p&gt;I am using Arduino. I have the following code which converts binary data to its ASCII equivalent. It uses the String object.&lt;/p&gt;
&lt;pre&gt;&lt;code&gt;static uint16_t index = 0;
static char buffer[1600]; //contains binary data 0x11, 0x22, 0x1, 0xa ...
String msg;
index = strlen(buffer);
for (i=0; i &amp;lt; index; i++)
{
    //Produce a zero in front for single digits. Examples, 0x5 transforms into 05, 0xa transforms into 0a
    if (buffer[i] &amp;lt;= 0x0F)
    {
        msg += "0";
    }
    msg += String(buffer[i], HEX); //msg contains the ASCII equivalent of buffer    
}
&lt;/code&gt;&lt;/pre&gt;
&lt;p&gt;How can the code be modified such that the String object is not used but the same objective is accomplished?&lt;/p&gt;</t>
  </si>
  <si>
    <t>2016-08-16 11:00:49.613000+00:00</t>
  </si>
  <si>
    <t>2016-08-16 11:07:55.333000+00:00</t>
  </si>
  <si>
    <t>2016-08-16 11:06:16.783000+00:00</t>
  </si>
  <si>
    <t>user6064424</t>
  </si>
  <si>
    <t>c++|c|string|arduino</t>
  </si>
  <si>
    <t>Android - AlertDialog animation no longer working</t>
  </si>
  <si>
    <t>&lt;p&gt;I had it working but now it isn't. There is nothing in logcat about it.&lt;/p&gt;
&lt;p&gt;style.xml&lt;/p&gt;
&lt;pre&gt;&lt;code&gt;&amp;lt;?xml version="1.0" encoding="UTF-8"?&amp;gt;
&amp;lt;resources&amp;gt;
    &amp;lt;style name="DialogSlideAnim" parent="@android:style/Theme.Dialog"&amp;gt;
        &amp;lt;item name="android:windowAnimationStyle"&amp;gt;@style/DialogAnimation&amp;lt;/item&amp;gt;
    &amp;lt;/style&amp;gt;
    &amp;lt;style name="DialogAnimation"&amp;gt;
        &amp;lt;item name="android:windowEnterAnimation"&amp;gt;@anim/push_right_in&amp;lt;/item&amp;gt;
        &amp;lt;item name="android:windowExitAnimation"&amp;gt;@anim/push_right_out&amp;lt;/item&amp;gt;
    &amp;lt;/style&amp;gt;
&amp;lt;/resources&amp;gt;
&lt;/code&gt;&lt;/pre&gt;
&lt;p&gt;Java&lt;/p&gt;
&lt;pre&gt;&lt;code&gt;AlertDialog.Builder builder = new AlertDialog.Builder(this);
builder.setMessage("Are you sure you want to exit??? Your progress will be saved.")
    .setCancelable(false)
    .setPositiveButton("No", new DialogInterface.OnClickListener() 
        {
            public void onClick(DialogInterface dialog, int id) 
            {
            }
        })
    .setNegativeButton("Yes", new DialogInterface.OnClickListener() 
        {
            public void onClick(DialogInterface dialog, int id) 
            {
                dialog.cancel();
                finish();
            }
        });
AlertDialog alert = builder.create();
alert.hide();
alert.getWindow().getAttributes().windowAnimations = R.style.DialogSlideAnim;
alert.show();
&lt;/code&gt;&lt;/pre&gt;
&lt;p&gt;Does anyone see anything wrong with this code? Everything was working prior to me doing additional coding...and I have about 12 alertboxes on my activity.&lt;/p&gt;</t>
  </si>
  <si>
    <t>2012-07-21 02:05:37.283000+00:00</t>
  </si>
  <si>
    <t>2013-04-08 10:26:38.200000+00:00</t>
  </si>
  <si>
    <t>android|animation|alertdialog</t>
  </si>
  <si>
    <t>django-haystack: how to access the spelling suggestions on the template?</t>
  </si>
  <si>
    <t>&lt;p&gt;I'm trying django-haystack with Solr and &lt;code&gt;HAYSTACK_INCLUDE_SPELLING = True&lt;/code&gt;.&lt;/p&gt;
&lt;p&gt;How do you access the spelling suggestions on the template (generated by the default &lt;code&gt;SearchView&lt;/code&gt;) ?&lt;/p&gt;
&lt;p&gt;Edit: another question: Can the Spelling Suggestion find words from the database ? For example, using the default &lt;code&gt;Note&lt;/code&gt; model from the haystack doc, and the default &lt;code&gt;SearchView&lt;/code&gt;, there is no spelling suggestions when I search the word "Lorm" when the database contains a note called "Lorem ipsum". Is it normal ?&lt;/p&gt;
&lt;p&gt;Thanks :-)&lt;/p&gt;</t>
  </si>
  <si>
    <t>2010-05-01 16:09:29.867000+00:00</t>
  </si>
  <si>
    <t>2013-05-03 10:35:35.210000+00:00</t>
  </si>
  <si>
    <t>python|django|solr|django-haystack</t>
  </si>
  <si>
    <t>Aysnc for each callback issue</t>
  </si>
  <si>
    <t>&lt;p&gt;I am using async for each to achieve some task the problem i am facing is that the final call back never executes&lt;/p&gt;
&lt;p&gt;&lt;strong&gt;Scenario&lt;/strong&gt; : i have list of contacts and want to send message to all contacts in parallel and when message is send want to store the response in array and than want to perform some action on final call back&lt;/p&gt;
&lt;p&gt;&lt;strong&gt;sms.js&lt;/strong&gt;&lt;/p&gt;
&lt;pre&gt;&lt;code&gt;function SmsService() {}
SmsService.prototype.sendSms = function(value, callback) {
       client.messages
            .create({
                body: value.body,
                from: value.from,
                to: value.to
            })
            .then(message =&amp;gt; {
                console.log('meesage going', message.sid);
                callback(null,message.sid)
            })
            .catch(e =&amp;gt; {
                callback(null,'not send')
            })
   }
module.exports = SmsService;
&lt;/code&gt;&lt;/pre&gt;
&lt;p&gt;&lt;strong&gt;sender.js&lt;/strong&gt;&lt;/p&gt;
&lt;pre&gt;&lt;code&gt;  var SmsService = require(path.resolve(__dirname, './sms'));
     var smsService = new SmsService();
     var data = [{body:'1232324',from:'+12323123',to:'+12312323'},
     {body:'112123234',from:'+123123123',to:'+123213123'}, {body:'12sadasdasd34',from:'+112123123',to:'+1223213123'}]
     async.forEachOf(data, function (value, i, cb) {
        console.log('started',i)
            smsService.sendSms(value, function(error, result) {
                console.log('sending',i,value.to)//only get result for first item 
                results.push(result)
                cb()
            })
     }, function (err) {
        if (err) console.error(err.message);
         console.log('all done')//never executes
        console.log(results);//never executes
    });
&lt;/code&gt;&lt;/pre&gt;
&lt;p&gt;If I move the async part to SMS service it works fine but I want to keep separate the SMS service&lt;/p&gt;</t>
  </si>
  <si>
    <t>2018-06-13 06:45:40.890000+00:00</t>
  </si>
  <si>
    <t>node.js|callback|node-async</t>
  </si>
  <si>
    <t>High memory usage with Console.WriteLine()</t>
  </si>
  <si>
    <t>&lt;pre&gt;&lt;code&gt;public static void Main()
{
    int size = 250000;
    var a = new int[size];
    for (int i = 0; i &amp;lt; size; i++)
        Console.WriteLine("{0}", a[i]);
}
&lt;/code&gt;&lt;/pre&gt;
&lt;p&gt;When I tested the above code with CLRProfiler, it told me that the code allocates roughly    40 MB. Around 20 MB is allocated to &lt;code&gt;String&lt;/code&gt;, 9 MB to &lt;code&gt;Char[]&lt;/code&gt;, 5 MB to &lt;code&gt;StringBuilder&lt;/code&gt; and 3 MB to &lt;code&gt;Int32&lt;/code&gt;.&lt;/p&gt;
&lt;pre&gt;&lt;code&gt;public static void Main()
{
    int size = 250000;
    var a = new int[size];
    for (int i = 0; i &amp;lt; size; i++)
        Console.WriteLine("0");
} 
&lt;/code&gt;&lt;/pre&gt;
&lt;p&gt;This one allocates around 5 MB. 4 MB is allocated to &lt;code&gt;Char[]&lt;/code&gt;. &lt;/p&gt;
&lt;p&gt;The only thing I get is that array &lt;code&gt;a&lt;/code&gt; should require 1 MB (250,000 * 4).&lt;/p&gt;
&lt;p&gt;Why is there such a massive difference ? Why are all those objects required for the first code and how do I reduce the memory allocation ?&lt;/p&gt;</t>
  </si>
  <si>
    <t>2011-06-21 18:44:29.003000+00:00</t>
  </si>
  <si>
    <t>2011-06-21 18:52:08.673000+00:00</t>
  </si>
  <si>
    <t>c#|memory-management</t>
  </si>
  <si>
    <t>Convert a flat model into a structured one</t>
  </si>
  <si>
    <t>&lt;p&gt;Basically, I want to be able to convert something like&lt;/p&gt;
&lt;pre&gt;&lt;code&gt;{
    "name": "",
    "street_address": "",
    "city": ""
}
&lt;/code&gt;&lt;/pre&gt;
&lt;p&gt;into this&lt;/p&gt;
&lt;pre&gt;&lt;code&gt;{
    "name": "",
    "address" : {
        "street_address": "",
        "city": ""
    }
}
&lt;/code&gt;&lt;/pre&gt;
&lt;p&gt;while still retaining a model that would look like this&lt;/p&gt;
&lt;pre&gt;&lt;code&gt;class ModelA(models.Model):
    name = models.CharField()
    street_address = models.CharField()
    city = models.CharField()
&lt;/code&gt;&lt;/pre&gt;
&lt;p&gt;Any ideas? &lt;/p&gt;</t>
  </si>
  <si>
    <t>2015-06-13 14:25:28.433000+00:00</t>
  </si>
  <si>
    <t>2015-06-13 18:41:00.173000+00:00</t>
  </si>
  <si>
    <t>django|django-rest-framework</t>
  </si>
  <si>
    <t>Finding row layout id in an ArrayAdapter methods</t>
  </si>
  <si>
    <t>&lt;p&gt;When extending &lt;a href="http://developer.android.com/reference/android/widget/ArrayAdapter.html" rel="nofollow"&gt;ArrayAdapter&lt;/a&gt; with the following &lt;a href="http://www.vogella.com/tutorials/AndroidListView/article.html#tutorial_ownadapter" rel="nofollow"&gt;code by vogella.com&lt;/a&gt;:&lt;/p&gt;
&lt;pre&gt;&lt;code&gt;public class MySimpleArrayAdapter extends ArrayAdapter&amp;lt;String&amp;gt; {
  private final Context context;
  private final String[] values;
  public MySimpleArrayAdapter(Context context, String[] values) {
    super(context, R.layout.rowlayout, values); // 111
    this.context = context;
    this.values = values;
  }
  @Override
  public View getView(int position, View convertView, ViewGroup parent) {
    LayoutInflater inflater = (LayoutInflater) context
        .getSystemService(Context.LAYOUT_INFLATER_SERVICE);
    View rowView = inflater.inflate(R.layout.rowlayout, parent, false); // 222
    TextView textView = (TextView) rowView.findViewById(R.id.label);
    ImageView imageView = (ImageView) rowView.findViewById(R.id.icon);
    textView.setText(values[position]);
    // Change the icon for Windows and iPhone
    String s = values[position];
    if (s.startsWith("Windows7") || s.startsWith("iPhone")
        || s.startsWith("Solaris")) {
      imageView.setImageResource(R.drawable.no);
    } else {
      imageView.setImageResource(R.drawable.ok);
    }
    return rowView;
  }
} 
&lt;/code&gt;&lt;/pre&gt;
&lt;p&gt;In the method &lt;code&gt;getView()&lt;/code&gt; at the comment &lt;strong&gt;"// 222"&lt;/strong&gt; - is it possible to find the row layout (which was already set in the constructor at the comment &lt;strong&gt;"// 111"&lt;/strong&gt;) - or do you have to use the hardcoded value &lt;strong&gt;R.layout.rowlayout&lt;/strong&gt; again (or store it for yourself in the constructor or static final variable)?&lt;/p&gt;</t>
  </si>
  <si>
    <t>2014-12-11 20:06:22.023000+00:00</t>
  </si>
  <si>
    <t>2014-12-11 20:42:40.113000+00:00</t>
  </si>
  <si>
    <t>2014-12-11 20:11:32.647000+00:00</t>
  </si>
  <si>
    <t>android|android-layout|android-arrayadapter|android-adapter</t>
  </si>
  <si>
    <t>Extracting a base domain/eTLD+1 from a URL</t>
  </si>
  <si>
    <t>&lt;p&gt;I'm currently writing a WebExtension. In this extension, I need to deal with a bunch of URLs in JS and extract the base domain (aka eTLD+1).&lt;/p&gt;
&lt;p&gt;So&lt;/p&gt;
&lt;ul&gt;
&lt;li&gt;&lt;code&gt;www.cnn.com&lt;/code&gt; =&gt; &lt;code&gt;cnn.com&lt;/code&gt;&lt;/li&gt;
&lt;li&gt;&lt;code&gt;cnn.com&lt;/code&gt; =&gt; &lt;code&gt;cnn.com&lt;/code&gt;&lt;/li&gt;
&lt;li&gt;&lt;code&gt;www.world.cnn.com&lt;/code&gt; =&gt; &lt;code&gt;cnn.com&lt;/code&gt;&lt;/li&gt;
&lt;li&gt;&lt;code&gt;www.bbc.co.uk&lt;/code&gt; =&gt; &lt;code&gt;bbc.co.uk&lt;/code&gt;&lt;/li&gt;
&lt;li&gt;...&lt;/li&gt;
&lt;/ul&gt;
&lt;p&gt;As you can see from the examples, there is no simple technique to extract everything. In fact, the &lt;a href="https://publicsuffix.org/list/public_suffix_list.dat" rel="nofollow noreferrer"&gt;the official list&lt;/a&gt; is ~12,000 lines long.&lt;/p&gt;
&lt;p&gt;I know that browsers can do it internally. I wonder if there is a standard way to do this in JS?&lt;/p&gt;</t>
  </si>
  <si>
    <t>2018-10-16 11:43:40.933000+00:00</t>
  </si>
  <si>
    <t>2018-10-17 11:16:17.203000+00:00</t>
  </si>
  <si>
    <t>javascript|url|dom|firefox-addon|firefox-webextensions</t>
  </si>
  <si>
    <t>Angular 2 Unit Testing - Cannot read property 'root' of undefined</t>
  </si>
  <si>
    <t>&lt;p&gt;&lt;strong&gt;Error Description&lt;/strong&gt;&lt;/p&gt;
&lt;p&gt;Angular version: 2.3.1&lt;/p&gt;
&lt;p&gt;My unit test fails to create the component - I know this issue is related to the &lt;code&gt;[routerLink]&lt;/code&gt; and &lt;code&gt;[routerLinkActive]&lt;/code&gt; directives because removing them from the template allows the test to create the component.&lt;/p&gt;
&lt;p&gt;&lt;strong&gt;TEMPLATE&lt;/strong&gt;&lt;/p&gt;
&lt;pre&gt;&lt;code&gt;&amp;lt;nav class="navbar navbar-default navbar-fixed-top" role="navigation"&amp;gt;
&amp;lt;div class="container-fluid"&amp;gt;
&amp;lt;div class="navbar-header"&amp;gt;
  &amp;lt;button class="navbar-toggle" data-toggle="collapse" data-target="#iotahoe-top-navigation"&amp;gt;
    &amp;lt;span class="sr-only"&amp;gt;Toggle navigation&amp;lt;/span&amp;gt;
    &amp;lt;span class="icon-bar"&amp;gt;&amp;lt;/span&amp;gt;
    &amp;lt;span class="icon-bar"&amp;gt;&amp;lt;/span&amp;gt;
    &amp;lt;span class="icon-bar"&amp;gt;&amp;lt;/span&amp;gt;
  &amp;lt;/button&amp;gt;
  &amp;lt;a class="navbar-brand" [routerLink]="['/']"&amp;gt;IoTahoe&amp;lt;/a&amp;gt;
&amp;lt;/div&amp;gt;
&amp;lt;div class="collapse navbar-collapse" id="iotahoe-top-navigation"&amp;gt;
  &amp;lt;ul *ngIf="isAuthenticated()" class="nav navbar-nav navbar-right"&amp;gt;
    &amp;lt;li [routerLinkActive]="['active']"&amp;gt;&amp;lt;a [routerLink]="['/dashboard']"&amp;gt;Dashboard&amp;lt;/a&amp;gt;&amp;lt;/li&amp;gt;
    &amp;lt;li [routerLinkActive]="['active']"&amp;gt;&amp;lt;a [routerLink]="['/browse']"&amp;gt;Browse&amp;lt;/a&amp;gt;&amp;lt;/li&amp;gt;
    &amp;lt;li [routerLinkActive]="['active']"&amp;gt;&amp;lt;a [routerLink]="['/admin']"&amp;gt;Admin&amp;lt;/a&amp;gt;&amp;lt;/li&amp;gt;
    &amp;lt;li [routerLinkActive]="['active']"&amp;gt;&amp;lt;a (click)="onLogout()" style="cursor: pointer;"&amp;gt;Logout&amp;lt;/a&amp;gt;&amp;lt;/li&amp;gt;
  &amp;lt;/ul&amp;gt;
&amp;lt;/div&amp;gt;
&lt;/code&gt;&lt;/pre&gt;
&lt;p&gt;
&lt;/p&gt;
&lt;p&gt;&lt;strong&gt;TYPESCRIPT&lt;/strong&gt;&lt;/p&gt;
&lt;pre&gt;&lt;code&gt;import { Component, OnInit } from '@angular/core';
import { AuthenticationService } from   '../../authentication/authentication.service';
import { Router } from '@angular/router';
@Component({
moduleId: module.id.toString(),
selector: 'app-top-navbar',
templateUrl: './top-navbar.component.html',
styleUrls: ['./top-navbar.component.css']
})
export class TopNavbarComponent implements OnInit {
constructor(private authenticationService: AuthenticationService, private router: Router) { }
ngOnInit() {
}
isAuthenticated() {
    return this.authenticationService.isLoggedIn;
}
onLogout() {
    this.authenticationService.logout().subscribe(() =&amp;gt; {
        return this.router.navigate(['/login']);
    });
}
}
&lt;/code&gt;&lt;/pre&gt;
&lt;p&gt;&lt;strong&gt;TEST SPEC&lt;/strong&gt;&lt;/p&gt;
&lt;pre&gt;&lt;code&gt;/* tslint:disable:no-unused-variable */
import {async, ComponentFixture, TestBed, inject} from '@angular/core/testing';
import { By } from '@angular/platform-browser';
import {DebugElement, CUSTOM_ELEMENTS_SCHEMA, NO_ERRORS_SCHEMA, Component} from '@angular/core';
import { RouterTestingModule } from '@angular/router/testing';
import { Location, CommonModule } from '@angular/common';
import { TopNavbarComponent } from './top-navbar.component';
import { AuthenticationService } from '../../authentication/authentication.service';
import { Router } from '@angular/router';
import {ReactiveFormsModule} from "@angular/forms";
@Component({
template: ''
})
class DummyComponent {
}
describe('TopNavbarComponent', () =&amp;gt; {
let component: TopNavbarComponent;
let fixture: ComponentFixture&amp;lt;TopNavbarComponent&amp;gt;;
let authenticationService: AuthenticationService;
beforeEach(async(() =&amp;gt; {
    const authenticationServiceStub = {
        isLoggedIn: false
    };
    const routerStub = {
        navigate: jasmine.createSpy('navigate'),
        navigateByUrl: jasmine.createSpy('navigateByUrl')
    };
    TestBed.configureTestingModule({
        declarations: [ TopNavbarComponent, DummyComponent ],
        imports:[CommonModule, ReactiveFormsModule,     RouterTestingModule.withRoutes(
            [
                { path: '/', component:DummyComponent },
                { path: '/login', component:DummyComponent },
                { path: '/dashboard', component:DummyComponent },
                { path: '/browse', component:DummyComponent },
                { path: '/admin', component:DummyComponent }
            ])],
        providers: [
            { provide: AuthenticationService, useValue: authenticationServiceStub },
            { provide: Router, useValue: routerStub }
            ]
    }).compileComponents();
}));
beforeEach(() =&amp;gt; {
    fixture = TestBed.createComponent(TopNavbarComponent);
    component = fixture.componentInstance;
    authenticationService = TestBed.get(AuthenticationService);
    fixture.detectChanges();
});
it('should create', () =&amp;gt; {
    expect(component).toBeTruthy();
});
});
&lt;/code&gt;&lt;/pre&gt;
&lt;p&gt;&lt;strong&gt;ERROR&lt;/strong&gt;&lt;/p&gt;
&lt;blockquote&gt;
  &lt;p&gt;zone.js:155 Uncaught Error: Error in package:407:9:6 caused by: Cannot
  read property 'root' of undefined
      at ViewWrappedError.Error (native)
      at ViewWrappedError.ZoneAwareError (localhost:9876/base/src/test.ts:133296:33)
      at ViewWrappedError.BaseError [as constructor] (localhost:9876/base/src/test.ts:35630:16)
      at ViewWrappedError.WrappedError [as constructor] (localhost:9876/base/src/test.ts:35695:16)
      at new ViewWrappedError (localhost:9876/base/src/test.ts:68018:16)
      at DebugAppView._rethrowWithContext (localhost:9876/base/src/test.ts:108242:23)
      at DebugAppView.create (localhost:9876/base/src/test.ts:108142:18)
      at DebugAppView.View_TopNavbarComponent_Host0.createInternal (/DynamicTestModule/TopNavbarComponent/host.ngfactory.js:16:19)
      at DebugAppView.AppView.createHostView (localhost:9876/base/src/test.ts:107700:21)
      at DebugAppView.createHostView (localhost:9876/base/src/test.ts:108156:52)
      at ComponentFactory.create (localhost:9876/base/src/test.ts:49830:25)
      at initComponent (localhost:9876/base/src/test.ts:6425:53)
      at ZoneDelegate.invoke (localhost:9876/base/src/test.ts:132727:26)
      at ProxyZoneSpec.onInvoke (localhost:9876/base/src/test.ts:95802:39)
      at ZoneDelegate.invoke (localhost:9876/base/src/test.ts:132726:32)Zone.runTask @
  zone.js:155ZoneTask.invoke @ zone.js:345data.args.(anonymous function)
  @ zone.js:1376&lt;/p&gt;
&lt;/blockquote&gt;</t>
  </si>
  <si>
    <t>2017-02-04 11:18:38.800000+00:00</t>
  </si>
  <si>
    <t>2017-05-11 07:28:36.640000+00:00</t>
  </si>
  <si>
    <t>2017-02-04 11:44:57.410000+00:00</t>
  </si>
  <si>
    <t>unit-testing|angular</t>
  </si>
  <si>
    <t>Rails Completed 401 Unauthorized code with authenticate_or_request_with_http_basic</t>
  </si>
  <si>
    <t>&lt;p&gt;In my Rails 4.2 app I am using Devise 3.5.10. Once the admin is logged I am trying to protect with a second password the access to a specific view using authenticate_or_request_with_http_basic only for the admin users.&lt;/p&gt;
&lt;p&gt;Here is the controller:&lt;/p&gt;
&lt;pre&gt;&lt;code&gt;class ScreensController &amp;lt; ApplicationController
   skip_before_action :authenticate_user!
   layout 'chat'
   def chat
     if current_user.admin?
       if params["full_chat"] == "true"
         authenticate_or_request_with_http_basic('Administration') do |username, password|
           username == "admin" &amp;amp;&amp;amp; password == "your_password"
         end
      end
    end
  end
 end
&lt;/code&gt;&lt;/pre&gt;
&lt;p&gt;So in an ActiveAdmin view I have this link_to:&lt;/p&gt;
&lt;pre&gt;&lt;code&gt;link_to(I18n.t('admin.full_conversation'), root_url+'chat?full_chat=true#/conversations/'+conversation.id.to_s)
&lt;/code&gt;&lt;/pre&gt;
&lt;p&gt;And here is the route:&lt;/p&gt;
&lt;pre&gt;&lt;code&gt;get  '/chat' , to: 'screens#chat'
&lt;/code&gt;&lt;/pre&gt;
&lt;p&gt;it works as expected locally, displaying a modal window asking for the user and password before giving acces to the view if they are right, but once it is deployed to the server I get a 401 code in the loggs:&lt;/p&gt;
&lt;pre&gt;&lt;code&gt;Completed 401 Unauthorized in 11ms (ActiveRecord: 1.2ms)
&lt;/code&gt;&lt;/pre&gt;
&lt;p&gt;And the server gets stuck in a loop.
Any idea about why the behaviour is different locally than in the server will be really appreciated.&lt;/p&gt;</t>
  </si>
  <si>
    <t>2018-06-11 14:55:06.900000+00:00</t>
  </si>
  <si>
    <t>2018-06-12 13:05:44.657000+00:00</t>
  </si>
  <si>
    <t>ruby-on-rails|devise|http-status-code-401</t>
  </si>
  <si>
    <t>firefox save image from memory/cache</t>
  </si>
  <si>
    <t>&lt;p&gt;I want find/write a simple add-on for Firefox, just save image to local disk from a web page without re-load it from server. The image is already displayed, so it must be in cache/memory.&lt;/p&gt;
&lt;p&gt;For most images, I can just drag the image to Finder, but for some images it doesn't work (maybe the server check the Referer etc.). &lt;/p&gt;
&lt;p&gt;I check the XPCOM APIs, but have no idea how to do it.&lt;/p&gt;
&lt;p&gt;An example:
&lt;a href="http://www.dm5.com/m222757/" rel="nofollow"&gt;http://www.dm5.com/m222757/&lt;/a&gt;&lt;/p&gt;
&lt;p&gt;Disable all user defined event to the image with firebug etc. Then right click the image in the middle, "Save Image As...", it will save a different image.&lt;/p&gt;</t>
  </si>
  <si>
    <t>2015-10-21 12:54:10.317000+00:00</t>
  </si>
  <si>
    <t>2015-10-21 13:42:01.593000+00:00</t>
  </si>
  <si>
    <t>javascript|firefox</t>
  </si>
  <si>
    <t>LCD 7 Inch on Raspberry pi 3 without HDMI cable using buildroot no console print</t>
  </si>
  <si>
    <t>&lt;p&gt;I connected raspberry pi 3 to Official LCD 7 Inch display.
When the HDMI is also connected i can see the Linux boot sequence on both screens.
But when I unplugged the HDMI cable, i don't see any more the console on the LCD.&lt;/p&gt;
&lt;p&gt;The image created by buildroot ( where all the tutorial out there are for Raspbiean)&lt;/p&gt;
&lt;p&gt;I tried many things , all in config.txt       &lt;/p&gt;
&lt;pre&gt;&lt;code&gt;hdmi_group=2    
hdmi_mode=1    
hdmi_mode=87    
hdmi_cvt=800 480 60 6 0 0 0 
&lt;/code&gt;&lt;/pre&gt;
&lt;p&gt;My target if to run QT5 app on the LCD , which does not work even.
But I thought to ask this question first.&lt;/p&gt;
&lt;p&gt;I don't mind using only the LCD , as primary solution or using both as dual screen. 
just need the LCD to work.
Thanks!&lt;/p&gt;</t>
  </si>
  <si>
    <t>2017-09-03 06:52:06.447000+00:00</t>
  </si>
  <si>
    <t>2017-10-09 18:47:34.257000+00:00</t>
  </si>
  <si>
    <t>2017-09-03 07:21:52.463000+00:00</t>
  </si>
  <si>
    <t>lcd|buildroot</t>
  </si>
  <si>
    <t>Is there an inline-if with assignment (ternary conditional) in bash?</t>
  </si>
  <si>
    <t>&lt;blockquote&gt;
  &lt;p&gt;&lt;strong&gt;Possible Duplicate:&lt;/strong&gt;&lt;br&gt;
  &lt;a href="https://stackoverflow.com/questions/3953645/ternary-operator-in-bash"&gt;Ternary operator (?:) in Bash&lt;/a&gt;  &lt;/p&gt;
&lt;/blockquote&gt;
&lt;p&gt;If this were AS3 or Java, I would do the following:&lt;/p&gt;
&lt;pre&gt;&lt;code&gt;fileName = dirName + "/" + (useDefault ? defaultName : customName) + ".txt";
&lt;/code&gt;&lt;/pre&gt;
&lt;p&gt;But in shell, that seems needlessly complicated, requiring several lines of code, as well as quite a bit of repeated code. &lt;/p&gt;
&lt;pre&gt;&lt;code&gt;if [ $useDefault ]; then
    fileName="$dirName/$defaultName.txt"
else
    fileName="$dirName/$customName.txt"
fi
&lt;/code&gt;&lt;/pre&gt;
&lt;p&gt;You could compress that all into one line, but that sacrifices clarity immensely.&lt;/p&gt;
&lt;p&gt;Is there any better way of writing an inline &lt;code&gt;if&lt;/code&gt; with variable assignment in shell?&lt;/p&gt;</t>
  </si>
  <si>
    <t>2012-12-31 23:05:15.150000+00:00</t>
  </si>
  <si>
    <t>2013-01-01 20:43:08.187000+00:00</t>
  </si>
  <si>
    <t>2017-05-23 11:46:34.823000+00:00</t>
  </si>
  <si>
    <t>bash|shell|if-statement|operators</t>
  </si>
  <si>
    <t>OpenSSL encrypt is ok, but decrypt is false</t>
  </si>
  <si>
    <t>&lt;p&gt;first, im sorry for my bad English.&lt;/p&gt;
&lt;p&gt;Im forced to use OpenSSL and im testing it now.&lt;/p&gt;
&lt;p&gt;I have public key:&lt;/p&gt;
&lt;pre&gt;&lt;code&gt;$key = "{key}"; 
$key = "-----BEGIN PUBLIC KEY-----\n" . wordwrap($key, 64, "\n", true) . "\n-----END PUBLIC KEY-----";
&lt;/code&gt;&lt;/pre&gt;
&lt;p&gt;When i use: &lt;/p&gt;
&lt;pre&gt;&lt;code&gt;$secret = "test";
$test = openssl_public_encrypt($secret, $encrypted, $key);
&lt;/code&gt;&lt;/pre&gt;
&lt;p&gt;... everything is ok, in $test is true - so encrypting is ok.&lt;/p&gt;
&lt;p&gt;But now, i want decrypt it back, so i use:&lt;/p&gt;
&lt;pre&gt;&lt;code&gt;$ok = openssl_public_decrypt($encrypted, $vys, $key);
&lt;/code&gt;&lt;/pre&gt;
&lt;p&gt;...and on this place, the $ok variable contains false :(
How it is possible?&lt;/p&gt;
&lt;p&gt;Thanks very much to all!&lt;/p&gt;</t>
  </si>
  <si>
    <t>2013-12-27 09:14:55.047000+00:00</t>
  </si>
  <si>
    <t>2013-12-27 10:18:30.640000+00:00</t>
  </si>
  <si>
    <t>php|encryption|openssl</t>
  </si>
  <si>
    <t>How To Add Add To Shopcart Button In Opencart Product Description</t>
  </si>
  <si>
    <t>&lt;p&gt;I am trying to insert a shop cart button at the bottom of the product description in Opencart verson 1.5.4 and am using the default theme. &lt;/p&gt;
&lt;p&gt;I looked at the source code for a particular product and copied this information from the source code into the bottom of the product description.&lt;/p&gt;
&lt;pre&gt;&lt;code&gt;       &amp;lt;div class="cart"&amp;gt;
    &amp;lt;div&amp;gt;Qty:          &amp;lt;input type="text" name="quantity" size="2" value="1" /&amp;gt;
      &amp;lt;input type="hidden" name="product_id" size="2" value="85" /&amp;gt;
      &amp;amp;nbsp;
      &amp;lt;input type="button" value="Add to Cart" id="button-cart" class="button" /&amp;gt;
    &amp;lt;/div&amp;gt;
    &amp;lt;div&amp;gt;&amp;lt;span&amp;gt;&amp;amp;nbsp;&amp;amp;nbsp;&amp;amp;nbsp;- OR -&amp;amp;nbsp;&amp;amp;nbsp;&amp;amp;nbsp;&amp;lt;/span&amp;gt;&amp;lt;/div&amp;gt;
    &amp;lt;div&amp;gt;&amp;lt;a onclick="addToWishList('85');"&amp;gt;Add to Wish List&amp;lt;/a&amp;gt;&amp;lt;br /&amp;gt;
      &amp;lt;a onclick="addToCompare('85');"&amp;gt;Add to Compare&amp;lt;/a&amp;gt;&amp;lt;/div&amp;gt;
          &amp;lt;/div&amp;gt;
&lt;/code&gt;&lt;/pre&gt;
&lt;p&gt;When I click on the add to shop cart button, nothing happens.&lt;/p&gt;
&lt;p&gt;But when I click on the add to wish list and compare , the product is added to the respective lists.&lt;/p&gt;
&lt;p&gt;What am I missing?&lt;/p&gt;
&lt;p&gt;Should I be using a different code?&lt;/p&gt;
&lt;p&gt;Can anyone help me solve this?&lt;/p&gt;</t>
  </si>
  <si>
    <t>2013-03-08 10:11:51.037000+00:00</t>
  </si>
  <si>
    <t>2015-05-19 09:01:20.340000+00:00</t>
  </si>
  <si>
    <t>2013-03-08 11:32:11.843000+00:00</t>
  </si>
  <si>
    <t>opencart</t>
  </si>
  <si>
    <t>AngularJS sort an objects array</t>
  </si>
  <si>
    <t>&lt;p&gt;I'm trying to sort the next array but every time it gives me an error, I've looked for other solutions here in stack overflow but none of them seems to work.&lt;/p&gt;
&lt;pre&gt;&lt;code&gt;$scope.builds = [build:[
    {'_id': '6384', 'name': Mock1, 'builDate': 20150302T110232},
    {'_id': '6383', 'name': Mock2, 'builDate': 20150209T130212},
    {'_id': '6382', 'name': Mock3, 'builDate': 20150103T145212}]
];
    var sorted = $scope.sortByKey($scope.builds.build[index],'builDate')
&lt;/code&gt;&lt;/pre&gt;
&lt;p&gt;And this is my function: &lt;/p&gt;
&lt;pre&gt;&lt;code&gt;    $scope.sortByKey = function (array, key) {
        return array.sort(function(a,b){
            var x = a[key] &amp;lt; b[key]? -1:1;
            return x;
        });
    }
&lt;/code&gt;&lt;/pre&gt;</t>
  </si>
  <si>
    <t>2015-04-13 11:57:05.720000+00:00</t>
  </si>
  <si>
    <t>2015-04-13 12:22:45.400000+00:00</t>
  </si>
  <si>
    <t>2015-04-13 12:17:14.543000+00:00</t>
  </si>
  <si>
    <t>Using Pear's PHP codesniffer with MAMP Pro on mac</t>
  </si>
  <si>
    <t>&lt;p&gt;I���d like to ask for some help getting Pear���s PHP Code Sniffer set up properly. &lt;/p&gt;
&lt;p&gt;I���m using MAMP pro 2.0.5 on a Mac PB 10.7.4 with PHP 5.3.6.
I do have Pear installed and can run pear commands, when I installed the PHP_CodeSniffer channel I didn���t get any errors but I can���t trigger any commands.&lt;/p&gt;
&lt;p&gt;Here is a screen shot of my command line:
&lt;a href="https://skitch.com/stephanief0042/etuck/alohamediaworks-bash-100x40" rel="nofollow noreferrer"&gt;https://skitch.com/stephanief0042/etuck/alohamediaworks-bash-100x40&lt;/a&gt;&lt;/p&gt;
&lt;p&gt;I was able to reference this post: 
&lt;a href="https://stackoverflow.com/questions/5831136/putting-pears-php-dir-into-include-path-in-php-ini"&gt;Putting PEARs php_dir into include_path in php.ini&lt;/a&gt;&lt;/p&gt;
&lt;p&gt;But my include path seems correct:
include_path = ".:/Applications/MAMP/bin/php/php5.3.6/lib/php:/Applications/MAMP/bin/php/php5.3.6/bin/pear"&lt;/p&gt;
&lt;p&gt;When I traced the path to the PHPCS install I found it���s executable file on this path: Users/alohamediaworks/pear/bin/phpcs&lt;/p&gt;
&lt;p&gt;I���m not sure if i���m one symlink from being able to use this or not, any help or suggestions would be welcome.&lt;/p&gt;</t>
  </si>
  <si>
    <t>2012-09-05 01:06:58.163000+00:00</t>
  </si>
  <si>
    <t>2016-07-16 01:29:05.567000+00:00</t>
  </si>
  <si>
    <t>2017-05-23 10:28:52.343000+00:00</t>
  </si>
  <si>
    <t>php|macos|pear|mamp|codesniffer</t>
  </si>
  <si>
    <t>Android Sync video with timer</t>
  </si>
  <si>
    <t>&lt;p&gt;I'm using Android to construct a video player using the &lt;em&gt;VideoView&lt;/em&gt;.
I've managed to get a video player running and now I'm setting a counter using &lt;em&gt;chronometer&lt;/em&gt; that starts ticking when I select the file.&lt;br&gt;
However, the video clip takes a few seconds to start running while the timer has already begun counting a few seconds when the clip starts.&lt;/p&gt;
&lt;p&gt;How can I code to sync the counter with the media file?&lt;br&gt;
I've checked around but can't seem to find an answer.&lt;/p&gt;
&lt;pre&gt;&lt;code&gt;    video = (VideoView) findViewById(R.id.video);
    play = (Button) findViewById(R.id.play);
    pause = (Button) findViewById(R.id.pause);
    stop = (Button) findViewById(R.id.stop);
    reset = (Button) findViewById(R.id.reset);
    Chronometer counter = (Chronometer) findViewById(R.id.chrono);
    startTime = SystemClock.elapsedRealtime();
    time = (TextView) findViewById(R.id.time);
        try {
        video.setVideoPath(link);
        video.start();
        video.requestFocus();
    } catch (IllegalArgumentException e) {
        e.printStackTrace();
    } catch (IllegalStateException e) {
        e.printStackTrace();
    }
    play.setOnClickListener(new OnClickListener() {
        public void onClick(View v) {
            video.start();
            video.requestFocus();
        }
    });
    pause.setOnClickListener(new OnClickListener() {
        public void onClick(View v) {
            video.pause();
        }
    });
    stop.setOnClickListener(new OnClickListener() {
        public void onClick(View v) {
            try {
                video.stopPlayback();
                video.setVideoPath(link);
            } catch (IllegalStateException e) {
                e.printStackTrace();
            }
        }
    });
    reset.setOnClickListener(new OnClickListener() {
        public void onClick(View v) {
            try {
                video.seekTo(0);
                video.start();
                video.requestFocus();
            } catch (IllegalStateException e) {
                e.printStackTrace();
            }
        }
    });
counter.setOnChronometerTickListener(new OnChronometerTickListener(){
        public void onChronometerTick(Chronometer arg0) {
            countUp = (SystemClock.elapsedRealtime() - arg0.getBase()) / 1000;
            duration = video.getDuration();
            if (countUp % 60 &amp;lt;= 9) {
                countText = (countUp / 60) + ":0" + (countUp % 60);
            } else {
                countText = (countUp / 60) + ":" + (countUp % 60);           
            } 
            if (duration % 60000 &amp;lt;= 9) {
                durationText = (duration / 60000) + ":0" + (duration % 60000);
            } else {
                durationText = (duration / 60000) + ":" + (duration % 60000);           
            }
            time.setText(countText + " / " + durationText);
        }
    });
    counter.start();
&lt;/code&gt;&lt;/pre&gt;</t>
  </si>
  <si>
    <t>2011-01-25 11:03:51.883000+00:00</t>
  </si>
  <si>
    <t>2013-09-02 05:57:21.163000+00:00</t>
  </si>
  <si>
    <t>android|timer|sync|videoview|chronometer</t>
  </si>
  <si>
    <t>Excel VBA LogIn Form with Stored Passwords on Access Database</t>
  </si>
  <si>
    <t>&lt;p&gt;I want to validate my Userfrom password with the one stored in Access Database, when I run my code below, I didn't receive any errors, however, when I try to put a wrong password, it says "Correct Password.". Can you help me on this one?&lt;/p&gt;
&lt;pre&gt;&lt;code&gt;Public cn As ADODB.Connection
Public rs As ADODB.Recordset
Sub LogIn()
Dim cn As Object
Dim rs As Object
Dim strSql As String
Dim DBPath As String
Dim userId As String
If Frm_UserPW.TxtBox_Password.Text = Empty Then
    MsgBox "Please type your password."
Else
    DBPath = Range("I2").Value
    Set cn = New ADODB.Connection
        cn.Provider = "Microsoft.ACE.OLEDB.12.0"
        cn.Properties("Data Source") = DBPath
        cn.Properties("Jet OLEDB:Database Password") = "db12345"
        cn.Open
        userId = Range("C3").Value
        'Open a recordset
        Set rs = New ADODB.Recordset
            'rs.Open "Inbox", cn, adOpenKeyset, adLockOptimistic, adCmdTable
            strSql = "SELECT * FROM ApplePassword WHERE AgentName=""" &amp;amp; userId &amp;amp; """ AND Passwords =""" &amp;amp; Frm_UserPW.TxtBox_Password.Text &amp;amp; """"
        Set rs = cn.Execute(strSql)
            MsgBox "Correct Passsword."
            Frm_UserPW.Hide
            Main.Show
            'clear memory
            rs.Close
        Set rs = Nothing
        cn.Close
    Set cn = Nothing
End If
End Sub
&lt;/code&gt;&lt;/pre&gt;</t>
  </si>
  <si>
    <t>2016-06-12 16:01:28.837000+00:00</t>
  </si>
  <si>
    <t>2017-03-05 10:14:07.260000+00:00</t>
  </si>
  <si>
    <t>excel|vba|ms-access|access|userform</t>
  </si>
  <si>
    <t>Problematic if statement</t>
  </si>
  <si>
    <t>&lt;p&gt;I have an element filled with div "message" elements and in case there are more than 20 elements I want to fade them slice(20).animate and execute the rest of the code in the finished function of animate, but in case there isn't more than 20 elements I would like to execute the remaining code straight away, how would the logic look in jquery?&lt;/p&gt;
&lt;p&gt;Sorry for noobish question, I am not that familiar with jquery.&lt;/p&gt;
&lt;p&gt;EDIT: Here's my code:&lt;/p&gt;
&lt;pre&gt;&lt;code&gt;if ($(".info #future&amp;gt;center&amp;gt;div").length&amp;lt;20) {/*Skip straight to bunch of other code*/}
$(".info #future&amp;gt;center&amp;gt;div").slice(20).animate({opacity:0}, 500, function()
{
//Bunch of other code here
&lt;/code&gt;&lt;/pre&gt;
&lt;p&gt;Now if I just use slice 20 when when there are less than 20 divs in the center element bunch of other code never gets executed.&lt;/p&gt;</t>
  </si>
  <si>
    <t>2013-03-17 16:15:50.387000+00:00</t>
  </si>
  <si>
    <t>2013-03-17 16:58:01.130000+00:00</t>
  </si>
  <si>
    <t>2013-03-17 16:52:47.463000+00:00</t>
  </si>
  <si>
    <t>How to generate crystal report in ASP.net C# using visual studio 2012?</t>
  </si>
  <si>
    <t>&lt;p&gt;I just recently installed Visual Studio 2012, everything's working good with 2010 with my Crystal report but when I migrated the code to 2012 I can't display anything. Can you pls check if there is something I'm missing with this code:&lt;/p&gt;
&lt;pre&gt;&lt;code&gt;protected void Page_Load(object sender, EventArgs e)
        {
            SqlConnection cnn;
            string connectionString = null;
            string sql = null;
            connectionString = "data source=server; initial catalog=DBO;user id=sa; password= passw0rd";
            cnn = new SqlConnection(connectionString);
            cnn.Open();
            sql = "select BadgeNo as DataColumn1,Name as DataColumn2, Section as DataColumn3 from Safety where ID = '24'";
            SqlDataAdapter dscmd = new SqlDataAdapter(sql, cnn);
            cnn.Close();
            DataSet1 ds = new DataSet1();
            dscmd.Fill(ds, "DataTable1");
            ReportobjRpt = new Report1 ();
            objRpt.SetDataSource(ds.Tables[0]);
            CrystalReportViewer1.ReportSource = objRpt;
            CrystalReportViewer1.RefreshReport();
        }
&lt;/code&gt;&lt;/pre&gt;
&lt;p&gt;I am using a dataset to transfer data from the SQL server to crystal report. Please help. Thank you.&lt;/p&gt;</t>
  </si>
  <si>
    <t>2013-07-10 12:07:17.287000+00:00</t>
  </si>
  <si>
    <t>2018-10-28 18:11:27.760000+00:00</t>
  </si>
  <si>
    <t>c#|asp.net|sql-server|visual-studio-2012|crystal-reports</t>
  </si>
  <si>
    <t>Fetch data of variables inside script tag in Python or Content added from js</t>
  </si>
  <si>
    <t>&lt;p&gt;I want to fetch data from another url for which I am using &lt;strong&gt;urllib and Beautiful Soup&lt;/strong&gt; , My data is inside table tag (which I have figure out using Firefox console). But when I tried to fetch table using his id the result is None , Then I guess this table must be dynamically added via some js code.&lt;/p&gt;
&lt;p&gt;I have tried all both parsers  &lt;strong&gt;'lxml', 'html5lib'&lt;/strong&gt; but still I can't get that table data.&lt;/p&gt;
&lt;p&gt;I have also tried one more thing :&lt;/p&gt;
&lt;pre&gt;&lt;code&gt;web = urllib.urlopen("my url")
html = web.read()
soup = BeautifulSoup(html, 'lxml')
js  = soup.find("script")
ss = js.prettify()
print ss
&lt;/code&gt;&lt;/pre&gt;
&lt;p&gt;&lt;strong&gt;Result :&lt;/strong&gt;&lt;/p&gt;
&lt;pre&gt;&lt;code&gt;&amp;lt;script type="text/javascript"&amp;gt;
 myPage = 'ETFs';
        sectionId = 'liQuotes'; //section tab
        breadCrumbId = 'qQuotes'; //page
        is_dartSite = "quotes";
        is_dartZone = "news";
        propVar = "ETFs";
&amp;lt;/script&amp;gt;
&lt;/code&gt;&lt;/pre&gt;
&lt;p&gt;But now I don't know how I can get data of these js variables.&lt;/p&gt;
&lt;p&gt;Now I have two options either get that table content ot get that the js variables, any one of them can fulfil my task but unfortunately I don't know how to get these , So please tell how I can get resolve any one of the problem.&lt;/p&gt;
&lt;p&gt;Thanks&lt;/p&gt;</t>
  </si>
  <si>
    <t>2014-06-09 10:29:26.317000+00:00</t>
  </si>
  <si>
    <t>2018-06-21 11:00:23.960000+00:00</t>
  </si>
  <si>
    <t>javascript|python|web-scraping|beautifulsoup|urllib2</t>
  </si>
  <si>
    <t>Detect if user interacts with phone?</t>
  </si>
  <si>
    <t>&lt;p&gt;I need to detect when user interacts with the phone and restart my app after 60 seconds from last user's touch on screen. Is is possible to do something like that?
It must work as the screenserver for PC.&lt;/p&gt;</t>
  </si>
  <si>
    <t>2012-01-11 09:14:31.433000+00:00</t>
  </si>
  <si>
    <t>2013-06-14 20:59:01.527000+00:00</t>
  </si>
  <si>
    <t>2013-06-10 09:42:44.477000+00:00</t>
  </si>
  <si>
    <t>android|service|action|restart</t>
  </si>
  <si>
    <t>Is it possible to insert a row using the INSERT function on a queried table?</t>
  </si>
  <si>
    <t>&lt;pre&gt;&lt;code&gt;INSERT INTO (
    SELECT student_info.Student_Name,scores.Final
    FROM student_info 
    INNER JOIN scores ON scores.Student_id=student_info.Student_id 
        AND scores.Subject_id=1)
(Student_Name,Final) VALUES("a",1)
&lt;/code&gt;&lt;/pre&gt;
&lt;p&gt;Something like this.....What i want to achieve is that i want to add a new row to the queried result which will display the average of the columns above it.&lt;/p&gt;</t>
  </si>
  <si>
    <t>2017-03-25 09:02:24.003000+00:00</t>
  </si>
  <si>
    <t>2017-03-27 14:56:41.637000+00:00</t>
  </si>
  <si>
    <t>2017-03-25 09:06:10.800000+00:00</t>
  </si>
  <si>
    <t>Binding Local Dataset To Reportviewer In ASP.net C#</t>
  </si>
  <si>
    <t>&lt;p&gt;I want to bind dataset's data to ReportViewer object , I create rdlc report and set it as ReportViewer's report source in design view , but it doesn't show anything ,I checked dataset's data by binding gridview and it's work and show the data in gridview but in ReportViewer object doesn't , Please Help . Here is the code:1(Note: "Temp" is the table's Name of database , that's i want to bind to ReportViewer)2(I don't want to use xsd dataset item)&lt;/p&gt;
&lt;pre&gt;&lt;code&gt;string path = @"Data Source=(LocalDB)\v11.0;AttachDbFilename=|DataDirectory|\Database.mdf;Integrated      Security=True";
 SqlConnection con1 = new SqlConnection(path);
 con1.Open();
 const string query = "select * From [Table1] where date between @from and @to";
 SqlCommand com1 = new SqlCommand(query, con1);
 com1.Parameters.AddWithValue("@from", DateTime.Parse(r1));
 com1.Parameters.AddWithValue("@to", DateTime.Parse(r2));
 SqlDataAdapter adp1 = new SqlDataAdapter(com1);
 DataSet ds1 = new DataSet();
 adp1.Fill(ds1);
 com1.ExecuteNonQuery();
 con1.Close();
 GridView1.DataSource = ds1;
 GridView1.DataBind();
 ReportViewer1.Reset();
 ReportViewer1.ProcessingMode = ProcessingMode.Local;
 ReportViewer1.LocalReport.DataSources.Clear();
 ReportViewer1.LocalReport.DataSources.Add(new ReportDataSource("Temp",  ds1.Tables[0]));
 ReportViewer1.LocalReport.Refresh();
&lt;/code&gt;&lt;/pre&gt;</t>
  </si>
  <si>
    <t>2015-04-06 18:05:52.433000+00:00</t>
  </si>
  <si>
    <t>2015-04-06 18:17:10.387000+00:00</t>
  </si>
  <si>
    <t>How to pass a filename/path to text parser</t>
  </si>
  <si>
    <t>&lt;p&gt;I'm trying to get a simple text parser class to work in VS2015.  I received the class code and built a basic Console Application, added the class &lt;code&gt;Cawk&lt;/code&gt; and tried to compile/run it.  &lt;/p&gt;
&lt;p&gt;The main error that I get is &lt;/p&gt;
&lt;blockquote&gt;
  &lt;p&gt;Argument 1: cannot convert from 'string' to 'System.IO.StreamReader'&lt;/p&gt;
&lt;/blockquote&gt;
&lt;p&gt;It's clear that I can't figure out how to pass a filename through &lt;code&gt;Main&lt;/code&gt; to &lt;code&gt;Cawk&lt;/code&gt;.  How do I give it an argument of a filename?&lt;/p&gt;
&lt;p&gt;Any help or pointers would be appreciated.&lt;/p&gt;
&lt;p&gt;My Program.cs:&lt;/p&gt;
&lt;pre&gt;&lt;code&gt;using System;
using System.Collections.Generic;
using System.Linq;
using System.Text;
using System.Threading.Tasks;
namespace ConsoleApplication3
{
    class Program
        {
        static void Main()
        {
            string input = @"c:\temp\test.txt";
            Cawk.Execute(input);
        }
    }
}
&lt;/code&gt;&lt;/pre&gt;
&lt;p&gt;Snippet of My Cawk.cs:&lt;/p&gt;
&lt;pre&gt;&lt;code&gt;using System;
using System.Collections.Generic;
using System.IO;
namespace ConsoleApplication3
{
    public static class Cawk
    {
        public static IEnumerable&amp;lt;Dictionary&amp;lt;string, object&amp;gt;&amp;gt; Execute(StreamReader input)
    {
        Dictionary&amp;lt;string, object&amp;gt; row = new Dictionary&amp;lt;string, object&amp;gt;();
        string line;
        //string[] lines = File.ReadAllLines(path);
        //read all rows
        while ((line = input.ReadLine()) != null)
        {
&lt;/code&gt;&lt;/pre&gt;</t>
  </si>
  <si>
    <t>2015-09-23 01:28:11.743000+00:00</t>
  </si>
  <si>
    <t>2015-09-23 01:52:07.847000+00:00</t>
  </si>
  <si>
    <t>c#|visual-studio-2015|streamreader</t>
  </si>
  <si>
    <t>Model binding to a custom component - Asp.net Mvc</t>
  </si>
  <si>
    <t>&lt;p&gt;I found a great json editor that you can download from &lt;a href="https://github.com/josdejong/jsoneditor/" rel="nofollow"&gt;here&lt;/a&gt; and you can see it in action from &lt;a href="http://jsoneditoronline.org/" rel="nofollow"&gt;here&lt;/a&gt;.&lt;/p&gt;
&lt;p&gt;I want to use it in my asp.net mvc application but I could not figure out how can I bind data to the component.&lt;/p&gt;
&lt;p&gt;Here is my sample code for model and controller:&lt;/p&gt;
&lt;pre&gt;&lt;code&gt;public class TestModel
{
    public string Name { get; set; }
    public string Json { get; set; }
}
public ActionResult Index()
{
    TestModel testModel = new TestModel() { Name = "Test", Json = "{ test: 1 }" };
    return View(testModel);
}
&lt;/code&gt;&lt;/pre&gt;
&lt;p&gt;And here is the code for my view:&lt;/p&gt;
&lt;pre&gt;&lt;code&gt;@model WebApplication2.Models.TestModel
&amp;lt;br /&amp;gt;
&amp;lt;table&amp;gt;
    &amp;lt;tr&amp;gt;
        &amp;lt;td&amp;gt;
             Name
        &amp;lt;/td&amp;gt;
        &amp;lt;td&amp;gt;
             @Html.EditorFor(model =&amp;gt; model.Name, new { htmlAttributes = new { @class = "form-control" } })
        &amp;lt;/td&amp;gt;
    &amp;lt;/tr&amp;gt;
    &amp;lt;tr&amp;gt;
        &amp;lt;td&amp;gt;
             Json
        &amp;lt;/td&amp;gt;
        &amp;lt;td&amp;gt;
             &amp;lt;div id="jsoneditor" style="width:500px;height:500px"&amp;gt;&amp;lt;/div&amp;gt;
        &amp;lt;/td&amp;gt;
    &amp;lt;/tr&amp;gt;
&amp;lt;/table&amp;gt;
&amp;lt;script&amp;gt;
// create the editor
var container = document.getElementById('jsoneditor');
var editor = new JSONEditor(container);
//// set json
//document.getElementById('setJSON').onclick = function () {
//    var json = {
//        'array': [1, 2, 3],
//        'boolean': true,
//        'null': null,
//        'number': 123,
//        'object': { 'a': 'b', 'c': 'd' },
//        'string': 'Hello World'
//    };
//    editor.set(json);
//};
//// get json
//document.getElementById('getJSON').onclick = function () {
//    var json = editor.get();
//    alert(JSON.stringify(json, null, 2));
//};
&amp;lt;/script&amp;gt;
&lt;/code&gt;&lt;/pre&gt;
&lt;p&gt;Thanks in advance,&lt;/p&gt;</t>
  </si>
  <si>
    <t>2015-07-23 05:59:07.377000+00:00</t>
  </si>
  <si>
    <t>2015-07-23 06:49:01.337000+00:00</t>
  </si>
  <si>
    <t>javascript|c#|json|asp.net-mvc|razor</t>
  </si>
  <si>
    <t>Why can't I initialize an object incorporating itself into its initial value in c++?</t>
  </si>
  <si>
    <t>&lt;p&gt;I was debugging a program when I came across the following code I had erroneously typed similar to the following:&lt;/p&gt;
&lt;pre&gt;&lt;code&gt;//Original (wrong)
std::string first("Hello");
std::string second = first + second;
//Instead of this (correct)
std::string first("Hello");
std::string second = first + something_else;
&lt;/code&gt;&lt;/pre&gt;
&lt;p&gt;Obviously I wasn't trying to do this (I can't think why anyone would want to do this), but it got me thinking.  It doesn't look like the original should work, and I would assume it is undefined.  Indeed, this was the source of my problem.  &lt;/p&gt;
&lt;p&gt;To make the problem more general, consider the following:&lt;/p&gt;
&lt;pre&gt;&lt;code&gt;SomeType a;
SomeType b = a + b;
&lt;/code&gt;&lt;/pre&gt;
&lt;p&gt;Is the behavior undefined simply because &lt;code&gt;b&lt;/code&gt; is not yet initialized (see &lt;a href="https://stackoverflow.com/a/367662/1272627" title="answer"&gt;this answer&lt;/a&gt;)?&lt;/p&gt;
&lt;p&gt;If the behavior is undefined, then my real question is, why?&lt;/p&gt;
&lt;p&gt;Is this only undefined for certain standard containers, like &lt;code&gt;std::string&lt;/code&gt;, or is this undefined in a more general sense (STL classes, user-defined classes, PODs, fundamental types)?  &lt;/p&gt;
&lt;p&gt;What part of the standard applies to this?&lt;/p&gt;
&lt;p&gt;Assume this is c++11, if necessary.&lt;/p&gt;</t>
  </si>
  <si>
    <t>2012-04-27 23:55:31.053000+00:00</t>
  </si>
  <si>
    <t>2013-11-30 20:07:15.457000+00:00</t>
  </si>
  <si>
    <t>2017-05-23 12:21:17.107000+00:00</t>
  </si>
  <si>
    <t>c++|string|undefined-behavior</t>
  </si>
  <si>
    <t>Attempting to decrypt ciphertext within a Lambda function using KMS results in timeout</t>
  </si>
  <si>
    <t>&lt;p&gt;When decrypting ciphertext from the command line using the AWS CLI, the ciphertext gets decrypted without issues:&lt;/p&gt;
&lt;pre&gt;&lt;code&gt;$ aws kms decrypt --ciphertext-blob fileb://encrypted-secrets --output text --query Plaintext --region us-east-1 | base64 --decode &amp;gt; decryped-secrets
&lt;/code&gt;&lt;/pre&gt;
&lt;p&gt;This decryption operation also works locally when attempting to do so from a js script:&lt;/p&gt;
&lt;pre&gt;&lt;code&gt;#!/usr/local/bin/node
const fs = require('fs');
const AWS = require('aws-sdk');
const kms = new AWS.KMS({region:'us-east-1'});
const secretPath = './encrypted-secrets';
const encryptedSecret = fs.readFileSync(secretPath);
const params = {
      CiphertextBlob: encryptedSecret
};
kms.decrypt(params, function(err, data) {
  if (err) {
    console.log(err, err.stack);
  } else {
    const decryptedScret = data['Plaintext'].toString();
    console.log('decrypted secret', decryptedScret);
  }
});
&lt;/code&gt;&lt;/pre&gt;
&lt;p&gt;However, when attempting to do so with almost the same exact code as above from within the context of an AWS Lambda function, the invocation of the function results in a timeout:&lt;/p&gt;
&lt;pre&gt;&lt;code&gt;'use strict';
const zlib = require('zlib');
const mysql = require('mysql');
const fs = require('fs');
const AWS = require('aws-sdk');
const kms = new AWS.KMS({region:'us-east-1'});
const secretPath = './encrypted-secrets';
const encryptedSecret = fs.readFileSync(secretPath);
const params = {
    CiphertextBlob: encryptedSecret
};
exports.handler = (event, context, callback) =&amp;gt; {
    kms.decrypt(params, (err, data) =&amp;gt; {
       if (err) {
            console.log(err, err.stack);
            return callback(err);
        } else {
            const decryptedScret = data['Plaintext'].toString();
            console.log('decrypted secret', decryptedScret);
            return callback(null, `Successfully processed ${parsed.logEvents.length} log events.`);
        }
    });
};
&lt;/code&gt;&lt;/pre&gt;
&lt;p&gt;timeout log:&lt;/p&gt;
&lt;pre&gt;&lt;code&gt;START RequestId: start-request-id-redacted Version: $LATEST
END RequestId: end-request-id-redacted
REPORT RequestId: report-requested-id-redacted  Duration: 10002.43 ms   Billed Duration: 10000 ms   Memory Size: 128 MB Max Memory Used: 18 MB  
2016-11-13T19:22:28.774Z task-id-redacted Task timed out after 10.00 seconds
&lt;/code&gt;&lt;/pre&gt;
&lt;p&gt;&lt;strong&gt;Notes:&lt;/strong&gt; &lt;/p&gt;
&lt;ul&gt;
&lt;li&gt;If I comment out the call to &lt;code&gt;kms.decrypt&lt;/code&gt; and attempt to &lt;code&gt;console.log&lt;/code&gt; the &lt;code&gt;params&lt;/code&gt; or anything really, the values are output without issues. There seems to be some sort of issue with the &lt;code&gt;kms.decrypt&lt;/code&gt; call, and no actual error beyond the timeout is returned.&lt;/li&gt;
&lt;li&gt;The policy attached to the role under which the lambda function is invoked contains the attached policy &lt;code&gt;AWSLambdaVPCAccessExecutionRole&lt;/code&gt;, and also the following attached inline policy:&lt;/li&gt;
&lt;/ul&gt;
&lt;p&gt;&lt;code&gt;policygen-lambda_basic_execution_and_kms_decrypt-201611131221&lt;/code&gt;:&lt;/p&gt;
&lt;pre&gt;&lt;code&gt;{
    "Version": "2012-10-17",
    "Statement": [
        {
            "Sid": "sid-redacted",
            "Effect": "Allow",
            "Action": [
                "kms:Decrypt"
            ],
            "Resource": [
                "arn:aws:kms:us-east-1:account-redacted:key/key-id-redacted"
            ]
        }
    ]
}
&lt;/code&gt;&lt;/pre&gt;
&lt;ul&gt;
&lt;li&gt;I've redacted any identifying information from the code.&lt;/li&gt;
&lt;/ul&gt;</t>
  </si>
  <si>
    <t>2016-11-13 19:36:15.017000+00:00</t>
  </si>
  <si>
    <t>2017-08-03 09:43:59.013000+00:00</t>
  </si>
  <si>
    <t>2016-11-13 22:53:58.673000+00:00</t>
  </si>
  <si>
    <t>amazon-web-services|aws-lambda|aws-sdk|aws-kms|aws-sdk-nodejs</t>
  </si>
  <si>
    <t>Efficient way to 'loop' in R</t>
  </si>
  <si>
    <t>&lt;p&gt;I'm new to R and I have this problem. I know I could make a loop, but I want to see if there is an R-ic method to do it.&lt;/p&gt;
&lt;p&gt;I have data frame with values from 100 to 1000 in a column. I want to generate a table with the number of values less than 500, 600, 700, ..., 1000.&lt;/p&gt;
&lt;p&gt;I know how to do:&lt;/p&gt;
&lt;pre&gt;&lt;code&gt;x = seq(100, 1000, by=10)
y = seq(500, 1000, by=100)
sum(x&amp;lt;y[1])
&lt;/code&gt;&lt;/pre&gt;
&lt;p&gt;I need to do something like:&lt;/p&gt;
&lt;pre&gt;&lt;code&gt;sum(x&amp;lt;y)
&lt;/code&gt;&lt;/pre&gt;
&lt;p&gt;that will return a vector with the counts.&lt;/p&gt;
&lt;p&gt;I tried to look for similar questions, but it's a pretty nonspecific and I couldn't find an answer.&lt;/p&gt;</t>
  </si>
  <si>
    <t>2013-03-31 19:22:43.467000+00:00</t>
  </si>
  <si>
    <t>2013-03-31 19:41:30.317000+00:00</t>
  </si>
  <si>
    <t>.change does not work when element is bound to another?</t>
  </si>
  <si>
    <t>&lt;p&gt;Not quite sure how to explain this but here goes.&lt;/p&gt;
&lt;p&gt;I have a function which hides/shows based on a checkbox:&lt;/p&gt;
&lt;p&gt;&lt;strong&gt;$("#checkbox").change(change_visibility);&lt;/strong&gt;&lt;/p&gt;
&lt;pre&gt;&lt;code&gt;  function change_visibility() {
   if ($("#checkbox").is(":checked")) {
       $("#theForm").fadeTo("opacity", "1", function() {
        //End Animation
     });
     } else {
       $("#theForm").fadeTo("opacity", "0.3", function() {
         //End Animation
     });
   }
&lt;/code&gt;&lt;/pre&gt;
&lt;p&gt;Problem is that now I have bound this checkbox to a button elsewhere and change() is not behaving as I would expect.&lt;/p&gt;
&lt;pre&gt;&lt;code&gt;   $("#myButton").click(function(){
      $("#checkbox").attr("checked", true);
   });
&lt;/code&gt;&lt;/pre&gt;
&lt;p&gt;Even though the checkbox is changing, as it should, it doesnt seem to be calling the change_visibility() function as it does when I click on it manually.&lt;/p&gt;
&lt;p&gt;Any idea why this would be?&lt;/p&gt;</t>
  </si>
  <si>
    <t>2011-08-17 18:04:10.750000+00:00</t>
  </si>
  <si>
    <t>2011-08-17 18:07:18.003000+00:00</t>
  </si>
  <si>
    <t>Android Studio How to Get A Random Text When A Button Is Pressed</t>
  </si>
  <si>
    <t>&lt;p&gt;Can you help me to create a project in which user has to press a button, then it will give out some random names as a toast. That I have saved as a string in a string file&lt;/p&gt;
&lt;p&gt;This is the activity main XML code for the button &lt;/p&gt;
&lt;p&gt;
&lt;pre&gt;&lt;code&gt;    android:id="@+id/button"
    android:layout_width="wrap_content"
    android:layout_height="wrap_content"
    android:layout_centerInParent="true"
    android:text="Get Name" /&amp;gt;
&lt;/code&gt;&lt;/pre&gt;
&lt;p&gt;and this is the string.xml code for strings&lt;/p&gt;
&lt;p&gt;&lt;/p&gt;
&lt;pre&gt;&lt;code&gt;&amp;lt;string name="app_name"&amp;gt;test&amp;lt;/string&amp;gt;
&amp;lt;string name="name1"&amp;gt;Jhon&amp;lt;/string&amp;gt;
&amp;lt;string name="name2"&amp;gt;Chris&amp;lt;/string&amp;gt;
&amp;lt;string name="name3"&amp;gt;David&amp;lt;/string&amp;gt;
&lt;/code&gt;&lt;/pre&gt;
&lt;p&gt;&lt;/p&gt;
&lt;p&gt;However, I need help with the Java file and help with creating this project, please.&lt;br&gt;
It is a very simple project. Just the user has to press a button and it should give a random name as a toast from my strings.&lt;/p&gt;</t>
  </si>
  <si>
    <t>2018-04-05 20:05:02.590000+00:00</t>
  </si>
  <si>
    <t>2018-04-06 04:54:05.590000+00:00</t>
  </si>
  <si>
    <t>java|android|xml|android-studio|project</t>
  </si>
  <si>
    <t>Change an ID value of a form element with javascript</t>
  </si>
  <si>
    <t>&lt;p&gt;I have a requirement to change the id of a form element dynamically. For example, the elements are in a sequence in form like id1, id2, id3 and id4 (the number of elements is not fixed to 4 and can be more than that). I need to add an element after id1 as id2. when this happens, the id2 which already in the form should change as id3 and id3 should change as id4 and so on. I thought of putting it in a recursive function with javascript but didn't get any idea as of now....Please help.&lt;/p&gt;</t>
  </si>
  <si>
    <t>2012-09-07 16:04:09.590000+00:00</t>
  </si>
  <si>
    <t>2012-09-07 16:49:11.630000+00:00</t>
  </si>
  <si>
    <t>Getting error while moving expandable table view?</t>
  </si>
  <si>
    <t>&lt;p&gt;I am getting error while moving expandable table view up and down. 
This is my error
&lt;strong&gt;* Terminating app due to uncaught exception 'NSRangeException', reason: '*&lt;/strong&gt; -[__NSSingleObjectArrayI objectAtIndex:]: index 3 beyond bounds [0 .. 0]'&lt;/p&gt;
&lt;pre&gt;&lt;code&gt;arr = [[NSArray alloc]initWithObjects:@"obj1",@"obj2",@"obj3",@"obj4",nil];
arr1 = [[NSArray alloc]initWithObjects:@"Name1", @"name2", @"name3", @"name4", @"name5", @"name6", nil];
arr2 = [[NSArray alloc]initWithObjects:@"arr2obj", nil];
arr3 = [[NSArray alloc]initWithObjects:@"arr3obj", nil];
arr4 = [[NSArray alloc]initWithObjects:@"arr4obj", nil];
&lt;/code&gt;&lt;/pre&gt;
&lt;p&gt;This is my code...&lt;/p&gt;
&lt;pre&gt;&lt;code&gt;-(NSInteger)tableView:(UITableView *)tableView numberOfRowsInSection:(NSInteger)section
{
    if ([arrSelectedSectionIndex containsObject:[NSNumber numberWithInteger:section]])
    {
        if (section == 0) {
            return arr1.count;
        } else if (section == 1) {
            return arr2.count ;
        } else if (section == 2) {
            return arr3.count;
        }else if (section == 3) {
            return arr4.count;
        }
    } else {
        return 0;
    }
}
-(UITableViewCell *)tableView:(UITableView *)tableView cellForRowAtIndexPath:(NSIndexPath *)indexPath
{
    ViewControllerCell *cell; // = [tableView dequeueReusableCellWithIdentifier:@"ViewControllerCell"];
    cell= (ViewControllerCell *)[tableView dequeueReusableCellWithIdentifier:@"ViewControllerCell" forIndexPath:indexPath];
    cell.faqLbl.text = [tempArr objectAtIndex:indexPath.row];
    [cell setSelectionStyle:UITableViewCellSelectionStyleNone];
    return cell;
}
-(UIView *)tableView:(UITableView *)tableView viewForHeaderInSection: (NSInteger)section
{
    ViewControllerCellHeader *headerView = [tableView dequeueReusableCellWithIdentifier:@"ViewControllerCellHeader"];
    headerView.faqLblTitle.numberOfLines = 0;
    headerView.faqLblTitle.lineBreakMode = NSLineBreakByWordWrapping;
    headerView.faqLblTitle.font = [UIFont fontWithName:@"Helvetica-Bold" size:15.0];
    if ( UI_USER_INTERFACE_IDIOM() == UIUserInterfaceIdiomPad )
    {
        headerView.faqLblTitle.font = [UIFont fontWithName:@"Helvetica-Bold" size:25.0];
    }
    if (headerView ==nil)
    {
        [tblView registerClass:[ViewControllerCellHeader class] forCellReuseIdentifier:@"ViewControllerCellHeader"];
        headerView = [tableView dequeueReusableCellWithIdentifier:@"ViewControllerCellHeader"];
    }
    headerView.faqLblTitle.text = [arr objectAtIndex:section];
    if ([arrSelectedSectionIndex containsObject:[NSNumber numberWithInteger:section]])
    {
        headerView.faqBtnShowHide.selected = YES;
    }
    [[headerView faqBtnShowHide] setTag:section];
    headerView.faqBtnShowHide.tag = section;
    [[headerView faqBtnShowHide] addTarget:self action:@selector(btnTapShowHideSection:) forControlEvents:UIControlEventTouchUpInside];
    return headerView.contentView;
}
-(IBAction)btnTapShowHideSection:(UIButton*)sender
{
    if (!sender.selected)
    {
        [arrSelectedSectionIndex addObject:[NSNumber numberWithInteger:sender.tag]];
        sender.selected = YES;
    }else{
        sender.selected = NO;
        if ([arrSelectedSectionIndex containsObject:[NSNumber numberWithInteger:sender.tag]])
        {
            [arrSelectedSectionIndex removeObject:[NSNumber numberWithInteger:sender.tag]];
        }
    }
    [tblView reloadSections:[NSIndexSet indexSetWithIndex:sender.tag] withRowAnimation:UITableViewRowAnimationAutomatic];
    }
    - (IBAction)dropDownButton:(UIButton *)sender {
        if(sender.tag == 0) {
            tempArr = arr1;
        } else if (sender.tag == 1) {
            tempArr = arr2;
        } else if (sender.tag == 2) {
            tempArr = arr3;
        } else if (sender.tag == 3) {
            tempArr = arr4;
        }
}
&lt;/code&gt;&lt;/pre&gt;</t>
  </si>
  <si>
    <t>2017-06-07 06:40:38.030000+00:00</t>
  </si>
  <si>
    <t>2017-06-07 07:09:03.990000+00:00</t>
  </si>
  <si>
    <t>2017-06-07 06:44:58.253000+00:00</t>
  </si>
  <si>
    <t>ios|objective-c|uitableview|uitableviewsectionheader</t>
  </si>
  <si>
    <t>Website multiple pages | template | search</t>
  </si>
  <si>
    <t>&lt;p&gt;So I want to build a website i know the basics HTML and PHP, but i want:&lt;/p&gt;
&lt;ul&gt;
&lt;li&gt;Have Multiple pages with a template&lt;/li&gt;
&lt;li&gt;Crate a new page just by inserting the content in a file/folder (title, info, text, image)&lt;/li&gt;
&lt;li&gt;Have search by parameter/tags, and not by text (EX: ParameterA - 1/2/3/4)&lt;/li&gt;
&lt;li&gt;(and eventually make an login)&lt;/li&gt;
&lt;/ul&gt;
&lt;p&gt;What i want to know:&lt;/p&gt;
&lt;ul&gt;
&lt;li&gt;Whats the name of this type of website building;&lt;/li&gt;
&lt;li&gt;If there is any pre-made platform/api for this;&lt;/li&gt;
&lt;li&gt;What languages/structures i can use;&lt;/li&gt;
&lt;/ul&gt;
&lt;p&gt;Hope someone understands what I'm asking...
And that this is not duplicate (i could not find anything)&lt;/p&gt;</t>
  </si>
  <si>
    <t>2013-11-11 10:24:44.670000+00:00</t>
  </si>
  <si>
    <t>2013-11-11 10:38:07.950000+00:00</t>
  </si>
  <si>
    <t>php|html|templates|search</t>
  </si>
  <si>
    <t>Mathematically create a positive or negative one using a random number function</t>
  </si>
  <si>
    <t>&lt;p&gt;If I am in a coding language where I can create a random number for a given range (i.e. 0 to 50, or -30 to 751, etc.) How can I mathematically create a +1 or -1 (not a +1, 0, or -1) using only math and the random function.. no if statements.&lt;/p&gt;</t>
  </si>
  <si>
    <t>2011-06-13 03:44:01.667000+00:00</t>
  </si>
  <si>
    <t>2018-03-22 12:34:32.677000+00:00</t>
  </si>
  <si>
    <t>random</t>
  </si>
  <si>
    <t>How can I pop from a queue, process it, push to another queue, and it's thread-safe?</t>
  </si>
  <si>
    <t>&lt;p&gt;It's a C++ program. There are 2 child thread and 2 queue.What I want to do is,&lt;/p&gt;
&lt;ul&gt;
&lt;li&gt;Push something to the queue 1 in the main thread.&lt;/li&gt;
&lt;li&gt;The child thread 1 pop from the queue 1 and process it, then push it to the queue 2.&lt;/li&gt;
&lt;li&gt;The child thread 2 pop from the queue 2 and process, then output the answer.&lt;/li&gt;
&lt;/ul&gt;
&lt;p&gt;How can I make it thread-safe? I think about two ways,&lt;/p&gt;
&lt;ul&gt;
&lt;li&gt;Use a thread-safe queue. But does it means that I shouldn't use the queue of STL?&lt;/li&gt;
&lt;li&gt;Write thread lock. But how can I write 2 locks in one thread and lock the different part?
It really puzzles me. Need help!!!! Any suggestion would be appreciated a lot!&lt;/li&gt;
&lt;/ul&gt;</t>
  </si>
  <si>
    <t>2015-05-03 15:23:45.430000+00:00</t>
  </si>
  <si>
    <t>2015-05-03 15:37:38.593000+00:00</t>
  </si>
  <si>
    <t>c++|multithreading|thread-safety|queue</t>
  </si>
  <si>
    <t>how to open pdf when action sheet item is tapped - sencha touch 2</t>
  </si>
  <si>
    <t>&lt;pre&gt;&lt;code&gt; forMSDSPDF: function (list, index, item, e) {
     var actionSheet = Ext.create('Ext.ActionSheet', {
            items: [{
                    xtype: 'button',
                    text: 'OPEN PDF OF THIS ITEM',
                    handler: function () {
                            var viewer = Ext.create('Ext.ux.panel.pdf', {
                                    fullscreen: true,
                                    layout: 'fit',
                                    src: 'http://cdn.mozilla.net/pdfjs/tracemonkey.pdf',
                            });
                            Ext.Viewport.add(viewer);
                    },
                    ui: 'confirm'
            }, {
                    text: 'Cancel',
                    ui: 'decline',
                    scope: this,
                    handler: function () {
                            actionSheet.hide();
                    }
            }]
    });
    Ext.Viewport.add(actionSheet);
    actionSheet.show();
 }
 });
&lt;/code&gt;&lt;/pre&gt;
&lt;p&gt;The code above is a controller function for the view that contains list of items and on list item tap it pop up action sheet with 2 buttons ,one to open pdf and other to decline, my test pdf is working fine but I want to open pdf file on action sheet item tap,,it is not raising any error but it is not opening any view. Any kind of help would be appreciated.Thank you&lt;/p&gt;</t>
  </si>
  <si>
    <t>2013-08-02 18:05:57.727000+00:00</t>
  </si>
  <si>
    <t>2013-08-02 21:39:50.370000+00:00</t>
  </si>
  <si>
    <t>extjs|sencha-touch|sencha-touch-2|sencha-touch-2.1</t>
  </si>
  <si>
    <t>OData v4 Related Entities</t>
  </si>
  <si>
    <t>&lt;p&gt;I'm currently working through Mike Wasson's tutorial on getting OData v4 up and running (&lt;a href="http://www.asp.net/web-api/overview/odata-support-in-aspnet-web-api/odata-v4/entity-relations-in-odata-v4" rel="nofollow noreferrer" title="here"&gt;referenced here&lt;/a&gt;). The problem is I'm unable to get related entities up and running for some reason. It always returns a HTTP 404 with the route being unable to be found.&lt;/p&gt;
&lt;p&gt;Now I've looked &lt;a href="https://stackoverflow.com/questions/27568899/getting-related-entities-asp-net-webapi-odata-v4-results-in-no-http-resource-wa"&gt;here&lt;/a&gt; and &lt;a href="https://stackoverflow.com/questions/23082927/adding-a-custom-query-backed-navigation-property-to-odataconventionmodelbuilder#23113443"&gt;here&lt;/a&gt; but both of these answers do not compile as the namespacing is all wrong and the methods have been somewhat updated since the OPs asked the questions.&lt;/p&gt;
&lt;p&gt;The tutorial makes it seem like in order to enable the following related entities request:&lt;/p&gt;
&lt;p&gt;&lt;code&gt;http://localhost/odata/Suppliers(1)/Products&lt;/code&gt;&lt;/p&gt;
&lt;p&gt;all I would need to do is implement the following method on the controller &lt;code&gt;SuppliersController&lt;/code&gt;&lt;/p&gt;
&lt;pre&gt;&lt;code&gt;[EnableQuery]
public IQueryable&amp;lt;Product&amp;gt; GetProducts([FromODataUri] int key)
{
    return _repository.List().Where(s =&amp;gt; s.SupplierId == key).SelectMany(s =&amp;gt; s.Products);
}
&lt;/code&gt;&lt;/pre&gt;
&lt;p&gt;But no matter what I try and pull off, this simply doesn't work. Is their anything in particular I've missed that should be put in place for navigational properties or is there any additional configuration that needs to be put in place?&lt;/p&gt;
&lt;p&gt;Any help greatly appreciated.&lt;/p&gt;</t>
  </si>
  <si>
    <t>2015-02-01 12:11:34.213000+00:00</t>
  </si>
  <si>
    <t>2015-02-02 01:42:38.453000+00:00</t>
  </si>
  <si>
    <t>2017-05-23 11:54:21.917000+00:00</t>
  </si>
  <si>
    <t>c#|asp.net-web-api|odata-v4</t>
  </si>
  <si>
    <t>Error when using a function as an argument of a function</t>
  </si>
  <si>
    <t>&lt;p&gt;I'm trying to create a program to numerically integrate a function between two limits. I've created a minimal example (where the "integral" is always 1.0) to illustrate an error I get. The code below tries to use a function whose arguments are two doubles and a function from doubles to doubles:&lt;/p&gt;
&lt;pre&gt;&lt;code&gt;#include &amp;lt;iostream&amp;gt;
#include &amp;lt;math.h&amp;gt;
double cons(double a, double b, double c(double d))
{        
    return 1.0;
}
double f(double x)
{
    return x*x;
}
int main()
{
    double x;
    double I = cons(0, 1, f(x));
    std::cout &amp;lt;&amp;lt; I &amp;lt;&amp;lt; "";
}
&lt;/code&gt;&lt;/pre&gt;
&lt;p&gt;This results in an error on &lt;a href="http://cpp.sh/" rel="nofollow"&gt;cpp.sh&lt;/a&gt;:&lt;/p&gt;
&lt;blockquote&gt;
  &lt;p&gt;14:31: error: cannot convert 'double' to 'double (&lt;em&gt;)(double)' for argument '3' to 'double cons(double, double, double (&lt;/em&gt;)(double))'&lt;/p&gt;
&lt;/blockquote&gt;
&lt;p&gt;Obviously, the difference between doubles and double-valued functions is causing a problem here. How can I get this working?&lt;/p&gt;</t>
  </si>
  <si>
    <t>2016-05-26 06:17:11.500000+00:00</t>
  </si>
  <si>
    <t>2016-05-26 07:13:07.293000+00:00</t>
  </si>
  <si>
    <t>c++|function|types</t>
  </si>
  <si>
    <t>Abstract Class bean definition for autowired field within jar</t>
  </si>
  <si>
    <t>&lt;p&gt;I am having a problem with autowiring. Here is my project's situation:&lt;/p&gt;
&lt;p&gt;I have a jar (let's call it &lt;strong&gt;module.jar&lt;/strong&gt;). This jar contains an Interface (&lt;em&gt;IService&lt;/em&gt;): &lt;/p&gt;
&lt;pre&gt;&lt;code&gt;package com.module.service;
public interface IService {
    String create(Object data) throws Exception;
    String update(Object data);
}
&lt;/code&gt;&lt;/pre&gt;
&lt;p&gt;an abstract class which implements the interface (&lt;em&gt;ServiceImpl&lt;/em&gt;):&lt;/p&gt;
&lt;pre&gt;&lt;code&gt;package com.module.service
public abstract class ServiceImpl implements IService {
    @Override
    public final String create(Object data) throws Exception {
        return update(data);
    }
    public abstract String update(Object data);
}
&lt;/code&gt;&lt;/pre&gt;
&lt;p&gt;and a separate class which has an autowired &lt;em&gt;IService&lt;/em&gt; field:&lt;/p&gt;
&lt;pre&gt;&lt;code&gt;package com.module.service;
public class DoSomething {
    @Autowired
    IService service;
    public String doCreate(Object data) {
        return service.create(data);
    }
}
&lt;/code&gt;&lt;/pre&gt;
&lt;p&gt;&amp;nbsp;&lt;/p&gt;
&lt;p&gt;I have a project (let's call it &lt;strong&gt;project&lt;/strong&gt;). This project contains &lt;strong&gt;module.jar&lt;/strong&gt;,  and a class which extends the abstract &lt;em&gt;ServiceImpl&lt;/em&gt; (we'll call it &lt;em&gt;ServiceImplExt&lt;/em&gt;). &lt;em&gt;ServiceImplExt&lt;/em&gt; is declared like so:&lt;/p&gt;
&lt;pre&gt;&lt;code&gt;package com.project.service;
import com.module.service.ServiceImpl;
@Service
public class ServiceImplExt extends ServiceImpl {
    @Override
    public String update(Object data) {
        data.setFname("John");
        data.setLname("Doe");
        return data;
    }   
}
&lt;/code&gt;&lt;/pre&gt;
&lt;p&gt;I have added the &lt;em&gt;ServiceImplExt&lt;/em&gt;'s package to the component-scan of my spring xml:&lt;/p&gt;
&lt;pre&gt;&lt;code&gt;&amp;lt;?xml version="1.0" encoding="UTF-8"?&amp;gt;
&amp;lt;beans xmlns="http://www.springframework.org/schema/beans"
xmlns:xsi="http://www.w3.org/2001/XMLSchema-instance" xmlns:context="http://www.springframework.org/schema/context"
xsi:schemaLocation="http://www.springframework.org/schema/beans     http://www.springframework.org/schema/beans/spring-beans-3.1.xsd
http://www.springframework.org/schema/context     http://www.springframework.org/schema/context/spring-context-3.1.xsd"&amp;gt;
    &amp;lt;context:component-scan base-package="com.project.service" /&amp;gt;
&amp;lt;/beans&amp;gt;
&lt;/code&gt;&lt;/pre&gt;
&lt;p&gt;After all of this, still when I start the server I get the following exception:&lt;/p&gt;
&lt;pre&gt;&lt;code&gt;org.springframework.beans.factory.NoSuchBeanDefinitionException: No qualifying bean of type [com.demo.service.IService] found for dependency: expected at least 1 bean which qualifies as autowire candidate for this dependency. Dependency annotations: {@org.springframework.beans.factory.annotation.Autowired(required=true)}
at org.springframework.beans.factory.support.DefaultListableBeanFactory.raiseNoSuchBeanDefinitionException(DefaultListableBeanFactory.java:1100)
at org.springframework.beans.factory.support.DefaultListableBeanFactory.doResolveDependency(DefaultListableBeanFactory.java:960)
at org.springframework.beans.factory.support.DefaultListableBeanFactory.resolveDependency(DefaultListableBeanFactory.java:855)
at org.springframework.beans.factory.annotation.AutowiredAnnotationBeanPostProcessor$AutowiredFieldElement.inject(AutowiredAnnotationBeanPostProcessor.java:480)
... 42 more
&lt;/code&gt;&lt;/pre&gt;
&lt;p&gt;I cannot figure out what it is that I can be doing wrong. Any ideas?&lt;/p&gt;
&lt;hr&gt;
&lt;p&gt;Added the code, added xml to aide potential helpers&lt;/p&gt;</t>
  </si>
  <si>
    <t>2014-03-31 21:09:28.327000+00:00</t>
  </si>
  <si>
    <t>2014-03-31 21:46:39.020000+00:00</t>
  </si>
  <si>
    <t>spring|javabeans|abstract|extend|autowired</t>
  </si>
  <si>
    <t>Simple way of getting a file with ajax?</t>
  </si>
  <si>
    <t>&lt;p&gt;Is there a way of getting a filename without having to upload information to a database using ajax?&lt;/p&gt;
&lt;p&gt;I basically want to click on an html element, trigger a jquery function, and run php code to read a directory. &lt;/p&gt;
&lt;p&gt;I know I can upload the filenames to a DB, then just pull the info off it with ajax, but it's a really small project and I'd like to not use a database. &lt;/p&gt;</t>
  </si>
  <si>
    <t>2013-06-20 00:33:36.440000+00:00</t>
  </si>
  <si>
    <t>2013-06-20 00:44:26.767000+00:00</t>
  </si>
  <si>
    <t>php|jquery|ajax|get|filenames</t>
  </si>
  <si>
    <t>jenkins configure page freezes showing "LOADING"</t>
  </si>
  <si>
    <t>&lt;p&gt;i have installed jenkins 1.466.2 behind apache tomcat and then when i try to access the configure System page it freezes as "loading"&lt;/p&gt;
&lt;p&gt;i get the following log &lt;/p&gt;
&lt;pre&gt;&lt;code&gt;Oct 01, 2012 1:19:46 PM hudson.WebAppMain$2 run
INFO: Jenkins is fully up and running
Oct 01, 2012 1:19:46 PM hudson.TcpSlaveAgentListener &amp;lt;init&amp;gt;
INFO: JNLP slave agent listener started on TCP port 37425
Oct 01, 2012 1:19:46 PM jenkins.InitReactorRunner$1 onAttained
INFO: Completed initialization
Oct 01, 2012 1:19:37 PM jenkins.InitReactorRunner$1 onAttained
INFO: Loaded all jobs
Oct 01, 2012 1:19:37 PM jenkins.InitReactorRunner$1 onAttained
INFO: Augmented all extensions
Oct 01, 2012 1:19:37 PM jenkins.InitReactorRunner$1 onAttained
INFO: Started all plugins
 Oct 01, 2012 1:19:37 PM jenkins.InitReactorRunner$1 onAttained
 INFO: Prepared all plugins
 Oct 01, 2012 1:19:37 PM jenkins.InitReactorRunner$1 onAttained
 INFO: Listed all plugins
 Oct 01, 2012 1:19:37 PM hudson.ClassicPluginStrategy createPluginWrapper
 INFO: Plugin artifactdeployer.jpi is disabled
 Oct 01, 2012 1:19:36 PM hudson.ClassicPluginStrategy createPluginWrapper
 INFO: Plugin artifactory.jpi is disabled
 Oct 01, 2012 1:19:36 PM jenkins.InitReactorRunner$1 onAttained
 INFO: Started initialization
&lt;/code&gt;&lt;/pre&gt;</t>
  </si>
  <si>
    <t>2012-10-01 08:14:03.693000+00:00</t>
  </si>
  <si>
    <t>2017-07-03 17:03:57.220000+00:00</t>
  </si>
  <si>
    <t>Redirect to referrer not working after Login</t>
  </si>
  <si>
    <t>&lt;p&gt;After logging a user in, I want to redirect them back to where they came from but It's not working properly in CakePHP 3.5. Here are the required info's to help me figure out this problem.&lt;/p&gt;
&lt;p&gt;URL while login(session time out),&lt;/p&gt;
&lt;pre&gt;&lt;code&gt;http://dev.scys.com/db/admin?redirect=%2Fadmin%2Fstatuses
&lt;/code&gt;&lt;/pre&gt;
&lt;p&gt;This is my Auth config,&lt;/p&gt;
&lt;pre&gt;&lt;code&gt;$this-&amp;gt;loadComponent('Auth', [
            'loginAction' =&amp;gt; ['controller' =&amp;gt; 'Admins', 'action' =&amp;gt; 'login'],
            'loginRedirect' =&amp;gt; ['controller' =&amp;gt; 'Admins', 'action' =&amp;gt; 'index'],
            'logoutRedirect' =&amp;gt; ['controller' =&amp;gt; 'Admins', 'action' =&amp;gt; 'login'],
            'unauthorizedRedirect' =&amp;gt; $this-&amp;gt;referer(),
            'authenticate' =&amp;gt; [
                'Form' =&amp;gt; [
                    'finder' =&amp;gt; 'auth',
                    'userModel' =&amp;gt; 'Admins',
                    'fields' =&amp;gt; ['username' =&amp;gt; 'username', 'password' =&amp;gt; 'password']
                ]
            ]
        ]);
&lt;/code&gt;&lt;/pre&gt;
&lt;p&gt;And in the Login method/action&lt;/p&gt;
&lt;pre&gt;&lt;code&gt;$user = $this-&amp;gt;Auth-&amp;gt;identify();
            if ($user) {
                $this-&amp;gt;Auth-&amp;gt;setUser($user);
                return $this-&amp;gt;redirect($this-&amp;gt;Auth-&amp;gt;redirectUrl());
            }
&lt;/code&gt;&lt;/pre&gt;
&lt;blockquote&gt;
  &lt;p&gt;More Points&lt;/p&gt;
  &lt;p&gt;I have also tried $this-&gt;redirect($this-&gt;request-&gt;getQuery('redirect'));&lt;/p&gt;
&lt;/blockquote&gt;
&lt;p&gt;Am I missing anything or something else I have to add to work this out :(&lt;/p&gt;</t>
  </si>
  <si>
    <t>2018-03-13 13:40:55.300000+00:00</t>
  </si>
  <si>
    <t>2018-03-15 04:28:25.867000+00:00</t>
  </si>
  <si>
    <t>cakephp|cakephp-3.0|cakephp-3.4</t>
  </si>
  <si>
    <t>pyspark createDataFrame does not have consistent output, forcing value of invalid type to become None</t>
  </si>
  <si>
    <t>&lt;p&gt;We have two systems both using spark 1.6.1, but both systems have different output for the following code:&lt;/p&gt;
&lt;pre&gt;&lt;code&gt;df = sqlContext.createDataFrame([('abcd',123)], ['col_A', 'col_B'])
rdd = sc.parallelize([('abcd','123')])
a=sqlContext.createDataFrame(rdd, df.schema)
a.collect()
&lt;/code&gt;&lt;/pre&gt;
&lt;p&gt;The first system will change the invalid string '123' to become None, as col_B is of type int&lt;/p&gt;
&lt;pre&gt;&lt;code&gt;[Row(col_A=u'abcd', col_B=None)]
&lt;/code&gt;&lt;/pre&gt;
&lt;p&gt;But the second system will raise an exception.&lt;/p&gt;
&lt;pre&gt;&lt;code&gt;TypeError: LongType can not accept object in type &amp;lt;type 'str'&amp;gt;
&lt;/code&gt;&lt;/pre&gt;
&lt;p&gt;What could be the cause?&lt;/p&gt;</t>
  </si>
  <si>
    <t>2016-04-13 08:29:21.320000+00:00</t>
  </si>
  <si>
    <t>apache-spark|pyspark|apache-spark-sql|spark-dataframe</t>
  </si>
  <si>
    <t>Does AngularUI/Bootstrap support twitter-bootstrap 3?</t>
  </si>
  <si>
    <t>&lt;p&gt;Dropdown menu not working in Angular-UI-Bootstrap? Using Bootstrap-3 CSS&lt;/p&gt;
&lt;p&gt;The following is the code. The link &lt;code&gt;Click me for a dropdown&lt;/code&gt; shows up. But does not toggle on click.  What is wrong?&lt;/p&gt;
&lt;pre&gt;&lt;code&gt;&amp;lt;!DOCTYPE html&amp;gt;
&amp;lt;html&amp;gt;
&amp;lt;head&amp;gt;
&amp;lt;link rel="stylesheet" href="css/bootstrap.min.css"&amp;gt;
&amp;lt;script&amp;gt;function DropdownCtrl($scope) {
 $scope.items = [
  "The first choice!",
  "And another choice for you.",
  "but wait! A third!"
 ];
}
&amp;lt;/script&amp;gt;
&amp;lt;script type="text/javascript" src="https://ajax.googleapis.com/ajax/libs/angularjs/1.0.1/angular.min.js"&amp;gt;&amp;lt;/script&amp;gt;&amp;lt;script type="text/javascript" src="js/ui-bootstrap-tpls-0.5.0.min.js"&amp;gt;&amp;lt;/script&amp;gt;&amp;lt;script type="text/javascript" src="js/dropdownToggle.js"&amp;gt;&amp;lt;/script&amp;gt;
&amp;lt;/head&amp;gt;
&amp;lt;body&amp;gt;                  
&amp;lt;li ng-controller="DropdownCtrl" class="dropdown"&amp;gt;
   &amp;lt;a href='#' class="dropdown-toggle"&amp;gt; Click me for a dropdown &amp;lt;/a&amp;gt;
    &amp;lt;ul class="dropdown-menu"&amp;gt;
          &amp;lt;li ng-repeat="choice in items"&amp;gt;&amp;lt;a&amp;gt;{{choice}}&amp;lt;/a&amp;gt;
          &amp;lt;/li&amp;gt; 
        &amp;lt;/ul&amp;gt;
&amp;lt;/li&amp;gt;
&amp;lt;/body&amp;gt;
&amp;lt;/html&amp;gt;
&lt;/code&gt;&lt;/pre&gt;</t>
  </si>
  <si>
    <t>2013-08-13 09:26:36.220000+00:00</t>
  </si>
  <si>
    <t>2017-03-26 20:05:49.223000+00:00</t>
  </si>
  <si>
    <t>2013-08-13 17:31:22.663000+00:00</t>
  </si>
  <si>
    <t>twitter-bootstrap|angular-ui|twitter-bootstrap-3|angular-ui-bootstrap</t>
  </si>
  <si>
    <t>FreeText Query is slow - includes TOP and Order By</t>
  </si>
  <si>
    <t>&lt;p&gt;The Product table has 700K records in it.  The query:&lt;/p&gt;
&lt;p&gt;&lt;code&gt;
SELECT TOP 1 ID,
        Name
FROM  Product
WHERE contains(Name, '"White Dress"')
ORDER BY DateMadeNew  desc
&lt;/code&gt;&lt;/p&gt;
&lt;p&gt;takes about 1 minute to run.  There is an non-clustered index on DateMadeNew and FreeText index on Name.&lt;/p&gt;
&lt;p&gt;If I remove TOP 1 or Order By - it takes less then 1 second to run.&lt;/p&gt;
&lt;p&gt;Here is the link to execution plan.
&lt;a href="http://screencast.com/t/ZDczMzg5N" rel="nofollow noreferrer"&gt;http://screencast.com/t/ZDczMzg5N&lt;/a&gt;&lt;/p&gt;
&lt;p&gt;Looks like FullTextMatch has over 400K executions.  Why is this happening?  How can it be made faster?&lt;/p&gt;
&lt;p&gt;&lt;strong&gt;UPDATE 5/3/2010&lt;/strong&gt;&lt;/p&gt;
&lt;p&gt;Looks like cardinality is out of whack on multi word FreeText searches:&lt;/p&gt;
&lt;p&gt;Optimizer estimates that there are 28K records matching 'White Dress', while in reality there is only 1.
&lt;a href="http://screencast.com/t/NjM3ZjE4NjAt" rel="nofollow noreferrer"&gt;http://screencast.com/t/NjM3ZjE4NjAt&lt;/a&gt;&lt;/p&gt;
&lt;p&gt;If I replace 'White Dress' with 'White', estimated number is '27,951', while actual number is '28,487' which is a lot better.&lt;/p&gt;
&lt;p&gt;It seems like Optimizer is using only the first word in phrase being searched for cardinality. &lt;/p&gt;</t>
  </si>
  <si>
    <t>2010-04-30 17:05:30.420000+00:00</t>
  </si>
  <si>
    <t>2015-10-21 14:57:22.427000+00:00</t>
  </si>
  <si>
    <t>2010-05-03 10:38:20.803000+00:00</t>
  </si>
  <si>
    <t>sql|sql-server|full-text-search|freetext</t>
  </si>
  <si>
    <t>Why won't SubSonic ActiveRecord update my data?</t>
  </si>
  <si>
    <t>&lt;p&gt;I am playing around with SubSonic 3 ActiveRecord.  I have a table called Users and I have the following fields in a MySQL database:  &lt;/p&gt;
&lt;pre&gt;&lt;code&gt;CREATE TABLE `users` (
  `ID` int(10) NOT NULL auto_increment,
  `Username` varchar(50) NOT NULL,
  `FirstName` varchar(50) default NULL,
  `LastName` varchar(50) default NULL,
  `EmailAddress` varchar(100) default NULL,
  `OfficePhone` varchar(25) default NULL,
  `MobilePhone` varchar(25) default NULL,
  `TimeZone` varchar(25) default NULL,
  `LastLogin` datetime default NULL,
  PRIMARY KEY  (`ID`)
) ENGINE=InnoDB AUTO_INCREMENT=8 DEFAULT CHARSET=latin1  
&lt;/code&gt;&lt;/pre&gt;
&lt;p&gt;I can read from the table with no problems.  I can add new records with no problems but I can not update existing records for some reason.  I have stepped through the code and the editUser object has the correct data in it.    &lt;/p&gt;
&lt;pre&gt;&lt;code&gt;[AcceptVerbs(HttpVerbs.Post)]
    public ActionResult Edit(FormCollection result)
    {
        var editUser = ServiceDesk.Data.User.SingleOrDefault(x =&amp;gt; x.ID == Convert.ToInt32(result["ID"]));
        UpdateModel(editUser);
        editUser.Save();
        return RedirectToAction("Index", "Home");
    }
&lt;/code&gt;&lt;/pre&gt;
&lt;p&gt;Here is the error I'm getting:  &lt;/p&gt;
&lt;pre&gt;&lt;code&gt;Server Error in '/' Application.
The given key was not present in the dictionary.
Description: An unhandled exception occurred during the execution of the current web     request. Please review the stack trace for more information about the error and where it     originated in the code. 
Exception Details: System.Collections.Generic.KeyNotFoundException: The given key was     not present in the dictionary.
Source Error: 
Line 1423:            
Line 1424:            if(this._dirtyColumns.Count&amp;gt;0)
Line 1425:                _repo.Update(this,provider);
Line 1426:            OnSaved();
Line 1427:       }
Source File: D:\Users\Mike\Documents\Visual Studio    2008\Projects\dolphin\src\ServiceDesk.Web\Models\_Generated\ActiveRecord.cs    Line:     1425 
&lt;/code&gt;&lt;/pre&gt;
&lt;p&gt;Can anyone offer some assistance?&lt;/p&gt;
&lt;p&gt;Here is the stack trace:
[KeyNotFoundException: The given key was not present in the dictionary.]
   System.ThrowHelper.ThrowKeyNotFoundException() +28
   System.Collections.Generic.Dictionary&lt;code&gt;2.get_Item(TKey key) +7456284
   SubSonic.Extensions.Database.ToUpdateQuery(T item, IDataProvider provider) +642
   SubSonic.Repository.SubSonicRepository&lt;/code&gt;1.Update(T item, IDataProvider provider) +113
   ServiceDesk.Data.User.Update(IDataProvider provider) in D:\Users\Mike\Documents\Visual Studio 2008\Projects\dolphin\src\ServiceDesk.Web\Models_Generated\ActiveRecord.cs:1425
   ServiceDesk.Data.User.Save(IDataProvider provider) in D:\Users\Mike\Documents\Visual Studio 2008\Projects\dolphin\src\ServiceDesk.Web\Models_Generated\ActiveRecord.cs:1461
   ServiceDesk.Data.User.Save() in D:\Users\Mike\Documents\Visual Studio 2008\Projects\dolphin\src\ServiceDesk.Web\Models_Generated\ActiveRecord.cs:1452
   ServiceDesk.Web.Controllers.SettingController.Edit(FormCollection result) in D:\Users\Mike\Documents\Visual Studio 2008\Projects\dolphin\src\ServiceDesk.Web\Controllers\SettingController.cs:48
   lambda_method(ExecutionScope , ControllerBase , Object[] ) +140
   System.Web.Mvc.ActionMethodDispatcher.Execute(ControllerBase controller, Object[] parameters) +17
   System.Web.Mvc.ReflectedActionDescriptor.Execute(ControllerContext controllerContext, IDictionary&lt;code&gt;2 parameters) +178
   System.Web.Mvc.ControllerActionInvoker.InvokeActionMethod(ControllerContext controllerContext, ActionDescriptor actionDescriptor, IDictionary&lt;/code&gt;2 parameters) +24
   System.Web.Mvc.&amp;lt;&gt;c__DisplayClassa.b__7() +52
   System.Web.Mvc.ControllerActionInvoker.InvokeActionMethodFilter(IActionFilter filter, ActionExecutingContext preContext, Func&lt;code&gt;1 continuation) +254
   System.Web.Mvc.&amp;lt;&amp;gt;c__DisplayClassc.&amp;lt;InvokeActionMethodWithFilters&amp;gt;b__9() +19
   System.Web.Mvc.ControllerActionInvoker.InvokeActionMethodWithFilters(ControllerContext controllerContext, IList&lt;/code&gt;1 filters, ActionDescriptor actionDescriptor, IDictionary`2 parameters) +192
   System.Web.Mvc.ControllerActionInvoker.InvokeAction(ControllerContext controllerContext, String actionName) +399
   System.Web.Mvc.Controller.ExecuteCore() +126
   System.Web.Mvc.ControllerBase.Execute(RequestContext requestContext) +27
   System.Web.Mvc.ControllerBase.System.Web.Mvc.IController.Execute(RequestContext requestContext) +7
   System.Web.Mvc.MvcHandler.ProcessRequest(HttpContextBase httpContext) +151
   System.Web.Mvc.MvcHandler.ProcessRequest(HttpContext httpContext) +57
   System.Web.Mvc.MvcHandler.System.Web.IHttpHandler.ProcessRequest(HttpContext httpContext) +7
   System.Web.CallHandlerExecutionStep.System.Web.HttpApplication.IExecutionStep.Execute() +181
   System.Web.HttpApplication.ExecuteStep(IExecutionStep step, Boolean&amp;amp; completedSynchronously) +75&lt;/p&gt;
&lt;p&gt;Looks like the problem is in this code:  &lt;/p&gt;
&lt;pre&gt;&lt;code&gt;public static ISqlQuery ToUpdateQuery&amp;lt;T&amp;gt;(this T item, IDataProvider provider) where T : class, new()
    {
        Type type = typeof(T);
        var settings = item.ToDictionary();
        ITable tbl = provider.FindOrCreateTable&amp;lt;T&amp;gt;();
        Update&amp;lt;T&amp;gt; query = new Update&amp;lt;T&amp;gt;(tbl.Provider);
        if(item is IActiveRecord)
        {
            var ar = item as IActiveRecord;
            foreach(var dirty in ar.GetDirtyColumns())
            {
                if(!dirty.IsPrimaryKey &amp;amp;&amp;amp; !dirty.IsReadOnly)
                    query.Set(dirty.Name).EqualTo(settings[dirty.Name]);
            }
        }  
&lt;/code&gt;&lt;/pre&gt;
&lt;p&gt;dirty.Name = "FirstName" but settings["FirstName"] doesn't exist, however settings["Firstname"] does exist.  My columns in the db are named like "FirstName", "LastName", etc but subsonic ActiveRecord template named the object fields like "Firstname" and "Lastname"&lt;/p&gt;</t>
  </si>
  <si>
    <t>2009-11-19 21:08:48.760000+00:00</t>
  </si>
  <si>
    <t>2011-11-15 10:33:32.113000+00:00</t>
  </si>
  <si>
    <t>2009-11-20 00:10:06.053000+00:00</t>
  </si>
  <si>
    <t>c#|asp.net-mvc|subsonic|subsonic3</t>
  </si>
  <si>
    <t>Inline Editing But Instance Doesn't Exist</t>
  </si>
  <si>
    <t>&lt;p&gt;I have my own custom non-jQuery ajax which I use for programming web applications. I recently ran into problems with IE9 using TinyMCE, so am trying to switch to CKeditor&lt;/p&gt;
&lt;p&gt;The editable text is being wrapped in a div, like so:&lt;/p&gt;
&lt;pre&gt;&lt;code&gt;&amp;lt;div id='content'&amp;gt;
  &amp;lt;div id='editable' contenteditable='true'&amp;gt;
    page of inline text filled with ajax when links throughout the site are clicked
  &amp;lt;/div&amp;gt; 
&amp;lt;/div&amp;gt;
&lt;/code&gt;&lt;/pre&gt;
&lt;p&gt;When I try to getData on the editable content using the examples in the documentation, I get an error.&lt;/p&gt;
&lt;p&gt;I do this:&lt;/p&gt;
&lt;pre&gt;&lt;code&gt;CKEDITOR.instances.editable.getData();
&lt;/code&gt;&lt;/pre&gt;
&lt;p&gt;And get this:&lt;/p&gt;
&lt;blockquote&gt;
  &lt;p&gt;Uncaught TypeError: Cannot call method 'getData' of undefined &lt;/p&gt;
&lt;/blockquote&gt;
&lt;p&gt;So I figure that it doesn't know where the editor is in the dom... I've tried working through all editors to get the editor name, but that doesn't work-- no name appears to be found.&lt;/p&gt;
&lt;p&gt;I've tried this:&lt;/p&gt;
&lt;pre&gt;&lt;code&gt;for(var i in CKEDITOR.instances) { 
  alert(CKEDITOR.instances[i].name);
}
&lt;/code&gt;&lt;/pre&gt;
&lt;p&gt;The alert is just blank-- so there's no name associated with it apparently.&lt;/p&gt;
&lt;p&gt;I should also mention, that despite my best efforts, I cannot seem to get the editable text to have a menu appear above it like it does in the &lt;a href="http://nightly.ckeditor.com/13-02-13-08-51/standard/samples/inlineall.html" rel="nofollow"&gt;Massive Inline Editing Example&lt;/a&gt;&lt;/p&gt;
&lt;p&gt;Thanks for any assistance you can bring.&lt;/p&gt;
&lt;p&gt;Jason Silver&lt;/p&gt;
&lt;p&gt;UPDATE:&lt;/p&gt;
&lt;p&gt;I'm showing off my lack of knowledge here, but I had never come across "contenteditable='true'" before, so thought that because I was able to type inline, therefore the editor was instantiated somehow... but now I'm wondering if the editor is even being applied to my div.&lt;/p&gt;
&lt;p&gt;UPDATE 2:&lt;/p&gt;
&lt;p&gt;When the page is loaded and the script is initially called, the div does not exist. The editable div is sent into the DOM using AJAX. @Zee left a comment below that made me wonder if there is some other command that should be called in order to apply the editor to that div, so I created a button in the page with the following onclick as a way to test this approach: (adapted from the ajax example)&lt;/p&gt;
&lt;pre&gt;&lt;code&gt;var editor,html='';config = {};editor=CKEDITOR.appendTo('editable',config, html );
&lt;/code&gt;&lt;/pre&gt;
&lt;p&gt;That gives the following error in Chrome:&lt;/p&gt;
&lt;pre&gt;&lt;code&gt;&amp;gt; Uncaught TypeError: Cannot call method 'equals' of undefined 
&amp;gt;  + CKEDITOR.tools.extend.getEditor ckeditor.js:101
&amp;gt;    b ckeditor.js:252
&amp;gt;    CKEDITOR.appendTo ckeditor.js:257
&amp;gt;    onclick www.pediatricjunction.com:410
&lt;/code&gt;&lt;/pre&gt;
&lt;p&gt;Am I headed in the right direction? Is there another way to programmatically tell CKEditor to apply the editor to a div?&lt;/p&gt;
&lt;p&gt;UPDATE 3:&lt;/p&gt;
&lt;p&gt;Thanks to @Reinmar I had something new to try. The most obvious way for me to test to see if this was the solution was to put a button above the content editable div that called CKEDITOR.inlineAll() and inline('editable') respectively:&lt;/p&gt;
&lt;pre&gt;&lt;code&gt;&amp;lt;input type='button' onclick=\"CKEDITOR.inlineAll();\" value='InlineAll'/&amp;gt;
&amp;lt;input type='button' onclick=\"CKEDITOR.inline('editable');\" value='Inline'/&amp;gt;
&amp;lt;input type='button' onclick=\"var editor = CKEDITOR.inline( document.getElementById( 'editable' ) );\" value='getElementById'/&amp;gt;
&lt;/code&gt;&lt;/pre&gt;
&lt;p&gt;This returned the same type of error in Chrome for all three buttons, namely:&lt;/p&gt;
&lt;pre&gt;&lt;code&gt;Uncaught TypeError: Cannot call method 'equals' of undefined ckeditor.js:101
+  CKEDITOR.tools.extend.getEditor ckeditor.js:101
   CKEDITOR.inline ckeditor.js:249
   CKEDITOR.inlineAll ckeditor.js:250
   onclick
&lt;/code&gt;&lt;/pre&gt;
&lt;p&gt;UPDATE 4:&lt;/p&gt;
&lt;p&gt;Upon further fiddling, I've tracked down the problem being related to json2007.js, which is a script I use which works with Real Simple History (RSH.js). These scripts have the purpose of tracking ajax history, so as I move forward and back through the browser, the AJAX page views is not lost.&lt;/p&gt;
&lt;p&gt;Here's the fiddle page: &lt;a href="http://jsfiddle.net/jasonsilver/3CqPv/2/" rel="nofollow"&gt;http://jsfiddle.net/jasonsilver/3CqPv/2/&lt;/a&gt;&lt;/p&gt;</t>
  </si>
  <si>
    <t>2013-02-13 23:08:06.523000+00:00</t>
  </si>
  <si>
    <t>2013-02-20 13:52:33.500000+00:00</t>
  </si>
  <si>
    <t>2013-02-15 18:07:35.967000+00:00</t>
  </si>
  <si>
    <t>javascript|ajax|ckeditor</t>
  </si>
  <si>
    <t>how to Disable Next and Previous image buttons on Windows Photo and Fax Viewer?</t>
  </si>
  <si>
    <t>&lt;p&gt;I wrote a simple code which opens multiple .tiff files but I want to disable next and previous buttons. Is it possible? Any ideas?&lt;/p&gt;
&lt;pre&gt;&lt;code&gt;string Path = @"....\Desktop\Test Image.tif";
        Process p = new Process();
        p.StartInfo.FileName = "rundll32.exe";
        //Arguments
        p.StartInfo.Arguments = @"C:\WINDOWS\System32\shimgvw.dll,ImageView_Fullscreen " + Path;
        p.Start();
&lt;/code&gt;&lt;/pre&gt;</t>
  </si>
  <si>
    <t>2012-11-23 14:45:17.073000+00:00</t>
  </si>
  <si>
    <t>2012-11-23 15:32:02.020000+00:00</t>
  </si>
  <si>
    <t>c#|tiff</t>
  </si>
  <si>
    <t>How to install new units (i mean includes ex: stdio.h) for my C</t>
  </si>
  <si>
    <t>&lt;p&gt;How to install new units (i mean includes ex: stdio.h) for my C, and how to download more?&lt;/p&gt;</t>
  </si>
  <si>
    <t>2010-02-25 20:13:53.390000+00:00</t>
  </si>
  <si>
    <t>2010-02-25 20:21:11.813000+00:00</t>
  </si>
  <si>
    <t>c|download|install|include</t>
  </si>
  <si>
    <t>Reading data into SAS</t>
  </si>
  <si>
    <t>&lt;p&gt;I am using SAS via my school's citrix server. That may or may not make a difference. Here is my code which is typed from Chapter 3 of Learning SAS by Example:&lt;/p&gt;
&lt;pre&gt;&lt;code&gt;data demographics;
infile 'D:\mydata.txt':
input Gender $ Age Height Weight;
run;
&lt;/code&gt;&lt;/pre&gt;
&lt;p&gt;It keeps giving me an error that the physical file doesn't exist. I downloaded the data in a zip file and extracted everything. I put it on my flash drive which is what I'm trying to read it from. What could possibly cause this? Disclaimer: I am new to SAS.&lt;/p&gt;</t>
  </si>
  <si>
    <t>2016-09-08 18:06:27.947000+00:00</t>
  </si>
  <si>
    <t>2016-09-10 17:48:36.080000+00:00</t>
  </si>
  <si>
    <t>Parse Push (Installation Class) - Count subscribers that belong to more than 1 channel</t>
  </si>
  <si>
    <t>&lt;p&gt;I'm using Parse for push notifications. I have seen questions on how to count the number of subscribers of a particular channel.&lt;/p&gt;
&lt;p&gt;My question is how do I count the number of subscribers that belong to more than 1 channel?&lt;/p&gt;
&lt;p&gt;Ideally, I'd be able to do something like:&lt;/p&gt;
&lt;pre&gt;&lt;code&gt;Parse.Cloud.define("multipleSubscribersNum", function(request, response){
Parse.Cloud.useMasterKey();
var query = new Parse.Query(Parse.Installation);
query.greaterThan("channels.length", 2);
query.count({
    success:function(count){
        response.success(count);
    },
    error:function(){
        response.error("Some error");
    }
});
});
&lt;/code&gt;&lt;/pre&gt;
&lt;p&gt;Obviously, this doesn't work but hopefully it illustrates what I want to do. I appreciate the help!&lt;/p&gt;</t>
  </si>
  <si>
    <t>2015-01-24 01:17:11.100000+00:00</t>
  </si>
  <si>
    <t>2015-10-30 12:28:50.010000+00:00</t>
  </si>
  <si>
    <t>parse.com|push-notification|cloud-code</t>
  </si>
  <si>
    <t>Multiple database requests with one php function</t>
  </si>
  <si>
    <t>&lt;p&gt;I have a website in which I am pretty regularly referencing my mySQL Database...&lt;/p&gt;
&lt;p&gt;In a couple instances I have one large block of php code that need to be applied to multiple database requests.&lt;/p&gt;
&lt;p&gt;I have tried:&lt;/p&gt;
&lt;pre&gt;&lt;code&gt;$result1 = $db-&amp;gt;query($sql1);
$result2 = $db-&amp;gt;query($sql2);
function action() {
  ...code...
}
foreach($result1 as $row) {
   action();
}
foreach($result2 as $row) {
   action();
}
&lt;/code&gt;&lt;/pre&gt;
&lt;p&gt;With this code the &lt;code&gt;action()&lt;/code&gt; function will execute; however, the sql request will not be applied to the code.&lt;/p&gt;
&lt;p&gt;I also tried placing the &lt;code&gt;$row&lt;/code&gt; variable inside the action function - &lt;code&gt;action($row)&lt;/code&gt; - but that did not work either.&lt;/p&gt;
&lt;p&gt;An answer to this problem would be great in helping me conserve time and code while progressing further with my project.&lt;/p&gt;</t>
  </si>
  <si>
    <t>2013-09-03 15:16:40.907000+00:00</t>
  </si>
  <si>
    <t>2013-09-03 15:34:54.517000+00:00</t>
  </si>
  <si>
    <t>php|sql|function|pdo</t>
  </si>
  <si>
    <t>adding hashmap object to arraylist</t>
  </si>
  <si>
    <t>&lt;p&gt;I use an ArrayListHashMap(String, String) . I googled the question but can't find anything.How can i add an element to an existing object?. To explain it further, my Logcat shows &lt;/p&gt;
&lt;pre&gt;&lt;code&gt;[{username=p, startPoliPro=Nice, start_lat_pro=37.91409, start_lng_pro=23.75028, finalPoliPro=Monaco, final_lat_pro=39.33207, final_lng_pro=22.10233}]
&lt;/code&gt;&lt;/pre&gt;
&lt;p&gt;I want to add hashmap object ("pop", 12) to the first object so that it turns to&lt;/p&gt;
&lt;pre&gt;&lt;code&gt;{username=p, startPoliPro=Nice, start_lat_pro=37.91409, start_lng_pro=23.75028, finalPoliPro=Monaco, final_lat_pro=39.33207, final_lng_pro=22.10233 , pop=12}
&lt;/code&gt;&lt;/pre&gt;</t>
  </si>
  <si>
    <t>2014-10-05 06:34:02.397000+00:00</t>
  </si>
  <si>
    <t>2014-10-05 06:41:38.687000+00:00</t>
  </si>
  <si>
    <t>Find a specific time stamp in an infinite stream</t>
  </si>
  <si>
    <t>&lt;p&gt;This is an interview question:
Say that you have an infinite amount of sorted data coming in, implement a way to find a specific time stamp.&lt;/p&gt;
&lt;p&gt;What I can think of is to keep the data in a log file or something like that and use the sed command to find the log entry of that specific time stamp.
I do not know if what I think is correct or not.
Other solutions?&lt;/p&gt;</t>
  </si>
  <si>
    <t>2015-04-18 06:13:35.260000+00:00</t>
  </si>
  <si>
    <t>2015-04-18 06:24:37.530000+00:00</t>
  </si>
  <si>
    <t>2015-04-18 06:19:46.527000+00:00</t>
  </si>
  <si>
    <t>linux|algorithm|sed</t>
  </si>
  <si>
    <t>Rails/Postgresql query is slow</t>
  </si>
  <si>
    <t>&lt;p&gt;I have a query which is causing a lot of problems on with my Rails app. The query which is being run against 1.3 million rows is as follows:&lt;/p&gt;
&lt;pre&gt;&lt;code&gt;SELECT COUNT(*)
FROM "products"
INNER JOIN "categories" 
   ON "categories"."id" = "products"."category_id"
WHERE "products"."disabled" = 'f'
  AND (categories.is_adult = 't'
  AND merchant_image_url is NOT NULL
  AND advertiser_id in (1,3,8,9,12,16,17,18,24,27,31,32,34,40,44,47,48,53,55,57,61,64
              ,69,78,79,80,81,85,89,91,95,98,102,110,113,114,119,127,128,130,133,134))
&lt;/code&gt;&lt;/pre&gt;
&lt;p&gt;The slow part of the query is:&lt;/p&gt;
&lt;pre&gt;&lt;code&gt;advertiser_id in (1,3,8,9,12,16,17,18,24,27,31,32,34,40,44,47,48,53,55,57,61,64,
               69,78,79,80,81,85,89,91,95,98,102,110,113,114,119,127,128,130,133,134))
&lt;/code&gt;&lt;/pre&gt;
&lt;p&gt;There is an index on &lt;code&gt;advertiser_id&lt;/code&gt;&lt;/p&gt;
&lt;p&gt;This is the users preferences and is variable. Without this the query runs blazingly fast.&lt;/p&gt;
&lt;p&gt;Please ask for any other information if I've not supplied it and I will add it as soon as I can. Thanks in advance!&lt;/p&gt;
&lt;p&gt;&lt;strong&gt;Update 1&lt;/strong&gt;
Here is the Query Plan:&lt;/p&gt;
&lt;pre&gt;&lt;code&gt;Aggregate  (cost=198184.75..198184.76 rows=1 width=0) (actual time=11942.818..11942.818 rows=1 loops=1)
  -&amp;gt;  Hash Join  (cost=8065.09..197269.21 rows=366218 width=0) (actual time=110.651..11821.545 rows=349373 loops=1)
        Hash Cond: (products.category_id = categories.id)
        -&amp;gt;  Bitmap Heap Scan on products  (cost=8047.13..192215.75 rows=366218 width=4) (actual time=109.655..11470.039 rows=349373 loops=1)
              Recheck Cond: (advertiser_id = ANY ('{1,3,8,9,12,16,17,18,24,27,31,32,34,40,44,47,48,53,55,57,61,64,69,78,79,80,81,85,89,91,95,98,102,110,113,114,119,127,128,130,133,134}'::integer[]))
              Rows Removed by Index Recheck: 459153
              Filter: ((NOT disabled) AND (merchant_image_url IS NOT NULL))"
              Rows Removed by Filter: 112084
              -&amp;gt;  Bitmap Index Scan on index_products_on_advertiser_id  (cost=0.00..7955.57 rows=465290 width=0) (actual time=106.865..106.865 rows=461457 loops=1)
                    Index Cond: (advertiser_id = ANY ('{1,3,8,9,12,16,17,18,24,27,31,32,34,40,44,47,48,53,55,57,61,64,69,78,79,80,81,85,89,91,95,98,102,110,113,114,119,127,128,130,133,134}'::integer[]))
        -&amp;gt;  Hash  (cost=11.87..11.87 rows=487 width=4) (actual time=0.944..0.944 rows=487 loops=1)
              Buckets: 1024  Batches: 1  Memory Usage: 18kB
              -&amp;gt;  Seq Scan on categories  (cost=0.00..11.87 rows=487 width=4) (actual time=0.007..0.616 rows=487 loops=1)
Total runtime: 11943.149 ms
&lt;/code&gt;&lt;/pre&gt;
&lt;p&gt;and the Explain&lt;/p&gt;
&lt;p&gt;&lt;img src="https://i.stack.imgur.com/uZEit.png" alt="enter image description here"&gt;&lt;/p&gt;</t>
  </si>
  <si>
    <t>2015-05-05 16:28:08.803000+00:00</t>
  </si>
  <si>
    <t>2015-12-13 06:43:14.090000+00:00</t>
  </si>
  <si>
    <t>ruby-on-rails|postgresql|activerecord</t>
  </si>
  <si>
    <t>Speeding up a MySql DELETE that relies on a BIT column</t>
  </si>
  <si>
    <t>&lt;p&gt;I���m using MySql 5.5.46 and have an InnoDB table with a Bit Column (named ���ENABLED���).  There is no index on this column.  The table has 26 million rows, so understandably, the statement&lt;/p&gt;
&lt;pre&gt;&lt;code&gt;DELETE FROM my_table WHERE ENABLED = 0;
&lt;/code&gt;&lt;/pre&gt;
&lt;p&gt;takes a really long time.  My question is, is there anything I can do (without upgrading MySQL, which is not an option at this time), to speed up the time it takes to run this query?  My ���innodb_buffer_pool_size��� variable is set to the following:&lt;/p&gt;
&lt;pre&gt;&lt;code&gt;show variables like 'innodb_buffer_pool_size';
+-------------------------+-------------+
| Variable_name           | Value       |
+-------------------------+-------------+
| innodb_buffer_pool_size | 11674845184 |
+-------------------------+-------------+
&lt;/code&gt;&lt;/pre&gt;</t>
  </si>
  <si>
    <t>2015-12-03 21:23:56.617000+00:00</t>
  </si>
  <si>
    <t>2015-12-09 00:00:42.557000+00:00</t>
  </si>
  <si>
    <t>mysql|optimization|innodb|sql-delete|bit</t>
  </si>
  <si>
    <t>How to set HTTP proxy in ChromeDriver of Selenium 2?</t>
  </si>
  <si>
    <t>&lt;p&gt;how do I set a HTTP proxy for Selenium 2's ChromeDriver in Java? I know how to do it for the FirefoxDriver using a FirefoxProfile, but there doesn't seem to be a ChromeProfile.&lt;/p&gt;</t>
  </si>
  <si>
    <t>2011-09-28 08:33:44.207000+00:00</t>
  </si>
  <si>
    <t>2011-12-10 00:06:00.733000+00:00</t>
  </si>
  <si>
    <t>java|selenium-webdriver</t>
  </si>
  <si>
    <t>Unauthorized to access the project monitoring records for Compute Engine</t>
  </si>
  <si>
    <t>&lt;p&gt;I've worked on setting up a compute engine instance for running a portion of our pipeline, and now I'm confused as to the error I'm getting, so really I'm just looking for clarification on how all of this works and how to get it working properly so I can get things up and running.&lt;/p&gt;
&lt;p&gt;Here's the stack trace:&lt;/p&gt;
&lt;pre&gt;&lt;code&gt;username@dev-instance-1:/var/local/path/to/pipeline$ python -m path.to.pipeline.file.properties sample-name-of-program-to-run
Setting up code base here...
INFO:urllib3.connectionpool:Starting new HTTPS connection (1): user.sample.com
DEBUG:urllib3.connectionpool:"POST /users/refresh_token.json HTTP/1.1" 401 41
INFO:urllib3.connectionpool:Starting new HTTPS connection (1): user.sample.com
DEBUG:urllib3.connectionpool:"POST /users/sign_in.json HTTP/1.1" 200 156
{'instance_zone': 'us-central1-a', 'project_resource': 'projects/sample-project', 'user': 'username', 'sample_config': '', 'metric_type': '', 'name': None, 'metric_name': '', 'server': None, 'instance': 'dev-instance-1', 'metric_type_base': 'custom.googleapis.com/', 'project_id': 'sample-project', 'metric_kind': 'GAUGE'}
INFO:googleapiclient.discovery:URL being requested: POST https://monitoring.googleapis.com/v3/projects/sample-project/metricDescriptors?alt=json
INFO:oauth2client.transport:Attempting refresh to obtain initial access_token
WARNING:googleapiclient.http:Encountered 403 Forbidden with reason "forbidden"
ERROR:root:CRASH! &amp;lt;HttpError 403 when requesting https://monitoring.googleapis.com/v3/projects/sample-project/metricDescriptors?alt=json returned "User is not authorized to access the project monitoring records."&amp;gt;
ERROR:root:&amp;lt;HttpError 403 when requesting https://monitoring.googleapis.com/v3/projects/sample-project/metricDescriptors?alt=json returned "User is not authorized to access the project monitoring records."&amp;gt;
Traceback (most recent call last):
  File "/var/local/path/to/pipeline/file/properties.py", line 396, in &amp;lt;module&amp;gt;
    main()
  File "/var/local/path/to/pipeline/file/properties.py", line 392, in main
    client.launch()
  File "/var/local/path/to/pipeline/file/properties.py", line 205, in launch
    self.stackdriver()
  File "/var/local/path/to/pipeline/file/properties.py", line 104, in stackdriver
    "description": "Server the data originates from: (US) Dev or (US) Field"
  File "path/to/another/file/stackdriver.py", line 310, in create_metric
    name=self.config['project_resource'], body=body).execute()
  File "/usr/local/lib/python2.7/dist-packages/oauth2client/util.py", line 137, in positional_wrapper
    return wrapped(*args, **kwargs)
  File "/usr/local/lib/python2.7/dist-packages/googleapiclient/http.py", line 838, in execute
    raise HttpError(resp, content, uri=self.uri)
HttpError: &amp;lt;HttpError 403 when requesting https://monitoring.googleapis.com/v3/projects/sample-project/metricDescriptors?alt=json returned "User is not authorized to access the project monitoring records."&amp;gt;
EXCEPTION!
&lt;/code&gt;&lt;/pre&gt;
&lt;p&gt;How do I get this working properly?  I'm working on a separate project than sample-project, so that may be the problem, so how do I setup the service account in order to get this system working off of both?&lt;/p&gt;</t>
  </si>
  <si>
    <t>2017-01-04 18:33:16.247000+00:00</t>
  </si>
  <si>
    <t>python|python-2.7|google-compute-engine|google-api-python-client|stackdriver</t>
  </si>
  <si>
    <t>How to work with units (meters) in unity</t>
  </si>
  <si>
    <t>&lt;p&gt;I don't really know how to work with units in unity.&lt;/p&gt;
&lt;p&gt;Google told me, that unity's default is: 1 unit = 1 meter.&lt;/p&gt;
&lt;p&gt;The problem is: When I create a cube I cannot tell what its size should be.
It is created with the following scale: (1, 1, 1)
But I do not have any information what its dimension in meters are.&lt;/p&gt;
&lt;p&gt;When I create a Plane it also show me a scale of (1, 1, 1) but is nearly 10 times the size of a cube.&lt;/p&gt;
&lt;p&gt;So how is it possible to do stuff like: Create cube with height 2 meters, create a plane with dimension 5*5 meters, when I am not able to set the actual size?&lt;/p&gt;</t>
  </si>
  <si>
    <t>2015-02-22 14:16:35.703000+00:00</t>
  </si>
  <si>
    <t>2015-02-26 04:22:45.593000+00:00</t>
  </si>
  <si>
    <t>unity3d</t>
  </si>
  <si>
    <t>NullReferenceExceptionUnhandled</t>
  </si>
  <si>
    <t>&lt;p&gt;I'm writing a blackjack program but my problem is what's the solution when creating an object that has a list of other objects, but when I create the object at first, the list is empty.  I think that's why I'm getting this error.  Below is my code where I initialize a player as having an instance of a hand in the player's constructor but I get the "object reference not set to an instance of an object" error message when I call the method playerHand.Hit(card); &lt;/p&gt;
&lt;pre&gt;&lt;code&gt;public class Player
{
    private string name;
    public Hand playerHand;
    public Player()
    { }
    public Player(string name)
    {
        this.Name = name;
        this.playerHand = new Hand();
    }
    public string Name
    {
        get { return name; }
        set { name = value; }
    }
    public void TakeCard(Card card) 
    { playerHand.Hit(card); }`
&lt;/code&gt;&lt;/pre&gt;
&lt;p&gt;`&lt;/p&gt;
&lt;pre&gt;&lt;code&gt;public class Hand
{
    public List&amp;lt;Card&amp;gt; hand;
    public Hand()
    {
        hand = new List&amp;lt;Card&amp;gt;();
    }
    public int handValue;`
    public void Hit(Card card)
    {
        hand.Add(card);
    }
    public int HandValue()
    {
        foreach (Card card in hand)
            handValue += (int)card.value;
        return handValue;
    }
}
public class Game
{
    public Game(IEnumerable&amp;lt;string&amp;gt; playerNames)
    {
        List&amp;lt;Player&amp;gt; players = new List&amp;lt;Player&amp;gt;();
        foreach (string name in playerNames)
            players.Add(new Player(name));
        Player dealer = new Dealer();
        players.Add(dealer);
        Deck playingDeck = new Deck();
        Deal(playingDeck, players);
        Play(playingDeck, players);
        DisplayResults(players);
    }       
    public void Deal(Deck deck, List&amp;lt;Player&amp;gt; players)
    {
        deck.Shuffle();
        for (int i = 1; i &amp;lt; 3; i++)
            foreach (Player player in players)
                player.TakeCard(deck.Deal());                
    }
&lt;/code&gt;&lt;/pre&gt;</t>
  </si>
  <si>
    <t>2013-06-22 18:26:17.733000+00:00</t>
  </si>
  <si>
    <t>2013-06-22 18:38:30.593000+00:00</t>
  </si>
  <si>
    <t>c#|nullreferenceexception|object-reference</t>
  </si>
  <si>
    <t>Eigen Sparse Matrix Multiplication Error with small number</t>
  </si>
  <si>
    <t>&lt;p&gt;I am using the C++ Eigen 3 library in my program. In particular, I need to multiply two Eigen sparse matrix and store the result into another Eigen sparse matrix. However, I noticed that if the some entries of the Eigen sparse matrix is smaller than 1e-13, the corresponding entry in the result will be 0 instead of a small number. Say I multiply a sparse identity matrix a and another sparse matrix b. If the topleft entry of b, i.e., b(0,0) is smaller than 1e-13, such as 9e-14, the topleft entry of of the result c=a*b, i.e., c(0,0), is 0 instead of 9e-14.&lt;/p&gt;
&lt;p&gt;Here is a code I test,&lt;/p&gt;
&lt;pre&gt;&lt;code&gt;#include &amp;lt;iostream&amp;gt;
#include &amp;lt;math.h&amp;gt;
#include &amp;lt;Eigen/Sparse&amp;gt;
#include &amp;lt;Eigen/Dense&amp;gt;
#include &amp;lt;Eigen/Eigen&amp;gt;
#include &amp;lt;Eigen/Dense&amp;gt;
#include &amp;lt;Eigen/LU&amp;gt;
using namespace std;
using namespace Eigen;
int main() {
DynamicSparseMatrix&amp;lt;double, RowMajor&amp;gt; a(2,2);
DynamicSparseMatrix&amp;lt;double, ColMajor&amp;gt; b(2,2);
DynamicSparseMatrix&amp;lt;double, RowMajor&amp;gt; c(2,2);
a.coeffRef(0,0) = 1;
a.coeffRef(1,1) = 1;
b.coeffRef(0,0) = 9e-14;
b.coeffRef(1,1) = 1;
cout &amp;lt;&amp;lt; "a" &amp;lt;&amp;lt; endl;
cout &amp;lt;&amp;lt; a &amp;lt;&amp;lt; endl;
cout &amp;lt;&amp;lt; "b" &amp;lt;&amp;lt; endl;
cout &amp;lt;&amp;lt; b &amp;lt;&amp;lt; endl;
c = a * b;
cout &amp;lt;&amp;lt; "c" &amp;lt;&amp;lt; endl;
cout &amp;lt;&amp;lt; c &amp;lt;&amp;lt; endl;
Matrix&amp;lt;double, Dynamic, Dynamic&amp;gt; a2(2,2);
Matrix&amp;lt;double, Dynamic, Dynamic&amp;gt; b2(2,2);
Matrix&amp;lt;double, Dynamic, Dynamic&amp;gt; c2(2,2);
a2(0,0) = 1;
a2(1,1) = 1;
b2(0,0) = 9e-14;
b2(1,1) = 1;
cout &amp;lt;&amp;lt; "a2" &amp;lt;&amp;lt; endl;
cout &amp;lt;&amp;lt; a2 &amp;lt;&amp;lt; endl;
cout &amp;lt;&amp;lt; "b2" &amp;lt;&amp;lt; endl;
cout &amp;lt;&amp;lt; b2 &amp;lt;&amp;lt; endl;
c2 = a2 * b2;
cout &amp;lt;&amp;lt; "c2" &amp;lt;&amp;lt; endl;
cout &amp;lt;&amp;lt; c2 &amp;lt;&amp;lt; endl;
return 1;
}
&lt;/code&gt;&lt;/pre&gt;
&lt;p&gt;Here is the strange output&lt;/p&gt;
&lt;p&gt;a&lt;/p&gt;
&lt;p&gt;1 0 &lt;/p&gt;
&lt;p&gt;0 1 &lt;/p&gt;
&lt;p&gt;b&lt;/p&gt;
&lt;p&gt;Nonzero entries:&lt;/p&gt;
&lt;p&gt;(9e-14,0) (1,1) &lt;/p&gt;
&lt;p&gt;Column pointers:&lt;/p&gt;
&lt;p&gt;0 1  $&lt;/p&gt;
&lt;p&gt;9e-14 0 &lt;/p&gt;
&lt;p&gt;0 1 &lt;/p&gt;
&lt;p&gt;c&lt;/p&gt;
&lt;p&gt;0 0 &lt;/p&gt;
&lt;p&gt;0 1 &lt;/p&gt;
&lt;p&gt;a2&lt;/p&gt;
&lt;p&gt;1 0&lt;/p&gt;
&lt;p&gt;0 1&lt;/p&gt;
&lt;p&gt;b2&lt;/p&gt;
&lt;p&gt;9e-14 0&lt;/p&gt;
&lt;p&gt;0 1&lt;/p&gt;
&lt;p&gt;c2&lt;/p&gt;
&lt;p&gt;9e-14 0&lt;/p&gt;
&lt;p&gt;0 1&lt;/p&gt;
&lt;p&gt;You can see the multiplication of the dense matrices is fine, but the result of the sparse matrices is wrong in the top left entry, and b has a strange output format.&lt;/p&gt;
&lt;p&gt;I debugged into the source code of Eigen, but couldn't find where the two numbers are multiplied in the matrix. Any idea?&lt;/p&gt;</t>
  </si>
  <si>
    <t>2011-06-18 21:16:32.840000+00:00</t>
  </si>
  <si>
    <t>2017-01-24 17:53:27.140000+00:00</t>
  </si>
  <si>
    <t>2011-09-26 16:02:55.950000+00:00</t>
  </si>
  <si>
    <t>c++|sparse-matrix|eigen</t>
  </si>
  <si>
    <t>WM_GETTEXT button action</t>
  </si>
  <si>
    <t>&lt;p&gt;I would like to tie an action to a PocketPC button (biggest button at the center - don't know how it is called). 
I tried to tie the action to WM_GETTEXT message, but this message is sent on every key press and don't know how to add an action just to the specific button.
Does anyone know how this could be done?&lt;/p&gt;
&lt;p&gt;Thanks!&lt;/p&gt;</t>
  </si>
  <si>
    <t>2008-12-08 15:18:55.607000+00:00</t>
  </si>
  <si>
    <t>2008-12-08 16:50:59.413000+00:00</t>
  </si>
  <si>
    <t>niko</t>
  </si>
  <si>
    <t>c++|windows-mobile|button|action</t>
  </si>
  <si>
    <t>NHibernate: Populate new entities relative properties with foreign key ID</t>
  </si>
  <si>
    <t>&lt;p&gt;I have structured my NHibernate models to hide the foreign key IDs as seems to be best practice, so instead of having both the relationship and the key modeled like this:&lt;/p&gt;
&lt;pre&gt;&lt;code&gt;public class CompanyOffice
{
    public virtual int Id { get; set; }
    public virtual int CompanyId { get; set; }
    public virtual Company Company { get; set; }
}
&lt;/code&gt;&lt;/pre&gt;
&lt;p&gt;I simply have:&lt;/p&gt;
&lt;pre&gt;&lt;code&gt;public class CompanyOffice
{
    public virtual int Id { get; set; }
    public virtual Company Company { get; set; }
}
&lt;/code&gt;&lt;/pre&gt;
&lt;p&gt;And let NHibernate take car of the rest.  I like this, but I have a few tables with multiple foreign keys that need setting and when I create a new entity, in an MVC action, I'm having to do this:&lt;/p&gt;
&lt;pre&gt;&lt;code&gt;public ActionResult CreateNewThing(int stuffId, int whatId, int blahId)
{
    var stuff = _service.GetStuffById(stuffId);
    var what = _service.GetWhatById(whatId);
    var blah = _service.GetBlahById(blahId);
    var thing = new Thing { Stuff = stuff, What = what, Blah = blah };
}
&lt;/code&gt;&lt;/pre&gt;
&lt;p&gt;Which means three trips to the database to get the entities, when I don't really need them as I already have the IDs and could have just done:&lt;/p&gt;
&lt;pre&gt;&lt;code&gt;var thing = new Thing { StuffId = stuffId, WhatId = whatId, BlahId = blahId };
&lt;/code&gt;&lt;/pre&gt;
&lt;p&gt;Is there another way to achieve what I'm trying to do without hitting the database for the entities?&lt;br&gt;
Should I just bite the bullet and map the foreign keys as well as the relationships?&lt;br&gt;
Or am I being to concerned about the database trips and should I just crack on?&lt;/p&gt;</t>
  </si>
  <si>
    <t>2013-06-03 11:01:17.317000+00:00</t>
  </si>
  <si>
    <t>2013-06-03 12:27:25.023000+00:00</t>
  </si>
  <si>
    <t>error: multiple definiton of class function c++</t>
  </si>
  <si>
    <t>&lt;h1&gt;Bar.h&lt;/h1&gt;
&lt;pre&gt;&lt;code&gt;#ifndef BAR_H
#defind BAR_H
class Foo;
class Bar
{ 
    Bar();
    virtual ~Bar();
    public:
        const Foo* getP();
        const Foo  getS();
        int        getW();
        void       setValues (Foo* m, Foo n, int o);
    protected:
        Foo* p;
        Foo* s;
        int w;
};
#endif
&lt;/code&gt;&lt;/pre&gt;
&lt;h1&gt;Foo.h&lt;/h1&gt;
&lt;pre&gt;&lt;code&gt;#ifndef FOO_H
#define FOO_H
class Bar;
class Foo
{
                 Foo(int key, std::string str);
    virtual      ~Foo();
    int          id;
    std::string  inst;
    public:
        std::vector&amp;lt;Bar*&amp;gt;   getBars();
        std::vector&amp;lt;Foo*&amp;gt;   getP();
        std::vector&amp;lt;Foo*&amp;gt;   getS();
    protected:
        std::vector&amp;lt;Foo*&amp;gt; p;
        std::vector&amp;lt;Foo*&amp;gt; s;
        std::vector&amp;lt;Bar*&amp;gt; e;
};
#endif
&lt;/code&gt;&lt;/pre&gt;
&lt;h1&gt;Bar.cpp&lt;/h1&gt;
&lt;pre&gt;&lt;code&gt;#include &amp;lt;string&amp;gt;
#include &amp;lt;vector&amp;gt;
#include "Bar.h"
Bar::Bar()
{
    w=0;
}
Bar:~Bar() {}
void Bar::setValues(Foo* m, Foo* n, int o)
{
    p=m;
    s=n;
    w=o;
}
const Foo * Bar::getP()
{
    return p;
}
const Foo* Bar::getS()
{
    returns;
}
int Bar::getW()
{
    return w;
}
&lt;/code&gt;&lt;/pre&gt;
&lt;h1&gt;Foo.cpp&lt;/h1&gt;
&lt;pre&gt;&lt;code&gt;    #include &amp;lt;string&amp;gt;
    #include &amp;lt;vector&amp;gt;
    #include "Foo.h"
    Foo::foo(int key, std::string str)
    {
        id   = key;
        inst = str;
    }
    Foo::~Foo() {}
   std:vector&amp;lt;Bar*&amp;gt; Foo::getBars()
    {
        return e;
    }
    std::vector&amp;lt;Foo*&amp;gt; Foo::getP()
    {
        return p;
    }
    std::vector&amp;lt;Foo*&amp;gt; Foo::getS()
    {
        return s;
    }
&lt;/code&gt;&lt;/pre&gt;
&lt;p&gt;I have spent 2 days researching what I could. I followed the following
- No *.cpp's in headers or include statements
- Only declarations in header's
- Definitions in *.cpp
- tried adding #include "Foo.h" in Bar.cpp -&gt; didnt help
- tried adding #include "Bar.h" in Foo.cpp -&gt; didnt help
- Tried above two steps simultaneously -&gt; didn't help&lt;/p&gt;
&lt;p&gt;Am now pressed for tim, could really use help. Thank you&lt;/p&gt;</t>
  </si>
  <si>
    <t>2017-10-20 05:04:53.390000+00:00</t>
  </si>
  <si>
    <t>2017-10-20 05:43:50.360000+00:00</t>
  </si>
  <si>
    <t>Google App Engine MapReduceSpecification exception</t>
  </si>
  <si>
    <t>&lt;p&gt;Rewritten to simplify. Why does this compile:&lt;/p&gt;
&lt;pre&gt;&lt;code&gt;MapReduceSpecification.of(
   "Something, anything", 
   input,
   mapper, // (extends Mapper&amp;lt;Job, Long, String&amp;gt;)
   Marshallers.getLongMarshaller(),
   Marshallers.getStringMarshaller(),
   NoReducer.&amp;lt;Long, String, String&amp;gt;create(),
   NoOutput.&amp;lt;String, String&amp;gt;create((int)1L)
);
&lt;/code&gt;&lt;/pre&gt;
&lt;p&gt;But this does not. Note the different "mapper" extension in comments:&lt;/p&gt;
&lt;pre&gt;&lt;code&gt;MapReduceSpecification.of(
   "Something, anything", 
   input,
   mapper, // (extends Mapper&amp;lt;Job, Long, JobSummary&amp;gt;)
   Marshallers.getLongMarshaller(),
   Marshallers.getSerializationMarshaller(),
   NoReducer.&amp;lt;Long, JobSummary, JobSummary&amp;gt;create(),
   NoOutput.&amp;lt;JobSummary, JobSummary&amp;gt;create((int)1L)
);
&lt;/code&gt;&lt;/pre&gt;
&lt;p&gt;Throws this compilation exception:&lt;/p&gt;
&lt;pre&gt;&lt;code&gt;The method
of(String,
Input&amp;lt;I&amp;gt;,
Mapper&amp;lt;I,K,V&amp;gt;,
Marshaller&amp;lt;K&amp;gt;,
Marshaller&amp;lt;V&amp;gt;,
Reducer&amp;lt;K,V,O&amp;gt;, Output&amp;lt;O,R&amp;gt;)
in the type MapReduceSpecification is not applicable for the arguments
(String,
JobInput,
JobMapper,
Marshaller&amp;lt;Long&amp;gt;,
Marshaller&amp;lt;Serializable&amp;gt;,
NoReducer&amp;lt;Long,JobSummary,JobSummary&amp;gt;,
NoOutput&amp;lt;JobSummary,JobSummary&amp;gt;)    
&lt;/code&gt;&lt;/pre&gt;
&lt;p&gt;JobSummary is simple (for purposes of this example):&lt;/p&gt;
&lt;pre&gt;&lt;code&gt;public class JobSummary implements Serializable {
   public String Text;
}
&lt;/code&gt;&lt;/pre&gt;
&lt;p&gt;Any insight into which bit of the mystery combination of I, K, V, O, R I've missed?&lt;/p&gt;</t>
  </si>
  <si>
    <t>2013-09-04 08:04:12.253000+00:00</t>
  </si>
  <si>
    <t>2013-09-04 20:07:55.273000+00:00</t>
  </si>
  <si>
    <t>2013-09-04 10:02:24.927000+00:00</t>
  </si>
  <si>
    <t>google-app-engine|mapreduce</t>
  </si>
  <si>
    <t>get ip user with nginx and node</t>
  </si>
  <si>
    <t>&lt;p&gt;I have a problem with nginx and node, because when i want get the ip of user with node, in my localhost works ok(no use nginx) but in my server dont work as it should. I was researching and see that the node no is the first that receive the ip, is nginx and after nginx send the request to node. then the ip that node receive is the my server and not user's ip.  look the the configuration server nignx:&lt;/p&gt;
&lt;pre&gt;&lt;code&gt;location / {
        proxy_pass https://fotogena.co:8000;  &amp;lt;-nginx send req to node
        proxy_http_version 1.1;
        proxy_set_header Upgrade $http_upgrade;
        proxy_set_header Connection "upgrade";
        proxy_set_header Host $host;
        proxy_connect_timeout   1000;
        proxy_send_timeout      1500;
        proxy_read_timeout      2000;
}
&lt;/code&gt;&lt;/pre&gt;
&lt;p&gt;i use "req.connection.remoteAddress" for know the ip of user and the console show me the ip of my server. somebody know how solve this problem?&lt;/p&gt;
&lt;p&gt;thanks :D&lt;/p&gt;
&lt;p&gt;-----------2016-04-20--------&lt;/p&gt;
&lt;p&gt;i can solved the problem, with this line on nginx file setting &lt;/p&gt;
&lt;pre&gt;&lt;code&gt;proxy_set_header X-Real-IP $remote_addr;
&lt;/code&gt;&lt;/pre&gt;
&lt;p&gt;and node.js&lt;/p&gt;
&lt;pre&gt;&lt;code&gt;req.headers['x-forwarded-for']
&lt;/code&gt;&lt;/pre&gt;</t>
  </si>
  <si>
    <t>2015-06-19 16:38:08.060000+00:00</t>
  </si>
  <si>
    <t>2016-04-19 17:35:19.820000+00:00</t>
  </si>
  <si>
    <t>node.js|nginx</t>
  </si>
  <si>
    <t>How to create a flag for duplicate values in oracle</t>
  </si>
  <si>
    <t>&lt;p&gt;i would like to know how to create a flag for duplicate rows in a table.for example : if i get duplicate rows it will show me 1 and if i dont get any duplicate rows,it will display 0&lt;/p&gt;
&lt;p&gt;i tried the following for this test table i have used to check whether or not it will work&lt;/p&gt;
&lt;pre&gt;&lt;code&gt;SQL&amp;gt; select * from t_flag
  2  /
EMP_NAME                   EMP_NO DEPT
-------------------------------------------------- --------- --------------------
    ROBI                        1 AGRO
    ROBI                        1 AGRO
    BORIS                       2 IT
    SID                         3 VET
    BORIS                       2 IT
    select t_flag.*,
 (case when row_number() over (partition by emp_name,emp_no,dept order by emp_name) = 1
                 then 0 else 1
            end) as GroupFlag
 from t_flag
SQL&amp;gt; /
EMP_NAME                                              EMP_NO DEPT                 GROUPFLAG
-------------------------------------------------- --------- -------------------- ---------
BORIS                                                      2 IT                           0
BORIS                                                      2 IT                           1
ROBI                                                       1 AGRO                         0
ROBI                                                       1 AGRO                         1
SID                                                        3 VET                          0
&lt;/code&gt;&lt;/pre&gt;
&lt;p&gt;what i would like to get from the result is : 1 for duplicate rows 
and 0 for non-duplicate rows&lt;/p&gt;
&lt;p&gt;thanks!&lt;/p&gt;</t>
  </si>
  <si>
    <t>2015-06-02 11:37:26.013000+00:00</t>
  </si>
  <si>
    <t>2015-06-02 11:43:07.123000+00:00</t>
  </si>
  <si>
    <t>Automated Deployment and Configuration using node.js</t>
  </si>
  <si>
    <t>&lt;p&gt;We are working on some Java EE based distributed application. It involves multiple message brokers (RabbitMQ, HornetQ), multiple databases (HBase, MongoDB, Rracle) and the JBoss application server. &lt;/p&gt;
&lt;p&gt;We want to manage (deploy and configure) these nodes using node.js. &lt;/p&gt;
&lt;p&gt;Is that possible? Are there any readily made frameworks available for that?&lt;/p&gt;</t>
  </si>
  <si>
    <t>2012-08-28 19:31:14.310000+00:00</t>
  </si>
  <si>
    <t>2012-08-28 20:31:36.750000+00:00</t>
  </si>
  <si>
    <t>2012-08-28 20:00:37.313000+00:00</t>
  </si>
  <si>
    <t>node.js|automated-deployment</t>
  </si>
  <si>
    <t>Angular 2 dynamic component creation</t>
  </si>
  <si>
    <t>&lt;p&gt;UPDATE: I just had a look at the wrong Plunkr, this Plunkr seems to fit my usecase: &lt;a href="http://plnkr.co/edit/GJTLrnQdRDBvZenX59PZ?p=preview" rel="nofollow noreferrer"&gt;http://plnkr.co/edit/GJTLrnQdRDBvZenX59PZ?p=preview&lt;/a&gt;&lt;/p&gt;
&lt;p&gt;I want to dynamically create components, for example I have the following array:&lt;/p&gt;
&lt;pre&gt;&lt;code&gt;[
  { data: {...}, type: 'hello' },
  { data: {...}, type: 'foo' }
  ...
]
&lt;/code&gt;&lt;/pre&gt;
&lt;p&gt;and I want to iterate over the array and for each item I want to create the corresponding component, in this case for example &lt;code&gt;hello&lt;/code&gt; maps to type &lt;code&gt;HelloComponent&lt;/code&gt; and &lt;code&gt;foo&lt;/code&gt; maps to type &lt;code&gt;FooComponent&lt;/code&gt;.&lt;/p&gt;
&lt;p&gt;This question is related to: &lt;a href="https://stackoverflow.com/questions/36325212/angular-2-dynamic-tabs-with-user-click-chosen-components"&gt;Angular 2 dynamic tabs with user-click chosen components&lt;/a&gt; which accepted answer provides an plunkr: 
&lt;a href="http://plnkr.co/edit/3dzkMVXe4AGSRhk11TXG?p=preview" rel="nofollow noreferrer"&gt;http://plnkr.co/edit/3dzkMVXe4AGSRhk11TXG?p=preview&lt;/a&gt;&lt;/p&gt;
&lt;p&gt;The app.ts looks like:&lt;/p&gt;
&lt;pre&gt;&lt;code&gt; @Component({
 selector: 'my-app',
 providers: [],
 template: `
   &amp;lt;div&amp;gt;
     &amp;lt;h2&amp;gt;Dynamicaly Add Elements&amp;lt;/h2&amp;gt;
     &amp;lt;button (click)="addItem()"&amp;gt;add hello&amp;lt;/button&amp;gt;
     &amp;lt;div #placeholder&amp;gt;&amp;lt;/div&amp;gt;
   &amp;lt;/div&amp;gt;
 `,
 entryComponents: [HelloComponent, FooComponent]
})
export class App {
 @ViewChild('placeholder', {read: ViewContainerRef}) viewContainerRef;
 private componentFactory: ComponentFactory&amp;lt;any&amp;gt;;
 constructor(componentFactoryResolver: ComponentFactoryResolver, compiler: Compiler) {
   this.componentFactory = componentFactoryResolver.resolveComponentFactory(HelloComponent);
   //this.componentFactory = compiler.compileComponentSync(HelloComponent);
 }
 addItem () {
   this.viewContainerRef.createComponent(this.componentFactory, 0);
 }
}
&lt;/code&gt;&lt;/pre&gt;
&lt;p&gt;There we dynamically create multiple components, but each of type &lt;code&gt;HelloComponent&lt;/code&gt;. One possibility to add multiple different components would be to have a factory for each type and in &lt;code&gt;addItem&lt;/code&gt; we would decide which factory to use but that seems extremely cumbersome.&lt;/p&gt;
&lt;p&gt;Another option would be to use &lt;a href="https://angular.io/docs/ts/latest/api/common/index/NgSwitch-directive.html" rel="nofollow noreferrer"&gt;https://angular.io/docs/ts/latest/api/common/index/NgSwitch-directive.html&lt;/a&gt; (no dynamic component loading at all) but then we would manually have to maintain the switch cases.&lt;/p&gt;
&lt;p&gt;Is there a more lean way to do that?&lt;/p&gt;</t>
  </si>
  <si>
    <t>2016-08-22 12:08:58.637000+00:00</t>
  </si>
  <si>
    <t>2016-08-22 12:14:58.263000+00:00</t>
  </si>
  <si>
    <t>2017-05-23 11:46:48.223000+00:00</t>
  </si>
  <si>
    <t>javascript|dynamic|angular|components</t>
  </si>
  <si>
    <t>CSS3 diaporama, how to make the change gradual?</t>
  </si>
  <si>
    <t>&lt;p&gt;I'm making a diaporama in pure css, and so far so good, however each pic changes to the other abruptly and i'm trying to make the change gradual (one pic disapearing slowly while the other appears).&lt;/p&gt;
&lt;p&gt;I've tried with all timing functions (except cubic-bezier since i'm not too sure how to use it yet) and it hasn't worked.&lt;/p&gt;
&lt;p&gt;How to make the changes gradual? I've seen someone doing it with only css3 but I haven't been able to reproduce it.&lt;/p&gt;
&lt;p&gt;&lt;strong&gt;Here is the css&lt;/strong&gt; &lt;strong&gt;and the html&lt;/strong&gt;&lt;/p&gt;
&lt;p&gt;&lt;div class="snippet" data-lang="js" data-hide="false" data-console="true" data-babel="false"&gt;_x000D_
&lt;div class="snippet-code"&gt;_x000D_
&lt;pre class="snippet-code-css lang-css prettyprint-override"&gt;&lt;code&gt;.diapo {_x000D_
  width: 350px;_x000D_
  height: 150px;_x000D_
  border: 3px solid #544B4D;_x000D_
  background-image: url("http://via.placeholder.com/350x150/F00");_x000D_
  background-size: 350px 150px;_x000D_
  animation-name: diapo1;_x000D_
  animation-duration: 9s;_x000D_
  animation-timing-function: linear;_x000D_
  animation-iteration-count: infinite;_x000D_
  animation-direction: normal;_x000D_
}_x000D_
_x000D_
@keyframes diapo1 {_x000D_
  0% {_x000D_
    background-image: url("http://via.placeholder.com/350x150/F00");_x000D_
  }_x000D_
  33% {_x000D_
    background-image: url("http://via.placeholder.com/350x150/0F0");_x000D_
  }_x000D_
  66% {_x000D_
    background-image: url("http://via.placeholder.com/350x150/00F");_x000D_
  }_x000D_
}&lt;/code&gt;&lt;/pre&gt;_x000D_
&lt;pre class="snippet-code-html lang-html prettyprint-override"&gt;&lt;code&gt;&amp;lt;body&amp;gt;_x000D_
  &amp;lt;div class="diapo"&amp;gt;_x000D_
  &amp;lt;/div&amp;gt;_x000D_
&amp;lt;/body&amp;gt;&lt;/code&gt;&lt;/pre&gt;_x000D_
&lt;/div&gt;_x000D_
&lt;/div&gt;_x000D_
&lt;/p&gt;
&lt;p&gt;Thanks for any answer!&lt;/p&gt;</t>
  </si>
  <si>
    <t>2018-02-07 10:44:45.420000+00:00</t>
  </si>
  <si>
    <t>2018-02-07 13:53:40.920000+00:00</t>
  </si>
  <si>
    <t>2018-02-07 11:01:02.753000+00:00</t>
  </si>
  <si>
    <t>html|css|css-animations|keyframe</t>
  </si>
  <si>
    <t>Do C# properties hide instance variables or is something deeper going on?</t>
  </si>
  <si>
    <t>&lt;p&gt;Consider the class:&lt;/p&gt;
&lt;pre&gt;&lt;code&gt;public class foo
{
    public object newObject
    {
        get
        {
            return new object();
        }
    }
}
&lt;/code&gt;&lt;/pre&gt;
&lt;p&gt;According to MSDN:&lt;/p&gt;
&lt;blockquote&gt;
  &lt;p&gt;Properties are members that provide a flexible mechanism to read,
  write, or compute the values of private fields. Properties can be used
  as though they are public data members, but they are actually special
  methods called accessors. This enables data to be accessed easily&lt;/p&gt;
&lt;/blockquote&gt;
&lt;p&gt;And:&lt;/p&gt;
&lt;blockquote&gt;
  &lt;p&gt;Properties enable a class to expose a public way of getting and
  setting values, while hiding implementation or verification code.&lt;/p&gt;
  &lt;p&gt;A get property accessor is used to return the property value, and a
  set accessor is used to assign a new value. These accessors can have
  different access levels. For more information, see Accessor
  Accessibility.&lt;/p&gt;
  &lt;p&gt;The value keyword is used to define the value being assigned by the
  set indexer.&lt;/p&gt;
  &lt;p&gt;Properties that do not implement a set method are read only.
  while still providing the safety and flexibility of methods.&lt;/p&gt;
&lt;/blockquote&gt;
&lt;p&gt;Does this therefore mean that at some point in time the value of the newObject property has a reference to the returned new object?&lt;/p&gt;
&lt;p&gt;&lt;strong&gt;edit&lt;/strong&gt; removed readonly from property&lt;/p&gt;
&lt;p&gt;&lt;strong&gt;edit2&lt;/strong&gt; also would like to clarify that this is not the best use for a property but its done to try and illustrate the question more effectively.&lt;/p&gt;</t>
  </si>
  <si>
    <t>2012-06-06 15:34:06.850000+00:00</t>
  </si>
  <si>
    <t>2012-06-06 15:55:03.483000+00:00</t>
  </si>
  <si>
    <t>Dynamic data display - zoom in map</t>
  </si>
  <si>
    <t>&lt;p&gt;I used microsoft visual studio 2010, including reference Dynamic data display chart map - chartplotter. 
The tool zoom in comes with the map tools by wheel.
until now it works perfect, zoom in and out. Suddnly, When I zoom in the project stuck with an error : &lt;/p&gt;
&lt;pre&gt;&lt;code&gt;Insufficient memory to continue the execution of the program.
&lt;/code&gt;&lt;/pre&gt;
&lt;p&gt;Any one know how to fix it ? Please help me. Thanks :)&lt;/p&gt;</t>
  </si>
  <si>
    <t>2015-01-05 19:15:07.570000+00:00</t>
  </si>
  <si>
    <t>c#|memory|dictionary|out-of-memory|dynamic-data-display</t>
  </si>
  <si>
    <t>Java processors - what to choose?</t>
  </si>
  <si>
    <t>&lt;p&gt;any suggestion what kind of Java processor to choose for studying and learning purposes? 
I have read something about picoJava and its speed. DO you think it can be used for learning and practicing Java for processors?&lt;/p&gt;
&lt;p&gt;Thank you&lt;/p&gt;</t>
  </si>
  <si>
    <t>2014-03-01 19:19:37.517000+00:00</t>
  </si>
  <si>
    <t>2014-03-01 22:47:15.233000+00:00</t>
  </si>
  <si>
    <t>jvm|processors</t>
  </si>
  <si>
    <t>Adding a third line to a twoord plot</t>
  </si>
  <si>
    <t>&lt;p&gt;I have a &lt;code&gt;twoord&lt;/code&gt; plot produced with the &lt;code&gt;plotrix&lt;/code&gt; package and would like to add a horizontal line representing a particular value to it. The plot is all set up but I need help adding the line. &lt;/p&gt;
&lt;p&gt;Here is some sample code:&lt;/p&gt;
&lt;pre&gt;&lt;code&gt;fake &amp;lt;- matrix(c(1, 2, 3, 4, 5, 22, 30, 47, 98, 62, 20, 40, 10, 15, 15), nrow = 5)
fake &amp;lt;- as.data.frame(m)
horizontallineat &amp;lt;- 50
twrd.p &amp;lt;- twoord.plot(fake$V1,fake$V3,fake$V1,fake$V2, xlab="Bin", 
                  lylim=c(0,100),rylim=c(0,100),type=c("bar","l"),
                  ylab="Exposure Percentage",rylab="Bin Average PP",
                  lytickpos=seq(0,100, by = 10),
                  rytickpos=seq(0,100, by = 10),
                  ylab.at=50,rylab.at=50,
                  main="Variable Name",
                  lcol=3,rcol=4)
&lt;/code&gt;&lt;/pre&gt;
&lt;p&gt;This is the plot&lt;/p&gt;
&lt;p&gt;&lt;a href="https://i.stack.imgur.com/YhX8D.png" rel="nofollow noreferrer"&gt;&lt;img src="https://i.stack.imgur.com/YhX8D.png" alt="enter image description here"&gt;&lt;/a&gt;&lt;/p&gt;
&lt;p&gt;Thank you in advance for any insight you are able to offer. &lt;/p&gt;</t>
  </si>
  <si>
    <t>2017-06-08 16:21:16.863000+00:00</t>
  </si>
  <si>
    <t>2017-06-09 07:24:53.170000+00:00</t>
  </si>
  <si>
    <t>r|plot|plotrix</t>
  </si>
  <si>
    <t>Worklight JSON store load method not populating search fields</t>
  </si>
  <si>
    <t>&lt;p&gt;I am working on the below example. &lt;/p&gt;
&lt;p&gt;&lt;a href="http://public.dhe.ibm.com/software/mobile-solutions/worklight/docs/v610/JSONStoreAPIBasicsProject.zip" rel="nofollow noreferrer"&gt;http://public.dhe.ibm.com/software/mobile-solutions/worklight/docs/v610/JSONStoreAPIBasicsProject.zip&lt;/a&gt; &lt;/p&gt;
&lt;p&gt;When I add the data locally by using the 'Add Data' button, when the data gets displayed at the top contains name &amp;amp; age as search fields. Perfect. &lt;/p&gt;
&lt;p&gt;&lt;img src="https://i.stack.imgur.com/BRMZd.png" alt="enter image description here"&gt;&lt;/p&gt;
&lt;p&gt;But when I load the data from the adaptor with the button "Load Data from Adaptor' option. I don't see the search fields getting displayed in the output. &lt;/p&gt;
&lt;p&gt;&lt;img src="https://i.stack.imgur.com/sH6ln.png" alt="enter image description here"&gt;&lt;/p&gt;
&lt;p&gt;What could be the reason &amp;amp; will it have any effect on the searching capabilities ?&lt;/p&gt;
&lt;p&gt;Thanks..Johnson&lt;/p&gt;</t>
  </si>
  <si>
    <t>2015-04-18 12:29:56.653000+00:00</t>
  </si>
  <si>
    <t>2015-04-18 13:35:21.587000+00:00</t>
  </si>
  <si>
    <t>ibm-mobilefirst|jsonstore</t>
  </si>
  <si>
    <t>Simplest way to capture raw audio from audio input for real time processing on a mac</t>
  </si>
  <si>
    <t>&lt;p&gt;What is the simplest way to capture audio from the built in audio input and be able to read the raw sampled values (as in a .wav) in real time as they come in when requested, like reading from a socket.&lt;/p&gt;
&lt;p&gt;Hopefully code that uses one of Apple's frameworks (Audio Queues).  Documentation is not very clear, and what I need is very basic.&lt;/p&gt;</t>
  </si>
  <si>
    <t>2011-05-18 02:37:02.103000+00:00</t>
  </si>
  <si>
    <t>2015-07-23 17:15:50.933000+00:00</t>
  </si>
  <si>
    <t>audio|core-audio|sampling</t>
  </si>
  <si>
    <t>Angularjs 1.5x: How to call a function only once in a template and reuse the result in multiple places</t>
  </si>
  <si>
    <t>&lt;p&gt;I have a count of questions left in each section and that count is displayed to the user unless there are zero left in which case I display a check mark. &lt;/p&gt;
&lt;pre&gt;&lt;code&gt;&amp;lt;p class="list-group-item-heading"&amp;gt;{{section.title}}
    &amp;lt;i ng-show="questionsLeft(section)==0" class="fa fa-check"&amp;gt;&amp;lt;/i&amp;gt;
    &amp;lt;span ng-show="questionsLeft(section)&amp;gt;0" class="label"&amp;gt;                
            {{questionsLeft(section)}}&amp;lt;/span&amp;gt;
&amp;lt;/p&amp;gt;
&lt;/code&gt;&lt;/pre&gt;
&lt;p&gt;The function questionsLeft() is called 3 times - how can it be called once and its result reused? I have tried both &lt;code&gt;ng-init&lt;/code&gt; and the {{x = questionsLeft(section); ""}}  trick both of which initialize the variable but it does not update when the value changes.&lt;/p&gt;</t>
  </si>
  <si>
    <t>2016-06-29 08:43:31.797000+00:00</t>
  </si>
  <si>
    <t>2016-06-29 09:09:26.290000+00:00</t>
  </si>
  <si>
    <t>java.exe is not recognized as an internal or external command</t>
  </si>
  <si>
    <t>&lt;p&gt;I have already read some posts but I cant solve my problem yet.&lt;/p&gt;
&lt;p&gt;I am working on a remote desktop and windows server 2008. In the shared disk E: I put some batch file. This batch files call a new batch file from server which runs &lt;code&gt;java&lt;/code&gt; script. And now I am taking the this message.&lt;/p&gt;
&lt;p&gt;&lt;code&gt;java.exe is not recognized as an internal or external command, operable program or batch file&lt;/code&gt;.&lt;/p&gt;
&lt;p&gt;I try to set the environment like :&lt;/p&gt;
&lt;p&gt;First setup the JRE7 to disk E&lt;/p&gt;
&lt;p&gt;Second create new user variable which name is &lt;code&gt;JAVA_HOME&lt;/code&gt; and which path is my JRE path &lt;code&gt;E:\Tool\BatFiles&lt;/code&gt;&lt;/p&gt;
&lt;p&gt;But I am still taking this error. Where should I do wrong ? &lt;/p&gt;</t>
  </si>
  <si>
    <t>2013-11-26 13:26:49.087000+00:00</t>
  </si>
  <si>
    <t>2014-05-12 06:11:09.247000+00:00</t>
  </si>
  <si>
    <t>java|batch-file|ant|cmd|windows-server-2008</t>
  </si>
  <si>
    <t>Munin: What does the 'm' mean in the y-axis of nginx requests?</t>
  </si>
  <si>
    <t>&lt;p&gt;I have the following munin-generated graph of nginx requests:&lt;/p&gt;
&lt;p&gt;&lt;img src="https://i.stack.imgur.com/z6QU7.png" alt="nginx requests by day"&gt;&lt;/p&gt;
&lt;p&gt;What does the 'm' in the y-axis mean?&lt;/p&gt;
&lt;p&gt;The nginx munin plugin at /usr/share/munin/plugins/nginx_request is extracting:&lt;/p&gt;
&lt;pre&gt;&lt;code&gt;if ($response-&amp;gt;content =~ /^\s+(\d+)\s+(\d+)\s+(\d+)/m) {
    print "request.value $3\n";
&lt;/code&gt;&lt;/pre&gt;
&lt;p&gt;Which means it is taking the third component of &lt;a href="http://wiki.nginx.org/HttpStubStatusModule" rel="nofollow noreferrer"&gt;nginx_status&lt;/a&gt;, which appears to be the total accumulated request count. Here is an example execution from this same server:&lt;/p&gt;
&lt;pre&gt;&lt;code&gt;$ curl http://127.0.0.1/nginx_status
Active connections: 1 
server accepts handled requests
 2936 2936 4205 
Reading: 0 Writing: 1 Waiting: 0 
&lt;/code&gt;&lt;/pre&gt;
&lt;p&gt;The munin nginx plugin is passing the following to rrdtool:&lt;/p&gt;
&lt;pre&gt;&lt;code&gt;print "graph_title Nginx requests\n";
print "graph_args --base 1000\n";
print "graph_category nginx\n";
print "graph_vlabel Request per second\n";
print "request.label req/sec\n";
print "request.type DERIVE\n";
print "request.min 0\n";
print "request.label requests port $port\n";
print "request.draw LINE2\n";
&lt;/code&gt;&lt;/pre&gt;</t>
  </si>
  <si>
    <t>2014-02-11 07:44:43.200000+00:00</t>
  </si>
  <si>
    <t>2014-02-12 02:45:49.863000+00:00</t>
  </si>
  <si>
    <t>nginx|rrdtool|munin</t>
  </si>
  <si>
    <t>Simple silverlight mouse event question</t>
  </si>
  <si>
    <t>&lt;p&gt;A simple silverlight app:&lt;/p&gt;
&lt;pre&gt;&lt;code&gt;&amp;lt;Grid x:Name="LayoutRoot"&amp;gt;
    &amp;lt;Canvas x:Name="C1" MouseLeftButtonDown="C1_MouseLeftButtonDown" HorizontalAlignment="Stretch" VerticalAlignment="Stretch"&amp;gt;
        &amp;lt;Canvas x:Name="C2" MouseLeftButtonDown="C2_MouseLeftButtonDown" HorizontalAlignment="Stretch" VerticalAlignment="Stretch"&amp;gt;
            &amp;lt;Rectangle x:Name="R1" Fill="AliceBlue" Height="40" Width="60"/&amp;gt;
        &amp;lt;/Canvas&amp;gt;
    &amp;lt;/Canvas&amp;gt;
&amp;lt;/Grid&amp;gt;
&lt;/code&gt;&lt;/pre&gt;
&lt;p&gt;Why do the Canvas mouse event handlers get called only when I click in the Rectangle control, and not in the empty Canvas?&lt;br&gt;
Thanks.&lt;/p&gt;</t>
  </si>
  <si>
    <t>2010-01-06 23:50:24.013000+00:00</t>
  </si>
  <si>
    <t>2010-01-07 09:57:15.753000+00:00</t>
  </si>
  <si>
    <t>2010-01-07 09:21:36.810000+00:00</t>
  </si>
  <si>
    <t>silverlight|silverlight-3.0</t>
  </si>
  <si>
    <t>iPhone - Data URI's (css background images) only work when connected to WIFI</t>
  </si>
  <si>
    <t>&lt;p&gt;I've created a mobile web application for use by Android and iPhone devices, after testing I was happy that everything worked perfectly and so decided to try optimising it a little.&lt;/p&gt;
&lt;p&gt;I decided I would use data uri's in my css file as all the images are small 16x16px png images.&lt;/p&gt;
&lt;p&gt;While testing with my iPhone connected to the Internet via WiFi the images load fine, however when connecting using the mobile data connection images do not load.&lt;/p&gt;
&lt;p&gt;Looking through the Apache error log I see that for some reason the image is being requested as a file (and is not being found), although using WiFi there are no errors...&lt;/p&gt;
&lt;pre&gt;&lt;code&gt;File does not exist: /www/min/data:image, referer: http://mysite.com/login/
&lt;/code&gt;&lt;/pre&gt;
&lt;p&gt;The CSS I am using is as follows...&lt;/p&gt;
&lt;pre&gt;&lt;code&gt;    background-image: url("data:image/png;base64,iVBORw0KGgoAAAANSUhEUgAAAAEAAAA5CAYAAAD3PEFJAAAAUUlEQVQYV4XMyw1AABQF0ePpQCNK0Ke+lCEkFmLjWRHx3dzcZCaDItV1m5GZgn0y1+M9AWfl4r2Cv/Jd+fDWN/AXgCyrqukCY6APDIEpMAeWDc7zXPFRLR43AAAAAElFTkSuQmCC");
&lt;/code&gt;&lt;/pre&gt;
&lt;p&gt;I've tried everything I can thing of, not using css shorthand/using css shorthand, different mime types, not using Google Minify, but all to no avail.  But this still does not explain why it all works perfectly over WiFi.&lt;/p&gt;
&lt;p&gt;The Android device also works perfectly as do Firefox, Chrome and the desktop version of Safari. Also when loading the actual PNG image files (as opposed to embedding images using data URIs) the images load fine.&lt;/p&gt;
&lt;p&gt;If anybody can shed some light on this I will be eternally grateful, most things I can work out but this has me completely stumped!&lt;/p&gt;</t>
  </si>
  <si>
    <t>2011-02-02 12:30:26.900000+00:00</t>
  </si>
  <si>
    <t>2013-01-31 16:33:33.273000+00:00</t>
  </si>
  <si>
    <t>2011-05-02 18:26:40.047000+00:00</t>
  </si>
  <si>
    <t>iphone|mobile-safari|data-uri</t>
  </si>
  <si>
    <t>Android hide the current call</t>
  </si>
  <si>
    <t>&lt;p&gt;How can I hide the current call as soon as I received a call?
Ie it is necessary that during a call the phone application minimized.
Can it be done using the root?&lt;/p&gt;</t>
  </si>
  <si>
    <t>2015-09-15 00:48:55.450000+00:00</t>
  </si>
  <si>
    <t>2015-09-15 01:33:29.970000+00:00</t>
  </si>
  <si>
    <t>java|android|mobile|root</t>
  </si>
  <si>
    <t>querying deeper json objects in URL</t>
  </si>
  <si>
    <t>&lt;p&gt;lets say we have this json object:&lt;/p&gt;
&lt;pre&gt;&lt;code&gt;{
  content: [
    {propertyOne: someProperty, propertyTwo: anotherProperty, propertyThree: property,
    propertyFour: { subPropertyOne: someSubProperty, subPropertyTwo: anotherSubProperty},
    {propertyOne: someProperty, propertyTwo: anotherProperty, propertyThree: property,
    propertyFour: { subPropertyOne: someSubProperty, subPropertyTwo: anotherSubProperty},
{propertyOne: someProperty, propertyTwo: anotherProperty, propertyThree: property,
        propertyFour: { subPropertyOne: someSubProperty, subPropertyTwo: anotherSubProperty}
      ]    
    }
&lt;/code&gt;&lt;/pre&gt;
&lt;p&gt;let's say in my URL I can query like this: &lt;code&gt;localhost:port/something?propertyOne=blah&lt;/code&gt;
I can do this for propertyTwo etc.
but it doesn't work for sub properties. why is this?
how could I do something like this&lt;/p&gt;
&lt;p&gt;&lt;code&gt;localhost:port/something?subPropertyOne="blah" ??&lt;/code&gt;&lt;/p&gt;</t>
  </si>
  <si>
    <t>2014-08-01 10:08:46.233000+00:00</t>
  </si>
  <si>
    <t>2014-08-01 10:38:31.007000+00:00</t>
  </si>
  <si>
    <t>json</t>
  </si>
  <si>
    <t>PHP: breaking a function to functions with a single task?</t>
  </si>
  <si>
    <t>&lt;p&gt;I have a function that performs about 5 tasks at the same time that is strictly against the principles of OOP. can anyone help me to break it dawn? specially calling a function in other function is a kind of tricky for me. &lt;/p&gt;
&lt;pre&gt;&lt;code&gt;public function status(){
        $client = new Client();
        $notification=Notification::where('active',1)-&amp;gt;get();
        $status = Status::where('name', 'health')-&amp;gt;first();
        $default_frequency = 1;
        foreach ($notification as $note) {
            $status_health = $note-&amp;gt;status('health');
            $check_frequency = isset($note-&amp;gt;check_frequency) ? intval($note-&amp;gt;check_frequency) : $default_frequency;
            $date = \Carbon\Carbon::parse($status_health['timestamp']);
            $elapsed_time = $date-&amp;gt;diffInMinutes();
            if($elapsed_time &amp;lt; $check_frequency){
                continue;
            }
            $response = $client-&amp;gt;get($note-&amp;gt;website_url, ['http_errors' =&amp;gt; false]);   
            $resCode = $response-&amp;gt;getStatusCode();
            $note-&amp;gt;statuses()-&amp;gt;attach($status,['values'=&amp;gt; $resCode === 200 ? 'up' : 'down']);
        }
    }
&lt;/code&gt;&lt;/pre&gt;</t>
  </si>
  <si>
    <t>2016-11-25 12:36:15.897000+00:00</t>
  </si>
  <si>
    <t>2016-11-25 13:10:29.133000+00:00</t>
  </si>
  <si>
    <t>2016-11-25 12:45:15.433000+00:00</t>
  </si>
  <si>
    <t>Bluemix Apache Spark Service - plotting for scala?</t>
  </si>
  <si>
    <t>&lt;p&gt;Is there a way to use any type of plotting within Jupyter notebooks for Scala like Matplotlib for Python?&lt;/p&gt;
&lt;p&gt;Thanks.&lt;/p&gt;</t>
  </si>
  <si>
    <t>2015-12-17 14:15:55.870000+00:00</t>
  </si>
  <si>
    <t>2018-06-18 10:23:24.173000+00:00</t>
  </si>
  <si>
    <t>scala|apache-spark|plot|ibm-cloud|jupyter</t>
  </si>
  <si>
    <t>Is this a good solution to remove duplicate MySQL rows?</t>
  </si>
  <si>
    <t>&lt;p&gt;I saw the solution to create an alternate temporary MySQL table with unique rows, but I didn't like that idea, as my tables are very large and would be a hassle to move them (and would create huge problems if there would be errors during the move).&lt;/p&gt;
&lt;p&gt;I did, however, find the following. What do you think of this (where the duplicates to check is "field_name")?&lt;/p&gt;
&lt;pre&gt;&lt;code&gt;DELETE FROM table1
USING table1, table1 as vtable
WHERE (NOT table1.ID=vtable.ID)
AND (table1.field_name=vtable.field_name)
&lt;/code&gt;&lt;/pre&gt;
&lt;p&gt;Somebody said this should work, but I'm not quite sure. What do you think? Also, will having indexes at all alter the performance of this command, say, having an index on "field_name"?&lt;/p&gt;
&lt;p&gt;EDIT: Would there be any way to test the query before running it? As far as I know, MySQL doesn't support "explain" on DELETE queries.&lt;/p&gt;</t>
  </si>
  <si>
    <t>2010-07-21 19:10:20.547000+00:00</t>
  </si>
  <si>
    <t>2015-07-08 21:52:30.060000+00:00</t>
  </si>
  <si>
    <t>mysql|duplicates|sql-delete</t>
  </si>
  <si>
    <t>Is there a browse button in JSF?</t>
  </si>
  <si>
    <t>&lt;p&gt;I need this for the import functionality of the web-based app im creating. I need to get the path of a text file the user wants to be imported in order to egt the data inside the text file and saves it in a database. &lt;/p&gt;</t>
  </si>
  <si>
    <t>2011-10-11 06:25:27.730000+00:00</t>
  </si>
  <si>
    <t>2011-10-11 11:41:13.937000+00:00</t>
  </si>
  <si>
    <t>java|jsf</t>
  </si>
  <si>
    <t>PL/pgSQL: concatenating row values to a JSON-like string</t>
  </si>
  <si>
    <t>&lt;p&gt;I'm trying to retrieve player statistics for the last 20 weeks:&lt;/p&gt;
&lt;pre&gt;&lt;code&gt;# select yw, money
from pref_money where id='OK122471020773'
order by yw desc limit 20;
   yw    | money
---------+-------
 2010-52 |  1130
 2010-51 |  3848
 2010-50 |  4238
 2010-49 |  2494
 2010-48 |   936
 2010-47 |  3453
 2010-46 |  3923
 2010-45 |  1110
 2010-44 |   185
(9 rows)
&lt;/code&gt;&lt;/pre&gt;
&lt;p&gt;But I would like to have the result as a string, where all values are concatenated by colons and semicolons like this:&lt;/p&gt;
&lt;pre&gt;&lt;code&gt;"2010-44:185;2010-45:1110; .... ;2010-52:1130"
&lt;/code&gt;&lt;/pre&gt;
&lt;p&gt;So I'm trying to create the following PL/pgSQL procedure:&lt;/p&gt;
&lt;pre&gt;&lt;code&gt;create or replace function pref_money_stats(_id varchar)
returns varchar as $BODY$
begin
declare stats varchar;
for row in select yw, money from pref_money
    where id=_id order by yw desc limit 20 loop
        stats := row.id || ':' || row.money || ';' stats;
end loop;
return stats;
end;
$BODY$ language plpgsql;
&lt;/code&gt;&lt;/pre&gt;
&lt;p&gt;But I get the syntax error: &lt;/p&gt;
&lt;pre&gt;&lt;code&gt;ERROR:  syntax error at or near "for"
LINE 7:         for row in select yw, money from pref_money where id...
&lt;/code&gt;&lt;/pre&gt;
&lt;p&gt;Using PostgreSQL 8.4.6 with CentOS 5.5 Linux.&lt;/p&gt;
&lt;p&gt;&lt;strong&gt;UPDATE:&lt;/strong&gt;&lt;/p&gt;
&lt;p&gt;I'm trying to perform all this string concatenation with PL/pgSQL and not in PHP script, because I already have a main SQL select statement, which returns user information and that information is printed row by row as XML for my mobile app:&lt;/p&gt;
&lt;pre&gt;&lt;code&gt;select u.id,
    u.first_name,
    u.female,
    u.city,
    u.avatar,
    m.money,
    u.login &amp;gt; u.logout as online
from pref_users u, pref_money m where
    m.yw=to_char(current_timestamp, 'YYYY-IW')
    and u.id=m.id
order by m.money desc
limit 20 offset ?
&lt;/code&gt;&lt;/pre&gt;
&lt;p&gt;Here is the screenshot of the mobile app:&lt;/p&gt;
&lt;p&gt;&lt;img src="https://i.stack.imgur.com/FtjZ6.png" alt="alt text"&gt;&lt;/p&gt;
&lt;p&gt;And here is an XML excerpt:&lt;/p&gt;
&lt;pre&gt;&lt;code&gt;&amp;lt;?xml version="1.0"?&amp;gt;
&amp;lt;pref&amp;gt;
&amp;lt;user id="OK510352632290" name="����������" money="2067" pos="1" medals="1" female="1" avatar="http://i221.odnoklassniki.ru/getImage?photoId=259607761026&amp;amp;amp;photoType=0" city="����������������������������������" /&amp;gt;
&amp;lt;user id="OK19895063121" name="������������������" money="1912" pos="2" online="1" avatar="http://i69.odnoklassniki.ru/getImage?photoId=244173589553&amp;amp;amp;photoType=0" city="��������������" /&amp;gt;
&amp;lt;user id="OK501875102516" name="������������" money="1608" pos="3" online="1" avatar="http://i102.odnoklassniki.ru/res/stub_128x96.gif" city="������������" /&amp;gt;
.....
&amp;lt;/pref&amp;gt;
&lt;/code&gt;&lt;/pre&gt;
&lt;p&gt;But my problem is that I have 3 other tables, from which I need that statistics for the last 20 weeks. So I'm hoping to create 3 procedures returning varchars as in my original post and integrate them in this SQL select statement. So that I can add further attributes to the XML data:&lt;/p&gt;
&lt;pre&gt;&lt;code&gt;&amp;lt;user id="OK12345" .... money_stats="2010-44:185;2010-45:1110; .... ;2010-52:1130" ..... /&amp;gt;
&lt;/code&gt;&lt;/pre&gt;
&lt;p&gt;Thank you!
Alex&lt;/p&gt;</t>
  </si>
  <si>
    <t>2010-12-28 19:35:32.913000+00:00</t>
  </si>
  <si>
    <t>2011-04-28 12:24:41.303000+00:00</t>
  </si>
  <si>
    <t>2010-12-28 20:04:27.467000+00:00</t>
  </si>
  <si>
    <t>postgresql|plpgsql</t>
  </si>
  <si>
    <t>CMake how to avoid recursive add_subdirectory?</t>
  </si>
  <si>
    <t>&lt;p&gt;My workspace is structured as&lt;/p&gt;
&lt;pre&gt;&lt;code&gt;workspace
  library1
  library2
  library3
&lt;/code&gt;&lt;/pre&gt;
&lt;p&gt;&lt;code&gt;library3&lt;/code&gt; depends on &lt;code&gt;library2&lt;/code&gt; and &lt;code&gt;library1&lt;/code&gt;&lt;/p&gt;
&lt;p&gt;&lt;code&gt;library2&lt;/code&gt; depends on &lt;code&gt;library1&lt;/code&gt;&lt;/p&gt;
&lt;p&gt;In &lt;code&gt;library3&lt;/code&gt; CMakeLists.txt&lt;/p&gt;
&lt;pre&gt;&lt;code&gt;cmake_minimum_required (VERSION 3.9)
add_subdirectory(../library2 ${CMAKE_CURRENT_SOURCE}/../library2/build)
add_subdirectory(../library1 ${CMAKE_CURRENT_SOURCE}/../library1/build)
&lt;/code&gt;&lt;/pre&gt;
&lt;p&gt;In &lt;code&gt;library2&lt;/code&gt; CMakeLists.txt&lt;/p&gt;
&lt;pre&gt;&lt;code&gt;cmake_minimum_required (VERSION 3.9)
add_subdirectory(../library1 ${CMAKE_CURRENT_SOURCE}/../library1/build)
&lt;/code&gt;&lt;/pre&gt;
&lt;p&gt;cmake in &lt;code&gt;library2&lt;/code&gt; throws an error that &lt;code&gt;library1/build&lt;/code&gt; already contains cmake files.&lt;/p&gt;
&lt;pre&gt;&lt;code&gt;CMake Error at C:/Users/me/workspace/Library2/CMakeLists.txt:12 (add_subdirectory):
  The binary directory
    C:/Users/me/workspace/Library1/build
  is already used to build a source directory.  It cannot be used to build
  source directory
    C:/Users/me/workspace/Library1
  Specify a unique binary directory name.
&lt;/code&gt;&lt;/pre&gt;</t>
  </si>
  <si>
    <t>2017-12-20 18:43:40.340000+00:00</t>
  </si>
  <si>
    <t>2017-12-21 02:35:24.213000+00:00</t>
  </si>
  <si>
    <t>Running Callback Function in Async</t>
  </si>
  <si>
    <t>&lt;p&gt;I'm trying to understand how to run callback functions in an async console application.  My base console app code looks as follows:&lt;/p&gt;
&lt;pre&gt;&lt;code&gt;    using Nito.AsyncEx;
    static void Main(string[] args)
    {
        AsyncContext.Run(() =&amp;gt; MainAsync());
    }
    static async Task MainAsync()
    {
    }
&lt;/code&gt;&lt;/pre&gt;
&lt;p&gt;The method that I want to run in Async mode is the following from a websocket api:&lt;/p&gt;
&lt;pre&gt;&lt;code&gt;using ExchangeSharp;
public static void Main(string[] args)
{
    // create a web socket connection to Binance. Note you can Dispose the socket anytime to shut it down.
    // the web socket will handle disconnects and attempt to re-connect automatically.
    ExchangeBinanceAPI b = new ExchangeBinanceAPI();
    using (var socket = b.GetTickersWebSocket((tickers) =&amp;gt;
    {
        Console.WriteLine("{0} tickers, first: {1}", tickers.Count, tickers.First());
    }))
    {
        Console.WriteLine("Press ENTER to shutdown.");
        Console.ReadLine();
    }
}
&lt;/code&gt;&lt;/pre&gt;
&lt;p&gt;The above code is meant to lock a console app and subscribe to an event which receives data, and to do something with the received data.&lt;/p&gt;
&lt;p&gt;What I want to do is run the above in a separate thread or in async so that I can continue with my code in the MainAsync() function.&lt;/p&gt;
&lt;p&gt;My C# experience with this is limited.  Will appreciate any help!&lt;/p&gt;</t>
  </si>
  <si>
    <t>2018-05-23 06:16:52.047000+00:00</t>
  </si>
  <si>
    <t>2018-05-23 06:59:10.700000+00:00</t>
  </si>
  <si>
    <t>c#|asynchronous</t>
  </si>
  <si>
    <t>How to set task scheduler Start in(Optional) property using Batch file</t>
  </si>
  <si>
    <t>&lt;p&gt;I have created a batch file using the  cmd:&lt;/p&gt;
&lt;pre&gt;&lt;code&gt;SchTasks /Create /SC DAILY /TN "Task" /TR "%~dp0\Data.bat" /ST 09:00
&lt;/code&gt;&lt;/pre&gt;
&lt;p&gt;How to set "Start In" property using cmd ?&lt;/p&gt;</t>
  </si>
  <si>
    <t>2018-04-30 14:53:19.630000+00:00</t>
  </si>
  <si>
    <t>2018-04-30 18:21:59.123000+00:00</t>
  </si>
  <si>
    <t>2018-04-30 15:02:37.717000+00:00</t>
  </si>
  <si>
    <t>Inlining of vararg functions</t>
  </si>
  <si>
    <t>&lt;p&gt;While playing about with optimisation settings, I noticed an interesting phenomenon: functions taking a variable number of arguments (&lt;code&gt;...&lt;/code&gt;) never seemed to get inlined. (Obviously this behavior is compiler-specific, but I've tested on a couple of different systems.)&lt;/p&gt;
&lt;p&gt;For example, compiling the following small programm:&lt;/p&gt;
&lt;pre&gt;&lt;code&gt;#include &amp;lt;stdarg.h&amp;gt;
#include &amp;lt;stdio.h&amp;gt;
static inline void test(const char *format, ...)
{
  va_list ap;
  va_start(ap, format);
  vprintf(format, ap);
  va_end(ap);
}
int main()
{
  test("Hello %s\n", "world");
  return 0;
}
&lt;/code&gt;&lt;/pre&gt;
&lt;p&gt;will seemingly always result in a (possibly mangled) &lt;code&gt;test&lt;/code&gt; symbol appearing in the resulting executable (tested with Clang and GCC in both C and C++ modes on MacOS and Linux). If one modifies the signature of &lt;code&gt;test()&lt;/code&gt; to take a plain string which is passed to &lt;code&gt;printf()&lt;/code&gt;, the function is inlined from &lt;code&gt;-O1&lt;/code&gt; upwards by both compilers as you'd expect.&lt;/p&gt;
&lt;p&gt;I suspect this is to do with the voodoo magic used to implement varargs, but how exactly this is usually done is a mystery to me. Can anybody enlighten me as to how compilers typically implement vararg functions, and why this seemingly prevents inlining?&lt;/p&gt;</t>
  </si>
  <si>
    <t>2014-08-25 08:39:00.123000+00:00</t>
  </si>
  <si>
    <t>2015-02-18 20:46:05.177000+00:00</t>
  </si>
  <si>
    <t>c++|c|variadic-functions|inline-functions</t>
  </si>
  <si>
    <t>Request Google Photos Permission</t>
  </si>
  <si>
    <t>&lt;p&gt;I have an Image-Picker in my app.&lt;/p&gt;
&lt;ul&gt;
&lt;li&gt;When I choose an image from Google Photos I have to save its URI&lt;/li&gt;
&lt;li&gt;Then I need to to show this image into an &lt;em&gt;ImageView&lt;/em&gt; using this URI.&lt;/li&gt;
&lt;li&gt;I try to request Google Photo permission but it has no result.&lt;/li&gt;
&lt;/ul&gt;
&lt;p&gt;&lt;code&gt;public static final String GOOGLE_PHOTOS_PERMISSION="com.google.android.apps.photos.permission.GOOGLE_PHOTOS";&lt;/code&gt;    &lt;/p&gt;
&lt;p&gt;&lt;strong&gt;Is it possible to get an image by URI from Google Photos?&lt;/strong&gt;&lt;/p&gt;</t>
  </si>
  <si>
    <t>2017-12-19 10:54:37.040000+00:00</t>
  </si>
  <si>
    <t>2017-12-19 12:16:54.767000+00:00</t>
  </si>
  <si>
    <t>android|android-permissions|google-photos</t>
  </si>
  <si>
    <t>Transparent Nav only working with fixed-top</t>
  </si>
  <si>
    <t>&lt;p&gt;I want my Nav to be transparent, but not fixed. When it's not fixed, it pushes all the content below it, meaning the BG of the nav is then white. So, it no longer looks transparent. I need a non-fixed nav, to have the same effect as fixed-top, meaning, it doesn't push content down - but isn't fixed.&lt;/p&gt;
&lt;p&gt;Example is below, if you add "fixed-top" into the nav, you'll see what I mean.&lt;/p&gt;
&lt;p&gt;&lt;div class="snippet" data-lang="js" data-hide="false" data-console="true" data-babel="false"&gt;_x000D_
&lt;div class="snippet-code"&gt;_x000D_
&lt;pre class="snippet-code-css lang-css prettyprint-override"&gt;&lt;code&gt;.navbar {_x000D_
 background-color: rgba(225,225,225, 0.4) !important;_x000D_
 border-color:transparent;_x000D_
 background-image:none;_x000D_
 box-shadow:none; _x000D_
}_x000D_
.jumbotron.massage {_x000D_
background: url(https://mave.me/img/projects/full_placeholder.png) no-repeat center center;  _x000D_
background-size: cover;_x000D_
background-color: rgba(68, 68, 68, 0.6);_x000D_
height: 100vh;_x000D_
width: 100%; _x000D_
color: white;_x000D_
position: relative;_x000D_
padding-top: 10rem;_x000D_
overflow: hidden;_x000D_
background-attachment: fixed;_x000D_
background-position: center;_x000D_
background-repeat: no-repeat;_x000D_
}_x000D_
_x000D_
_x000D_
.jumbotron {_x000D_
background: url(https://mave.me/img/projects/full_placeholder.png) no-repeat center center;  _x000D_
background-size: cover;_x000D_
background-blend-mode: darken;_x000D_
background-color: rgba(68, 68, 68, 0.6);_x000D_
height: 100vh;_x000D_
width: 100%; _x000D_
color: white;_x000D_
position: relative;_x000D_
overflow: hidden;_x000D_
background-attachment: fixed;_x000D_
background-position: center;_x000D_
background-repeat: no-repeat;_x000D_
}_x000D_
_x000D_
.jumbotron:before {_x000D_
content: '';_x000D_
position: absolute;_x000D_
top: 0;_x000D_
left: 0;_x000D_
right: 0;_x000D_
bottom: 0;_x000D_
background: rgba(0,0,0,.3);_x000D_
_x000D_
}&lt;/code&gt;&lt;/pre&gt;_x000D_
&lt;pre class="snippet-code-html lang-html prettyprint-override"&gt;&lt;code&gt;&amp;lt;link rel="stylesheet" href="https://maxcdn.bootstrapcdn.com/font-awesome/4.7.0/css/font-awesome.min.css"&amp;gt;_x000D_
        &amp;lt;link href="https://maxcdn.bootstrapcdn.com/bootstrap/4.0.0-beta.3/css/bootstrap.min.css" rel="stylesheet"&amp;gt;_x000D_
        _x000D_
        _x000D_
_x000D_
&amp;lt;nav class="navbar navbar-expand-lg navbar-light p-2"&amp;gt;_x000D_
  &amp;lt;img class="navbar-brand" style="max-width: 325px; max-height: 200px;" src="img/centred3.svg"&amp;gt;_x000D_
  &amp;lt;button class="navbar-toggler" type="button" data-toggle="collapse" data-target="#navbarSupportedContent" aria-controls="navbarSupportedContent" aria-expanded="false" aria-label="Toggle navigation"&amp;gt;_x000D_
    &amp;lt;span class="navbar-toggler-icon"&amp;gt;&amp;lt;/span&amp;gt;_x000D_
  &amp;lt;/button&amp;gt;_x000D_
_x000D_
  &amp;lt;div class="collapse navbar-collapse" id="navbarSupportedContent"&amp;gt;_x000D_
    &amp;lt;ul class="navbar-nav ml-auto"&amp;gt;_x000D_
      &amp;lt;li class="nav-item dropdown"&amp;gt;_x000D_
        &amp;lt;a class="nav-link dropdown-toggle" href="#" id="navbarDropdown" role="button" data-toggle="dropdown" aria-haspopup="true" aria-expanded="false"&amp;gt;_x000D_
          Treatments_x000D_
        &amp;lt;/a&amp;gt;_x000D_
        &amp;lt;div class="dropdown-menu" aria-labelledby="navbarDropdown"&amp;gt;_x000D_
          &amp;lt;a class="dropdown-item" href="#"&amp;gt;Action&amp;lt;/a&amp;gt;_x000D_
          &amp;lt;a class="dropdown-item" href="#"&amp;gt;Another action&amp;lt;/a&amp;gt;_x000D_
          &amp;lt;div class="dropdown-divider"&amp;gt;&amp;lt;/div&amp;gt;_x000D_
          &amp;lt;a class="dropdown-item" href="#"&amp;gt;Something else here&amp;lt;/a&amp;gt;_x000D_
        &amp;lt;/div&amp;gt;_x000D_
      &amp;lt;/li&amp;gt;_x000D_
      &amp;lt;li class="nav-item"&amp;gt;_x000D_
        &amp;lt;a class="nav-link" href="#"&amp;gt;Pricing&amp;lt;/a&amp;gt;_x000D_
      &amp;lt;/li&amp;gt;_x000D_
      &amp;lt;li class="nav-item"&amp;gt;_x000D_
        &amp;lt;a class="nav-link" href="#"&amp;gt;Gift Cards&amp;lt;/a&amp;gt;_x000D_
      &amp;lt;/li&amp;gt;            _x000D_
    &amp;lt;/ul&amp;gt;_x000D_
      &amp;lt;button class="btn btn-outline-primary my-2 my-sm-0" type="submit"&amp;gt;Book Online&amp;lt;/button&amp;gt;_x000D_
  &amp;lt;/div&amp;gt;_x000D_
&amp;lt;/nav&amp;gt;_x000D_
_x000D_
_x000D_
        &amp;lt;div class="jumbotron massage"&amp;gt;_x000D_
            &amp;lt;div class="container"&amp;gt;_x000D_
             &amp;lt;div class="row d-flex justify-content-center"&amp;gt;_x000D_
                    &amp;lt;div class="col-sm-10 text-center content"&amp;gt;_x000D_
                        &amp;lt;h1 class="mb-4"&amp;gt;Service Therapy for only ��32&amp;lt;/h1&amp;gt;_x000D_
                        &amp;lt;p class="mb-4"&amp;gt;Whether your Place holder placeholder placeholder&amp;lt;/p&amp;gt;_x000D_
                        &amp;lt;a href="" class="btn btn-primary btn-lg mt-4 animated slideInLeft"&amp;gt;Reserve your Appointment&amp;lt;/a&amp;gt;_x000D_
                        &amp;lt;p class="arrow up"&amp;gt;&amp;lt;/p&amp;gt;_x000D_
                       &amp;lt;/div&amp;gt;_x000D_
                    &amp;lt;/div&amp;gt;_x000D_
                &amp;lt;/div&amp;gt;_x000D_
            &amp;lt;/div&amp;gt;&amp;lt;p style="margin-bottom:800px;"&amp;gt;&amp;lt;/p&amp;gt;&lt;/code&gt;&lt;/pre&gt;_x000D_
&lt;/div&gt;_x000D_
&lt;/div&gt;_x000D_
&lt;/p&gt;</t>
  </si>
  <si>
    <t>2018-04-22 10:40:49.403000+00:00</t>
  </si>
  <si>
    <t>2018-04-22 10:50:21.963000+00:00</t>
  </si>
  <si>
    <t>html|css|bootstrap-4</t>
  </si>
  <si>
    <t>Module 'smart-table' is not available</t>
  </si>
  <si>
    <t>&lt;p&gt;I am trying to get started with a smart-table.  I am following the instructions available here: &lt;a href="http://lorenzofox3.github.io/smart-table-website/" rel="nofollow"&gt;http://lorenzofox3.github.io/smart-table-website/&lt;/a&gt; 
So according to those instructions all I need to do is run, &lt;code&gt;bower install angular-smart-table&lt;/code&gt; and then add then add the module &lt;code&gt;angular.module('myApp',['smart-table']&lt;/code&gt; to your angular application.  Here's my angular application:&lt;/p&gt;
&lt;pre&gt;&lt;code&gt;# pwd
/var/www/html
# cat meanVoyApp.js 
var app = angular.module("meanVoyApp", ['smart-table']);
&lt;/code&gt;&lt;/pre&gt;
&lt;p&gt;But now when I load my markup I get these errors in my browsers console:&lt;/p&gt;
&lt;pre&gt;&lt;code&gt;Uncaught Error: [$injector:modulerr] Failed to instantiate module meanVoyApp due to:
Error: [$injector:modulerr] Failed to instantiate module smart-table due to:
Error: [$injector:nomod] Module 'smart-table' is not available! You either misspelled the module name or forgot to load it. If registering a module ensure that you specify the dependencies as the second argument.
http://errors.angularjs.org/1.3.14/$injector/nomod?p0=smart-table
&lt;/code&gt;&lt;/pre&gt;
&lt;p&gt;I didn't misspell so I guess I "forgot" to load it.  So how do I load it? How can I tell if it is already loaded and something else is the problem?&lt;/p&gt;
&lt;p&gt;Thanks!&lt;/p&gt;</t>
  </si>
  <si>
    <t>2015-11-06 19:58:34.137000+00:00</t>
  </si>
  <si>
    <t>2016-08-30 19:18:47.997000+00:00</t>
  </si>
  <si>
    <t>javascript|angularjs|smart-table</t>
  </si>
  <si>
    <t>Include path of php.ini ignored by Eclipse</t>
  </si>
  <si>
    <t>&lt;p&gt;I have a PHP script to run. If I run it from the command line, it works fine (include path is set correctly).&lt;/p&gt;
&lt;p&gt;If I want to run it inside Eclipse (Run as script), then the PHP include path of my php.ini is &lt;strong&gt;replaced&lt;/strong&gt; by Eclipse, with all the libraries I've added to the project. &lt;/p&gt;
&lt;p&gt;I've configured my PHP executable in Eclipse. I've set the correct PHP executable file, and I selected my php.ini file too (the right one, I've checked). But it is ignored...&lt;/p&gt;
&lt;p&gt;Edit : this is an Eclipse bug :
&lt;a href="https://bugs.eclipse.org/bugs/process_bug.cgi" rel="nofollow noreferrer"&gt;https://bugs.eclipse.org/bugs/process_bug.cgi&lt;/a&gt;&lt;/p&gt;</t>
  </si>
  <si>
    <t>2010-03-16 10:52:21.563000+00:00</t>
  </si>
  <si>
    <t>2014-02-08 19:32:07.817000+00:00</t>
  </si>
  <si>
    <t>2010-04-09 13:03:42.103000+00:00</t>
  </si>
  <si>
    <t>eclipse|eclipse-pdt|php|include-path</t>
  </si>
  <si>
    <t>How to do custom gridview with colorful item</t>
  </si>
  <si>
    <t>&lt;p&gt;I'm newbie, I have read the article from here &lt;a href="https://stackoverflow.com/questions/4199795/how-to-do-custom-listview-with-colorful-items-backgrounds"&gt;How to do custom ListView with colorful items&amp;#39; backgrounds?&lt;/a&gt; and I try to do some tasks: I have a table in Sqlserver contains list of table, each table have the status(0,1,2,3). My problem is how to apply to each status a color. Here is my Code:&lt;/p&gt;
&lt;pre&gt;&lt;code&gt;try {
            Statement stmt2 = conn.createStatement();
            rs2 = stmt2.executeQuery(command);
            ArrayList&amp;lt;HashMap&amp;lt;String, String&amp;gt;&amp;gt; data = null;
            data = new ArrayList&amp;lt;HashMap&amp;lt;String, String&amp;gt;&amp;gt;();
            while (rs2.next()) {
                HashMap&amp;lt;String, String&amp;gt; datanum = new HashMap&amp;lt;String, String&amp;gt;();
                datanum.put("A", rs2.getString(name));
                datanum.put("B", rs2.getString(code));
                datanum.put("C", rs2.getString("TTBan"));
                // datanum.put("D", rs.getString("GiaVon"));
                data.add(datanum);
            }
            String[] from = { "A", "C" };
            int[] views = { R.id.txt_Name, R.id.txt_image_gridview};
            SAD = new SimpleAdapter(this, data,
                    R.layout.fragment_activity_list_table, from, views)
            {
                @Override
                public View getView(int position, View convertView,
                        ViewGroup parent) {
                    // TODO Auto-generated method stub
                    image = (TextView)findViewById(R.id.txt_image_gridview);
                    View view = super.getView(position, convertView, parent);
                    String valueChosen = String.valueOf(gridviewTable.getItemAtPosition(position));
                    String[] k = valueChosen.split(", B=");
                    String h = k[1];
//                  String[] tables = h.split(",");
//                  table = tables[0];
//                  System.out.println("Ma Ban la: " + table);
                    String[] g = h.split(", C=");
                    String l = g[1];
                    String status = l.replace("}", "");
                    System.out.println("aaaaaaaaaaaaaaaaaaa  " + status);
                    if (status == "0" || status == null) {
                        view.setBackgroundColor(Color.GREEN);
                    }if(status == "1"){
                        view.setBackgroundColor(Color.YELLOW);
                    }if(status == "2"){
                        view.setBackgroundColor(Color.CYAN);
                    }if(status == "3"){
                        view.setBackgroundColor(Color.RED);
                    }
                    return view;
                }
            }
            ;
        } catch (Exception e) {
            String err = (e.getMessage() == null) ? "Error occured" : e
                    .getMessage();
            Log.e("Erro", err);
        }
        gridviewTable.setAdapter(SAD);
&lt;/code&gt;&lt;/pre&gt;</t>
  </si>
  <si>
    <t>2014-05-12 07:29:00.443000+00:00</t>
  </si>
  <si>
    <t>2014-05-16 04:33:31.817000+00:00</t>
  </si>
  <si>
    <t>2017-05-23 12:05:37.643000+00:00</t>
  </si>
  <si>
    <t>android|gridview|colors|simpleadapter</t>
  </si>
  <si>
    <t>Compare each element in same column with other set of records in R</t>
  </si>
  <si>
    <t>&lt;p&gt;&lt;a href="https://i.stack.imgur.com/CrhSK.png" rel="nofollow noreferrer"&gt;&lt;img src="https://i.stack.imgur.com/CrhSK.png" alt="enter image description here"&gt;&lt;/a&gt;&lt;/p&gt;
&lt;p&gt;I have data table in which need to populate Result column based on the comparison/match between element to element in the same column from two different Types. 
Here we need compare the values in same column one by one between object 1 and object 2 and not column to column.&lt;/p&gt;
&lt;p&gt;if you can see Result value for first row i have mentioned 1,0,1 means in Col-1 of Object-1 is matched in Col-1 of Object-2. similarly 0 for col-2 and 1 for col-3.&lt;/p&gt;
&lt;p&gt;Appreciate any solutions in &lt;strong&gt;R&lt;/strong&gt; with package or without &lt;strong&gt;package&lt;/strong&gt;&lt;/p&gt;</t>
  </si>
  <si>
    <t>2018-10-26 13:13:43.907000+00:00</t>
  </si>
  <si>
    <t>2018-10-26 14:08:55.480000+00:00</t>
  </si>
  <si>
    <t>2018-10-26 14:01:07.480000+00:00</t>
  </si>
  <si>
    <t>Symfony2 include form on error page (404)</t>
  </si>
  <si>
    <t>&lt;p&gt;I created a custom error template &lt;/p&gt;
&lt;p&gt;&lt;code&gt;app/Resources/TwigBundle/views/Exception/error404.html.twig&lt;/code&gt; &lt;/p&gt;
&lt;p&gt;and &lt;/p&gt;
&lt;p&gt;&lt;code&gt;app/Resources/TwigBundle/views/Exception/exception_full.html.twig&lt;/code&gt; &lt;/p&gt;
&lt;p&gt;for development to change the layout to what ever I want to. This works fine. But, as soon as I add a form (e.g. my search or a contact form) using &lt;/p&gt;
&lt;p&gt;&lt;code&gt;{{ include ('MyCoreBundle:Default/forms:myCustomForm.html.twig' ) }}&lt;/code&gt; &lt;/p&gt;
&lt;p&gt;or enter the code directly it shows a &lt;code&gt;ResourceNotFoundException&lt;/code&gt; and a &lt;code&gt;NotFoundHttpException&lt;/code&gt; instead of the 404 page. &lt;/p&gt;
&lt;p&gt;Is there any way to display a form on the error templates?&lt;/p&gt;</t>
  </si>
  <si>
    <t>2014-02-01 11:18:43.437000+00:00</t>
  </si>
  <si>
    <t>2014-02-01 13:12:55.747000+00:00</t>
  </si>
  <si>
    <t>forms|symfony|error-handling|http-status-code-404|symfony2.4</t>
  </si>
  <si>
    <t>jquery enable/disable form field section based on variable</t>
  </si>
  <si>
    <t>&lt;pre&gt;&lt;code&gt;&amp;lt;form name="form" aDisabled="true" bDisabled="false"&amp;gt;
&amp;lt;fieldset id="a"&amp;gt;
&amp;lt;input&amp;gt; 
...
&amp;lt;/fieldset&amp;gt;
&amp;lt;fieldset id="b"&amp;gt;
&amp;lt;input&amp;gt; 
...
&amp;lt;/fieldset&amp;gt;
&amp;lt;/form&amp;gt;
&lt;/code&gt;&lt;/pre&gt;
&lt;p&gt;So i want to make the fields under fieldset to be disabled when aDisabled is true and b to remain enabled, i tried the below jquery but this does not seem to work for me&lt;/p&gt;
&lt;pre&gt;&lt;code&gt;$("[aDisabled='true'] input:not('#b')").attr('disabled', 'disabled');
&lt;/code&gt;&lt;/pre&gt;</t>
  </si>
  <si>
    <t>2016-05-05 22:19:37.873000+00:00</t>
  </si>
  <si>
    <t>2016-05-05 22:40:34.453000+00:00</t>
  </si>
  <si>
    <t>2016-05-05 22:37:42.623000+00:00</t>
  </si>
  <si>
    <t>javascript|jquery|html|angularjs|forms</t>
  </si>
  <si>
    <t>How do I change a Java project's bin folder in Eclipse?</t>
  </si>
  <si>
    <t>&lt;p&gt;When you have a Java project in Eclipse, how do you change the location where the class files are placed? The bin directory is the default location.&lt;/p&gt;</t>
  </si>
  <si>
    <t>2010-07-07 03:29:40.380000+00:00</t>
  </si>
  <si>
    <t>2016-09-09 07:59:19.390000+00:00</t>
  </si>
  <si>
    <t>eclipse</t>
  </si>
  <si>
    <t>Empty div is hidden without any content, how to display it but keep it empty?</t>
  </si>
  <si>
    <t>&lt;p&gt;So I understand when you set a pixel width and height you can fix this problem of an empty div being hidden, but what about when using width and heights as a percentage?&lt;/p&gt;
&lt;p&gt;Here is my code see if you can figure out how to make this div display the background color, but keep it empty... Thanks!&lt;/p&gt;
&lt;p&gt;HTML:&lt;/p&gt;
&lt;pre&gt;&lt;code&gt;&amp;lt;div id="container"&amp;gt;&amp;lt;/div&amp;gt;
&lt;/code&gt;&lt;/pre&gt;
&lt;p&gt;CSS:&lt;/p&gt;
&lt;pre&gt;&lt;code&gt;#container{
    position: relative;
    width: 80%;
    height: 80%;
    margin-left: auto;
    margin-right: auto;
    margin-top: 10%;
    margin-bottom: 10%;
    background-color: #E9E9E9;
    opacity:0.6; filter:alpha(opacity=60);
}
&lt;/code&gt;&lt;/pre&gt;</t>
  </si>
  <si>
    <t>2013-05-11 06:07:16.777000+00:00</t>
  </si>
  <si>
    <t>2013-05-11 07:01:13.447000+00:00</t>
  </si>
  <si>
    <t>css|html|center|relative</t>
  </si>
  <si>
    <t>sort points (structs) by different dimensions in go lang</t>
  </si>
  <si>
    <t>&lt;p&gt;I have a list of multidimensional points of type Points.&lt;/p&gt;
&lt;p&gt;I've implemented the &lt;code&gt;sort.Sort&lt;/code&gt; interface and can now sort by &lt;code&gt;y value&lt;/code&gt;.&lt;/p&gt;
&lt;p&gt;e.g.&lt;/p&gt;
&lt;pre&gt;&lt;code&gt;type Points []*Point
func (points Points) Len() int {
    return len(points)
}
func (points Points) Less(i, j int) bool {
    return points[i].y &amp;lt; points[j].y
}
func (points Points) Swap(i, j int) {
    points[i], points[j] = points[j], points[i]
}
type Point struct {
    x int
    y int
    country_id int
}
&lt;/code&gt;&lt;/pre&gt;
&lt;p&gt;Now I want to sort my points by &lt;code&gt;x value&lt;/code&gt; instead of &lt;code&gt;y value&lt;/code&gt;.&lt;/p&gt;
&lt;p&gt;My idea is to use an if statement with a global flag (which can be switched on or off before sorting):&lt;/p&gt;
&lt;pre&gt;&lt;code&gt;func (points Points) Less(i, j int) bool {
    if SORT_BY_X {
        return points[i].x &amp;lt; points[j].x
    }
    return points[i].y &amp;lt; points[j].y
}
&lt;/code&gt;&lt;/pre&gt;
&lt;p&gt;Is there a better way of doing this? Should I be implementing Less multiple times? What if I was sorting tables of data by columns for example?&lt;/p&gt;</t>
  </si>
  <si>
    <t>2013-11-03 23:00:12.037000+00:00</t>
  </si>
  <si>
    <t>2013-11-04 18:14:47.363000+00:00</t>
  </si>
  <si>
    <t>sorting|struct|go</t>
  </si>
  <si>
    <t>CSS:Float and positioning</t>
  </si>
  <si>
    <t>&lt;p&gt;I'm stuck again with css positioning. I would like to create a page which shows one  in the middle, surrounded by 10 other ones. Of course, it should look the same on every resolution (mobiles excluded).&lt;/p&gt;
&lt;p&gt;But as i change the screensize, the site keeps on changing its look. &lt;/p&gt;
&lt;ul&gt;
&lt;li&gt;&lt;p&gt;HTML&lt;/p&gt;
&lt;p&gt;&lt;/p&gt;
&lt;pre&gt;&lt;code&gt;&amp;lt;div class="wrapper" id="wrapper"&amp;gt;
    &amp;lt;div class="element" id="element-1"&amp;gt;Lorem1&amp;lt;/div&amp;gt;
    &amp;lt;div class="element" id="element-2"&amp;gt;Ipsum2&amp;lt;/div&amp;gt;
    &amp;lt;div class="element" id="element-3"&amp;gt;Lorem3&amp;lt;/div&amp;gt;
    &amp;lt;div class="element" id="element-4"&amp;gt;Ipsum4&amp;lt;/div&amp;gt;
    &amp;lt;div class="element" id="element-5"&amp;gt;Lorem5&amp;lt;/div&amp;gt;
    &amp;lt;span class="break"&amp;gt;&amp;lt;/span&amp;gt;
    &amp;lt;div class="background" id="background"&amp;gt;&amp;lt;span&amp;gt;Neologizmo&amp;lt;/span&amp;gt;&amp;lt;/div&amp;gt;
    &amp;lt;div class="element" id="element-8"&amp;gt;Ipsum8&amp;lt;/div&amp;gt;
    &amp;lt;div class="element" id="element-9"&amp;gt;Lorem9&amp;lt;/div&amp;gt;
    &amp;lt;span class="break"&amp;gt;&amp;lt;/span&amp;gt;
    &amp;lt;div class="element" id="element-10"&amp;gt;M10&amp;lt;/div&amp;gt;
    &amp;lt;div class="element" id="element-11"&amp;gt;M11&amp;lt;/div&amp;gt;
    &amp;lt;div class="element" id="element-12"&amp;gt;12&amp;lt;/div&amp;gt;
&amp;lt;/div&amp;gt;
&lt;/code&gt;&lt;/pre&gt;
&lt;p&gt;&lt;/p&gt;&lt;/li&gt;
&lt;li&gt;&lt;p&gt;CSS&lt;/p&gt;&lt;/li&gt;
&lt;/ul&gt;
&lt;p&gt;&lt;a href="http://nopaste.info/f6d200c414.html" rel="nofollow"&gt;http://nopaste.info/f6d200c414.html&lt;/a&gt;&lt;/p&gt;</t>
  </si>
  <si>
    <t>2012-11-21 12:23:03.487000+00:00</t>
  </si>
  <si>
    <t>2012-11-21 13:37:34.987000+00:00</t>
  </si>
  <si>
    <t>css|css-float|positioning</t>
  </si>
  <si>
    <t>PHP use directories and links stored in variables</t>
  </si>
  <si>
    <t>&lt;p&gt;before asking this question i have been looking at these 2 posts but i can't seem to find the answer:&lt;/p&gt;
&lt;p&gt;&lt;a href="https://stackoverflow.com/questions/6130596/using-php-variables-inside-html-tags"&gt;Using PHP variables inside HTML tags?&lt;/a&gt;&lt;/p&gt;
&lt;p&gt;&lt;a href="https://stackoverflow.com/questions/15409625/how-do-use-php-variable-in-html"&gt;how do use php variable in html?&lt;/a&gt;&lt;/p&gt;
&lt;p&gt;I want to create a simple script that displays images with different links using values stored in variables but my script is not working.&lt;/p&gt;
&lt;pre&gt;&lt;code&gt;&amp;lt;?php
    $array = array(
      "http://yahoo.com",  
      "http://bing.com",  
    );
    for ($val = 0; $val&amp;lt;2; $val++) {
      $b1 = "&amp;lt;a href='{$array[$val]}' target="_blank"&amp;gt;&amp;lt;img src="./$val/1.jpg" alt="image here" title="Title"&amp;gt;&amp;lt;/a&amp;gt;";
      print $b1;
    }
?&amp;gt;
&lt;/code&gt;&lt;/pre&gt;
&lt;p&gt;I apologize in advance, pretty sure it's a really dumb question but i really can't find a solution by myself...&lt;/p&gt;
&lt;p&gt;Thanks!&lt;/p&gt;</t>
  </si>
  <si>
    <t>2017-05-17 09:15:25.127000+00:00</t>
  </si>
  <si>
    <t>2017-05-17 09:47:53.493000+00:00</t>
  </si>
  <si>
    <t>2017-05-23 10:31:12.597000+00:00</t>
  </si>
  <si>
    <t>How do I use OData with RIA services</t>
  </si>
  <si>
    <t>&lt;p&gt;When using RIA services, how do I specify I want to use OData instead of a proprietary format?&lt;/p&gt;</t>
  </si>
  <si>
    <t>2010-04-14 00:30:23.587000+00:00</t>
  </si>
  <si>
    <t>2010-09-23 16:34:32.003000+00:00</t>
  </si>
  <si>
    <t>ria|odata</t>
  </si>
  <si>
    <t>Hashed RowKeys Vs Monotonically Increasing RowKeys</t>
  </si>
  <si>
    <t>&lt;p&gt;I've read in multiple places that hashing monotonically increasing rowkeys helps prevent region hotspotting by distributing the data &lt;/p&gt;
&lt;p&gt;&lt;a href="https://stackoverflow.com/a/17969852/4495849"&gt;https://stackoverflow.com/a/17969852/4495849&lt;/a&gt;&lt;/p&gt;
&lt;p&gt;&lt;a href="http://hbase.apache.org/book.html#rowkey.design" rel="nofollow noreferrer"&gt;http://hbase.apache.org/book.html#rowkey.design&lt;/a&gt;&lt;/p&gt;
&lt;p&gt;My concern is that this will add too many seeks, defeating the the benefit of hdfs.  Is there ever a scenario where keeping the rowkeys unhashed would yield better performance.  Does the benefit of better distribution outweigh the increased seek time?&lt;/p&gt;
&lt;p&gt;My rowkey is a combination of timestamp and id.  There are about 20,000 ids and 525600 (a year of minute readings) per id.  Requests are made for small and large groups of ids over many small or large time ranges&lt;/p&gt;</t>
  </si>
  <si>
    <t>2015-11-02 16:53:15.223000+00:00</t>
  </si>
  <si>
    <t>2015-11-02 17:30:59.647000+00:00</t>
  </si>
  <si>
    <t>2017-05-23 11:54:02.647000+00:00</t>
  </si>
  <si>
    <t>hbase</t>
  </si>
  <si>
    <t>Create a Form with 2 entities in Symfony 2</t>
  </si>
  <si>
    <t>&lt;p&gt;How to create a form with 2 entities
I have 2 entities:&lt;/p&gt;
&lt;p&gt;Entity/Cliente.php&lt;/p&gt;
&lt;pre&gt;&lt;code&gt;class Cliente
{
    /**
     * @var int
     *
     * @ORM\Column(name="id", type="integer")
     * @ORM\Id
     * @ORM\GeneratedValue(strategy="AUTO")
     */
    private $id;
    /**
     * @var int
     *
     * @ORM\Column(name="idcliente", type="integer")
     */
    private $idcliente;
    /**
     * @var string
     *
     * @ORM\Column(name="nombre", type="string", length=100)
     */
    private $nombre;
     /**
     * Get id
     *
     * @return int
     */
    public function getId()
    {
        return $this-&amp;gt;id;
    }
    /**
     * Set idcliente
     *
     * @param integer $idcliente
     *
     * @return Cliente
     */
    public function setIdcliente($idcliente)
    {
        $this-&amp;gt;idcliente = $idcliente;
        return $this;
    }
    /**
     * Get idcliente
     *
     * @return int
     */
    public function getIdcliente()
    {
        return $this-&amp;gt;idcliente;
    }
    /**
     * Set nombre
     *
     * @param string $nombre
     *
     * @return Cliente
     */
    public function setNombre($nombre)
    {
        $this-&amp;gt;nombre = $nombre;
        return $this;
    }
    /**
     * Get nombre
     *
     * @return string
     */
    public function getNombre()
    {
        return $this-&amp;gt;nombre;
    }
}
&lt;/code&gt;&lt;/pre&gt;
&lt;p&gt;Entity/Contacto.php&lt;/p&gt;
&lt;pre&gt;&lt;code&gt;class Contacto
{
    /**
     * @var int
     *
     * @ORM\Column(name="id", type="integer")
     * @ORM\Id
     * @ORM\GeneratedValue(strategy="AUTO")
     */
    private $id;
    /**
     * @var int
     *
     * @ORM\Column(name="idcliente", type="integer")
     */
    private $idcliente;
    /**
     * @var string
     *
     * @ORM\Column(name="nombre", type="string", length=50)
     */
    private $nombre;
    /**
     * Get id
     *
     * @return int
     */
    public function getId()
    {
        return $this-&amp;gt;id;
    }
    /**
     * Set idcliente
     *
     * @param integer $idcliente
     *
     * @return Contacto
     */
    public function setIdcliente($idcliente)
    {
        $this-&amp;gt;idcliente = $idcliente;
        return $this;
    }
    /**
     * Get idcliente
     *
     * @return int
     */
    public function getIdcliente()
    {
        return $this-&amp;gt;idcliente;
    }
    /**
     * Set nombre
     *
     * @param string $nombre
     *
     * @return Contacto
     */
    public function setNombre($nombre)
    {
        $this-&amp;gt;nombre = $nombre;
        return $this;
    }
    /**
     * Get nombre
     *
     * @return string
     */
    public function getNombre()
    {
        return $this-&amp;gt;nombre;
    }
}
&lt;/code&gt;&lt;/pre&gt;
&lt;p&gt;I would like to create one form to enter the following data:&lt;/p&gt;
&lt;p&gt;nombre (nombre in Cliente entity)&lt;/p&gt;
&lt;p&gt;nombre (nombre in Contacto entity)&lt;/p&gt;
&lt;p&gt;idcliente (idcliente in Contacto entity)(same stored value that the client entity)&lt;/p&gt;</t>
  </si>
  <si>
    <t>2016-04-12 18:12:57.263000+00:00</t>
  </si>
  <si>
    <t>2016-04-12 18:55:15.587000+00:00</t>
  </si>
  <si>
    <t>Laravel 5.7 email verify broken link</t>
  </si>
  <si>
    <t>&lt;p&gt;I followed Laravels docs (&lt;a href="https://laravel.com/docs/5.7/verification" rel="nofollow noreferrer"&gt;link&lt;/a&gt;) about Email verification. Everything seems to work except for a &lt;code&gt;403 - invalid signature&lt;/code&gt;. This errors shows when clicking on the email link. I'm using shared hosting.&lt;/p&gt;
&lt;p&gt;&lt;strong&gt;Url is similar to this:&lt;/strong&gt;&lt;/p&gt;
&lt;blockquote&gt;
  &lt;p&gt;[..]email/verify/21?expires=154270[..]&amp;amp;signature=920dcb9ac2fbf5[..]&lt;/p&gt;
&lt;/blockquote&gt;
&lt;p&gt;would appreciate all the help I could get! Thanks!&lt;/p&gt;</t>
  </si>
  <si>
    <t>2018-11-20 08:20:21.043000+00:00</t>
  </si>
  <si>
    <t>2018-11-20 08:35:18.753000+00:00</t>
  </si>
  <si>
    <t>php|laravel|laravel-5.7</t>
  </si>
  <si>
    <t>Jquery parse JSON and append after delay</t>
  </si>
  <si>
    <t>&lt;p&gt;I have the following code:&lt;/p&gt;
&lt;pre&gt;&lt;code&gt;function loadTweets() {
    $('#mainForm').submit(function(){
        return false;
     });  
    $('#send').click(function(){
                $('#tweets').html('');
                var searchTerm = $('#search').val();
                var baseUrl = "http://search.twitter.com/search.json?q=";
                $.getJSON(baseUrl + searchTerm + "&amp;amp;callback=?", function(data) {
                console.log(data);
                $.each(data.results, function() {
                $('&amp;lt;div&amp;gt;&amp;lt;/div&amp;gt;')
                .hide()
                .append('&amp;lt;img src="' + this.profile_image_url + '" /&amp;gt;')
                .append('&amp;lt;span&amp;gt;&amp;lt;a href="http://www.twitter.com/'
                +
                this.from_user + '" target="_blank"&amp;gt;' + this.from_user
                +
                '&amp;lt;/a&amp;gt;&amp;amp;nbsp;' + this.text + '&amp;lt;/span&amp;gt;')
                .appendTo('#tweets')
                .delay(800)
                .fadeIn();
                });
            }); 
    });
}
$(document).ready(function() {
   loadTweets();
});
&lt;/code&gt;&lt;/pre&gt;
&lt;p&gt;The code works fine but i want to append to the div 'tweets', the data from the JSON but not all at once, i want it step by step, can you give me an idea pls.Best regards&lt;/p&gt;</t>
  </si>
  <si>
    <t>2010-10-15 08:51:39.843000+00:00</t>
  </si>
  <si>
    <t>2010-10-15 09:12:21.387000+00:00</t>
  </si>
  <si>
    <t>2010-10-15 08:52:52.287000+00:00</t>
  </si>
  <si>
    <t>jquery|json|append|delay</t>
  </si>
  <si>
    <t>What is the correct address for loading spiffsimg file</t>
  </si>
  <si>
    <t>&lt;p&gt;I have used spiffsimg to create a single file containing multiple lua files:&lt;/p&gt;
&lt;pre&gt;&lt;code&gt;# ./spiffsimg -f lua.img -c 262144 -r lua.script
f   4227 init.lua
f    413 cfg.lua
f   2233 setupWifi.lua
f   7498 configServer.lua
f    558 cfgForm.htm
f   4255 setupConfig.lua
f  14192 main.lua
#
&lt;/code&gt;&lt;/pre&gt;
&lt;p&gt;I then use esptool.py to flash the NodeMCU firmware and the file containing the lua files to the esp8266 (NodeMCU dev kit):&lt;/p&gt;
&lt;pre&gt;&lt;code&gt;c:\esptool-master&amp;gt;c:\Python27\python esptool.py -p COM7 write_flash -fs 32m -fm dio 0x00000 nodemcu-dev-9-modules-2016-07-18-12-06-36-integer.bin 0x78000 lua.img
esptool.py v1.0.2-dev
Connecting...
Running Cesanta flasher stub...
Flash params set to 0x0240
Writing 446464 @ 0x0... 446464 (100 %)
Wrote 446464 bytes at 0x0 in 38.9 seconds (91.9 kbit/s)...
Writing 262144 @ 0x78000... 262144 (100 %)
Wrote 262144 bytes at 0x78000 in 22.8 seconds (91.9 kbit/s)...
Leaving...
&lt;/code&gt;&lt;/pre&gt;
&lt;p&gt;I then run ESPLorer to check the status and get:&lt;/p&gt;
&lt;pre&gt;&lt;code&gt;PORT OPEN 115200
Communication with MCU..Got answer! AutoDetect firmware...
Can't autodetect firmware, because proper answer not received.
NodeMCU custom build by frightanic.com
    branch: dev
    commit: b21b3e08aad633ccfd5fd29066400a06bb699ae2
    SSL: true
    modules: file,gpio,http,net,node,rtctime,tmr,uart,wifi
 build  built on: 2016-07-18 12:05
 powered by Lua 5.1.4 on SDK 1.5.4(baaeaebb)
lua: cannot open init.lua
&amp;gt; 
----------------------------
No files found.
----------------------------
&amp;gt; 
Total : 3455015 bytes
Used  : 0 bytes
Remain: 3455015 bytes
&lt;/code&gt;&lt;/pre&gt;
&lt;p&gt;The NodeMCU firmware flashed correctly, but the lua files can't be located.&lt;/p&gt;
&lt;p&gt;I have tried flashing to other locations (0x84000, 0x7c000), but I am just guessing at these locations based on reading threads on github.&lt;/p&gt;
&lt;p&gt;I used the NodeMCU file.fscfg() routine to get the flash address and size. If I only flash the NodeMCU firmware I get the following:&lt;/p&gt;
&lt;pre&gt;&lt;code&gt;print (file.fscfg())
524288  3653632
&lt;/code&gt;&lt;/pre&gt;
&lt;p&gt;534288 is 0x80000, so I tried flashing only the spiffsimg file (lua.img) to 0x8000, then ran the same print statement and got:&lt;/p&gt;
&lt;pre&gt;&lt;code&gt;print (file.fscfg())
786432  3391488
&lt;/code&gt;&lt;/pre&gt;
&lt;p&gt;The flash address incremented by the exact number of bytes in the lua.img - which I don't understand, why would the flash address change? Is the first number returned by file.fscfg not the starting flash address, but the ending flash address?&lt;/p&gt;
&lt;p&gt;What is the correct address for flashing an image file, contain lua files, that was created by spiffsimg?&lt;/p&gt;</t>
  </si>
  <si>
    <t>2016-09-17 21:03:46.130000+00:00</t>
  </si>
  <si>
    <t>2016-10-05 15:58:29.243000+00:00</t>
  </si>
  <si>
    <t>2016-09-18 03:10:31.517000+00:00</t>
  </si>
  <si>
    <t>lua|esp8266|firmware|nodemcu|flash-memory</t>
  </si>
  <si>
    <t>How to host audio files for a web application</t>
  </si>
  <si>
    <t>&lt;p&gt;I'm planning to make web application which allows users to upload music/audio files and host them etc, i'm wondering what the best method would be to go about this, i have used cloudinary in previous projects for image hosting but nothing for audio. &lt;/p&gt;
&lt;p&gt;What do companies like Soundcloud use if not there own service which i am assuming is the case.&lt;/p&gt;
&lt;p&gt;What would you recommend? It will be vital when it comes to building a scalable and reliable service so I don't want to go into this project uneducated.&lt;/p&gt;
&lt;p&gt;ps. I will be using meteor and mongodb to build the application.&lt;/p&gt;</t>
  </si>
  <si>
    <t>2015-08-24 20:29:39.763000+00:00</t>
  </si>
  <si>
    <t>2015-08-24 20:39:31.010000+00:00</t>
  </si>
  <si>
    <t>mongodb|audio|meteor|hosting|audio-streaming</t>
  </si>
  <si>
    <t>Rails - Symbol not generated when using belongs_to</t>
  </si>
  <si>
    <t>&lt;p&gt;I have a model Tran that is setup in the following way:&lt;/p&gt;
&lt;pre&gt;&lt;code&gt;class Tran &amp;lt; ActiveRecord::Base
    has_many :transaction_users, :dependent =&amp;gt; :destroy, :class_name =&amp;gt; 'TransactionUser'
    belongs_to :submitting_user, :class_name =&amp;gt; 'User'
    belongs_to :buying_user, :class_name =&amp;gt; 'User'
&lt;/code&gt;&lt;/pre&gt;
&lt;p&gt;Now, in my view, I am trying to get access to &lt;code&gt;:submitting_user_id&lt;/code&gt;, since I have set up the foreign key, but rails yells at me and says it can't find the symbol.  Shouldn't I have access to it?  If not, how can I get access?
View:&lt;/p&gt;
&lt;pre&gt;&lt;code&gt;&amp;lt;%= nested_form_for(@tran, :url =&amp;gt; trans_path) do |f| %&amp;gt;
    &amp;lt;div class="field"&amp;gt;
        &amp;lt;%= f.label "Buyer" %&amp;gt;
        &amp;lt;%= f.select :submitting_user_id, options_from_collection_for_select(User.active_users, 'id', 'full_name') %&amp;gt;
    &amp;lt;/div&amp;gt;
&lt;/code&gt;&lt;/pre&gt;
&lt;p&gt;Error: &lt;/p&gt;
&lt;pre&gt;&lt;code&gt;undefined method `submitting_user_id' for #&amp;lt;Tran:0x7f6713032fb0&amp;gt;
&lt;/code&gt;&lt;/pre&gt;</t>
  </si>
  <si>
    <t>2011-04-17 00:36:43.197000+00:00</t>
  </si>
  <si>
    <t>2011-04-17 01:14:56.200000+00:00</t>
  </si>
  <si>
    <t>ruby-on-rails|ruby-on-rails-3|belongs-to</t>
  </si>
  <si>
    <t>How to walk a C# object hierarchy and create JSON string?</t>
  </si>
  <si>
    <t>&lt;p&gt;I am creating a metadata site for our API. It is like swagger implementation. Currently I am facing difficulty with creating a sample JSON representation of our request response objects. These are complex objects that may even contain lists. &lt;/p&gt;
&lt;p&gt;Right now I am at the point where via using reflection I am able to find all the request and their corresponding response objects.&lt;/p&gt;
&lt;p&gt;Is there a library that can convert a reflection &lt;/p&gt;
&lt;pre&gt;&lt;code&gt;assembly.GetType("FullyQuallifiedObjectName")
&lt;/code&gt;&lt;/pre&gt;
&lt;p&gt;output to a JSON sample string? My research so far has not been fruitful.&lt;/p&gt;</t>
  </si>
  <si>
    <t>2014-12-24 20:43:01.943000+00:00</t>
  </si>
  <si>
    <t>2014-12-24 20:54:15.670000+00:00</t>
  </si>
  <si>
    <t>2014-12-24 20:48:16.070000+00:00</t>
  </si>
  <si>
    <t>c#|json|reflection|converter</t>
  </si>
  <si>
    <t>python os.system block backward command</t>
  </si>
  <si>
    <t>&lt;p&gt;I set a timer to monitor these code.&lt;/p&gt;
&lt;pre&gt;&lt;code&gt;def SwitchToDstSystem(SystemNo):
    grub_util.SwitchToSystem(SystemNo = SystemNo)
    logger.debug("switch to %s"%SystemNo)
    time.sleep(10)
    os.system('/usr/bin/setsid /sbin/shutdown -r now &amp;amp;')
    logger.debug("Reboot in 10 seconds")
    time.sleep(10)
def UpgradeGsp(StatusDict):
    SwitchToDstSystem(SystemNo)
while True:
    UpgradeGsp(SystemNo)
&lt;/code&gt;&lt;/pre&gt;
&lt;p&gt;Sometimes it finish quickly, but sometimes it will timeout. 
I think sometimes &lt;code&gt;os.system&lt;/code&gt; should be blocked. &lt;/p&gt;
&lt;p&gt;My server runs mysql, anyone know why &lt;code&gt;os.system&lt;/code&gt; is blocked?&lt;/p&gt;
&lt;pre&gt;&lt;code&gt;os.system('/usr/bin/setsid /sbin/shutdown -r now &amp;amp;')
&lt;/code&gt;&lt;/pre&gt;</t>
  </si>
  <si>
    <t>2014-10-30 03:00:54.767000+00:00</t>
  </si>
  <si>
    <t>2014-10-30 03:53:32.467000+00:00</t>
  </si>
  <si>
    <t>2014-10-30 03:25:33.297000+00:00</t>
  </si>
  <si>
    <t>python|linux|os.system</t>
  </si>
  <si>
    <t>Why these two constructors become different, after I change its prototype</t>
  </si>
  <si>
    <t>&lt;p&gt;Say I defined a constructor like &lt;/p&gt;
&lt;p&gt;&lt;code&gt;function Person(name) {this.name = name}&lt;/code&gt;, &lt;/p&gt;
&lt;p&gt;and create a new object &lt;code&gt;var p1 = new Person("Peter")&lt;/code&gt;. &lt;/p&gt;
&lt;p&gt;After that, I change the prototype of the constructor as &lt;code&gt;Person.prototype = {species: "human"}&lt;/code&gt;, I found &lt;code&gt;p1.species&lt;/code&gt; is &lt;code&gt;undefined&lt;/code&gt;. However, if I create a new object like &lt;code&gt;p2 = new Person("John")&lt;/code&gt;. &lt;code&gt;p2.species&lt;/code&gt; is &lt;code&gt;"human"&lt;/code&gt;.&lt;/p&gt;
&lt;p&gt;&lt;div class="snippet" data-lang="js" data-hide="false" data-console="true" data-babel="false"&gt;_x000D_
&lt;div class="snippet-code"&gt;_x000D_
&lt;pre class="snippet-code-js lang-js prettyprint-override"&gt;&lt;code&gt;function Person(name) {this.name = name}_x000D_
_x000D_
var p1 = new Person("Peter")_x000D_
_x000D_
Person.prototype = {species: "human"}_x000D_
console.log(p1.species)_x000D_
_x000D_
var p2 = new Person("John")_x000D_
console.log(p2.species)&lt;/code&gt;&lt;/pre&gt;_x000D_
&lt;/div&gt;_x000D_
&lt;/div&gt;_x000D_
&lt;/p&gt;
&lt;p&gt;After further investigating, I found &lt;/p&gt;
&lt;ol&gt;
&lt;li&gt;&lt;code&gt;p1.constructor === p2.constructor&lt;/code&gt; is &lt;code&gt;false&lt;/code&gt;&lt;/li&gt;
&lt;li&gt;&lt;code&gt;p2.constructor === Person&lt;/code&gt; is &lt;code&gt;false&lt;/code&gt;&lt;/li&gt;
&lt;/ol&gt;
&lt;p&gt;I would like to ask, how these two objects' constructors become different. (especially why &lt;code&gt;p1&lt;/code&gt; does not have the prototype property &lt;code&gt;species&lt;/code&gt;) Furthermore, how to explain point 2 above, while &lt;code&gt;p2&lt;/code&gt; is created using function &lt;code&gt;Person&lt;/code&gt;. (If so, why &lt;code&gt;p2&lt;/code&gt; has the prototype property &lt;code&gt;species&lt;/code&gt;)?&lt;/p&gt;
&lt;p&gt;I tested these codes in Chrome console.&lt;/p&gt;
&lt;p&gt;Thank you&lt;/p&gt;</t>
  </si>
  <si>
    <t>2017-06-07 07:32:55.600000+00:00</t>
  </si>
  <si>
    <t>2017-06-07 07:48:28.427000+00:00</t>
  </si>
  <si>
    <t>2017-06-07 07:36:57.623000+00:00</t>
  </si>
  <si>
    <t>javascript|prototype</t>
  </si>
  <si>
    <t>OpenCV image transformation and perspective change</t>
  </si>
  <si>
    <t>&lt;p&gt;I'm trying to achieve the following effect, shown here using the perspective tool in GIMP.&lt;/p&gt;
&lt;p&gt;&lt;strong&gt;original image (620x466 pixels)&lt;/strong&gt;&lt;/p&gt;
&lt;p&gt;&lt;img src="https://i.stack.imgur.com/1RxIB.png" alt="original image (620x466 pixels)"&gt;&lt;/p&gt;
&lt;p&gt;&lt;strong&gt;transforming the image&lt;/strong&gt;&lt;/p&gt;
&lt;p&gt;&lt;img src="https://i.stack.imgur.com/YQTgX.png" alt="transforming the image"&gt;&lt;/p&gt;
&lt;p&gt;What I have is a fixed webcam and would like to plugin the above transformation matrix figures, resulting in a trapezium shaped undistorted output.&lt;/p&gt;
&lt;p&gt;I am aware that there are other options available to undistort images in OpenCV, but I would really like to provide transformation matrix figures manually, whilst ending up with a trapezium shaped image.&lt;/p&gt;
&lt;p&gt;From reading around I have a feeling &lt;code&gt;warpPerspective&lt;/code&gt;, &lt;code&gt;findHomography&lt;/code&gt; or &lt;code&gt;getPerspectiveTransform&lt;/code&gt; may be useful, but not sure how to go about this in C++&lt;/p&gt;
&lt;p&gt;Any helpful advice would be greatly appreciated.&lt;/p&gt;
&lt;hr&gt;
&lt;p&gt;Tried running with the following code but I only get a window with 1 pixel showing.&lt;/p&gt;
&lt;p&gt;Maybe the way I have specified points in pixels, is this correct?&lt;/p&gt;
&lt;pre&gt;&lt;code&gt;    #include &amp;lt;opencv2/core/core.hpp&amp;gt;
    #include &amp;lt;opencv2/opencv.hpp&amp;gt;
    #include &amp;lt;cv.h&amp;gt;
    #include &amp;lt;opencv2/highgui/highgui.hpp&amp;gt;
    #include &amp;lt;iostream&amp;gt;
    using namespace cv;
    using namespace std;
            cv::Mat OpenWarpPerspective(const cv::Mat&amp;amp; _image
              , const cv::Point2f&amp;amp; _lu
              , const cv::Point2f&amp;amp; _ru
              , const cv::Point2f&amp;amp; _rd
              , const cv::Point2f&amp;amp; _ld
              , const cv::Point2f&amp;amp; _lu_result
              , const cv::Point2f&amp;amp; _ru_result
              , const cv::Point2f&amp;amp; _rd_result
              , const cv::Point2f&amp;amp; _ld_result
              , cv::Mat&amp;amp; _transform_matrix)
            {
              // todo do some checks on input.
              cv::Point2f source_points[4];
              cv::Point2f dest_points[4];
              source_points[0] = _lu;
              source_points[1] = _ru;
              source_points[2] = _rd;
              source_points[3] = _ld;
              dest_points[0] = _lu_result;
              dest_points[1] = _ru_result;
              dest_points[2] = _rd_result;
              dest_points[3] = _ld_result;
              cv::Mat dst;
              _transform_matrix = cv::getPerspectiveTransform(source_points, dest_points);
              cv::warpPerspective(_image, dst, _transform_matrix, dst.size());
              return dst;  
            }
    int main( int argc, char** argv )
    {
        Mat image;
        Mat edited;
        image = imread("c:/org.png", CV_LOAD_IMAGE_COLOR);   // Read the file
        namedWindow( "Display window", CV_WINDOW_AUTOSIZE );// Create a window for display.
            Point2f one = (0.0, 0.0);
            Point2f two = (317.0, 0.0);
            Point2f three = (317.0, 240.0);
            Point2f four = (0.0, 240.0);
            Point2f five = (-100.0, 0.0);
            Point2f six = (617.0, 0.0);
            Point2f seven = (317.0, 240.0);
            Point2f eight = (0.0, 240.0);
            OpenWarpPerspective(image,one,two,three,four,five,six,seven,eight,edited);  
        imshow( "Display window", edited );                   // Show our image inside it.
        waitKey(0);                                          // Wait for a keystroke in the window
        return 0;
}
&lt;/code&gt;&lt;/pre&gt;</t>
  </si>
  <si>
    <t>2013-01-06 04:05:20.477000+00:00</t>
  </si>
  <si>
    <t>2017-07-14 05:28:42.440000+00:00</t>
  </si>
  <si>
    <t>2015-08-19 17:32:56.093000+00:00</t>
  </si>
  <si>
    <t>c++|opencv|matrix|transformation|perspective</t>
  </si>
  <si>
    <t>RDP on Windows10 for RaspberryPi</t>
  </si>
  <si>
    <t>&lt;p&gt;How can I activate Remote Desktop Protocol on Windows10 through commandline?&lt;/p&gt;
&lt;p&gt;I have the SSH running from Mac to Win10, but are not get RDP working.&lt;/p&gt;
&lt;p&gt;I tried this CMD command for activation:&lt;/p&gt;
&lt;pre&gt;&lt;code&gt;reg add "HKEY_LOCAL_MACHINE\SYSTEM\CurrentControlSet\Control\Terminal Server" /v fDenyTSConnections /t REG_DWORD /d 0 /f
&lt;/code&gt;&lt;/pre&gt;
&lt;p&gt;Rebooted with:&lt;/p&gt;
&lt;pre&gt;&lt;code&gt;shutdown /s /t 0
&lt;/code&gt;&lt;/pre&gt;
&lt;p&gt;And looked for listening ports with:&lt;/p&gt;
&lt;pre&gt;&lt;code&gt;netstat /p tcp /a
&lt;/code&gt;&lt;/pre&gt;</t>
  </si>
  <si>
    <t>2015-08-07 15:39:03.223000+00:00</t>
  </si>
  <si>
    <t>2015-08-07 15:51:25.370000+00:00</t>
  </si>
  <si>
    <t>windows|raspberry-pi2</t>
  </si>
  <si>
    <t>How to place a div below a nested div?</t>
  </si>
  <si>
    <t>&lt;p&gt;How do I place a div below a nested div? Right now the third div (.box3) seems to overlap the second div when I want it to appear below the second div (.box2). Please see example: &lt;a href="https://jsfiddle.net/662fwmq5/"&gt;https://jsfiddle.net/662fwmq5/&lt;/a&gt;&lt;/p&gt;
&lt;p&gt;&lt;div class="snippet" data-lang="js" data-hide="false" data-console="true" data-babel="false"&gt;_x000D_
&lt;div class="snippet-code"&gt;_x000D_
&lt;pre class="snippet-code-css lang-css prettyprint-override"&gt;&lt;code&gt;.box1 {_x000D_
  width: 50%;_x000D_
  height: 200px;_x000D_
  padding: 15px;_x000D_
  background-color: red;_x000D_
  margin: 0 auto;_x000D_
}_x000D_
.box2 {_x000D_
  width: 80%;_x000D_
  padding: 15px;_x000D_
  background-color: blue;_x000D_
  color: #fff;_x000D_
  margin: 0 auto;_x000D_
  margin-top: 100px;_x000D_
}_x000D_
.box3 {_x000D_
  background-color: #ccc;_x000D_
  text-align: center;_x000D_
}&lt;/code&gt;&lt;/pre&gt;_x000D_
&lt;pre class="snippet-code-html lang-html prettyprint-override"&gt;&lt;code&gt;&amp;lt;div class="box1"&amp;gt;_x000D_
  Box 1_x000D_
  &amp;lt;div class="box2"&amp;gt;_x000D_
    Fixed income, currency, and commodities revenue was $2.65 billion ($2.21 billion expected), up 39% thanks to stronger performance in credit products, especially mortgages, as well as in rates products and client financing. Equities revenue came in at_x000D_
    $954 million ($1.03 billion expected), down 17% because of lower client activity in cash and derivatives, which the firm said reflected lower market volatility._x000D_
  &amp;lt;/div&amp;gt;_x000D_
&amp;lt;/div&amp;gt;_x000D_
_x000D_
&amp;lt;div class="box3"&amp;gt;_x000D_
  More than 14,000 seasonal positions were transitioned to regular, full-time roles after the holidays last year, and the company expects to increase that number this year, Amazon said on Thursday._x000D_
&amp;lt;/div&amp;gt;&lt;/code&gt;&lt;/pre&gt;_x000D_
&lt;/div&gt;_x000D_
&lt;/div&gt;_x000D_
&lt;/p&gt;
&lt;p&gt;My issue is further magnified when the screen size narrows. I want the third div (.box3) to respond to screen size changes so that the third div always appears below the second div (.box2).&lt;/p&gt;</t>
  </si>
  <si>
    <t>2016-10-17 16:16:56.017000+00:00</t>
  </si>
  <si>
    <t>2016-10-17 16:23:26.567000+00:00</t>
  </si>
  <si>
    <t>2016-10-17 16:20:21.157000+00:00</t>
  </si>
  <si>
    <t>WHMCS, change language programmatically</t>
  </si>
  <si>
    <t>&lt;p&gt;Is there a way to change the WHMCS language programmaticaly, even with the use of hooks?&lt;/p&gt;</t>
  </si>
  <si>
    <t>2012-04-09 11:45:03.490000+00:00</t>
  </si>
  <si>
    <t>2017-12-08 17:33:56.140000+00:00</t>
  </si>
  <si>
    <t>internationalization|whmcs</t>
  </si>
  <si>
    <t>Cordova app scrolling on Android</t>
  </si>
  <si>
    <t>&lt;p&gt;I'm currently working on an Android app that displays a simple html-document with some css. However, the html changes based on the day, once I've gotten that implemented at least, so there will some days where it will have more elements than it did previously. Now, where the problem lies, is that when there are a many elements, the bottom ones won't show. They are hidden outside the screen, and there is no scrolling.&lt;/p&gt;
&lt;p&gt;How would I go about making the page scrollable? This is only for android. I can't use iScroll, seeing that it requires a list-structure in the html, which I don't have and it would be a pain to rewrite the script that makes the html file :/&lt;/p&gt;
&lt;p&gt;I posted a similar post yesterday, but I didn't seem to get any responses. Hopefully someone will know a solution today :)&lt;/p&gt;
&lt;p&gt;Thanks&lt;/p&gt;</t>
  </si>
  <si>
    <t>2016-05-13 11:08:24.360000+00:00</t>
  </si>
  <si>
    <t>html|cordova</t>
  </si>
  <si>
    <t>WebApi 2 Authentication and ASP.NET MVC 5 Applications</t>
  </si>
  <si>
    <t>&lt;p&gt;I'm new to the ASP.NET MVC 5 and WebAPI 2 technology.
I am currently developing a project for my school.
This project will be used on computers or mobile.&lt;/p&gt;
&lt;p&gt;I have a Visual Studio solution like this:&lt;/p&gt;
&lt;ul&gt;
&lt;li&gt;A project "Web.Front" - ASP.NET MVC 5 - A front website used to describe the project&lt;/li&gt;
&lt;li&gt;A project "Web.Management" - ASP.NET MVC 5 - The core web application&lt;/li&gt;
&lt;li&gt;A project "WebApi" - WebAPI 2 project with authentication with individual accounts&lt;/li&gt;
&lt;li&gt;A project "Models" - Class library - containing my POCO classes for Code First&lt;/li&gt;
&lt;li&gt;A project "Database" - Class library - containing my DbContext and migrations classes&lt;/li&gt;
&lt;/ul&gt;
&lt;p&gt;I am having difficulty understanding how to manage users in this project.&lt;/p&gt;
&lt;p&gt;I can create my database of my users, and through Fiddler authenticate and create / manage users in my database.&lt;/p&gt;
&lt;p&gt;Now I want to access to my users within my controllers on my project "Web.Management".&lt;/p&gt;
&lt;p&gt;When creating it , I chose "Individual accounts" for authentication , so visual studio automatically generated AccountController controller.&lt;/p&gt;
&lt;p&gt;I would like to change these methods to query my WebAPI directly .&lt;/p&gt;
&lt;p&gt;1) Do you think that the architecture of my solution is correct ?
2) Can you tell me how to change my controller " AccountController " to manage users through the WebAPI ?&lt;/p&gt;
&lt;p&gt;Regards !&lt;/p&gt;</t>
  </si>
  <si>
    <t>2013-12-26 21:04:37.013000+00:00</t>
  </si>
  <si>
    <t>2013-12-26 21:32:03.600000+00:00</t>
  </si>
  <si>
    <t>c#|asp.net-mvc|asp.net-web-api|.net-4.5|asp.net-mvc-5</t>
  </si>
  <si>
    <t>PostgreSQL SELECT null values from two tables</t>
  </si>
  <si>
    <t>&lt;p&gt;I have problem to solve.&lt;/p&gt;
&lt;p&gt;I have two tables, institutions and documents, they joins throught documents owner_id and institution id:&lt;/p&gt;
&lt;p&gt;institution&lt;/p&gt;
&lt;pre&gt;&lt;code&gt; id | name
----+-----
  1 | a
  2 | b
  3 | c
  4 | d
&lt;/code&gt;&lt;/pre&gt;
&lt;p&gt;and &lt;/p&gt;
&lt;p&gt;documents&lt;/p&gt;
&lt;pre&gt;&lt;code&gt;   id | owner | value
  ----+-------+------
    1 |     1 | xxx
    2 |     1 | yyy
    3 |     1 | yyy
    4 |     3 | xxx
    5 |     3 | xxx
    6 |     4 | yyy
&lt;/code&gt;&lt;/pre&gt;
&lt;p&gt;And I need to count, how many values has each name, this kind of result:&lt;/p&gt;
&lt;pre&gt;&lt;code&gt; name | count(total) | count(xxx) | count(yyy)
------+--------------+------------+------------
 a    |            3 |          1 |          2
 b    |            0 |          0 |          0
 c    |            2 |          2 |          0
 d    |            1 |          0 |          1
&lt;/code&gt;&lt;/pre&gt;
&lt;p&gt;I have tried this query:&lt;/p&gt;
&lt;pre&gt;&lt;code&gt;SELECT 
    a.name,
    (a.xxx + b.yyy) as total,
    a.xxx,
    b.yyy
FROM
    (SELECT count(documents.id) as xxx,
        institution.name
    FROM 
        documents, institution
    WHERE 
        documents.owner_id = institution.id and 
        documents.value = 'xxx'
    GROUP BY 
        institution.name) as a,
    (SELECT count(documents.id) as yyy,
        institution.name
    FROM 
        documents, 
        institution
    WHERE 
        documents.owner_id = institution.id and 
        documents.value = 'yyy'
    GROUP BY 
        institution.name) as b
WHERE 
a.name = b.name
ORDER BY 
a.name
&lt;/code&gt;&lt;/pre&gt;
&lt;p&gt;But it returns only those rows, where xxx and yyy is not epmty, this kind of:&lt;/p&gt;
&lt;pre&gt;&lt;code&gt; name | count(total) | count(xxx) | count(yyy)
------+--------------+------------+------------
 a    |            3 |          1 |          2
&lt;/code&gt;&lt;/pre&gt;
&lt;p&gt;I'm missing these rows:&lt;/p&gt;
&lt;pre&gt;&lt;code&gt; name | count(total) | count(xxx) | count(yyy)
------+--------------+------------+------------
 b    |            0 |          0 |          0
 c    |            2 |          2 |          0
 d    |            1 |          0 |          1
&lt;/code&gt;&lt;/pre&gt;
&lt;p&gt;because it contains empty data. 
Thanks in advance.&lt;/p&gt;
&lt;p&gt;Julius&lt;/p&gt;</t>
  </si>
  <si>
    <t>2015-04-16 08:32:31.500000+00:00</t>
  </si>
  <si>
    <t>2015-06-23 07:51:59.630000+00:00</t>
  </si>
  <si>
    <t>2015-04-16 08:37:58.807000+00:00</t>
  </si>
  <si>
    <t>sql|postgresql|select</t>
  </si>
  <si>
    <t>How To Make My Form Respond to Ctrl-Alt, in C#?</t>
  </si>
  <si>
    <t>&lt;p&gt;I have a simple Form in C#, that has a Grid and several Buttons.&lt;/p&gt;
&lt;p&gt;I want the form to change its GUI a bit, when Ctrl-Alt is pressed,
and to have the GUI reverted back to original when Ctrl-Alt is released.&lt;/p&gt;
&lt;p&gt;I know how to check if Ctrl+Alt is pressed - one way to do it is via Control.ModifierKeys.&lt;/p&gt;
&lt;p&gt;What I ask is this:&lt;/p&gt;
&lt;p&gt;For button press, I have Event Handler that respond to it.
For the Keyboard regular Keys I have Event Handler that respond to it.
But Ctrl-Alt are not a regular key - they do not raise an event when pressed.&lt;/p&gt;
&lt;p&gt;So what should I do?&lt;/p&gt;
&lt;p&gt;One way I thought about, is to enable a Timer that will run, and check every 200ms if Ctrl-Alt is pressed.&lt;/p&gt;
&lt;p&gt;Is there a better way than a Timer?&lt;/p&gt;
&lt;p&gt;Thank you&lt;/p&gt;</t>
  </si>
  <si>
    <t>2014-04-20 05:51:08.647000+00:00</t>
  </si>
  <si>
    <t>2014-04-20 06:12:03.207000+00:00</t>
  </si>
  <si>
    <t>c#|.net|winforms|user-interface</t>
  </si>
  <si>
    <t>Why does this code behave differently with optomisations on or off?</t>
  </si>
  <si>
    <t>&lt;p&gt;I have a simple test runner for the bug which is in my OpenPGP module &lt;a href="https://github.com/singpolyma/OpenPGP-Haskell/blob/master/Data/OpenPGP.hs"&gt;https://github.com/singpolyma/OpenPGP-Haskell/blob/master/Data/OpenPGP.hs&lt;/a&gt;:&lt;/p&gt;
&lt;pre&gt;&lt;code&gt;module Main where
import Data.OpenPGP
import Data.Binary (encode, decode)
packet = EmbeddedSignaturePacket (signaturePacket 2 168 ECDSA SHA256 [] [SignatureCreationTimePacket 1013401916,IssuerPacket "36FE856F4219F1C7"] 48065 [MPI 4,MPI 11,MPI 60,MPI 69,MPI 37,MPI 33,MPI 18,MPI 72,MPI 41,MPI 36,MPI 43,MPI 41,MPI 53,MPI 9,MPI 53,MPI 35,MPI 3,MPI 40,MPI 14,MPI 79,MPI 1,MPI 4,MPI 51,MPI 23,MPI 62,MPI 62,MPI 62,MPI 7,MPI 68,MPI 51,MPI 13,MPI 49,MPI 8,MPI 64,MPI 32,MPI 50,MPI 59,MPI 17,MPI 43,MPI 12,MPI 67,MPI 5,MPI 67,MPI 5,MPI 25,MPI 63,MPI 0,MPI 53,MPI 2,MPI 36,MPI 83,MPI 39,MPI 54,MPI 65,MPI 54,MPI 35,MPI 62,MPI 63,MPI 26,MPI 4,MPI 82,MPI 57,MPI 85,MPI 71,MPI 43,MPI 77])
main = print $ decode (encode packet) == packet
&lt;/code&gt;&lt;/pre&gt;
&lt;p&gt;If you compile this (on ghc 7.4.1) with:&lt;/p&gt;
&lt;pre&gt;&lt;code&gt;ghc -O0 -fforce-recomp --make t.hs
&lt;/code&gt;&lt;/pre&gt;
&lt;p&gt;It works as expected (that is, it prints &lt;code&gt;True&lt;/code&gt;), but if you compile like this:&lt;/p&gt;
&lt;pre&gt;&lt;code&gt;ghc -O1 -fforce-recomp --make t.hs
&lt;/code&gt;&lt;/pre&gt;
&lt;p&gt;or this:&lt;/p&gt;
&lt;pre&gt;&lt;code&gt;ghc -O2 -fforce-recomp --make t.hs
&lt;/code&gt;&lt;/pre&gt;
&lt;p&gt;It will print &lt;code&gt;False&lt;/code&gt;.&lt;/p&gt;
&lt;p&gt;I'm not using any extensions (except a trivial use of CPP) or low-level or unsafe calls, and the behaviour should be from my library and not a dependency, since it's only my code that is getting recompiled here.&lt;/p&gt;</t>
  </si>
  <si>
    <t>2012-09-11 00:11:21.427000+00:00</t>
  </si>
  <si>
    <t>2012-09-11 13:24:07.590000+00:00</t>
  </si>
  <si>
    <t>haskell|ghc</t>
  </si>
  <si>
    <t>how to read a file</t>
  </si>
  <si>
    <t>&lt;p&gt;I want to write a function in a way if i call it with an argument
of(100) and the path of particular file it will gets the first 100kb
data of the file, and when i call it for the second time with 200 it should return the next 200kb of data leaving the first 100. If there is no more left in the file it should return 0;  &lt;/p&gt;
&lt;p&gt;Thanks&lt;/p&gt;</t>
  </si>
  <si>
    <t>2009-08-05 04:44:58.997000+00:00</t>
  </si>
  <si>
    <t>2009-08-11 20:09:50.897000+00:00</t>
  </si>
  <si>
    <t>2009-08-05 05:00:52.803000+00:00</t>
  </si>
  <si>
    <t>karthik</t>
  </si>
  <si>
    <t>Items added to a list multiple times</t>
  </si>
  <si>
    <t>&lt;p&gt;I'm trying to build a pharmacy project using only c#
I wrote a code to diagnose a patient's disease and print the suitible treatment drug for it ,and I want to check if that drug is already in my pharmacy or not(the available drugs are defined in another class)
if it exists then the program will pass it to the selling method ,and if it didn't exist I want to add to a list so I can order it later
the problem is that every time I run the code it will add all the drugs of all the diseases in that organ system multiple times&lt;/p&gt;
&lt;pre&gt;&lt;code&gt;using System;
using System.Collections.Generic;
using System.Linq;
using System.Text;
using System.Threading.Tasks;
namespace pharmacy
{
 class OrganSystems
  {
    protected string[,] GastSystem;
   public void GastDefine()
    {
         GastSystem = new string[3, 4];
        GastSystem[0, 0] = "Gastroparesis";
        GastSystem[0, 1] = "-Nausea \n-Vomiting \n-An early feeling of fullness when eating \n-Weight loss " +
            "\n-Abdominal bloating \n-Abdominal discomfort";
        GastSystem[0, 2] = "Premperan";
        GastSystem[0, 3] = "--Follow the doctor's instructions--";
        GastSystem[1, 0] = "Heartburn";
        GastSystem[1, 1] = "-Persistent sore throat \n-Hoarseness \n-Chronic cough \n-Asthma \n-Chest pain " +
            "\n-Feeling like there is a lump in your throat";
        GastSystem[1, 2] = "Salbutamol";
        GastSystem[1, 3] = "--Follow the doctor's instructions--";
        GastSystem[2, 0] = "Acute pancreatitis";
        GastSystem[2, 1] = "-Constant pain in the upper abdomen, in the back and other areas \n-" +
             "Pain may be sudden and intense or may begin as a mild pain that is aggravated by eating and drinking \n-" +
             "Elevated pulse \n-Fever \n-Nausea and vomiting \n-Swollen and tender abdomen";
        GastSystem[2, 2] = "Ganton";
        GastSystem[2, 3] = "--Follow the doctor's instructions--";
    }
}
}
&lt;/code&gt;&lt;/pre&gt;
&lt;hr&gt;
&lt;pre&gt;&lt;code&gt;    using System;
    using System.Collections.Generic;
    using System.Linq;
    using System.Text;
    using System.Threading.Tasks;
      namespace pharmacy
    {
 class Diagnose:Drugs
 {
  public int systemChoice;
    public Diagnose(int SysCh)
    {
        systemChoice = SysCh;
    }
   private int DetermineD;
    public int dDicease
    {
        get { return DetermineD; }
        set { DetermineD = value; }
    }
    public void Symptoms()
    {
        if (systemChoice == 1)
        {
            for (int j = 0; j &amp;lt;= 2; j++)
            {
                Console.WriteLine("{0}:\n {1}\n", j + 1, GastSystem[j, 1]);
            }
            Console.WriteLine("Are you having any of the following? (Type the number)");
            dDicease = int.Parse(Console.ReadLine());
            GastDiagnose();
        }
        else if (systemChoice == 2)
        {
            for (int j = 0; j &amp;lt;= 2; j++)
            {
                Console.WriteLine("{0}:\n {1}\n", j + 1, RespSystem[j, 1]);
            }
            Console.WriteLine("Are you having any of the following? (Type the number)");
            dDicease = int.Parse(Console.ReadLine());
            RespDiagnose();
        }
        else if (systemChoice == 3)
        {
            for (int j = 0; j &amp;lt; 2; j++)
            {
                Console.WriteLine("{0}:\n {1}\n", j + 1, CardSystem[j, 1]);
            }
            Console.WriteLine("Are you having any of the following? (Type the number)");
            dDicease = int.Parse(Console.ReadLine());
            CardDiagnose();
        }
        else if (systemChoice == 4)
        {
            for (int j = 0; j &amp;lt; 2; j++)
            {
                Console.WriteLine("{0}:\n {1}\n", j + 1, EyeSystem[j, 1]);
            }
            Console.WriteLine("Are you having any of the following? (Type the number)");
            dDicease = int.Parse(Console.ReadLine());
            EyeDiagnose();
        }
        else if (systemChoice == 5)
        {
            for (int j = 0; j &amp;lt;= 2; j++)
            {
                Console.WriteLine("{0}:\n {1}\n", j + 1, ENTSystem[j, 1]);
            }
            Console.WriteLine("Are you having any of the following? (Type the number)");
            dDicease = int.Parse(Console.ReadLine());
            ENTDiagnose();
        }
    }
    public void GastDiagnose()
    {
        switch (dDicease)
        {
            case 1:
                Console.WriteLine("Dicease: {0}\nTreatment: {1}\nDrug: {2}\n\n-.-.-.-.-.-.-.-.-.-.-.-.-.-.-.-.-.-.-.-.-.-.-.-",
                        GastSystem[0, 0], GastSystem[0, 2], GastSystem[0, 3]); break;
            case 2:
                Console.WriteLine("Dicease: {0}\nTreatment: {1}\nDrug: {2}\n\n-.-.-.-.-.-.-.-.-.-.-.-.-.-.-.-.-.-.-.-.-.-.-.-",
                        GastSystem[1, 0], GastSystem[1, 2], GastSystem[1, 3]); break;
            case 3:
                Console.WriteLine("Dicease: {0}\nTreatment: {1}\nDrug: {2}\n\n-.-.-.-.-.-.-.-.-.-.-.-.-.-.-.-.-.-.-.-.-.-.-.-",
                        GastSystem[2, 0], GastSystem[2, 2], GastSystem[2, 3]); break;
            default:
                Console.WriteLine("\n\nNOT A VALID ENTRY!\n\nPlease choose the signs that match your state the best\n----------------");
                break;
        }
    }
    public void RespDiagnose()
    {
        switch (dDicease)
        {
            case 1:
                Console.WriteLine("Dicease: {0}\nTreatment: {1}\nDrug: {2}\n\n-.-.-.-.-.-.-.-.-.-.-.-.-.-.-.-.-.-.-.-.-.-.-.-",
                        RespSystem[0, 0], RespSystem[0, 2], RespSystem[0, 3]); break;
            case 2:
                Console.WriteLine("Dicease: {0}\nTreatment: {1}\nDrug: {2}\n\n-.-.-.-.-.-.-.-.-.-.-.-.-.-.-.-.-.-.-.-.-.-.-.-",
                        RespSystem[1, 0], RespSystem[1, 2], RespSystem[1, 3]); break;
            case 3:
                Console.WriteLine("Dicease: {0}\nTreatment: {1}\nDrug: {2}\n\n-.-.-.-.-.-.-.-.-.-.-.-.-.-.-.-.-.-.-.-.-.-.-.-",
                        RespSystem[2, 0], RespSystem[2, 2], RespSystem[2, 3]); break;
            default:
                Console.WriteLine("\n\nNOT A VALID ENTRY!\n\nPlease choose the signs that match your state the best\n----------------");
                Symptoms();
                break;
        }
    }
    public void CardDiagnose()
    {
        switch (dDicease)
        {
            case 1:
                Console.WriteLine("Dicease: {0}\nTreatment: {1}\nDrug: {2}\n\n-.-.-.-.-.-.-.-.-.-.-.-.-.-.-.-.-.-.-.-.-.-.-.-",
                        CardSystem[0, 0], CardSystem[0, 2], CardSystem[0, 3]); break;
            case 2:
                Console.WriteLine("Dicease: {0}\nTreatment: {1}\nDrug: {2}\n\n-.-.-.-.-.-.-.-.-.-.-.-.-.-.-.-.-.-.-.-.-.-.-.-",
                        CardSystem[1, 0], CardSystem[1, 2], CardSystem[1, 3]); break;
            default:
                Console.WriteLine("\n\nNOT A VALID ENTRY!\n\nPlease choose the signs that match your state the best\n----------------");
                Symptoms();
                break;
        }
    }
    public void ENTDiagnose()
    {
        switch (dDicease)
        {
            case 1:
                Console.WriteLine("Dicease: {0}\nTreatment: {1}\nDrug: {2}\n\n-.-.-.-.-.-.-.-.-.-.-.-.-.-.-.-.-.-.-.-.-.-.-.-",
                        ENTSystem[0, 0], ENTSystem[0, 2], ENTSystem[0, 3]); break;
            case 2:
                Console.WriteLine("Dicease: {0}\nTreatment: {1}\nDrug: {2}\n\n-.-.-.-.-.-.-.-.-.-.-.-.-.-.-.-.-.-.-.-.-.-.-.-",
                        ENTSystem[1, 0], ENTSystem[1, 2], ENTSystem[1, 3]); break;
            case 3:
                Console.WriteLine("Dicease: {0}\nTreatment: {1}\nDrug: {2}\n\n-.-.-.-.-.-.-.-.-.-.-.-.-.-.-.-.-.-.-.-.-.-.-.-",
                        ENTSystem[2, 0], ENTSystem[2, 2], ENTSystem[2, 3]); break;
            default:
                Console.WriteLine("\n\nNOT A VALID ENTRY!\n\nPlease choose the signs that match your state the best\n----------------");
                Symptoms();
                break;
        }
    }
     public void EyeDiagnose()
    {
        switch (dDicease)
        {
            case 1:
                Console.WriteLine("Dicease: {0}\nTreatment: {1}\nDrug: {2}\n\n-.-.-.-.-.-.-.-.-.-.-.-.-.-.-.-.-.-.-.-.-.-.-.-",
                        EyeSystem[0, 0], EyeSystem[0, 2], EyeSystem[0, 3]); break;
            case 2:
                Console.WriteLine("Dicease: {0}\nTreatment: {1}\nDrug: {2}\n\n-.-.-.-.-.-.-.-.-.-.-.-.-.-.-.-.-.-.-.-.-.-.-.-",
                        EyeSystem[1, 0], EyeSystem[1, 2], EyeSystem[1, 3]); break;
            default:
                Console.WriteLine("\n\nNOT A VALID ENTRY!\n\nPlease choose the signs that match your state the best\n----------------");
                Symptoms();
                break;
        }
    }
     public List&amp;lt;string&amp;gt; ToBeOrdered = new List&amp;lt;string&amp;gt;();
     Drugsoperation ON;
     public void MatchingMed()
     {
         getdrugs();
         foreach (Druginformation drugInfo in Definnewdrugs)
         {
             for (int i = 0; i &amp;lt; 3; i++) 
             {
                 if (systemChoice == 1 &amp;amp;&amp;amp; GastSystem[i, 2].Contains(drugInfo.Drugname))
                 {
                     ON = new Drugsoperation(GastSystem[i, 2]);
                     ON.order();
                     break;
                 }
                 else if (systemChoice == 1 &amp;amp;&amp;amp; !GastSystem[i, 2].Contains(drugInfo.Drugname))
                     Console.WriteLine("This medicine is not available now, but we will make sure to have it soon.");
                 if (ToBeOrdered.Count &amp;lt; 2)
                 {
                     ToBeOrdered.Add(GastSystem[i, 2]);
                 }
             }
             for (int i = 0; i &amp;lt; 3; i++)
             {
                 if (systemChoice == 2 &amp;amp;&amp;amp; RespSystem[i, 2].Contains(drugInfo.Drugname))
                 {
                     ON = new Drugsoperation(RespSystem[i, 2]);
                     ON.order();
                 }
                 else if (systemChoice == 2 &amp;amp;&amp;amp; !RespSystem[i, 2].Contains(drugInfo.Drugname))
                 {
                     Console.WriteLine("This medicine is not available now, but we will make sure to have it soon.");
                     ToBeOrdered.Add(RespSystem[i, 2]);
                 }
             }
             for (int i = 0; i &amp;lt; 2; i++)
             {
                 if (systemChoice == 3 &amp;amp;&amp;amp; CardSystem[i, 2].Contains(drugInfo.Drugname))
                 {
                     ON = new Drugsoperation(CardSystem[i, 2]);
                     ON.order();
                 }
                 else if (systemChoice == 3 &amp;amp;&amp;amp; !CardSystem[i, 2].Contains(drugInfo.Drugname))
                 {
                     Console.WriteLine("This medicine is not available now, but we will make sure to have it soon.");
                     ToBeOrdered.Add(CardSystem[i, 2]);
                 }
             }
             for (int i = 0; i &amp;lt; 2; i++)
             {
                 if (systemChoice == 4 &amp;amp;&amp;amp; EyeSystem[i, 2].Contains(drugInfo.Drugname))
                 {
                     ON = new Drugsoperation(EyeSystem[i, 2]);
                     ON.order();
                 }
                 else if (systemChoice == 4 &amp;amp;&amp;amp; !EyeSystem[i, 2].Contains(drugInfo.Drugname))
                 {
                     Console.WriteLine("This medicine is not available now, but we will make sure to have it soon.");
                     ToBeOrdered.Add(EyeSystem[i, 2]);
                 }
             }
             for (int i = 0; i &amp;lt; 3; i++)
             {
                 if (systemChoice == 5 &amp;amp;&amp;amp; ENTSystem[i, 2].Contains(drugInfo.Drugname))
                 {
                     ON = new Drugsoperation(ENTSystem[i, 2]);
                     ON.order();
                 }
                 else if (systemChoice == 5 &amp;amp;&amp;amp; !ENTSystem[i, 2].Contains(drugInfo.Drugname))
                 {
                     Console.WriteLine("This medicine is not available now, but we will make sure to have it soon.");
                     ToBeOrdered.Add(ENTSystem[i, 2]);
                 }
             }
         }    
     }
     public void PrintOrders()
     {
         Console.WriteLine("Medicines to be ordered:");
         foreach (string OMed in ToBeOrdered)
         {
             Console.WriteLine(OMed);
         }
     }
  }
}
&lt;/code&gt;&lt;/pre&gt;
&lt;p&gt;the output is &lt;a href="https://i.stack.imgur.com/NdEqg.png" rel="nofollow noreferrer"&gt;&lt;img src="https://i.stack.imgur.com/NdEqg.png" alt="enter image description here"&gt;&lt;/a&gt;&lt;/p&gt;</t>
  </si>
  <si>
    <t>2016-05-03 19:47:24.833000+00:00</t>
  </si>
  <si>
    <t>2016-05-03 21:52:05.470000+00:00</t>
  </si>
  <si>
    <t>2016-05-03 20:29:31.673000+00:00</t>
  </si>
  <si>
    <t>c#|list|class</t>
  </si>
  <si>
    <t>jQuery slider - set every slider to have max = value</t>
  </si>
  <si>
    <t>&lt;p&gt;I have a webpage whereby when I create the jQuery sliders, the max is set to 100&lt;/p&gt;
&lt;p&gt;Each slider is then set to have a value and when the page first loads, each slider has max to be the value of value&lt;/p&gt;
&lt;pre&gt;&lt;code&gt;function initSliders() {
    $(".slider").slider({
      range: "min",
      min: 0,
      max:100,
      create: function(event, ui) {
        var classname = $(this).attr('id');
        $(this).slider("value", $(',' + className).val());
        $(this).slider("option", "max", $(',' + className).val());
      }
   })
}
&lt;/code&gt;&lt;/pre&gt;
&lt;p&gt;This works fine as when the page is loaded, each slider is looped through&lt;/p&gt;
&lt;p&gt;If I amend one slider, the function is called again and only the changed slider is processed. All the others return to a max of 100&lt;/p&gt;
&lt;p&gt;How can I set all sliders to have the max option the same as the value&lt;/p&gt;
&lt;p&gt;So instead of &lt;code&gt;max:100&lt;/code&gt; when creating, &lt;code&gt;max:value&lt;/code&gt;&lt;/p&gt;</t>
  </si>
  <si>
    <t>2016-06-08 11:03:34.597000+00:00</t>
  </si>
  <si>
    <t>2016-06-08 11:15:36.853000+00:00</t>
  </si>
  <si>
    <t>javascript|jquery|jquery-ui|jquery-ui-slider</t>
  </si>
  <si>
    <t>Cannot set dataTransfer object in Safari Browser</t>
  </si>
  <si>
    <t>&lt;p&gt;In my app, I require to simulate the &lt;code&gt;MouseEvent&lt;/code&gt; type &lt;code&gt;drop&lt;/code&gt; and add files to its &lt;code&gt;dataTransfer&lt;/code&gt;. My current approach is like this:&lt;/p&gt;
&lt;pre&gt;&lt;code&gt;let dropEvent = new MouseEvent('drop', {
      view: window,
      bubbles: true,
      cancelable: true
    });
    dropEvent.dataTransfer = {files: this.refs.inputFile.files};
this.refs.fileUploader.dispatchEvent(dropEvent);
&lt;/code&gt;&lt;/pre&gt;
&lt;p&gt;The approach works on Chrome and Firefox but not on Safari. The error on Safari is:&lt;/p&gt;
&lt;p&gt;&lt;code&gt;TypeError: Attempted to assign to readonly property.&lt;/code&gt;&lt;/p&gt;
&lt;p&gt;Can I have some feedbacks on doing it in a cross-browser supported manner?&lt;/p&gt;</t>
  </si>
  <si>
    <t>2016-12-29 05:58:26.643000+00:00</t>
  </si>
  <si>
    <t>2016-12-29 15:55:18.377000+00:00</t>
  </si>
  <si>
    <t>javascript|html5|safari|drag-and-drop</t>
  </si>
  <si>
    <t>Swift: Covariant overrides?</t>
  </si>
  <si>
    <t>&lt;p&gt;is there any way of supporting covariant return types in Swift?&lt;/p&gt;
&lt;p&gt;For example, I'd like to support the following scenario:&lt;/p&gt;
&lt;pre&gt;&lt;code&gt;class Animal {}
class Dog : Animal{}
class Cat : Animal {}
class AnimalResidency{
    func getAllAnimals() -&amp;gt; Array&amp;lt;Animal&amp;gt; {
        return []
    }
}
class Cattery : AnimalResidency{
    override func getAllAnimals() -&amp;gt; Array&amp;lt;Cat&amp;gt; {
        return [Cat(), Cat()]
    }
}
class DogKennel : AnimalResidency {
    override func getAllAnimals() -&amp;gt; Array&amp;lt;Dog&amp;gt; {
        return [Dog(), Dog(), Dog(), Dog()]
    }
}
&lt;/code&gt;&lt;/pre&gt;
&lt;p&gt;The overridden func produces a compiler error because the overrides signature doesn't exactly match the base definition, even though  it's clear to see the contents returned by the override would still meet the contract of the base definition.&lt;/p&gt;
&lt;p&gt;Is there any way for me to achieve the above? I'd even appreciate an answer for Swift 3.&lt;/p&gt;</t>
  </si>
  <si>
    <t>2016-09-05 14:21:06.427000+00:00</t>
  </si>
  <si>
    <t>2016-09-05 20:39:46.783000+00:00</t>
  </si>
  <si>
    <t>2016-09-05 15:23:11.383000+00:00</t>
  </si>
  <si>
    <t>swift|covariance</t>
  </si>
  <si>
    <t>How to play audio without extension</t>
  </si>
  <si>
    <t>&lt;p&gt;I use SoundIt to stream data on my network.
Soundit exports the sound local using localhost:port
I then use ngrok to make a tunnel to my localhosts port and i get an address
&lt;a href="http://xxx.ngrok.io" rel="nofollow noreferrer"&gt;http://xxx.ngrok.io&lt;/a&gt;&lt;/p&gt;
&lt;p&gt;Is there a way to add to my site only the audio from ngrok's url?&lt;/p&gt;
&lt;p&gt;I tried iframe ,object data , embed src
But all these loads the page and makes clients browser using 50% of cpu.
Is it possible to play only the audio from the url?
Thank you&lt;/p&gt;</t>
  </si>
  <si>
    <t>2017-03-29 17:58:10.963000+00:00</t>
  </si>
  <si>
    <t>2017-03-29 18:03:54.883000+00:00</t>
  </si>
  <si>
    <t>javascript|html|audio</t>
  </si>
  <si>
    <t>PHP $_SERVER['HOST_NAME'] return ELB address with AWS ELB + EC2</t>
  </si>
  <si>
    <t>&lt;p&gt;I am using AWS CloudFront -&gt; ELB -&gt; 2 x EC2 instance and I have setup pointed my domain www.mydomain.net to the domain of CF.  CF will cache the returns of ELB.  ELB connected to 2 EC2 instance (Web1 and Web2).&lt;/p&gt;
&lt;p&gt;I have a PHP script that use &lt;code&gt;$_SERVER['HOST_NAME']&lt;/code&gt;, but it doesn't return &lt;code&gt;www.mydomain.net&lt;/code&gt;, it returns the ELB domain name. &lt;/p&gt;
&lt;p&gt;How can I set it return www.mydomain.net?&lt;/p&gt;</t>
  </si>
  <si>
    <t>2014-04-20 14:40:43.053000+00:00</t>
  </si>
  <si>
    <t>2016-03-12 09:30:22.303000+00:00</t>
  </si>
  <si>
    <t>2014-04-20 15:00:46.417000+00:00</t>
  </si>
  <si>
    <t>php|joomla|amazon-web-services|amazon-ec2|amazon-elb</t>
  </si>
  <si>
    <t>Gather the sum of the deployments required memory from metric-server</t>
  </si>
  <si>
    <t>&lt;p&gt;Prometheus.&lt;/p&gt;
&lt;p&gt;Any hint about how to collect the total required memory specified in the deployments? I mean the memory you specify as limit or required in the deployments.&lt;/p&gt;
&lt;p&gt;I can do it using heapster and influxdb but I have not found how to do it with Prometheus and metric server, I do not find any metric with this information.&lt;/p&gt;
&lt;p&gt;Is there any way to gather this information without using heapster?&lt;/p&gt;</t>
  </si>
  <si>
    <t>2018-05-22 07:38:44.550000+00:00</t>
  </si>
  <si>
    <t>2018-05-22 10:43:22.973000+00:00</t>
  </si>
  <si>
    <t>kubernetes|prometheus</t>
  </si>
  <si>
    <t>how to get webscript url parameters</t>
  </si>
  <si>
    <t>&lt;p&gt;i have a webscript where i try to get two parameters &lt;code&gt;filename&lt;/code&gt; and &lt;code&gt;content&lt;/code&gt; passed on the url when i call this webscript but when i call the webscript whith this url  &lt;code&gt;http://localhost:8080/alfresco/service/fr/starxpert/workflows-repository/create-save-workflow-files?filename=testFileName="testFileName"&amp;amp;&amp;amp;content="testContent"&lt;/code&gt; i get this error:&lt;/p&gt;
&lt;pre&gt;&lt;code&gt;The Web Script /alfresco/service/fr/starxpert/workflows-repository/create-save-workflow-files has responded with a status of 404 - Not Found.
404 Description:    Requested resource is not available.
Message:    06280086 Script url /fr/starxpert/workflows-repository/create-save-workflow-files does not map to a Web Script.
&lt;/code&gt;&lt;/pre&gt;
&lt;p&gt;There is my webscript files:&lt;/p&gt;
&lt;p&gt;createAndSaveWorkflowFile.get.desc.xml:&lt;/p&gt;
&lt;pre&gt;&lt;code&gt;&amp;lt;webscript&amp;gt; 
  &amp;lt;shortname&amp;gt;Creation and save new workflow file&amp;lt;/shortname&amp;gt; 
  &amp;lt;description&amp;gt;create an workflow JSON file and save it into StarXpert Workflow repository&amp;lt;/description&amp;gt;
  &amp;lt;url&amp;gt;/fr/starxpert/workflows-repository/create-save-workflow-files/{filename}/{content}&amp;lt;/url&amp;gt; 
  &amp;lt;format default="json"&amp;gt;extension&amp;lt;/format&amp;gt; 
  &amp;lt;authentication&amp;gt;user&amp;lt;/authentication&amp;gt; 
  &amp;lt;family&amp;gt;StarXpert&amp;lt;/family&amp;gt;
&amp;lt;/webscript&amp;gt;
&lt;/code&gt;&lt;/pre&gt;
&lt;p&gt;createAndSaveWorkflowFile.get.js:&lt;/p&gt;
&lt;pre&gt;&lt;code&gt;var fileName=args.filename;
var properties=args.content;
logger.log(fileName);
model.filename=fileName;
model.properties=properties;
&lt;/code&gt;&lt;/pre&gt;
&lt;p&gt;createAndSaveWorkflowFile.get.json.ftl:&lt;/p&gt;
&lt;pre&gt;&lt;code&gt;{
    "arguments":[
                    "fileName":"${fileName}",
                    "properties":"${properties}"
                ]   
}
&lt;/code&gt;&lt;/pre&gt;
&lt;p&gt;Can you tell me what i make wrong, or take me an example to how call the webscript using two arguments on the url, and then get these argument on the webscript.&lt;/p&gt;</t>
  </si>
  <si>
    <t>2017-07-28 14:08:43.690000+00:00</t>
  </si>
  <si>
    <t>2017-07-28 14:21:39.583000+00:00</t>
  </si>
  <si>
    <t>alfresco|alfresco-share|alfresco-webscripts</t>
  </si>
  <si>
    <t>Linux command line for ssl server?</t>
  </si>
  <si>
    <t>&lt;p&gt;I always use the socket command line tool to do quick socket tests for programs I'm writing.  &lt;a href="http://w21.org/jnickelsen/socket/" rel="nofollow"&gt;http://w21.org/jnickelsen/socket/&lt;/a&gt;&lt;/p&gt;
&lt;p&gt;I was wondering if there was a similar command line tool to set up a quick ssl socket client/server to test things.  &lt;/p&gt;
&lt;h2&gt;Edit: Easy Answer&lt;/h2&gt;
&lt;p&gt;So to make it easy on people who may wonder the same thing:&lt;/p&gt;
&lt;p&gt;&lt;strong&gt;If you want to be a client use openssl's s_client:&lt;/strong&gt;&lt;/p&gt;
&lt;pre&gt;&lt;code&gt;openssl s_client -connect host:port
&lt;/code&gt;&lt;/pre&gt;
&lt;p&gt;&lt;strong&gt;If you want to be a server use openssl's s_server:&lt;/strong&gt;&lt;/p&gt;
&lt;pre&gt;&lt;code&gt;openssl s_server -accept &amp;lt;port&amp;gt; -key &amp;lt;keyfile&amp;gt; -cert &amp;lt;certfile&amp;gt;
&lt;/code&gt;&lt;/pre&gt;
&lt;p&gt;&lt;strong&gt;Quick And Dirty cert and key for the server to use for testing:&lt;/strong&gt;&lt;/p&gt;
&lt;pre&gt;&lt;code&gt;openssl req -x509 -nodes -days 365 -newkey rsa -keyout keyfile.key -out certfile.crt
&lt;/code&gt;&lt;/pre&gt;</t>
  </si>
  <si>
    <t>2014-01-02 18:15:37.647000+00:00</t>
  </si>
  <si>
    <t>2014-01-03 19:22:14.680000+00:00</t>
  </si>
  <si>
    <t>linux|ssl|command-line-interface</t>
  </si>
  <si>
    <t>correct output for enum intilization</t>
  </si>
  <si>
    <t>&lt;p&gt;i declare enum &lt;/p&gt;
&lt;pre&gt;&lt;code&gt;enum Month
    {
        January , February , March , April , May , June , July , 
        Augest , September , Octobre , November , December 
    }
&lt;/code&gt;&lt;/pre&gt;
&lt;p&gt;then in the main prog &lt;/p&gt;
&lt;pre&gt;&lt;code&gt;static void DoWork()
    {
        // to do
        Month first = Month.January;
        Console.WriteLine("First Month of the Year : {0}", first);
        first++;
        Console.WriteLine((int)first);
    }
&lt;/code&gt;&lt;/pre&gt;
&lt;p&gt;the output on the seond line should 2 &lt;/p&gt;
&lt;p&gt;but what i get actually is 1 &lt;/p&gt;
&lt;p&gt;what is the problem is that ( pass by value issue or somthing else ) &lt;/p&gt;</t>
  </si>
  <si>
    <t>2014-11-19 13:05:54.587000+00:00</t>
  </si>
  <si>
    <t>2014-11-19 13:19:03.393000+00:00</t>
  </si>
  <si>
    <t>c#|.net|enums</t>
  </si>
  <si>
    <t>how can I disable WCF Service Authentication using CustomBinding in code behind?</t>
  </si>
  <si>
    <t>&lt;p&gt;I am using CustomBinding (UdpBinding which I use microsoft wcf sample Udp sample). It is work when client and server is in same machine. I host service and I try to connect to service. It is timeout. How can I solve this problem.&lt;/p&gt;</t>
  </si>
  <si>
    <t>2011-09-16 14:36:03.470000+00:00</t>
  </si>
  <si>
    <t>2011-09-16 14:43:41.607000+00:00</t>
  </si>
  <si>
    <t>wcf|security|authentication|binding|udp</t>
  </si>
  <si>
    <t>How to set fliers in matplotlib.pyplot.boxplot</t>
  </si>
  <si>
    <t>&lt;p&gt;I'm using python to create boxplots seen here:&lt;/p&gt;
&lt;p&gt;&lt;a href="https://i.stack.imgur.com/lL5FZ.jpg" rel="nofollow noreferrer"&gt;&lt;img src="https://i.stack.imgur.com/lL5FZ.jpg" alt="enter image description here"&gt;&lt;/a&gt;&lt;/p&gt;
&lt;p&gt;The filers are 'o' markers, but the width of the circles are too thick.&lt;/p&gt;
&lt;p&gt;I want to know how to show hollow instead of solid dots.&lt;/p&gt;</t>
  </si>
  <si>
    <t>2018-01-23 03:44:08.817000+00:00</t>
  </si>
  <si>
    <t>2018-01-23 17:37:21.970000+00:00</t>
  </si>
  <si>
    <t>matplotlib|boxplot</t>
  </si>
  <si>
    <t>How can I convert integer to date with ddmmyy in iSeries DB2 in cognos framework manager query</t>
  </si>
  <si>
    <t>&lt;p&gt;i have no luck on research and got the solution on this...
attempting to convert/cast given integer (eg: 301193) to date with format 1993-11-30. I need the date data type to build my cube..
and i should use 'Database only' or 'limited local' for query processing mode...&lt;/p&gt;
&lt;p&gt;Please advice. Thank you very much...&lt;/p&gt;</t>
  </si>
  <si>
    <t>2015-08-01 09:41:47.700000+00:00</t>
  </si>
  <si>
    <t>date|casting|cognos</t>
  </si>
  <si>
    <t>With spark-submit, do I need a worker running on my laptop using client mode?</t>
  </si>
  <si>
    <t>&lt;p&gt;I'm at a lost right now. I'm running a Spark standalone cluster &lt;strong&gt;with a worker on the same box&lt;/strong&gt;. I'm doing this as a proof of concept so it's not ready for production yet.&lt;/p&gt;
&lt;h1&gt;Screenshot of console&lt;/h1&gt;
&lt;p&gt;&lt;a href="https://i.stack.imgur.com/JLNsL.png" rel="nofollow noreferrer"&gt;&lt;img src="https://i.stack.imgur.com/JLNsL.png" alt="Spark Master"&gt;&lt;/a&gt;&lt;/p&gt;
&lt;p&gt;I spun up a large box in EC2 with 4 cores and 16GB of RAM. I go to submit a job from a different node in the same subnet (Security Group confirms all ports are good between nodes).&lt;/p&gt;
&lt;pre&gt;&lt;code&gt;/bin/spark-submit --class SimpleApp --total-executor-cores 4 \
--executor-memory 10G --master spark://spark-test:7077 \
--deploy-mode client src/main/scala/target/scala-2.11/simple-project_2.11-1.0.jar
&lt;/code&gt;&lt;/pre&gt;
&lt;p&gt;I get the following error message.&lt;/p&gt;
&lt;blockquote&gt;
  &lt;p&gt;17/05/03 20:06:51 WARN TaskSchedulerImpl: Initial job has not accepted any resources; check your cluster UI to ensure that workers are registered and have sufficient resources&lt;/p&gt;
&lt;/blockquote&gt;</t>
  </si>
  <si>
    <t>2017-05-03 20:13:42.637000+00:00</t>
  </si>
  <si>
    <t>apache-spark</t>
  </si>
  <si>
    <t>How to color code rows conditionally in VB and SQL</t>
  </si>
  <si>
    <t>&lt;p&gt;I am developing an ASPX file to return all records from a SQL table.  I can successfully get all of the numbers to show, but now I want certain rows to have their background colors changed if they meet certain criteria.  So I want to compare 2 of my columns to some value, and if it exceeds this value then it should change color of that row.  How can I fix below code?  Main problem is I don't know how to specify a column of data to compare.  No errors on this, but none of my rows have color changes either.&lt;/p&gt;
&lt;p&gt;ASPX excerpt:&lt;/p&gt;
&lt;pre&gt;&lt;code&gt;        Sub PrintMessageGrid_RowDataBound(ByVal sender As Object, _
   ByVal e As System.Web.UI.WebControls.GridViewRowEventArgs)
        If e.Row.RowType = DataControlRowType.DataRow Then
            Dim Six_In_A_Row As Integer = _
     Convert.ToInt32(DataBinder.Eval(e.Row.DataItem, _
     "Six_In_A_Row"))
            If Six_In_A_Row = "1" Then
                ' color the background of the row yellow
                e.Row.BackColor = Drawing.Color.Yellow
            End If
        End If
    End Sub
&lt;/code&gt;&lt;/pre&gt;
&lt;p&gt;And my HTML:&lt;/p&gt;
&lt;pre&gt;&lt;code&gt;            &amp;lt;ASP:GridView id="dgTable" runat="server" AUTOGENERATECOLUMNS="true" ShowHeader="true" OnItemDataBound="PrintMessageGrid_RowDataBound"&amp;gt;
                &amp;lt;HEADERSTYLE BackColor = "#336699" ForeColor = "#ffffff" Font-Bold = "true" /&amp;gt;
            &amp;lt;/ASP:GridView&amp;gt; 
&lt;/code&gt;&lt;/pre&gt;</t>
  </si>
  <si>
    <t>2011-04-15 15:40:02.543000+00:00</t>
  </si>
  <si>
    <t>2012-03-20 02:33:47.357000+00:00</t>
  </si>
  <si>
    <t>asp.net|sql|vb.net|gridview</t>
  </si>
  <si>
    <t>PHP: postgresql &amp; Apache unique page not loading</t>
  </si>
  <si>
    <t>&lt;p&gt;All,
We have a page connected to a database in which a colleague created and now have some issues. I am a newbie so trying to get some clues about what to do.&lt;/p&gt;
&lt;p&gt;I launch the services from the server called "Apache2.4" &amp;amp; "postgres" so that we can get the page loaded like we have in the past but for the past week, we have not been able to access the home page. It would not load.&lt;/p&gt;
&lt;p&gt;The page uses php (drupal), postgresql, &amp;amp; webservices to store the data on the postgre db. Appears that the sql tables still work in the background as data is loading.&lt;/p&gt;
&lt;p&gt;I can access the database linked to it. Just cannot get the page to load.&lt;/p&gt;
&lt;p&gt;I looked at the Apache error logs but don't see anything that sticks out.&lt;/p&gt;
&lt;p&gt;Here is what I get from IE:&lt;/p&gt;
&lt;p&gt;Additional uncaught exception thrown while handling exception.
Original&lt;/p&gt;
&lt;p&gt;PDOException: SQLSTATE[HY000]: General error: 7 no connection to the server: SELECT expire, value FROM {semaphore} WHERE name = :name; Array ( [:name] =&amp;gt; theme_registry:runtime:bartik:cache ) in lock_may_be_available() (line 167 of E:\xampp\htdocs\PXLSurveyManagement\includes\lock.inc).
Additional&lt;/p&gt;
&lt;p&gt;PDOException: SQLSTATE[HY000]: General error: 7 no connection to the server: SELECT expire, value FROM {semaphore} WHERE name = :name; Array ( [:name] =&amp;gt; theme_registry:runtime:bartik:cache ) in lock_may_be_available() (line 167 of E:\xampp\htdocs\PXLSurveyManagement\includes\lock.inc).
Uncaught exception thrown in session handler.&lt;/p&gt;
&lt;p&gt;PDOException: SQLSTATE[HY000]: General error: 7 no connection to the server: SELECT 1 AS expression FROM {sessions} sessions WHERE ( (sid = :db_condition_placeholder_0) AND (ssid = :db_condition_placeholder_1) ); Array ( [:db_condition_placeholder_0] =&amp;gt; yY-z98pxi4VHO8Gfa9Z5zab7ziJ2CudZqJoRbLP_GNw [:db_condition_placeholder_1] =&amp;gt; ) in _drupal_session_write() (line 209 of E:\xampp\htdocs\PXLSurveyManagement\includes\session.inc).
Uncaught exception thrown in shutdown function.&lt;/p&gt;
&lt;p&gt;PDOException: SQLSTATE[HY000]: General error: 7 no connection to the server: DELETE FROM {semaphore} WHERE (value = :db_condition_placeholder_0) ; Array ( [:db_condition_placeholder_0] =&amp;gt; 710989903594eb2aad49014.33574397 ) in lock_release_all() (line 269 of E:\xampp\htdocs\PXLSurveyManagement\includes\lock.inc).&lt;/p&gt;</t>
  </si>
  <si>
    <t>2017-06-23 19:25:53.147000+00:00</t>
  </si>
  <si>
    <t>2017-06-24 18:49:13.680000+00:00</t>
  </si>
  <si>
    <t>php|postgresql|drupal|phppgadmin</t>
  </si>
  <si>
    <t>Dynamically create dataframes in pandas by reading a list of csv files</t>
  </si>
  <si>
    <t>&lt;p&gt;I have a folder containing 3 csv files:&lt;/p&gt;
&lt;pre&gt;&lt;code&gt;a.csv
b.csv
c.csv
&lt;/code&gt;&lt;/pre&gt;
&lt;p&gt;To read all the csv's in this folder and create a dataframe, I'm currently doing this:&lt;/p&gt;
&lt;pre&gt;&lt;code&gt;df1 = pd.read_csv('a.csv')
df2 = pd.read_csv('b.csv')
df3 = pd.read_csv('c.csv')
&lt;/code&gt;&lt;/pre&gt;
&lt;p&gt;Is there any way to automate the naming of the dataframes (df1, df2 and df3) and reading of all the csv files in that folder. Say, I have 10 csv files, I don't want to manually write 10 read statements in pandas.&lt;/p&gt;
&lt;p&gt;For example, I don't want to write this:&lt;/p&gt;
&lt;pre&gt;&lt;code&gt;df1 = pd.read_csv('a.csv')
......
......
......
df10 = pd.read_csv('j.csv')
&lt;/code&gt;&lt;/pre&gt;
&lt;p&gt;Thanks!&lt;/p&gt;</t>
  </si>
  <si>
    <t>2017-06-16 21:38:42.520000+00:00</t>
  </si>
  <si>
    <t>2018-04-30 21:54:47.870000+00:00</t>
  </si>
  <si>
    <t>Parse.FacebookUtils.logIn returns password error but doesn't show Facebook login</t>
  </si>
  <si>
    <t>&lt;p&gt;I am trying to use Parse.FacebookUtils.logIn() to authenticate a user with Facebook login. The code seems to run but it returns an error "missing user password". However the Facbook sign in page isn't shown for the user to enter their details. It goes straight to the error message.&lt;/p&gt;
&lt;p&gt;My ionic project app.js has the following relevant code in the $ionicPlatform.ready() function (IDs are fake for the purposes of this posting):&lt;/p&gt;
&lt;p&gt;&lt;div class="snippet" data-lang="js" data-hide="false"&gt;_x000D_
&lt;div class="snippet-code"&gt;_x000D_
&lt;pre class="snippet-code-js lang-js prettyprint-override"&gt;&lt;code&gt;Parse.initialize("AAT7Gx1DHZrIgEuTpaqnwVZmOH9DBSEbyV5AUo2Q", "AAj7pus7oZwODd61ITsupfg04dRuV0nPfMxrPcC8");_x000D_
    if(!(ionic.Platform.isIOS() || ionic.Platform.isAndroid())){_x000D_
      window.fbAsyncInit = function() {_x000D_
        Parse.FacebookUtils.init({_x000D_
          appId      : '991974558512540',_x000D_
          version    : 'v2.3',_x000D_
          xfbml      : true_x000D_
        });_x000D_
      };_x000D_
      (function(d, s, id){_x000D_
        var js, fjs = d.getElementsByTagName(s)[0];_x000D_
        if (d.getElementById(id)) {return;}_x000D_
        js = d.createElement(s); js.id = id;_x000D_
        js.src = "//connect.facebook.net/en_US/sdk.js";_x000D_
        fjs.parentNode.insertBefore(js, fjs);_x000D_
      }(document, 'script', 'facebook-jssdk'));_x000D_
    }&lt;/code&gt;&lt;/pre&gt;_x000D_
&lt;/div&gt;_x000D_
&lt;/div&gt;_x000D_
&lt;/p&gt;
&lt;p&gt;This code is pretty much cut and pasted from the Facebook site. When this code is run ionic.Platform.isIOS() it true as I am running on an iPhone.&lt;/p&gt;
&lt;p&gt;My code for using Parse to do Facebook authentication is:&lt;/p&gt;
&lt;p&gt;&lt;div class="snippet" data-lang="js" data-hide="false"&gt;_x000D_
&lt;div class="snippet-code"&gt;_x000D_
&lt;pre class="snippet-code-js lang-js prettyprint-override"&gt;&lt;code&gt;   Parse.FacebookUtils.logIn(['publish_stream', 'email'], {_x000D_
      success: function(user) {_x000D_
        console.log(user);_x000D_
        if (!user.existed()) {_x000D_
          alert("You have signed up and logged in through Facebook! : "+JSON.stringify(user));_x000D_
        } else {_x000D_
          alert("You are logged in through Facebook! : "+JSON.stringify(user));_x000D_
        }_x000D_
      },_x000D_
      error: function(user, error) {_x000D_
        alert(error.message);_x000D_
      }_x000D_
    });&lt;/code&gt;&lt;/pre&gt;_x000D_
&lt;/div&gt;_x000D_
&lt;/div&gt;_x000D_
&lt;/p&gt;</t>
  </si>
  <si>
    <t>2015-11-01 18:14:53.620000+00:00</t>
  </si>
  <si>
    <t>javascript|facebook|parse.com|ionic-framework</t>
  </si>
  <si>
    <t>3DES encryption/decryption works in Windows, throws IllegalBlockSizeException in Linux</t>
  </si>
  <si>
    <t>&lt;p&gt;I recently tried to move a Flex/Java software solution from Windows to Linux (CentOS6 64bit) and I came across this problem.&lt;/p&gt;
&lt;p&gt;To put it simply, I'm encrypting a short text in Flex/ActionScript (using com.hurlant libraries), algorithm is TripleDES with ECB and PKCS5Padding. The server is JBoss 5.1.0GA.&lt;/p&gt;
&lt;p&gt;This encrypted text is then sent to a JMS destination.&lt;/p&gt;
&lt;p&gt;On the receiving end of JMS there is a simple Java application which (using BouncyCastle) tries to decrypt the text. &lt;/p&gt;
&lt;p&gt;All this works like a charm on Windows.
On Linux I get this:&lt;/p&gt;
&lt;pre&gt;&lt;code&gt;javax.crypto.IllegalBlockSizeException: last block incomplete in decryption
at org.bouncycastle.jce.provider.JCEBlockCipher.engineDoFinal(Unknown Source)
at javax.crypto.Cipher.doFinal(DashoA13*..)
&lt;/code&gt;&lt;/pre&gt;
&lt;p&gt;I logged the Encrypted text when received by the Java app (encoded in Base64), and it is identical both on Linux and Windows. The key is obviously the same.&lt;/p&gt;
&lt;p&gt;I believed it could have been a charset encoding problem, but even starting both JBoss and the Java app with -Dfile.encoding=UTF8 or -Dfile.encoding=windows-1252 option didn't work.&lt;/p&gt;
&lt;p&gt;Here is the code used for encrypting (ActionScript):&lt;/p&gt;
&lt;pre&gt;&lt;code&gt;var keyData:ByteArray = Hex.toArray(Hex.fromString("jgd8f3m8ybjhwlGhr4hihbp0"));
var pinData:ByteArray = Hex.toArray(Hex.fromString("12341234"));
var pad:IPad = new PKCS5;
var mode:ICipher = Crypto.getCipher("simple-3des-ecb", keyData, pad);
pad.setBlockSize(mode.getBlockSize());               
mode.encrypt(pinData);
var message:IMessage = new AsyncMessage();
message.body = Base64.encodeByteArray(pinData);
&lt;/code&gt;&lt;/pre&gt;
&lt;p&gt;Here is the code used for decrypting (Java):&lt;/p&gt;
&lt;pre&gt;&lt;code&gt;String userPin3DESEncrypted = new String(Base64.decodeBase64(userPin3DESBase64Encrypted.getBytes()));
byte [] keyByte = "jgd8f3m8ybjhwlGhr4hihbp0".getBytes();
SecretKeySpec secretKeySpec = new SecretKeySpec(keyByte, "DESEDE");
Cipher cipher = Cipher.getInstance("DESEDE/ECB/PKCS5Padding");
cipher.init(Cipher.DECRYPT_MODE, secretKeySpec);
String userPinDecrypted = new String(cipher.doFinal(userPin3DESEncrypted.getBytes()));
&lt;/code&gt;&lt;/pre&gt;
&lt;p&gt;As previously said, the content of &lt;code&gt;userPin3DESBase64Encrypted&lt;/code&gt; is the same (the same Base64 string) on both Linux and Windows, so the issue shouldn't be on Flex/JBoss side...&lt;/p&gt;
&lt;p&gt;Any ideas?&lt;/p&gt;
&lt;p&gt;Thanks in advance to all who are going to bang their head on the desk as I already did many times...&lt;/p&gt;
&lt;p&gt;Cheers&lt;/p&gt;
&lt;p&gt;Luca&lt;/p&gt;</t>
  </si>
  <si>
    <t>2013-04-11 10:17:55.210000+00:00</t>
  </si>
  <si>
    <t>2013-04-11 10:42:07.950000+00:00</t>
  </si>
  <si>
    <t>2013-04-11 10:31:59.603000+00:00</t>
  </si>
  <si>
    <t>java|flex|encryption|tripledes</t>
  </si>
  <si>
    <t>Transposing and multiplying lists in Python</t>
  </si>
  <si>
    <t>&lt;p&gt;I have 2 dimensional list/matrix which is dynamic with N rows and M columns. &lt;/p&gt;
&lt;p&gt;&lt;a href="https://i.stack.imgur.com/Lhui5.png" rel="nofollow noreferrer"&gt;&lt;img src="https://i.stack.imgur.com/Lhui5.png" alt="Sample Matrix"&gt;&lt;/a&gt;&lt;/p&gt;
&lt;p&gt;The data type within a particular column is uniform, example: col1 is text, col2 is integer, column3 is float etc.
The order of the columns can be different. Values for certain rows can be also missing.&lt;/p&gt;
&lt;p&gt;Expected result should be 2 lists/arrays/dataframes, where:&lt;/p&gt;
&lt;ul&gt;
&lt;li&gt;&lt;code&gt;list1&lt;/code&gt; should be duplicated N times (depending the number of rows) "col1_r1, col1_r2, ....., colM_row_n", with appended iterator or the number of rows&lt;/li&gt;
&lt;li&gt;&lt;code&gt;list2&lt;/code&gt; should be transposed values of the rows (including the empty ones)&lt;/li&gt;
&lt;/ul&gt;
&lt;p&gt;What is the best way to achieve this in Python 3.6 using native lists or/and nummpy arrays or/and panda dataframes?&lt;/p&gt;
&lt;pre&gt;&lt;code&gt;output_list1 = [col1_1, col1_2, col1_3, col1_4, col1_5, col2_1, col2_2, 
                col2_3, col2_4, col2_5, col3_1, col3_2, col3_3, col3_4, col3_5]
&lt;/code&gt;&lt;/pre&gt;
&lt;p&gt;-&lt;/p&gt;
&lt;pre&gt;&lt;code&gt;output_list2 = ["value-row1,col1", "", "value-row3,col1",   "value-row4,col1",  
                ",value-row5,col1", "value-row1,col2", "value-row2,col2",   "value-row3,col3",  
                0,  "value-row5, col5", "value-row1, col3", 0.0, 0.0, 0.0, "value-row5,col4"]
&lt;/code&gt;&lt;/pre&gt;
&lt;p&gt;Thanks in advance for your help.&lt;/p&gt;</t>
  </si>
  <si>
    <t>2018-04-10 12:19:53.960000+00:00</t>
  </si>
  <si>
    <t>2018-04-10 14:21:41.543000+00:00</t>
  </si>
  <si>
    <t>2018-04-10 12:26:58.647000+00:00</t>
  </si>
  <si>
    <t>python-3.x|pandas|numpy|duplicates|transpose</t>
  </si>
  <si>
    <t>Using delegates for dynamically added jQuery Upload File Plugin?</t>
  </si>
  <si>
    <t>&lt;p&gt;I am using &lt;a href="http://hayageek.com/docs/jquery-upload-file.php" rel="nofollow"&gt;Jquery Upload File Plugin&lt;/a&gt;. It seems perfect except that I am not sure how to make it work for dynamically added file upload controls. Documentation doesn't seem to have any such example.&lt;/p&gt;
&lt;p&gt;&lt;a href="http://jsfiddle.net/o2mnjbLm/" rel="nofollow"&gt;FIDDLE&lt;/a&gt;&lt;/p&gt;
&lt;pre&gt;&lt;code&gt;&amp;lt;div id="container"&amp;gt;
    &amp;lt;div class="fileuploader"&amp;gt;Upload&amp;lt;/div&amp;gt;
&amp;lt;/div&amp;gt;
&amp;lt;button id="btnadd"&amp;gt;CLICK&amp;lt;/button&amp;gt;
$(".fileuploader").uploadFile({
    url: "YOUR_FILE_UPLOAD_URL",
    fileName: "myfile"
});
$('#btnadd').on('click', function () {
    $("#container").append('&amp;lt;div class="fileuploader"&amp;gt;Upload&amp;lt;/div&amp;gt;');
    //-----if i uncomment this, it would work. But I want to avoid this.
    // $(".fileuploader").uploadFile({
    //  url:"YOUR_FILE_UPLOAD_URL",
    //  fileName:"myfile"
    //  });
});
&lt;/code&gt;&lt;/pre&gt;</t>
  </si>
  <si>
    <t>2015-07-09 09:42:13.327000+00:00</t>
  </si>
  <si>
    <t>2015-07-09 10:52:49.750000+00:00</t>
  </si>
  <si>
    <t>2015-07-09 10:13:29.883000+00:00</t>
  </si>
  <si>
    <t>javascript|jquery|asp.net|jquery-file-upload|jquery-upload-file-plugin</t>
  </si>
  <si>
    <t>Building in-game editor, need assistance with Load and Save</t>
  </si>
  <si>
    <t>&lt;p&gt;I've been working on a game project with a small group for a bit now and we've hit a block. One of the features of this game is the ability for users to generate their own levels through the use of an in-game editor. The editor creates a Level object which stores the length and width of the level and a two-dimensional array of Tile objects. We've successfully implemented the camera system and can edit together a simple concept level without too much difficulty, but the process of successfully saving the level and loading it back up later is a concept that's proving difficult, and I was hoping one of you could offer some guidance to get the intended functionality down.&lt;/p&gt;
&lt;p&gt;In its current state, when the user presses the 'S' key, our LevelManager class runs the SaveLevel method below:&lt;/p&gt;
&lt;pre&gt;&lt;code&gt;    public static void SaveLevel()
    {
        XmlWriterSettings settings = new XmlWriterSettings();
        settings.Indent = true;
        using (XmlWriter writer = XmlWriter.Create("example.xml", settings))
        {
            IntermediateSerializer.Serialize(writer, CurrentLevel, null);
        }
    }
&lt;/code&gt;&lt;/pre&gt;
&lt;p&gt;Which serializes our level (CurrentLevel) into an XML file in the project (We'll worry about saving to different files after we get this basic setup working.) I ran the program, created a small map and saved it, and here's the output in the resulting XML file:&lt;/p&gt;
&lt;pre&gt;&lt;code&gt;    &amp;lt;?xml version="1.0" encoding="utf-8"?&amp;gt;
    &amp;lt;XnaContent&amp;gt;
      &amp;lt;Asset Type="LevelEditorPrototype.Level"&amp;gt;
        &amp;lt;TileGrid&amp;gt;
          &amp;lt;Item&amp;gt;
            &amp;lt;Item Type="LevelEditorPrototype.TileFloor"&amp;gt;
              &amp;lt;X&amp;gt;0&amp;lt;/X&amp;gt;
              &amp;lt;Y&amp;gt;0&amp;lt;/Y&amp;gt;
              &amp;lt;Width&amp;gt;32&amp;lt;/Width&amp;gt;
              &amp;lt;Height&amp;gt;32&amp;lt;/Height&amp;gt;
              &amp;lt;Origin&amp;gt;0 0&amp;lt;/Origin&amp;gt;
              &amp;lt;Depth&amp;gt;0&amp;lt;/Depth&amp;gt;
              &amp;lt;Tint&amp;gt;FFFFFFFF&amp;lt;/Tint&amp;gt;
            &amp;lt;/Item&amp;gt;
            &amp;lt;Item Type="LevelEditorPrototype.TileBlock"&amp;gt;
              &amp;lt;X&amp;gt;0&amp;lt;/X&amp;gt;
              &amp;lt;Y&amp;gt;32&amp;lt;/Y&amp;gt;
              &amp;lt;Width&amp;gt;32&amp;lt;/Width&amp;gt;
              &amp;lt;Height&amp;gt;32&amp;lt;/Height&amp;gt;
              &amp;lt;Origin&amp;gt;0 0&amp;lt;/Origin&amp;gt;
              &amp;lt;Depth&amp;gt;0&amp;lt;/Depth&amp;gt;
              &amp;lt;Tint&amp;gt;FF0000FF&amp;lt;/Tint&amp;gt;
            &amp;lt;/Item&amp;gt;
            &amp;lt;Item Type="LevelEditorPrototype.TileVoid"&amp;gt;
              &amp;lt;X&amp;gt;0&amp;lt;/X&amp;gt;
              &amp;lt;Y&amp;gt;64&amp;lt;/Y&amp;gt;
              &amp;lt;Width&amp;gt;32&amp;lt;/Width&amp;gt;
              &amp;lt;Height&amp;gt;32&amp;lt;/Height&amp;gt;
              &amp;lt;Origin&amp;gt;0 0&amp;lt;/Origin&amp;gt;
              &amp;lt;Depth&amp;gt;0&amp;lt;/Depth&amp;gt;
              &amp;lt;Tint&amp;gt;FFFF0000&amp;lt;/Tint&amp;gt;
            &amp;lt;/Item&amp;gt;
            &amp;lt;Item Type="LevelEditorPrototype.TileFloor"&amp;gt;
              &amp;lt;X&amp;gt;0&amp;lt;/X&amp;gt;
              &amp;lt;Y&amp;gt;96&amp;lt;/Y&amp;gt;
              &amp;lt;Width&amp;gt;32&amp;lt;/Width&amp;gt;
              &amp;lt;Height&amp;gt;32&amp;lt;/Height&amp;gt;
              &amp;lt;Origin&amp;gt;0 0&amp;lt;/Origin&amp;gt;
              &amp;lt;Depth&amp;gt;0&amp;lt;/Depth&amp;gt;
              &amp;lt;Tint&amp;gt;FFFFFFFF&amp;lt;/Tint&amp;gt;
            &amp;lt;/Item&amp;gt;
          &amp;lt;/Item&amp;gt;
          &amp;lt;Item&amp;gt;
            &amp;lt;Item Type="LevelEditorPrototype.TileVoid"&amp;gt;
              &amp;lt;X&amp;gt;32&amp;lt;/X&amp;gt;
              &amp;lt;Y&amp;gt;0&amp;lt;/Y&amp;gt;
              &amp;lt;Width&amp;gt;32&amp;lt;/Width&amp;gt;
              &amp;lt;Height&amp;gt;32&amp;lt;/Height&amp;gt;
              &amp;lt;Origin&amp;gt;0 0&amp;lt;/Origin&amp;gt;
              &amp;lt;Depth&amp;gt;0&amp;lt;/Depth&amp;gt;
              &amp;lt;Tint&amp;gt;FFFF0000&amp;lt;/Tint&amp;gt;
            &amp;lt;/Item&amp;gt;
            &amp;lt;Item Type="LevelEditorPrototype.TileFloor"&amp;gt;
              &amp;lt;X&amp;gt;32&amp;lt;/X&amp;gt;
              &amp;lt;Y&amp;gt;32&amp;lt;/Y&amp;gt;
              &amp;lt;Width&amp;gt;32&amp;lt;/Width&amp;gt;
              &amp;lt;Height&amp;gt;32&amp;lt;/Height&amp;gt;
              &amp;lt;Origin&amp;gt;0 0&amp;lt;/Origin&amp;gt;
              &amp;lt;Depth&amp;gt;0&amp;lt;/Depth&amp;gt;
              &amp;lt;Tint&amp;gt;FFFFFFFF&amp;lt;/Tint&amp;gt;
            &amp;lt;/Item&amp;gt;
            &amp;lt;Item Type="LevelEditorPrototype.TileBlock"&amp;gt;
              &amp;lt;X&amp;gt;32&amp;lt;/X&amp;gt;
              &amp;lt;Y&amp;gt;64&amp;lt;/Y&amp;gt;
              &amp;lt;Width&amp;gt;32&amp;lt;/Width&amp;gt;
              &amp;lt;Height&amp;gt;32&amp;lt;/Height&amp;gt;
              &amp;lt;Origin&amp;gt;0 0&amp;lt;/Origin&amp;gt;
              &amp;lt;Depth&amp;gt;0&amp;lt;/Depth&amp;gt;
              &amp;lt;Tint&amp;gt;FF0000FF&amp;lt;/Tint&amp;gt;
            &amp;lt;/Item&amp;gt;
            &amp;lt;Item Type="LevelEditorPrototype.TileVoid"&amp;gt;
              &amp;lt;X&amp;gt;32&amp;lt;/X&amp;gt;
              &amp;lt;Y&amp;gt;96&amp;lt;/Y&amp;gt;
              &amp;lt;Width&amp;gt;32&amp;lt;/Width&amp;gt;
              &amp;lt;Height&amp;gt;32&amp;lt;/Height&amp;gt;
              &amp;lt;Origin&amp;gt;0 0&amp;lt;/Origin&amp;gt;
              &amp;lt;Depth&amp;gt;0&amp;lt;/Depth&amp;gt;
              &amp;lt;Tint&amp;gt;FFFF0000&amp;lt;/Tint&amp;gt;
            &amp;lt;/Item&amp;gt;
          &amp;lt;/Item&amp;gt;
          &amp;lt;Item&amp;gt;
            &amp;lt;Item Type="LevelEditorPrototype.TileBlock"&amp;gt;
              &amp;lt;X&amp;gt;64&amp;lt;/X&amp;gt;
              &amp;lt;Y&amp;gt;0&amp;lt;/Y&amp;gt;
              &amp;lt;Width&amp;gt;32&amp;lt;/Width&amp;gt;
              &amp;lt;Height&amp;gt;32&amp;lt;/Height&amp;gt;
              &amp;lt;Origin&amp;gt;0 0&amp;lt;/Origin&amp;gt;
              &amp;lt;Depth&amp;gt;0&amp;lt;/Depth&amp;gt;
              &amp;lt;Tint&amp;gt;FF0000FF&amp;lt;/Tint&amp;gt;
            &amp;lt;/Item&amp;gt;
            &amp;lt;Item Type="LevelEditorPrototype.TileVoid"&amp;gt;
              &amp;lt;X&amp;gt;64&amp;lt;/X&amp;gt;
              &amp;lt;Y&amp;gt;32&amp;lt;/Y&amp;gt;
              &amp;lt;Width&amp;gt;32&amp;lt;/Width&amp;gt;
              &amp;lt;Height&amp;gt;32&amp;lt;/Height&amp;gt;
              &amp;lt;Origin&amp;gt;0 0&amp;lt;/Origin&amp;gt;
              &amp;lt;Depth&amp;gt;0&amp;lt;/Depth&amp;gt;
              &amp;lt;Tint&amp;gt;FFFF0000&amp;lt;/Tint&amp;gt;
            &amp;lt;/Item&amp;gt;
            &amp;lt;Item Type="LevelEditorPrototype.TileFloor"&amp;gt;
              &amp;lt;X&amp;gt;64&amp;lt;/X&amp;gt;
              &amp;lt;Y&amp;gt;64&amp;lt;/Y&amp;gt;
              &amp;lt;Width&amp;gt;32&amp;lt;/Width&amp;gt;
              &amp;lt;Height&amp;gt;32&amp;lt;/Height&amp;gt;
              &amp;lt;Origin&amp;gt;0 0&amp;lt;/Origin&amp;gt;
              &amp;lt;Depth&amp;gt;0&amp;lt;/Depth&amp;gt;
              &amp;lt;Tint&amp;gt;FFFFFFFF&amp;lt;/Tint&amp;gt;
            &amp;lt;/Item&amp;gt;
            &amp;lt;Item Type="LevelEditorPrototype.TileBlock"&amp;gt;
              &amp;lt;X&amp;gt;64&amp;lt;/X&amp;gt;
              &amp;lt;Y&amp;gt;96&amp;lt;/Y&amp;gt;
              &amp;lt;Width&amp;gt;32&amp;lt;/Width&amp;gt;
              &amp;lt;Height&amp;gt;32&amp;lt;/Height&amp;gt;
              &amp;lt;Origin&amp;gt;0 0&amp;lt;/Origin&amp;gt;
              &amp;lt;Depth&amp;gt;0&amp;lt;/Depth&amp;gt;
              &amp;lt;Tint&amp;gt;FF0000FF&amp;lt;/Tint&amp;gt;
            &amp;lt;/Item&amp;gt;
          &amp;lt;/Item&amp;gt;
          &amp;lt;Item&amp;gt;
            &amp;lt;Item Type="LevelEditorPrototype.TileFloor"&amp;gt;
              &amp;lt;X&amp;gt;96&amp;lt;/X&amp;gt;
              &amp;lt;Y&amp;gt;0&amp;lt;/Y&amp;gt;
              &amp;lt;Width&amp;gt;32&amp;lt;/Width&amp;gt;
              &amp;lt;Height&amp;gt;32&amp;lt;/Height&amp;gt;
              &amp;lt;Origin&amp;gt;0 0&amp;lt;/Origin&amp;gt;
              &amp;lt;Depth&amp;gt;0&amp;lt;/Depth&amp;gt;
              &amp;lt;Tint&amp;gt;FFFFFFFF&amp;lt;/Tint&amp;gt;
            &amp;lt;/Item&amp;gt;
            &amp;lt;Item Type="LevelEditorPrototype.TileBlock"&amp;gt;
              &amp;lt;X&amp;gt;96&amp;lt;/X&amp;gt;
              &amp;lt;Y&amp;gt;32&amp;lt;/Y&amp;gt;
              &amp;lt;Width&amp;gt;32&amp;lt;/Width&amp;gt;
              &amp;lt;Height&amp;gt;32&amp;lt;/Height&amp;gt;
              &amp;lt;Origin&amp;gt;0 0&amp;lt;/Origin&amp;gt;
              &amp;lt;Depth&amp;gt;0&amp;lt;/Depth&amp;gt;
              &amp;lt;Tint&amp;gt;FF0000FF&amp;lt;/Tint&amp;gt;
            &amp;lt;/Item&amp;gt;
            &amp;lt;Item Type="LevelEditorPrototype.TileVoid"&amp;gt;
              &amp;lt;X&amp;gt;96&amp;lt;/X&amp;gt;
              &amp;lt;Y&amp;gt;64&amp;lt;/Y&amp;gt;
              &amp;lt;Width&amp;gt;32&amp;lt;/Width&amp;gt;
              &amp;lt;Height&amp;gt;32&amp;lt;/Height&amp;gt;
              &amp;lt;Origin&amp;gt;0 0&amp;lt;/Origin&amp;gt;
              &amp;lt;Depth&amp;gt;0&amp;lt;/Depth&amp;gt;
              &amp;lt;Tint&amp;gt;FFFF0000&amp;lt;/Tint&amp;gt;
            &amp;lt;/Item&amp;gt;
            &amp;lt;Item Type="LevelEditorPrototype.TileFloor"&amp;gt;
              &amp;lt;X&amp;gt;96&amp;lt;/X&amp;gt;
              &amp;lt;Y&amp;gt;96&amp;lt;/Y&amp;gt;
              &amp;lt;Width&amp;gt;32&amp;lt;/Width&amp;gt;
              &amp;lt;Height&amp;gt;32&amp;lt;/Height&amp;gt;
              &amp;lt;Origin&amp;gt;0 0&amp;lt;/Origin&amp;gt;
              &amp;lt;Depth&amp;gt;0&amp;lt;/Depth&amp;gt;
              &amp;lt;Tint&amp;gt;FFFFFFFF&amp;lt;/Tint&amp;gt;
            &amp;lt;/Item&amp;gt;
          &amp;lt;/Item&amp;gt;
        &amp;lt;/TileGrid&amp;gt;
      &amp;lt;/Asset&amp;gt;
    &amp;lt;/XnaContent&amp;gt;
&lt;/code&gt;&lt;/pre&gt;
&lt;p&gt;So at the very least we do have data information on the tiles generated in the level, so that's something. We'd like our users to be able to load up saved levels during runtime as well, so we mapped the 'L' key to load that saved XML file, and that's where the problem shows up. Our read looks like this:&lt;/p&gt;
&lt;pre&gt;&lt;code&gt;    public static void LoadLevel()
    {
        using (FileStream stream = new FileStream("example.xml", FileMode.Open))
        {
            using (XmlReader reader = XmlReader.Create(stream))
            {
                currentLevel = IntermediateSerializer.Deserialize&amp;lt;Level&amp;gt;(reader, null);
            }
        }
    }
&lt;/code&gt;&lt;/pre&gt;
&lt;p&gt;When we try testing that functionality, we get this error:&lt;/p&gt;
&lt;pre&gt;&lt;code&gt;    System.MethodAccessException was unhandled
      HResult=-2146233072
      Message=Attempt by method 'DynamicClass.ReflectionEmitUtils(System.Object, System.Object)' to access method 'DynamicClass.ReflectionEmitUtils(System.Object, System.Object)' failed.
&lt;/code&gt;&lt;/pre&gt;
&lt;p&gt;I have a sneaking suspicion that the IntermediateSerializer doesn't quite work how we want it to work, but I'm not sure how else to parse and store the data effectively. Is there a different setup I should be using here?&lt;/p&gt;</t>
  </si>
  <si>
    <t>2013-02-19 00:04:09.653000+00:00</t>
  </si>
  <si>
    <t>2013-02-19 10:15:49.207000+00:00</t>
  </si>
  <si>
    <t>visual-studio-2010|xml-parsing|xna|save|methodaccessexception</t>
  </si>
  <si>
    <t>Execute a Javascript function from a button in a table row cell which was generated by PHP echo</t>
  </si>
  <si>
    <t>&lt;p&gt;I want to call a Javascript function from a table row cell.
I need to pass the id of that row as well.&lt;/p&gt;
&lt;p&gt;In one cell I use an href (which does popup my edit dialog), but does not pass the Id (BrId).
The next one, well ideally a button which invokes a Javascript function (though I've seen code/functions which associates a click event function within &lt;code&gt;$(document).ready(function() {.....etc}&lt;/code&gt;) but unsure if this will pick up the required Id (BrId) which is a primary key to a database table.&lt;/p&gt;
&lt;p&gt;Code is:&lt;/p&gt;
&lt;pre&gt;&lt;code&gt;foreach ($myrows as $row) {               
       echo "&amp;lt;tr&amp;gt;"; 
         echo '&amp;lt;td style="border:none;"&amp;gt;' .$row-&amp;gt;BrId. '&amp;lt;/td&amp;gt;'; 
         echo '......'
         echo '......'
         echo '&amp;lt;td style="border:none;"&amp;gt;&amp;lt;a href="#dialog" name="modal"&amp;gt;Edit this branch &amp;lt;/td&amp;gt;';
         echo '&amp;lt;td style="border:none;"&amp;gt;&amp;lt;button onclick="EditBranch (1)"&amp;gt;&amp;lt;/td&amp;gt;';
 }
&lt;/code&gt;&lt;/pre&gt;
&lt;p&gt;Ideally the function would also show my popup div ( id= dialog ) as the &lt;code&gt;"a href="#dialog" name="modal"&lt;/code&gt; does.&lt;/p&gt;
&lt;p&gt;If this helps, here's a section of the script:&lt;/p&gt;
&lt;pre&gt;&lt;code&gt;$(document).ready(function() {
     //select all the a tags with name equal to modal
     $('a[name=modal]').click(function(e) {
     //Cancel the link behavior
     e.preventDefault();
     //Get the A tag 
     var id = $(this).attr('href');  //gets me my div id
    //other code for transition effects and positioning of my div....
}
&lt;/code&gt;&lt;/pre&gt;</t>
  </si>
  <si>
    <t>2012-01-25 14:48:55.860000+00:00</t>
  </si>
  <si>
    <t>2017-07-16 18:20:54.120000+00:00</t>
  </si>
  <si>
    <t>javascript|php|button|html-table|row</t>
  </si>
  <si>
    <t>Python TKinter Gui not updating</t>
  </si>
  <si>
    <t>&lt;p&gt;I have a simple TKinter GUI that has a text entry box and a button. I want to enter text, click the button, and have my program print the text. The GUI works fine, except when I click on the text entry box and type I don't see the cursor or the text until I resize the window or click the button. When I click the button the text shows up in the entry box and is returned. The GUI is not updating as I enter text. I'm running Python 3.4 on OS X 10.10. Any ideas would be welcome.&lt;/p&gt;
&lt;p&gt;Here is the code:&lt;/p&gt;
&lt;pre&gt;&lt;code&gt;#!/usr/bin/env python
from tkinter import *
def getstring():
    filter_string= sfilter.get()
    print('User Entered:', filter_string)
    root.destroy()
    return
root = Tk()
root.geometry('400x400+500+300')
root.title("Extract")
sfilter= StringVar()
label1= Label(root, text= "Design Corner Filter:").grid(row=1, column=1)
dfilter_box= Entry(root, textvariable=sfilter).grid(row=1,column=2)
button1= Button(root, text= 'Plot', command= getstring).grid(row=2, column=2)
root.mainloop()
&lt;/code&gt;&lt;/pre&gt;</t>
  </si>
  <si>
    <t>2014-11-12 00:27:09.013000+00:00</t>
  </si>
  <si>
    <t>2015-04-06 13:12:02.853000+00:00</t>
  </si>
  <si>
    <t>python|tkinter|osx-yosemite</t>
  </si>
  <si>
    <t>MVC Razor, how to escape quote inside quote inside quote</t>
  </si>
  <si>
    <t>&lt;p&gt;I want to code a line like this in my mvc view:&lt;/p&gt;
&lt;pre&gt;&lt;code&gt;&amp;lt;input type="button" id="Show" name="Show"   onclick="javascript: AjaxPostAndProcess('myController/MyAction',{input1: ($('#formId').find( 'input[name="input1"]').val()})" /&amp;gt;
&lt;/code&gt;&lt;/pre&gt;
&lt;p&gt;but the doublequotes around "input1" are inside the singlequotes enclosing the parm to .find, and it's all inside the doublequotes of the onclick expression.  Is there any way to escape this to get it to work?&lt;/p&gt;</t>
  </si>
  <si>
    <t>2012-01-05 04:46:26.597000+00:00</t>
  </si>
  <si>
    <t>2012-01-05 04:50:04.567000+00:00</t>
  </si>
  <si>
    <t>asp.net-mvc-3|razor</t>
  </si>
  <si>
    <t>Batch file to copy folder to multiple network destinations</t>
  </si>
  <si>
    <t>&lt;p&gt;I have been able to copy files from 1 location to another using the batch file.
However I need to copy the complete folder from one server to multiple servers.&lt;/p&gt;
&lt;p&gt;Example;&lt;/p&gt;
&lt;p&gt;Local machine name : &lt;/p&gt;
&lt;p&gt;LOCAL&lt;/p&gt;
&lt;p&gt;Destination machines :&lt;/p&gt;
&lt;p&gt;Network1&lt;/p&gt;
&lt;p&gt;Network2 &lt;/p&gt;
&lt;p&gt;folder that i need to copy 
Local\d:\Hello&lt;/p&gt;
&lt;p&gt;The whole folder hello and its contents to be copied &lt;/p&gt;
&lt;p&gt;to &lt;/p&gt;
&lt;p&gt;Network1\c
Network2\c&lt;/p&gt;
&lt;p&gt;So the folders thats created should be like (with all the file within) &lt;/p&gt;
&lt;p&gt;Network1\c:\Hello&lt;/p&gt;
&lt;p&gt;Network2\c:\Hello&lt;/p&gt;</t>
  </si>
  <si>
    <t>2016-11-29 11:19:39.667000+00:00</t>
  </si>
  <si>
    <t>2016-11-29 11:39:02.817000+00:00</t>
  </si>
  <si>
    <t>file|batch-file</t>
  </si>
  <si>
    <t>Getting the unique rows from a cell array in Matlab</t>
  </si>
  <si>
    <t>&lt;p&gt;I have a Nx4 cell array in Matlab which looks something like this: &lt;/p&gt;
&lt;pre&gt;&lt;code&gt;id1 word11 word12 word13
....
id2 word21 word22 word32
....   
idN wordN1 wordN2 wordN3
&lt;/code&gt;&lt;/pre&gt;
&lt;p&gt;where each of the four columns holds a string and the second column &lt;code&gt;(word11... wordN1)&lt;/code&gt; can have duplicate values. I want to get another cell array but with unique rows according to the second column. so in the previous example if &lt;code&gt;word21&lt;/code&gt; was the same as wordN1, the resulting array should have the following two rows only (doesn't matter which row of the duplicates gets chosen):&lt;/p&gt;
&lt;pre&gt;&lt;code&gt;id1 word11 word12 word13    
....    
idN wordN1 wordN2 wordN3
&lt;/code&gt;&lt;/pre&gt;
&lt;p&gt;I tried &lt;code&gt;unique(cellArray{2})&lt;/code&gt; but it only returns the second column with the unique values and I want the whole row. How can I do this?&lt;/p&gt;
&lt;p&gt;Thanks&lt;/p&gt;</t>
  </si>
  <si>
    <t>2012-09-25 01:42:59.167000+00:00</t>
  </si>
  <si>
    <t>2012-09-25 07:26:03.547000+00:00</t>
  </si>
  <si>
    <t>2012-09-25 03:34:31.273000+00:00</t>
  </si>
  <si>
    <t>arrays|matlab|unique|cell</t>
  </si>
  <si>
    <t>Logic tables in python with format</t>
  </si>
  <si>
    <t>&lt;p&gt;So I have a quick question in Python. 
Say, I am implementing basic logic gates in &lt;code&gt;python (AND, OR, XOR, XNOR etc)&lt;/code&gt;
like this: &lt;/p&gt;
&lt;h3&gt;OR Gate&lt;/h3&gt;
&lt;pre&gt;&lt;code&gt;def OR(a,b):
    if a == True or b == True:
        return True
    else:
        return False
&lt;/code&gt;&lt;/pre&gt;
&lt;h3&gt;XOR Gate or exclusive OR gate&lt;/h3&gt;
&lt;pre&gt;&lt;code&gt;def XOR(a,b):
    if a != b:
        return True
    else:
        return False
&lt;/code&gt;&lt;/pre&gt;
&lt;h3&gt;XNOR Gate or the logical complement of XOR Gate&lt;/h3&gt;
&lt;pre&gt;&lt;code&gt;def XNOR(XOR):
    if XOR == True:
        return False
    else:
        return True
&lt;/code&gt;&lt;/pre&gt;
&lt;p&gt;1. 
&lt;em&gt;Now, I was trying to print them like this:&lt;/em&gt; &lt;/p&gt;
&lt;pre&gt;&lt;code&gt;print "AND Gate Table:"
print "A = False, B = False \t", AND(False, False)
print "A = True, B = False \t", AND(True, False)
print "A = False, B = True \t", AND(False, True)
print "A = True, B = True \t", AND(True, True)
&lt;/code&gt;&lt;/pre&gt;
&lt;p&gt;&lt;em&gt;This outputs :&lt;/em&gt; &lt;/p&gt;
&lt;pre&gt;&lt;code&gt;AND Gate Table:
A = False, B = False    False
A = True, B = False     False
A = False, B = True     False
A = True, B = True      True
&lt;/code&gt;&lt;/pre&gt;
&lt;p&gt;2. Well Now I thought of using &lt;code&gt;format&lt;/code&gt; to print the table for me, so I did:&lt;/p&gt;
&lt;pre&gt;&lt;code&gt;tableformat = '{:&amp;lt;10}' * 6
print tableformat.format("A", "True", "B", "True", ":", AND(True, True))
&lt;/code&gt;&lt;/pre&gt;
&lt;h3&gt;But to my surprise, this resulted in this&lt;/h3&gt;
&lt;pre&gt;&lt;code&gt;A         False     B         True      :         1 
&lt;/code&gt;&lt;/pre&gt;
&lt;p&gt;Now obviously I changed arguments say &lt;code&gt;AND(True, False)&lt;/code&gt; and repeated Step 2 above and it gave me &lt;code&gt;0&lt;/code&gt;. &lt;/p&gt;
&lt;hr&gt;
&lt;h2&gt;My Question:&lt;/h2&gt;
&lt;p&gt;Now, this is something interesting which I don't understand, how is it returning me boolean when I am simply printing a table, but an actual binary value when I am doing essentially the same thing, calling the same function while printing using &lt;code&gt;[format()][1]&lt;/code&gt;. This is fascinating and I would love to understand how it works. &lt;/p&gt;
&lt;p&gt;&lt;em&gt;Thanks in advance for your answer(s).&lt;/em&gt;&lt;/p&gt;</t>
  </si>
  <si>
    <t>2016-11-12 00:45:25.283000+00:00</t>
  </si>
  <si>
    <t>2016-11-12 10:13:11.703000+00:00</t>
  </si>
  <si>
    <t>python|string-formatting|logical-operators|boolean-logic</t>
  </si>
  <si>
    <t>using hyperlink in a vlookup function</t>
  </si>
  <si>
    <t>&lt;p&gt;very new to this and only just managed the vlookup, anyway, i have a workbook which contains two Sheets. On Sheet1 i have the following formula (=VLOOKUP(CZ54,Sheet2!$A$1:$Y$176,3,FALSE)) which displays the ID number from Sheet2. This works correctly but how do i get to appear as a hyperlink so once clicked it goes to the specific cell it got from the vloopkup on Sheet2?&lt;/p&gt;
&lt;p&gt;I have tried =HYPERLINK(VLOOKUP(CZ54,Sheet2!$A$1:$Y$176,3,FALSE) but i get the error "Cannot get the specified file".&lt;/p&gt;
&lt;p&gt;I would be grateful if anyone can point me in the righ direction, thank you.&lt;/p&gt;</t>
  </si>
  <si>
    <t>2012-09-20 10:20:45.560000+00:00</t>
  </si>
  <si>
    <t>2018-08-29 17:53:10.230000+00:00</t>
  </si>
  <si>
    <t>excel|excel-formula|vlookup</t>
  </si>
  <si>
    <t>Refactoring mongoose queries</t>
  </si>
  <si>
    <t>&lt;p&gt;I been using mongoose a consider amount and I cant seem to get around "callback hell" and polluting my queries with error treatments.&lt;/p&gt;
&lt;p&gt;For example here is a route I have:&lt;/p&gt;
&lt;pre&gt;&lt;code&gt;var homePage = function(req, res) {
        var companyUrl = buildingId = req.params.company
        db.pmModel
            .findOne({ companyUrl: companyUrl })
            .exec(function (err, doc) {
                if (err)
                     return HandleError(req, res, err)
                if( !doc )
                    return NoResult(req, res, {msg: 'Aint there'})
                console.log(doc)
                db.rentalModel
                    .find({ propertyManager: doc.id })
                    .populate('building')
                    .exec(function (err, rentals) {
                        if (err)
                             return HandleError(req, res, err)
                        if( !doc )
                            return NoResult(req, res, {msg: 'Aint there'})
                        console.log(doc)
                        var data = doc.toJSON()
                        data.rentals = rentals
                        res.render('homePage', data)
                    })
            })
    } 
&lt;/code&gt;&lt;/pre&gt;
&lt;p&gt;&lt;strong&gt;my question: is there a more succinct way of writing this?&lt;/strong&gt;&lt;/p&gt;</t>
  </si>
  <si>
    <t>2014-07-02 04:09:47.373000+00:00</t>
  </si>
  <si>
    <t>2014-07-02 14:09:50.750000+00:00</t>
  </si>
  <si>
    <t>user240993</t>
  </si>
  <si>
    <t>node.js|mongoose</t>
  </si>
  <si>
    <t>Dynamically created QActions creating class object</t>
  </si>
  <si>
    <t>&lt;p&gt;I have a simple pyside QMenu which is being populated with QActions when the application starts. Each menu action represents a class object. How can I create a new instance of the class object based on the Menu Item clicked, and append that new object to a list, which in this example is called &lt;/p&gt;
&lt;pre&gt;&lt;code&gt;ACTIVE_BAKERS = []
&lt;/code&gt;&lt;/pre&gt;
&lt;p&gt;&lt;a href="https://i.stack.imgur.com/Pv9tr.png" rel="nofollow noreferrer"&gt;&lt;img src="https://i.stack.imgur.com/Pv9tr.png" alt="enter image description here"&gt;&lt;/a&gt;&lt;/p&gt;
&lt;pre&gt;&lt;code&gt;import sys
from PySide import QtGui, QtCore
################################################################################
# Bakers
################################################################################
class Baker(QtGui.QWidget):
    def __init__(self, name):
        self.name = name
class Baker_John(Baker):
    def __init__(self):
        Baker.__init__(self, name='John')
class Baker_Amy(Baker):
    def __init__(self):
        Baker.__init__(self, name='Amy')
class Baker_Makela(Baker):
    def __init__(self):
        Baker.__init__(self, name='Makela')
class Baker_Jeff(Baker):
    def __init__(self):
        Baker.__init__(self, name='Jeff')
################################################################################
# Action
################################################################################
class MyAction(QtGui.QAction):
    on_action = QtCore.Signal(dict)
    def __init__(self, user_info, *args, **kwargs):
        super(MyAction, self).__init__(*args, **kwargs)
        self.ui = user_info
        self.triggered.connect(self.on_triggered)
    def on_triggered(self):
        print('UI:', self.ui)
        self.on_action.emit(self.ui)
class MainWindow(QtGui.QMainWindow):
    def __init__(self, parent=None):
        super(MainWindow, self).__init__(parent)
        self.resize(200, 300)
        # OBJECTS - variable containing list of class objects created
        ACTIVE_BAKERS = []
        # CONTROLS
        self.ui_items = QtGui.QListView()
        self.ui_items.setContextMenuPolicy(QtCore.Qt.CustomContextMenu)
        self.ui_items.customContextMenuRequested.connect(self.open_tasks_contextmenu)
        self.setCentralWidget(self.ui_items)
        self.create_context_menu_ui()
    # dynamically create the menu
    def create_context_menu_ui(self):
        self.add_baker = QtGui.QMenu("Add")
        AVAILABLE_BAKERS = [Baker_John(), Baker_Amy(), Baker_Makela(), Baker_Jeff()]
        for x in AVAILABLE_BAKERS:
            new_action = MyAction(x, x.name, self)
            self.add_baker.addAction(new_action)
        self._cmenu = QtGui.QMenu()
        self._cmenu.addMenu(self.add_baker)
    def open_tasks_contextmenu(self, position):
        self._cmenu.exec_(QtGui.QCursor.pos())
def main():
    app = QtGui.QApplication(sys.argv)
    ex = MainWindow()
    ex.show()
    sys.exit(app.exec_())
if __name__ == '__main__':
    main()
&lt;/code&gt;&lt;/pre&gt;</t>
  </si>
  <si>
    <t>2018-04-10 12:37:14.613000+00:00</t>
  </si>
  <si>
    <t>2018-04-10 14:33:59.070000+00:00</t>
  </si>
  <si>
    <t>python|pyside|qaction</t>
  </si>
  <si>
    <t>On click Windows Location not adding to form action</t>
  </si>
  <si>
    <t>&lt;p&gt;I am looking over a website that works in all other browsers except IE.&lt;/p&gt;
&lt;p&gt;Is there a reason why a link like below will not work in IE?&lt;/p&gt;
&lt;p&gt;&lt;strong&gt;Code:&lt;/strong&gt;&lt;/p&gt;
&lt;pre&gt;&lt;code&gt;&amp;lt;form action="&amp;lt;?php echo base_url(); ?&amp;gt;shop/cart/add/&amp;lt;?php echo base64_url_encode(url_req()); ?&amp;gt;/" method="post"&amp;gt;
                &amp;lt;div style="height: 150px;"&amp;gt;&amp;lt;a href="&amp;lt;?php echo base_url(); ?&amp;gt;shop/product/details/&amp;lt;?php echo $c-&amp;gt;getId(); ?&amp;gt;/"&amp;gt;&amp;lt;?php if($im = Shop_image::retrieveByPk($c-&amp;gt;getCover_image_id())) echo '&amp;lt;img src="',base_url(),$im-&amp;gt;getMedium_path(),'" alt="click to read more" style="max-height: 120px; max-width: 120px;" /&amp;gt;'; ?&amp;gt;&amp;lt;/a&amp;gt;&amp;lt;/div&amp;gt;
                &amp;lt;p style="height: 30px;"&amp;gt;&amp;lt;a class="products_name" href="&amp;lt;?php echo base_url(); ?&amp;gt;shop/product/details/&amp;lt;?php echo $c-&amp;gt;getId(); ?&amp;gt;/"&amp;gt;&amp;lt;?php echo $c-&amp;gt;getName(); ?&amp;gt;&amp;lt;/a&amp;gt;&amp;lt;/p&amp;gt;
                &amp;lt;p&amp;gt;&amp;lt;span class="price"&amp;gt;&amp;lt;?php if($s=Shop_special::retrieveByCatalogId($c-&amp;gt;getId())): echo '&amp;lt;small&amp;gt;&amp;lt;del&amp;gt;$', number_format($c-&amp;gt;getPrice_net()*1.15,2),'&amp;lt;/del&amp;gt;&amp;lt;/small&amp;gt; '; ?&amp;gt;$&amp;lt;?php echo number_format($s-&amp;gt;getNew_price()*1.15,2); ?&amp;gt;&amp;lt;?php else: ?&amp;gt;&amp;lt;?php if(count($cheap=Shop_quantity_price::retrieveByCatalogIdCheapest($c-&amp;gt;getId()))!=0): ?&amp;gt;From $&amp;lt;?php echo number_format($cheap[0]-&amp;gt;getPrice_per_item()*1.15,2); else: ?&amp;gt;$&amp;lt;?php echo number_format($c-&amp;gt;getPrice_net()*1.15,2); ?&amp;gt;&amp;lt;?php endif; ?&amp;gt;&amp;lt;?php endif; ?&amp;gt;&amp;lt;/span&amp;gt;&amp;lt;span class="currency"&amp;gt;&amp;amp;nbsp;NZD&amp;lt;/span&amp;gt;&amp;lt;/p&amp;gt;
                &amp;lt;p&amp;gt;&amp;lt;a style="text-decoration: none;" href="&amp;lt;?php echo base_url(); ?&amp;gt;shop/product/details/&amp;lt;?php echo $c-&amp;gt;getId(); ?&amp;gt;/"&amp;gt;&amp;lt;img src="&amp;lt;?php echo base_url(); ?&amp;gt;assets/images/button_more.jpg" &amp;gt; &amp;amp;nbsp;&amp;lt;/a&amp;gt;
                    &amp;lt;input type="hidden" name="catalog" value="&amp;lt;?php echo base64_url_encode($c-&amp;gt;getId()); ?&amp;gt;" /&amp;gt;&amp;lt;input type="image" src="&amp;lt;?php echo base_url(); ?&amp;gt;assets/images/button_buynow.jpg" onclick="location.href='&amp;lt;?php echo base_url(); ?&amp;gt;shop/product/details/&amp;lt;?php echo $c-&amp;gt;getId(); ?&amp;gt;/'" value="Buy Now" /&amp;gt;&amp;lt;/p&amp;gt;
            &amp;lt;/form&amp;gt;
&lt;/code&gt;&lt;/pre&gt;</t>
  </si>
  <si>
    <t>2013-04-17 22:05:36.830000+00:00</t>
  </si>
  <si>
    <t>2013-04-17 22:38:32.223000+00:00</t>
  </si>
  <si>
    <t>2013-04-17 22:35:04.623000+00:00</t>
  </si>
  <si>
    <t>html|forms|internet-explorer|onclick|action</t>
  </si>
  <si>
    <t>SSRS Wildcard search in Report Parameters</t>
  </si>
  <si>
    <t>&lt;p&gt;How do I write an SSRS Wildcard search in the Report Parameters&lt;/p&gt;
&lt;p&gt;SELECT *
FROM Table1
WHERE Table1.Name = LIKE '%'@Name'%'&lt;/p&gt;
&lt;p&gt;or&lt;/p&gt;
&lt;p&gt;WHERE Table1.Name = in (:Name)?&lt;/p&gt;
&lt;p&gt;How do I do this in SSRS?&lt;/p&gt;</t>
  </si>
  <si>
    <t>2013-10-28 14:59:20.763000+00:00</t>
  </si>
  <si>
    <t>2017-06-16 05:13:57.600000+00:00</t>
  </si>
  <si>
    <t>2013-10-28 16:09:42.940000+00:00</t>
  </si>
  <si>
    <t>reporting-services|ssrs-2008</t>
  </si>
  <si>
    <t>Object instantiation and weak references</t>
  </si>
  <si>
    <t>&lt;p&gt;Although I understand the concept of weak and strong references in C# and can find a lot of materials about this matter, one simple question puzzles me.&lt;/p&gt;
&lt;p&gt;Let's have a look at this simple scenario:&lt;/p&gt;
&lt;pre&gt;&lt;code&gt;class MyClass {}
class MyClass2 
{
    public MyClass2()
    {
        // #1
        new MyClass();
    }
}
class Program 
{
    static void MyMethod(MyClass instance) { }        
    static void Main() 
    {   
        MyClass2 instance = new MyClass2();             
        // #2   
        MyMethod(new MyClass());
        // #3
        WeakReference&amp;lt;MyClass&amp;gt; instance2 = new WeakReference&amp;lt;MyClass&amp;gt;(new MyClass());
    }
}
&lt;/code&gt;&lt;/pre&gt;
&lt;p&gt;Can we say that we have instantiated our objects using &lt;strong&gt;&lt;em&gt;weak reference&lt;/em&gt;&lt;/strong&gt; at #1, #2 and #3 ? Or just at #3? What is the difference here?&lt;/p&gt;</t>
  </si>
  <si>
    <t>2015-08-14 08:39:46.667000+00:00</t>
  </si>
  <si>
    <t>2015-08-14 09:17:29.203000+00:00</t>
  </si>
  <si>
    <t>c#|instantiation|weak-references</t>
  </si>
  <si>
    <t>Google Sheet API in Angular2/Ionic2 gapi.client.sheet</t>
  </si>
  <si>
    <t>&lt;p&gt;I write Angular2/Ionic2 app to show list content of google sheet. Login with Google works fine but gapi.client.sheet got undefined. What should I do to solution it or have method instead?&lt;/p&gt;
&lt;p&gt;I installed&lt;/p&gt;
&lt;pre&gt;&lt;code&gt;npm install --save @types/gapi
npm install --save @types/gapi.auth2
&lt;/code&gt;&lt;/pre&gt;
&lt;p&gt;this is my &lt;code&gt;home.html&lt;/code&gt;&lt;/p&gt;
&lt;pre&gt;&lt;code&gt;&amp;lt;ion-content&amp;gt;
  &amp;lt;pre id="content"&amp;gt;&amp;lt;/pre&amp;gt;
  &amp;lt;button ion-button id="authorize-button" (click)="handleAuthClick()"&amp;gt;Authorize&amp;lt;/button&amp;gt;
  &amp;lt;button ion-button id="signout-button" (click)="handleSignoutClick()"&amp;gt;Sign Out&amp;lt;/button&amp;gt;
&amp;lt;/ion-content&amp;gt;
&lt;/code&gt;&lt;/pre&gt;
&lt;p&gt;and this is my home.ts&lt;/p&gt;
&lt;pre&gt;&lt;code&gt;import { Component, ViewChild} from '@angular/core';
import { AlertController, App, FabContainer, ItemSliding, List, ModalController, NavController, LoadingController } from 'ionic-angular';
@Component({
  selector: 'page-home',
  templateUrl: 'home.html'
})
export class TalentsPage {
  @ViewChild('talentList', { read: List }) talentList: List;
  constructor(
    public alertCtrl: AlertController,
    public app: App,
    public loadingCtrl: LoadingController,
    public modalCtrl: ModalController,
    public navCtrl: NavController
  ) {}
  ionViewWillEnter() {
    this.app.setTitle('Talents');
    this.updateList();
    this.handleClientLoad();
  }    
  handleClientLoad() {
    gapi.load('client:auth2', this.initClient);
  }
  initClient() {
    gapi.client.init({discoveryDocs: ["https://sheets.googleapis.com/$discovery/rest?version=v4"], clientId: 'xxxx.apps.googleusercontent.com', scope: "https://www.googleapis.com/auth/spreadsheets.readonly"
    }).then(function () {
    this.listMajors();
    this.updateSigninStatus(gapi.auth2.getAuthInstance().isSignedIn.get());
    });
  }
  updateSigninStatus(isSignedIn) {
    if (isSignedIn) {
      this.listMajors();
    } else {
      alert("doesnt sign in");          
    }
  }
  listMajors() {
        gapi.client.sheets.spreadsheets.values.get({
          spreadsheetId: 'xxxx',
          range: 'All BP!A1:R16'
        }).then(function(response) {
          var range = response.result;
          if (range.values.length &amp;gt; 0) {
            this.appendPre('Name, Major:');
            for (let i = 0; i &amp;lt; range.values.length; i++) {
              var row = range.values[i];
              // Print columns A and E, which correspond to indices 0 and 4.
              this.appendPre(row[0] + ', ' + row[4]);
            }
          } else {
            this.appendPre('No data found.');
          }
        }, function(response) {
          this.appendPre('Error: ' + response.result.error.message);
        });
    }
  appendPre(message) {
    var pre = document.getElementById('content');
    var textContent = document.createTextNode(message + '\n');
    pre.appendChild(textContent);
  }
  handleAuthClick(event) {
    alert("signin");
    gapi.auth2.getAuthInstance().signIn();
    this.listMajors();
  }
  handleSignoutClick(event) {
    alert("signout");
    gapi.auth2.getAuthInstance().signOut();
  }
}
&lt;/code&gt;&lt;/pre&gt;</t>
  </si>
  <si>
    <t>2017-03-28 14:32:34.090000+00:00</t>
  </si>
  <si>
    <t>2017-03-28 15:38:41.470000+00:00</t>
  </si>
  <si>
    <t>types|ionic2|gapi</t>
  </si>
  <si>
    <t>How to get value after using str_replace once?</t>
  </si>
  <si>
    <t>&lt;p&gt;I have using str_replace function to separate specific value after that I want to get again value on it.&lt;/p&gt;
&lt;p&gt;Example:&lt;/p&gt;
&lt;pre&gt;&lt;code&gt;function getPID($conf,$fdata){
global $text;
$pid = $fdata[offer];
$pid = str_replace(array('p='),"\t",$pid);
$pid = str_replace(array('&amp;amp;sid'),"\t",$pid);
$pid = str_replace(array(" "),"\n",$pid);
return $pid;
}
&lt;/code&gt;&lt;/pre&gt;
&lt;p&gt;I use this str_replace to separate &lt;/p&gt;
&lt;blockquote&gt;
  &lt;p&gt;k=Apple+iPhone+5c+32GB&amp;amp;m=Digital+Rev&amp;amp;p=567d02921b38c979f8cd43c7109bc177&amp;amp;sid=%23%23permalink%23%23&amp;amp;referrer=&lt;/p&gt;
&lt;/blockquote&gt;
&lt;p&gt;A result after using str_replace and call pid will is following:&lt;/p&gt;
&lt;blockquote&gt;
  &lt;p&gt;Apple+iPhone+5c+32GB&amp;amp;m=Digital+Rev&amp;amp;
  567d02921b38c979f8cd43c7109bc177
  =%23%23permalink%23%23&amp;amp;referrer=&lt;/p&gt;
&lt;/blockquote&gt;
&lt;p&gt;However, I want to get value as &lt;strong&gt;567d02921b38c979f8cd43c7109bc177&lt;/strong&gt; only not include above line and bottom line.&lt;/p&gt;
&lt;p&gt;How can I get it? Is it possible to get this value?&lt;/p&gt;</t>
  </si>
  <si>
    <t>2013-11-09 10:37:10.410000+00:00</t>
  </si>
  <si>
    <t>2013-11-09 10:40:33.537000+00:00</t>
  </si>
  <si>
    <t>2013-11-09 10:38:15.490000+00:00</t>
  </si>
  <si>
    <t>Website performance when sending emails in php</t>
  </si>
  <si>
    <t>&lt;p&gt;I plan to send an excess amount of emails daily to my website users. I am using php. Will such a task affect the performance of my website? What can be done to prevent issues?&lt;/p&gt;
&lt;p&gt;Note: Emails are sent with users consent and scheduled by them. No spamming. &lt;/p&gt;</t>
  </si>
  <si>
    <t>2012-02-13 00:40:03.010000+00:00</t>
  </si>
  <si>
    <t>2012-02-13 01:33:40.343000+00:00</t>
  </si>
  <si>
    <t>php|email</t>
  </si>
  <si>
    <t>SQL Server 2008 R2: Prepare dynamic WILDCARD</t>
  </si>
  <si>
    <t>&lt;p&gt;I have the following table &lt;code&gt;Test_01&lt;/code&gt; with two columns namely &lt;code&gt;Cola&lt;/code&gt; and &lt;code&gt;Colb&lt;/code&gt;.&lt;/p&gt;
&lt;p&gt;I have a situation were I need to use &lt;code&gt;LIKE&lt;/code&gt; with &lt;code&gt;IN&lt;/code&gt; for multiple values.&lt;/p&gt;
&lt;p&gt;&lt;strong&gt;Table&lt;/strong&gt;:&lt;/p&gt;
&lt;pre&gt;&lt;code&gt;SELECT * FROM Test_01;
Cola    Colb 
------------
1       A
11      B
22      C
&lt;/code&gt;&lt;/pre&gt;
&lt;p&gt;&lt;strong&gt;Example&lt;/strong&gt;:&lt;/p&gt;
&lt;pre&gt;&lt;code&gt;DECLARE @a VARCHAR(max) = 'A,B,C'
DECLARE @sql VARCHAR(max) = ''
&lt;/code&gt;&lt;/pre&gt;
&lt;p&gt;&lt;strong&gt;My bad try&lt;/strong&gt;: Which does not works&lt;/p&gt;
&lt;pre&gt;&lt;code&gt;SET @SQL = 'SELECT * from test_01 
        WHERE Colb LIKE IN (''%'+REPLACE(@a,',','%'',''%')+'%'')';
PRINT(@sql);
&lt;/code&gt;&lt;/pre&gt;
&lt;p&gt;Finally I came to know that I need to prepare a &lt;code&gt;LIKE&lt;/code&gt; with &lt;code&gt;OR&lt;/code&gt; condition by referring &lt;a href="https://stackoverflow.com/questions/1865353/combining-like-and-in-for-sql-server"&gt;THIS&lt;/a&gt;.&lt;/p&gt;
&lt;p&gt;How to prepare a dynamic WILDCARD as shown it below?&lt;/p&gt;
&lt;pre&gt;&lt;code&gt;SELECT * FROM Test_01
WHERE 
Colb LIKE '%A%' OR 
Colb LIKE '%B%' OR 
Colb LIKE '%C%' ; 
&lt;/code&gt;&lt;/pre&gt;</t>
  </si>
  <si>
    <t>2015-10-28 05:47:41.830000+00:00</t>
  </si>
  <si>
    <t>2015-10-28 06:04:20.883000+00:00</t>
  </si>
  <si>
    <t>2017-05-23 11:44:50.017000+00:00</t>
  </si>
  <si>
    <t>sql-server|sql-server-2008-r2|wildcard</t>
  </si>
  <si>
    <t>How to do this diagonal matrix in matlab?</t>
  </si>
  <si>
    <t>&lt;p&gt;can you help me with this type of diagonal matrix?&lt;/p&gt;
&lt;pre&gt;&lt;code&gt;  |      1| 
  |     1 |
  |    1  |
I=|   1   |
  |  1    |
  | 1     |
  |1      |
&lt;/code&gt;&lt;/pre&gt;
&lt;p&gt;I don't know how to do it in Matlab.&lt;/p&gt;</t>
  </si>
  <si>
    <t>2013-03-15 14:49:12.183000+00:00</t>
  </si>
  <si>
    <t>2013-03-15 14:55:29.550000+00:00</t>
  </si>
  <si>
    <t>2013-03-15 14:50:34.183000+00:00</t>
  </si>
  <si>
    <t>matlab|matrix|diagonal</t>
  </si>
  <si>
    <t>select two values in one option html form php mysql</t>
  </si>
  <si>
    <t>&lt;p&gt;how i can select two values in one form select html?&lt;/p&gt;
&lt;p&gt;how explode exactly? &lt;/p&gt;
&lt;pre&gt;&lt;code&gt;this is my table
id   name      divition
1    john      IT
2    blair     ACCOUNTING
3    Fira      Finance
&lt;/code&gt;&lt;/pre&gt;
&lt;p&gt;i have form like this&lt;/p&gt;
&lt;pre&gt;&lt;code&gt;&amp;lt;select name="select" id="divi"&amp;gt;
    &amp;lt;option value="it"&amp;gt;IT&amp;lt;/option&amp;gt;
    &amp;lt;option value="ACCOUNTING.FINANCE"&amp;gt;Accounting Finance&amp;lt;/option&amp;gt;
&lt;/code&gt;&lt;/pre&gt;
&lt;p&gt;&lt;/p&gt;
&lt;p&gt;&lt;/p&gt;
&lt;p&gt;and the php process will be like this&lt;/p&gt;
&lt;pre&gt;&lt;code&gt;if (isset($_POST['submit'])) {
$divi = $_POST['divi'];
$divi = explode(".",$divi);
$sql = "SELECT * FROM table WHERE divition = '$divi'";
&lt;/code&gt;&lt;/pre&gt;
&lt;p&gt;i need show data when user select Acc &amp;amp; Finance it will show all name with divition Accounting and finance.&lt;/p&gt;
&lt;p&gt;Thank you so much&lt;/p&gt;</t>
  </si>
  <si>
    <t>2017-11-28 08:13:21.553000+00:00</t>
  </si>
  <si>
    <t>2017-11-28 08:32:17.990000+00:00</t>
  </si>
  <si>
    <t>Unable to take input via google keyboard in android google chrome browser</t>
  </si>
  <si>
    <t>&lt;p&gt;I am using chrome for testing my mobile webpage.
My Input box does not display any text when i type in it.
It displays when i use any other keyboard except google keyboards!
when i change settings to swift keyboard it displays the text input.
it also displays when i put the spell check off.&lt;/p&gt;
&lt;pre&gt;&lt;code&gt;&amp;lt;div class="RG_input"&amp;gt;
                                    &amp;lt;input type="text" class="CompanyName" id="txtName"&amp;gt;
                                    &amp;lt;span id="spnErrorAppName" class="error" style="display: none;"&amp;gt;Please enter name&amp;lt;/span&amp;gt;
                                    &amp;lt;label for="input" class="register"&amp;gt;
                                    &amp;lt;/label&amp;gt;
                                    &amp;lt;i class="bar"&amp;gt;&amp;lt;/i&amp;gt;
                                &amp;lt;/div&amp;gt;
&lt;/code&gt;&lt;/pre&gt;</t>
  </si>
  <si>
    <t>2016-08-26 10:57:22.770000+00:00</t>
  </si>
  <si>
    <t>2016-08-30 05:11:11.467000+00:00</t>
  </si>
  <si>
    <t>2016-08-26 10:58:56.703000+00:00</t>
  </si>
  <si>
    <t>android|html|google-chrome|webpage</t>
  </si>
  <si>
    <t>Android RenameTo leaves empty file</t>
  </si>
  <si>
    <t>&lt;p&gt;Could you please help me. &lt;code&gt;renameTo()&lt;/code&gt; leaves empty old file. So I see 2 files in file system with new name and old name. The size of old file is &lt;code&gt;0&lt;/code&gt;. If I delete old file after renaming it says that file does not exist while staying in file system.&lt;/p&gt;
&lt;p&gt;An absolute path of directory is:&lt;/p&gt;
&lt;pre&gt;&lt;code&gt;/storage/sdcard0/DCIM/Camera
&lt;/code&gt;&lt;/pre&gt;
&lt;p&gt;My code:&lt;/p&gt;
&lt;pre&gt;&lt;code&gt;       String dir = oldpath.substring(0, oldpath.lastIndexOf("/"));
        File directory = new File(dir);
        File from      = new File(directory, oldfilename);
        File to        = new File(directory, newname);
        renamed = from.renameTo(to);
&lt;/code&gt;&lt;/pre&gt;</t>
  </si>
  <si>
    <t>2015-02-13 20:40:46.123000+00:00</t>
  </si>
  <si>
    <t>2016-02-10 12:35:27.437000+00:00</t>
  </si>
  <si>
    <t>2015-02-14 11:47:59.963000+00:00</t>
  </si>
  <si>
    <t>android|android-file</t>
  </si>
  <si>
    <t>Kubernetes Autoscaler how to always keep one node at idle</t>
  </si>
  <si>
    <t>&lt;p&gt;I am currently working with GPU's and since they are expensive I want them to scale down and up depending on the load. However scaling up the cluster and preparing the node takes around 8 minutes since it installs the drivers and do some other preparation. &lt;/p&gt;
&lt;p&gt;So to solve this problem, I want to let one node stay in idle state and autoscale the rest of the nodes. Is there any way to do it?&lt;/p&gt;
&lt;p&gt;This way when a request comes, the idle node will take it and a new idle node will be created.&lt;/p&gt;
&lt;p&gt;Thanks!&lt;/p&gt;</t>
  </si>
  <si>
    <t>2018-11-02 07:40:21.167000+00:00</t>
  </si>
  <si>
    <t>2018-11-03 02:22:06.610000+00:00</t>
  </si>
  <si>
    <t>2018-11-02 08:01:59.173000+00:00</t>
  </si>
  <si>
    <t>kubernetes|gpu|autoscaling|gke</t>
  </si>
  <si>
    <t>How can i write this XAML with c# code?</t>
  </si>
  <si>
    <t>&lt;p&gt;how can i write the following xaml with c# code?&lt;/p&gt;
&lt;pre&gt;&lt;code&gt; &amp;lt;DataGridTextColumn 
     Header="{Binding (FrameworkElement.DataContext).NamedRankTypeHelper.NamedRankTypeList,
                      RelativeSource={x:Static RelativeSource.Self},
                      Converter={StaticResource GridHeaderListeToHeaderValueConv},
                      ConverterParameter=1,
                      FallbackValue=Filter1}" IsReadOnly="true"&amp;gt;
     &amp;lt;DataGridTextColumn.Binding&amp;gt;
          &amp;lt;Binding Path="Programm" ValidatesOnDataErrors="True"&amp;gt;
          &amp;lt;/Binding&amp;gt;
     &amp;lt;/DataGridTextColumn.Binding&amp;gt;
  &amp;lt;/DataGridTextColumn&amp;gt;
&lt;/code&gt;&lt;/pre&gt;
&lt;p&gt;i tried this but my problem is the &lt;strong&gt;(FrameworkElement.DataContext)&lt;/strong&gt;&lt;/p&gt;
&lt;pre&gt;&lt;code&gt;for (int i = 1; i &amp;lt;= maxRank; i++)
        {
            this.GridDruckUndVersand.Columns.Insert(i + start,
                new DataGridTextColumn()
                {
//dont know how i can put in (FrameworkElement.DataContext)
                    Header = new Binding("(FrameworkElement.DataContext).NamedRankTypeHelper.NamedRankTypeList")
                                    {
                                        RelativeSource = new RelativeSource(RelativeSourceMode.Self),
                                        Converter = new NamedRankTypeToGridFilterHeaderConverter(),
                                        ConverterParameter = i.ToString(),
                                        FallbackValue = "Filter "+ i.ToString()
                                    },
                    IsReadOnly = true,
                    Binding = new Binding("FilterItems[" + i + "]")
                });
        }
&lt;/code&gt;&lt;/pre&gt;</t>
  </si>
  <si>
    <t>2010-11-08 08:39:31+00:00</t>
  </si>
  <si>
    <t>2010-11-08 08:48:14.243000+00:00</t>
  </si>
  <si>
    <t>wpf|data-binding|binding</t>
  </si>
  <si>
    <t>Exporting .jar to use in Unity with 3rd-party libs included: NoClassDefFoundError</t>
  </si>
  <si>
    <t>&lt;p&gt;This seems to be a common issue when exporting jars with Eclipse. Now, my context.&lt;/p&gt;
&lt;p&gt;I'm attempting to write Java plugins to use in Unity applications. When I did a simple plugin with no external libraries (except the classes.jar so I can call a UnityPlayerActivity), it worked pretty well. "Now, let's use some utils libraries". So I wrote a plugin which uses Jackson libraries to parse and process JSON data, so I can serialize it to a Java object, or just pass RAW data, then build a Unity (C#) object.&lt;/p&gt;
&lt;p&gt;I add the libraries directly from the file system to the 'libs' folder (copying the .jars, not linking them), add to build path, check every one in the &lt;strong&gt;Order and Export&lt;/strong&gt;, clean and build, and export to JAR file (not runnable, but simple JAR file). Then, I add my new .jar to Unity Assets/Plugins/Android folder, then build my .apk. As soon as the game starts, I get the classic NoClassDefFoundError because of a constructer using a Jackson class. Checking the .jar contents, I find that Jackson libraries are, indeed, exported and within the 'libs' folder, but still it won't "find" it. The error will be thrown by the main thread, thus the application will crash.&lt;/p&gt;
&lt;p&gt;I'm using ADT with API 17, so the libs folder must be named 'libs' (even Eclipse does create this folder when creating a new Android project), JRE 1.6 and Jackson libraries ver. 2.2.0. Already followed a lot of questions here, but none of their suggestions has worked for me.&lt;/p&gt;
&lt;p&gt;Any pointers here? Has the Android API version anything to do here? Is there something I'm not doing?&lt;/p&gt;
&lt;p&gt;Thanks in advance.&lt;/p&gt;</t>
  </si>
  <si>
    <t>2013-06-06 19:59:03.870000+00:00</t>
  </si>
  <si>
    <t>2013-07-16 19:41:07.620000+00:00</t>
  </si>
  <si>
    <t>2013-06-06 20:20:20.523000+00:00</t>
  </si>
  <si>
    <t>android|eclipse|jar|unity3d|adt</t>
  </si>
  <si>
    <t>Launch exe file from project</t>
  </si>
  <si>
    <t>&lt;p&gt;In a WPF project I have a block which launch application using:&lt;/p&gt;
&lt;pre&gt;&lt;code&gt; Process.Start(url);
&lt;/code&gt;&lt;/pre&gt;
&lt;p&gt;If it throws an error I would like the application to offer to install the exe the sits on the part of the application folder.
The problem is that I am unable to direct to relative folder in the project in order to launch the application.
Would appreciate any assistance.&lt;/p&gt;</t>
  </si>
  <si>
    <t>2016-07-25 14:46:32.963000+00:00</t>
  </si>
  <si>
    <t>2016-07-26 03:25:25.400000+00:00</t>
  </si>
  <si>
    <t>wpf|visual-studio|relative-path|process.start</t>
  </si>
  <si>
    <t>How to dynamically adapt the layout by using only CSS</t>
  </si>
  <si>
    <t>&lt;p&gt;Depending by the size of the app interface, I need to adapt dynamically the layout by using only CSS.
It will be possible?&lt;/p&gt;
&lt;p&gt;If the width of my app is 500px, I'd like to display the 3 containers in this way:&lt;/p&gt;
&lt;pre&gt;&lt;code&gt;            | A   B |  // width 500px
            |   C   |
&lt;/code&gt;&lt;/pre&gt;
&lt;p&gt;If the width of my app is 750px, I'd like to display the 3 containers in this way:&lt;/p&gt;
&lt;pre&gt;&lt;code&gt;            |  A  B  C  | // width 750px
&lt;/code&gt;&lt;/pre&gt;
&lt;p&gt;Here is the &lt;a href="http://jsfiddle.net/euYTQ/60/" rel="nofollow"&gt;example&lt;/a&gt;.&lt;/p&gt;
&lt;p&gt;By clicking on the button "change app size" you can change the size of the container.&lt;/p&gt;</t>
  </si>
  <si>
    <t>2011-09-22 16:41:41.420000+00:00</t>
  </si>
  <si>
    <t>2011-09-22 16:47:47.347000+00:00</t>
  </si>
  <si>
    <t>ZK Framework and Geb for testing</t>
  </si>
  <si>
    <t>&lt;p&gt;I've got a web application in ZK Framework and I'd like to create implement some smoke tests using Geb.&lt;/p&gt;
&lt;p&gt;Is it possible to test a ZK Framework app using Geb? I mean there's a lot of zul pages dynamically created so I guess it might be impossible.&lt;/p&gt;
&lt;p&gt;Maybe you have some experience you can share in that matter.&lt;/p&gt;
&lt;p&gt;Cheers!&lt;/p&gt;</t>
  </si>
  <si>
    <t>2015-10-05 12:32:12.580000+00:00</t>
  </si>
  <si>
    <t>2015-10-21 20:05:31.210000+00:00</t>
  </si>
  <si>
    <t>java|zk|geb</t>
  </si>
  <si>
    <t>How to only change parameters for "lower" plots in the ggpairs function from GGally package</t>
  </si>
  <si>
    <t>&lt;p&gt;I have the following example&lt;/p&gt;
&lt;pre&gt;&lt;code&gt;data(diamonds, package="ggplot2")
diamonds.samp &amp;lt;- diamonds[sample(1:dim(diamonds)[1],200),]
ggpairs(diamonds.samp, columns=8:10,
    upper=list(continuous='cor'),
    lower=list(continuous = 'points'),
    diag=list(continuous='density'),
    axisLabels='show'
)
&lt;/code&gt;&lt;/pre&gt;
&lt;p&gt;Resulting in a really nice figure:&lt;img src="https://i.stack.imgur.com/yuVLW.png" alt="Result of ggpair function"&gt;&lt;/p&gt;
&lt;p&gt;But my problem is that in the real dataset I have to many points whereby I would like to change the parameters for the point geom. I want to reduce the dot size and use a lower alpha value. I can however not doe this with the "param" option it applies to all plot - not just the lower one:&lt;/p&gt;
&lt;pre&gt;&lt;code&gt;ggpairs(diamonds.samp, columns=8:10,
        upper=list(continuous='cor'),
        lower=list(continuous = 'points'),
        diag=list(continuous='density'),
        params=c(alpha=1/10),
        axisLabels='show'
)
&lt;/code&gt;&lt;/pre&gt;
&lt;p&gt;resulting in this plot:
&lt;img src="https://i.stack.imgur.com/ukZEs.png" alt="Result of ggpair function"&gt;&lt;/p&gt;
&lt;p&gt;Is there a way to apply parameters to only "lower" plots - or do I have to use the ability to create custom plots as suggested in the topic &lt;a href="https://stackoverflow.com/questions/11724351/how-to-adjust-figure-settings-in-plotmatrix/11732345#11732345"&gt;How to adjust figure settings in plotmatrix?&lt;/a&gt;  &lt;/p&gt;
&lt;p&gt;In advance - thanks!&lt;/p&gt;</t>
  </si>
  <si>
    <t>2013-12-04 10:01:14.453000+00:00</t>
  </si>
  <si>
    <t>2013-12-04 14:23:37.217000+00:00</t>
  </si>
  <si>
    <t>2017-05-23 12:14:34.777000+00:00</t>
  </si>
  <si>
    <t>Running a batch file in a network directory using VBA</t>
  </si>
  <si>
    <t>&lt;p&gt;I have a .bat file calling from VBA, it is working when I use a local folder as path (example as C:\Users\cthoud01\Desktop\my scripts\scripts).&lt;/p&gt;
&lt;p&gt;However, I got an error if I use a path from a network directory (example - H:\scripts). I also tried replacing the path as """H:\scripts\""" but continue to get the same error. I would like to hear from our experts if there is any way around to make this work.&lt;/p&gt;
&lt;p&gt;Below is the error message I receive:
&lt;a href="https://i.stack.imgur.com/rTxko.jpg" rel="nofollow noreferrer"&gt;&lt;img src="https://i.stack.imgur.com/rTxko.jpg" alt="enter image description here"&gt;&lt;/a&gt; &lt;/p&gt;
&lt;p&gt;VBA Code I am using:&lt;/p&gt;
&lt;pre&gt;&lt;code&gt;Sub test()
Dim wsh As Object
Set wsh = VBA.CreateObject("WScript.Shell")
Dim waitOnReturn As Boolean: waitOnReturn = True
Dim WindowStyle As Integer: WindowStyle = 1
Dim errorCode As Long
Dim pth As String
errorCode = wsh.Run("cmd.exe /k cd """ &amp;amp; "H:\scripts\" &amp;amp; """ &amp;amp;&amp;amp; DeleteMatrix.bat", WindowStyle, waitOnReturn)
If errorCode &amp;lt;&amp;gt; 0 Then
    MsgBox "fail, please retry"
    End
End If
&lt;/code&gt;&lt;/pre&gt;
&lt;p&gt;End Sub&lt;/p&gt;</t>
  </si>
  <si>
    <t>2016-12-20 22:41:01.623000+00:00</t>
  </si>
  <si>
    <t>2016-12-21 02:23:43.387000+00:00</t>
  </si>
  <si>
    <t>excel-vba|batch-file|vba|excel</t>
  </si>
  <si>
    <t>Using MsgPack custom serializer in C# application</t>
  </si>
  <si>
    <t>&lt;p&gt;I am experiencing difficulties with using MsgPack custom serializer in C#. Say, I have the following class:    &lt;/p&gt;
&lt;pre&gt;&lt;code&gt;public class A
{
    public int intA;
    public string strA;
    public B nestedB;
}
public class B
{
    public string strB;
    public int intB; 
} 
&lt;/code&gt;&lt;/pre&gt;
&lt;p&gt;I am writing custom deserializer for class A. So my method looks like:&lt;/p&gt;
&lt;pre&gt;&lt;code&gt;protected override A UnpackFromCore(Unpacker unpacker)
{
     int inta;
     unpacker.ReadInt32(out inta);
     string stra;
     unpacker.ReadString(out stra);
     B b = new B;
     // ??? How to get B from unpacker
     unpacker.?????(b);
}
&lt;/code&gt;&lt;/pre&gt;
&lt;p&gt;Everything goes fine with primitive types, but how to extract instance of class B from unpacker? Wiki documentation is quite poor, and not to much information on the Internet regarding MessagePack C# implementation.
Any kind of help or advice would be greatly appreciated.&lt;/p&gt;</t>
  </si>
  <si>
    <t>2013-11-15 14:47:25.703000+00:00</t>
  </si>
  <si>
    <t>2015-08-14 09:54:22.470000+00:00</t>
  </si>
  <si>
    <t>2013-11-15 15:36:52.187000+00:00</t>
  </si>
  <si>
    <t>c#|.net|msgpack|messagepack</t>
  </si>
  <si>
    <t>Angular 1.3.6 "Controller As" Not Working</t>
  </si>
  <si>
    <t>&lt;p&gt;I've been working on an Angular JS project that was using version 1.2.7 and recently upgraded to 1.3.6. Everything has been working great, except the "controller as" controller aliasing for views. The existing properties on the controller instance are no longer accessible in the view; in fact my alias (say "ctrl") doesn't show up in Batarang either.&lt;/p&gt;
&lt;p&gt;The documentation for "controller as" in Angular 1.3.6 appears to be the same as it was in 1.2; did something break? Did I break something? Do I need to change something else?&lt;/p&gt;
&lt;p&gt;I'm using UI Router, which worked before with the "controller as" mapping, but it doesn't work in the state mapping, nor in the view itself if I specify ng-controller.&lt;/p&gt;
&lt;p&gt;Am I missing something? How can I debug and/or fix this?&lt;/p&gt;
&lt;p&gt;Thanks!&lt;/p&gt;
&lt;p&gt;JavaScript:&lt;/p&gt;
&lt;pre&gt;&lt;code&gt;controller('MyController', function () {
    this.foo = 'bar';
});
&lt;/code&gt;&lt;/pre&gt;
&lt;p&gt;HTML:&lt;/p&gt;
&lt;pre&gt;&lt;code&gt;&amp;lt;div ng-controller="MyController as myctrl"&amp;gt;
    Foo {{myctrl.foo}}
&amp;lt;/div&amp;gt;
&lt;/code&gt;&lt;/pre&gt;
&lt;p&gt;myctrl is undefined&lt;/p&gt;</t>
  </si>
  <si>
    <t>2014-12-10 21:28:14.460000+00:00</t>
  </si>
  <si>
    <t>2014-12-11 00:32:36.930000+00:00</t>
  </si>
  <si>
    <t>angularjs|controller|angular-ui-router</t>
  </si>
  <si>
    <t>java Collection FrameWork</t>
  </si>
  <si>
    <t>&lt;p&gt;i want to store Arraylist inside Another List, some thing like this i know its wrong but pretty much like this....&lt;/p&gt;
&lt;pre&gt;&lt;code&gt; List list=new ArrayList();
 list.add(new("element1","element2","element3",element4=?);
 list.add(new("element5","element6","element7",element8=?);
&lt;/code&gt;&lt;/pre&gt;
&lt;p&gt;now if u see the above code its ok and fine to add elements or first row to list up to third element but the fourth element is another array[string array] how to add it or append it to the first row of element.
same with the second row.&lt;/p&gt;
&lt;p&gt;&lt;strong&gt;NOTE:- element4 and element8 are also differ in length means element4 has 2 string and element 8 has 10 strings.&lt;/strong&gt;&lt;/p&gt;
&lt;p&gt;when i display the list it should show list like this&lt;/p&gt;
&lt;pre&gt;&lt;code&gt;  The first row of list is
  element1  element2  element3  element4.1  element4.2 
  the second row of list is
  element5  element6  element7  element8.1  element8.2 element8.3 element8.4 element8.5 element8.6 element8.7 element8.9 element8.10
&lt;/code&gt;&lt;/pre&gt;</t>
  </si>
  <si>
    <t>2012-03-09 11:10:54.513000+00:00</t>
  </si>
  <si>
    <t>2012-03-09 11:28:00.030000+00:00</t>
  </si>
  <si>
    <t>2012-03-09 11:20:43.493000+00:00</t>
  </si>
  <si>
    <t>java|collections</t>
  </si>
  <si>
    <t>cmd.exe will not terminate under certain conditions when launched with the CreateProcess function</t>
  </si>
  <si>
    <t>&lt;p&gt;I am executing batch commands via a C program with the CreateProcess function. I check to see if the process has terminated with the GetExitCodeProcess function, by checking to see if the process exit code equals anything except STILL_ACTIVE. This works fine with commands like "cmd /c echo Hello World", but for commands like "cmd /c dir c:\windows" or "cmd /c dir c:\windows &amp;amp; exit", cmd.exe will never terminate. Either command when launched thru the command prompt will terminate as expected. Does anyone know why it never terminates when launched via CreateProcess? Thanks a lot.&lt;/p&gt;</t>
  </si>
  <si>
    <t>2012-12-13 18:31:11.330000+00:00</t>
  </si>
  <si>
    <t>2012-12-15 19:49:42.420000+00:00</t>
  </si>
  <si>
    <t>2012-12-15 18:23:38.683000+00:00</t>
  </si>
  <si>
    <t>winapi|batch-file|cmd</t>
  </si>
  <si>
    <t>MySql - Getting total number from two groups of records from one table</t>
  </si>
  <si>
    <t>&lt;p&gt;I am on Mysql version 5.5. I have two tables - product, ordr.&lt;/p&gt;
&lt;pre&gt;&lt;code&gt;CREATE TABLE `product` (
  `id` int(11) NOT NULL,
  `name` varchar(45) DEFAULT NULL,
  PRIMARY KEY (`id`)
) ENGINE=InnoDB DEFAULT CHARSET=utf8;
CREATE TABLE `ordr` (
  `id` int(11) NOT NULL,
  `product_id` varchar(45) DEFAULT NULL,
  `status` varchar(45) DEFAULT NULL,
  `qty` int(11) DEFAULT NULL,
  PRIMARY KEY (`id`)
) ENGINE=InnoDB DEFAULT CHARSET=utf8;
&lt;/code&gt;&lt;/pre&gt;
&lt;p&gt;Here is how they are populated -&lt;/p&gt;
&lt;pre&gt;&lt;code&gt;insert into product values (20, 'pen');
insert into ordr values (100, 20, 'queue', 5);
insert into ordr values (110, 20, 'queue', 5);
insert into ordr values (120, 20, 'pending', 10);
insert into ordr values (130, 20, 'pending', 10);
insert into ordr values (140, 20, 'pending', 10);
&lt;/code&gt;&lt;/pre&gt;
&lt;p&gt;I want to get the total quantity of products that are in two different statuses. For the test data above data, I want to see 10 for queue quantity and 30 for pending quantity.&lt;/p&gt;
&lt;p&gt;When I run &lt;/p&gt;
&lt;pre&gt;&lt;code&gt;select p.name, sum(o.qty) as queue_qty, sum(o2.qty) as pending_qty
from product p
left outer join ordr o on o.product_id = p.id and o.status = 'queue'
left outer join ordr o2 on o2.product_id = p.id and o2.status = 'pending'
where p.id = 20;
&lt;/code&gt;&lt;/pre&gt;
&lt;p&gt;I get &lt;/p&gt;
&lt;pre&gt;&lt;code&gt;name - pen
queue_qty - 30
pending_qty - 60
&lt;/code&gt;&lt;/pre&gt;
&lt;p&gt;Can someone help me fix this SQL?&lt;/p&gt;</t>
  </si>
  <si>
    <t>2017-11-17 23:48:41.393000+00:00</t>
  </si>
  <si>
    <t>2017-11-18 00:02:19.377000+00:00</t>
  </si>
  <si>
    <t>Steps to correctly create form to sending emails in Codeigniter</t>
  </si>
  <si>
    <t>&lt;p&gt;I'm trying recently to write a form for sending emails in codeigniter and it shows a problem with sending.&lt;/p&gt;
&lt;blockquote&gt;
  &lt;p&gt;Failed to authenticate password. Error: 535-5.7.8 Username and Password not &gt;accepted. Learn more at 535 5.7.8 &lt;a href="https://support.google.com/mail/answer/14257" rel="nofollow"&gt;https://support.google.com/mail/answer/14257&lt;/a&gt; &gt;2sm864121lja.37 - gsmtp 
  Unable to send email using PHP SMTP. Your server might not be configured to &gt;send mail using this method.&lt;/p&gt;
&lt;/blockquote&gt;
&lt;p&gt;I'm using the same password as to gmail account. In php.ini I set:&lt;/p&gt;
&lt;pre&gt;&lt;code&gt;sendmail_path = "\"E:\xampp\sendmail\sendmail.exe\" -t"
&lt;/code&gt;&lt;/pre&gt;
&lt;p&gt;instead&lt;/p&gt;
&lt;pre&gt;&lt;code&gt;;sendmail_path = "\"E:\xampp\sendmail\sendmail.exe\" -t"
&lt;/code&gt;&lt;/pre&gt;
&lt;p&gt;and in sendmail.ini I set up a auth_username, auth_password, smtp_port and smtp_server.&lt;/p&gt;
&lt;p&gt;it is my view(myform.php):&lt;/p&gt;
&lt;pre&gt;&lt;code&gt;&amp;lt;?php echo validation_errors(); ?&amp;gt;
&amp;lt;?php $this-&amp;gt;load-&amp;gt;helper("form");
echo form_open('form'); ?&amp;gt;
&amp;lt;h5&amp;gt;Tytul&amp;lt;/h5&amp;gt;
&amp;lt;input type="text" name="topic" value="&amp;lt;?php echo set_value('topic'); ?&amp;gt;"     
size="50" /&amp;gt;
&amp;lt;h5&amp;gt;Text&amp;lt;/h5&amp;gt;
&amp;lt;input type="text" name="text" value="&amp;lt;?php echo set_value('text'); ?&amp;gt;" 
size="50" /&amp;gt;
&amp;lt;h5&amp;gt;Nick&amp;lt;/h5&amp;gt;
&amp;lt;input type="text" name="username" value="&amp;lt;?php echo set_value('username'); 
?&amp;gt;" size="50" /&amp;gt;
&amp;lt;h5&amp;gt;Email Address&amp;lt;/h5&amp;gt;
&amp;lt;input type="text" name="email" value="&amp;lt;?php echo set_value('email'); ?&amp;gt;" 
size="50" /&amp;gt;
&amp;lt;div&amp;gt;&amp;lt;input type="submit" value="Submit" /&amp;gt;&amp;lt;/div&amp;gt;
&amp;lt;/form&amp;gt; &amp;lt;?php echo $this-&amp;gt;session-&amp;gt;flashdata('msg'); ?&amp;gt;
&lt;/code&gt;&lt;/pre&gt;
&lt;p&gt;It is my controller (form.php):&lt;/p&gt;
&lt;pre&gt;&lt;code&gt;&amp;lt;?php
class Form extends CI_Controller
{
public function __construct()
{
    parent::__construct();
    $this-&amp;gt;load-&amp;gt;helper(array('form','url'));
    $this-&amp;gt;load-&amp;gt;library(array('session', 'form_validation', 'email'));
}
function index()
{
    //set validation rules
    $this-&amp;gt;form_validation-&amp;gt;set_rules('username', 'username', 'required|min_length[5]|max_length[12]');
    $this-&amp;gt;form_validation-&amp;gt;set_rules('email', 'Emaid ID', 'required|valid_email');
    $this-&amp;gt;form_validation-&amp;gt;set_rules('text', 'text', 'required');
    $this-&amp;gt;form_validation-&amp;gt;set_rules('topic', 'topic', 'required');
    //run validation on form input
    if ($this-&amp;gt;form_validation-&amp;gt;run() == FALSE)
    {
        //validation fails
        $this-&amp;gt;load-&amp;gt;view('myform');
    }
    else
    {
        //get the form data
        $name = $this-&amp;gt;input-&amp;gt;post('username');
        $from_email = $this-&amp;gt;input-&amp;gt;post('email');
        $subject = $this-&amp;gt;input-&amp;gt;post('topic');
        $message = $this-&amp;gt;input-&amp;gt;post('text');
        //set to_email id to which you want to receive mails
        $to_email = 'email@gmail.com';
        //configure email settings
        $config['protocol'] = 'smtp';
        $config['smtp_host'] = 'ssl://smtp.gmail.com';
        $config['smtp_port'] = '465';
        $config['smtp_user'] = 'email@gmail.com';
        $config['smtp_pass'] = 'password';
        $config['mailtype'] = 'html';
        $config['charset'] = 'iso-8859-1';
        $config['wordwrap'] = TRUE;
        $config['newline'] = "\r\n"; //use double quotes
        //$this-&amp;gt;load-&amp;gt;library('email', $config);
        $this-&amp;gt;email-&amp;gt;initialize($config);                        
        //send mail
        $this-&amp;gt;email-&amp;gt;from($from_email, $name);
        $this-&amp;gt;email-&amp;gt;to($to_email);
        $this-&amp;gt;email-&amp;gt;subject($subject);
        $this-&amp;gt;email-&amp;gt;message($message);
        if ($this-&amp;gt;email-&amp;gt;send())
        {
            // mail sent
            $this-&amp;gt;session-&amp;gt;set_flashdata('msg','&amp;lt;div class="alert alert-success text-center"&amp;gt;Your mail has been sent successfully!&amp;lt;/div&amp;gt;');
            redirect('form/index');
        }
        else
        {
            //error
          echo $this-&amp;gt;email-&amp;gt;print_debugger();
        }
    }
}
}
?&amp;gt;
&lt;/code&gt;&lt;/pre&gt;</t>
  </si>
  <si>
    <t>2016-05-28 19:58:27.890000+00:00</t>
  </si>
  <si>
    <t>php|codeigniter|email</t>
  </si>
  <si>
    <t>Laravel Carbon Group by Month</t>
  </si>
  <si>
    <t>&lt;p&gt;Can anyone see what I'm doing wrong? &lt;/p&gt;
&lt;p&gt;I'm trying to output all the months but group them so they are unique.&lt;/p&gt;
&lt;pre&gt;&lt;code&gt;$months = NewsItem::select(DB::raw('MONTH("created_at") as month'))-&amp;gt;groupBy('month')-&amp;gt;get();
return $months;
&lt;/code&gt;&lt;/pre&gt;
&lt;p&gt;I'm getting the following back&lt;/p&gt;
&lt;pre&gt;&lt;code&gt;{"month":null}
&lt;/code&gt;&lt;/pre&gt;
&lt;p&gt;In my database I have five news articles all created_at 05/01/2017 so it's right that I only get one response but I'm not getting the number of the month back?&lt;/p&gt;</t>
  </si>
  <si>
    <t>2017-01-05 11:04:25.587000+00:00</t>
  </si>
  <si>
    <t>2017-01-05 13:30:40.653000+00:00</t>
  </si>
  <si>
    <t>php|mysql|laravel|laravel-5|eloquent</t>
  </si>
  <si>
    <t>sendEmail function in Google Sheets</t>
  </si>
  <si>
    <t>&lt;p&gt;I have been struggling for days to get this appScript to function within my Google Sheets. Currently it is getting "stuck" on MailApp.sendEmail line, particularly on emailAddress. It gives me this error message "Invalid email: undefined". I based the majority of the script on their &lt;a href="https://developers.google.com/apps-script/articles/sending_emails" rel="nofollow"&gt;Sending Emails from a Spreadsheet Tutorial&lt;/a&gt;. So I'm not too sure where it might be going wrong.&lt;/p&gt;
&lt;p&gt;Any help is much appreciated!&lt;/p&gt;
&lt;pre&gt;&lt;code&gt;function sendEmails() {
  var ss = SpreadsheetApp.getActiveSpreadsheet();  
  var sh0 = ss.getSheetByName("Candidates Ready for Offer");
  var startRow = 2;  // First row of data to process
  var numRows = ss.getSheetByName("Candidates Ready for Offer").getLastRow()-1;
  // Fetch recent additions
  var dataRange = ss.getSheetByName("Candidates Ready for Offer").getRange(startRow, 3)
  // Fetch values for each row in the Range.
  var data = dataRange.getValues();
  for (i in data) {
    var row = data[i];
    var emailAddress = row[5];  
    var message = "row[1]" + "row [2]" + "at" + "row[4]" + "is ready for an offer!"
    var subject = "Candidate is Ready for Offer";
    MailApp.sendEmail(emailAddress, subject, message);
  }
}
&lt;/code&gt;&lt;/pre&gt;</t>
  </si>
  <si>
    <t>2015-03-26 22:23:51.723000+00:00</t>
  </si>
  <si>
    <t>2015-03-31 18:18:37.087000+00:00</t>
  </si>
  <si>
    <t>MySQL between date formats</t>
  </si>
  <si>
    <t>&lt;p&gt;I have the query...&lt;/p&gt;
&lt;pre&gt;&lt;code&gt;SELECT COUNT(order_id) as orders, 
       SUM(order_total) as sales 
  FROM uc_orders 
 WHERE FROM_UNIXTIME(created) BETWEEN "2010-08-14" AND "2010-08-15" 
   AND order_status = "payment_received"
&lt;/code&gt;&lt;/pre&gt;
&lt;p&gt;The problem is that's not returning the orders from the provided date period.  I'm not getting any SQL errors.  Is there something about BETWEEN that I'm doing wrong?&lt;/p&gt;</t>
  </si>
  <si>
    <t>2010-08-20 16:11:28.547000+00:00</t>
  </si>
  <si>
    <t>2010-08-20 16:20:12.097000+00:00</t>
  </si>
  <si>
    <t>2010-08-20 16:15:16.613000+00:00</t>
  </si>
  <si>
    <t>htaccess rewrite for multiple query string with one dynamic empty query string</t>
  </si>
  <si>
    <t>&lt;p&gt;So, I ran into an issue with query strings and rewriting them to seem "prettier"
My website is at: localhost/admin/ so when uploaded to my server it is also under the /admin directory, and the .htaccess file looks like this:&lt;/p&gt;
&lt;pre&gt;&lt;code&gt;RewriteEngine On
# redirect URL with empty query string to index.php
RewriteCond %{QUERY_STRING} ^$
RewriteRule ^/?(.*)$ /admin/index.php?$1 [NC,L]
&lt;/code&gt;&lt;/pre&gt;
&lt;p&gt;Unfortunately, my design for the admin panel all of the pages are linked to the index.php file. So when I originally used to request &lt;a href="http://localhost/admin/?users" rel="nofollow noreferrer"&gt;http://localhost/admin/?users&lt;/a&gt; it would show a list of all of the users. I wanted to make this prettier so I used the above htaccess rules and came up with &lt;a href="http://localhost/admin/users" rel="nofollow noreferrer"&gt;http://localhost/admin/users&lt;/a&gt;. Two issues arose with this:&lt;/p&gt;
&lt;ol&gt;
&lt;li&gt;The css files within the admin folder under css/ could not be accessed so none of the styles were being applied.&lt;/li&gt;
&lt;li&gt;This ?users page contains pagination using the GET parameter in php as well, so it looks kind of like &lt;a href="http://localhost/admin/users&amp;amp;page=1" rel="nofollow noreferrer"&gt;http://localhost/admin/users&amp;amp;page=1&lt;/a&gt; and used to look like &lt;a href="http://localhost/admin/?users&amp;amp;page=2" rel="nofollow noreferrer"&gt;http://localhost/admin/?users&amp;amp;page=2&lt;/a&gt;.&lt;/li&gt;
&lt;/ol&gt;
&lt;p&gt;So basically what I wanted to do was make the code look more like this: &lt;a href="http://localhost/admin/users/page/1" rel="nofollow noreferrer"&gt;http://localhost/admin/users/page/1&lt;/a&gt;. Unfortunately I cannot hard code the users parameter in because I have other sections like "websites" and I will also have a edit users page with id's etc. So I was wondering if someone could help me with the best way to approach this problem or how I can fix the above htaccess rules? The only thing that kind of helped was: &lt;a href="https://stackoverflow.com/questions/14651110/htaccess-mod-rewrite-unknown-number-of-variables-of-a-get-form"&gt;.htaccess mod_rewrite Unknown number of Variables of a GET form&lt;/a&gt; but I am still lost on how to implement it for multiple empty GET variables at the front of the url.&lt;/p&gt;
&lt;p&gt;Thanks!&lt;/p&gt;</t>
  </si>
  <si>
    <t>2017-04-21 23:15:18.450000+00:00</t>
  </si>
  <si>
    <t>2017-04-22 03:46:55.527000+00:00</t>
  </si>
  <si>
    <t>2017-05-23 11:47:01.337000+00:00</t>
  </si>
  <si>
    <t>php|apache|.htaccess|mod-rewrite</t>
  </si>
  <si>
    <t>Set String to clickable URL</t>
  </si>
  <si>
    <t>&lt;p&gt;Am I able to change one the attribute from normal text become an URL(hyperlink) so user will be able to click on it and redirect to another page.&lt;/p&gt;
&lt;p&gt;Basically the &lt;strong&gt;attribute that I get from servlet&lt;/strong&gt; is www.stackoverflow.com but is in &lt;strong&gt;plain text so my question is how do I change it to a clickable link&lt;/strong&gt;?&lt;/p&gt;
&lt;p&gt;Any expert out there know how to set it? Thank you so much and have a nice day!&lt;/p&gt;
&lt;pre&gt;&lt;code&gt;&amp;lt;%@ page language="java" contentType="text/html; charset=UTF-8" pageEncoding="UTF-8"%&amp;gt;
&amp;lt;%@page import="java.util.*" %&amp;gt;
&amp;lt;!DOCTYPE html PUBLIC "-//W3C//DTD HTML 4.01 Transitional//EN" "http://www.w3.org/TR/html4/loose.dtd"&amp;gt;
&amp;lt;html&amp;gt;
    &amp;lt;head&amp;gt;
        &amp;lt;link rel="stylesheet" type="text/css" href="2nd.css"&amp;gt;
        &amp;lt;meta http-equiv="Content-Type" content="text/html; charset=UTF-8"&amp;gt;
        &amp;lt;title&amp;gt;THE SUPER SEARCH&amp;lt;/title&amp;gt;
    &amp;lt;/head&amp;gt;
    &amp;lt;body&amp;gt;
        &amp;lt;h4&amp;gt;Here's the following results&amp;lt;/h4&amp;gt;
        &amp;lt;%
            String testresults=(String)request.getAttribute("testresults");
            out.print("" + testresults);
        %&amp;gt;
        &amp;lt;br&amp;gt;
        &amp;lt;br&amp;gt;
        &amp;lt;% 
            String testcontent=(String)request.getAttribute("testcontent");
            out.print("" + testcontent);
        %&amp;gt;
    &amp;lt;/body&amp;gt;
&amp;lt;/html&amp;gt;
&lt;/code&gt;&lt;/pre&gt;</t>
  </si>
  <si>
    <t>2016-10-15 14:10:03.583000+00:00</t>
  </si>
  <si>
    <t>2016-10-21 15:35:20.240000+00:00</t>
  </si>
  <si>
    <t>2016-10-15 14:26:38.247000+00:00</t>
  </si>
  <si>
    <t>java|html|string|jsp|setattribute</t>
  </si>
  <si>
    <t>ramsey/uuid - validate a name-based hashed has the name that we assign it to the uuid</t>
  </si>
  <si>
    <t>&lt;p&gt;Any reliable uuid package from Packagist that I can download and use it for Slim framework?&lt;/p&gt;
&lt;p&gt;Ideally,I would an uuid that I can hash a type, e.g. php, into the string. then i can check if that uuid has 'php'.&lt;/p&gt;
&lt;p&gt;&lt;strong&gt;EDIT:&lt;/strong&gt;&lt;/p&gt;
&lt;p&gt;How can I validate a &lt;a href="https://github.com/ramsey/uuid" rel="nofollow noreferrer"&gt;name-based hashed&lt;/a&gt; has the &lt;strong&gt;name&lt;/strong&gt; that we assign it to the uuid?&lt;/p&gt;
&lt;pre&gt;&lt;code&gt;// Generate a version 3 (name-based and hashed with MD5) UUID object
$uuid3 = Uuid::uuid3(Uuid::NAMESPACE_DNS, 'php.net');
$uuid = $uuid3-&amp;gt;toString();
&lt;/code&gt;&lt;/pre&gt;
&lt;p&gt;For instance:&lt;/p&gt;
&lt;pre&gt;&lt;code&gt;if ($uuid3-&amp;gt;getName($uuid) === 'php.net') {
// do something
}
&lt;/code&gt;&lt;/pre&gt;
&lt;p&gt;Is this possible?&lt;/p&gt;</t>
  </si>
  <si>
    <t>2017-09-10 16:42:21.563000+00:00</t>
  </si>
  <si>
    <t>2017-09-23 13:31:45.560000+00:00</t>
  </si>
  <si>
    <t>2017-09-15 10:32:32.953000+00:00</t>
  </si>
  <si>
    <t>slim|uuid|packagist|slim-3</t>
  </si>
  <si>
    <t>how to login to majestic.com using c# for scraping data from other majestic page</t>
  </si>
  <si>
    <t>&lt;p&gt;i am trying to login at majestic.com using c# but its not working well its gives the error http 403 . when i try to access secure (authorize page).here is my code 
Any help will be much Appreciated.here is my code&lt;/p&gt;
&lt;pre&gt;&lt;code&gt;string formUrl = "https://majestic.com/account/login";
string formParams = string.Format("EmailAddress={0}&amp;amp;Password={1}", "email@gmail.com", "123456");
string cookieHeader;
 WebRequest req = WebRequest.Create(formUrl);
 req.ContentType = "application/x-www-form-urlencoded";
 req.Method = "POST";
 byte[] bytes = Encoding.ASCII.GetBytes(formParams); req.ContentLength = bytes.Length;
 using (Stream os = req.GetRequestStream()) { os.Write(bytes, 0, bytes.Length);
 }
 WebResponse resp = req.GetResponse();
 cookieHeader = resp.Headers["Set-cookie"];
 string pageSource;
 string getUrl = "https://majestic.com/reports/site-explorer?q=daraz.pk&amp;amp;oq=sabzi.pk&amp;amp;IndexDataSource=F";
 // here its give the error
 WebRequest getRequest = WebRequest.Create(getUrl); getRequest.Headers.Add("Cookie", cookieHeader);
 WebResponse getResponse = getRequest.GetResponse(); 
using (StreamReader sr = new StreamReader(getResponse.GetResponseStream()))
&lt;/code&gt;&lt;/pre&gt;</t>
  </si>
  <si>
    <t>2017-02-25 16:50:23.640000+00:00</t>
  </si>
  <si>
    <t>2017-02-25 17:22:05.483000+00:00</t>
  </si>
  <si>
    <t>2017-02-25 16:57:59.567000+00:00</t>
  </si>
  <si>
    <t>user7138697</t>
  </si>
  <si>
    <t>c#|web-scraping|webrequest</t>
  </si>
  <si>
    <t>403 error on passing parameters</t>
  </si>
  <si>
    <t>&lt;p&gt;I have following function in a php file :&lt;/p&gt;
&lt;pre&gt;&lt;code&gt;function bc_output($vars) {
    switch($_GET['a']){
        case 'addip':
            bc_add_licenses($vars, trim($_GET['current_ip']));
        break;
        case 'addiprequest':
            if(isset($_POST['submitaddip'])) {
                display_guidance_text();
                bc_add_licenses_request($vars, $_POST);
            } else {
                display_guidance_text();
                bc_get_licenses($vars, '4');
            }
        break;
        default:
            display_guidance_text();
            bc_get_licenses($vars);
        break;
    }
}
&lt;/code&gt;&lt;/pre&gt;
&lt;p&gt;Now when i go to url such as &lt;a href="http://website.com/addon.php?module=b&amp;amp;a=addip" rel="nofollow"&gt;http://website.com/addon.php?module=b&amp;amp;a=addip&lt;/a&gt; it works fine, although for second case i.e &lt;a href="http://website.com/addon.php?module=b&amp;amp;a=addiprequest" rel="nofollow"&gt;http://website.com/addon.php?module=b&amp;amp;a=addiprequest&lt;/a&gt; browser throws 403 error..&lt;/p&gt;
&lt;p&gt;Can anyone guide me where to proceed from here, i have echoed etc in the function but always 403 error.&lt;/p&gt;
&lt;p&gt;Please comment if you need more info.&lt;/p&gt;</t>
  </si>
  <si>
    <t>2014-01-21 07:25:56.327000+00:00</t>
  </si>
  <si>
    <t>php|.htaccess</t>
  </si>
  <si>
    <t>C++ For Loop Project</t>
  </si>
  <si>
    <t>&lt;p&gt;I am attempting to create nested for loops to output the grid below for homework.  Here are my progress and instructions (this really should be simple...):&lt;/p&gt;
&lt;p&gt;"Create an 8x8 grid like the one below. Tab in to start each row. Each cell is one row tall and three spaces wide. Dash (-) characters (33) were used to construct the horizontal lines."&lt;/p&gt;
&lt;p&gt;&lt;img src="https://i.stack.imgur.com/bUMlt.png" alt="enter image description here"&gt;&lt;/p&gt;
&lt;p&gt;Code:&lt;/p&gt;
&lt;pre&gt;&lt;code&gt;#include &amp;lt;iostream&amp;gt;
using namespace std;
int main()
{
for(int i=0;i&amp;lt;8;i++)
{
    for(int j=0; j&amp;lt;8; j++)
    {
        cout&amp;lt;&amp;lt;"I\t";
    }
    for(int k=0;k&amp;lt;33;k++)
    {
        cout&amp;lt;&amp;lt;"-";
    }
    cout&amp;lt;&amp;lt;"\n";
}
cin.get();
cin.get();
return 0;
}
&lt;/code&gt;&lt;/pre&gt;
&lt;p&gt;my output:&lt;/p&gt;
&lt;p&gt;&lt;img src="https://i.stack.imgur.com/IhvyN.png" alt="enter image description here"&gt;&lt;/p&gt;</t>
  </si>
  <si>
    <t>2013-03-29 00:10:11.453000+00:00</t>
  </si>
  <si>
    <t>2016-06-08 06:56:50.013000+00:00</t>
  </si>
  <si>
    <t>c++|visual-studio-2010|for-loop|visual-c++</t>
  </si>
  <si>
    <t>Error installing old packages in R</t>
  </si>
  <si>
    <t>&lt;p&gt;I'm trying to install a 0.6-2 version of the tm library. I've downloaded the tar.gz file from the &lt;a href="https://cran.r-project.org/src/contrib/Archive/tm/" rel="nofollow noreferrer"&gt;archive&lt;/a&gt; and in RStudio selected Tools -&gt; Archive -&gt; Package Archive File to install it.&lt;/p&gt;
&lt;p&gt;However, I'm getting the following error. Can someone help me fix this please:&lt;/p&gt;
&lt;blockquote&gt;
  &lt;ul&gt;
  &lt;li&gt;installing &lt;em&gt;source&lt;/em&gt; package 'tm' ...
  ** package 'tm' successfully unpacked and MD5 sums checked
  ** libs&lt;/li&gt;
  &lt;/ul&gt;
  &lt;p&gt;&lt;strong&gt;* arch - i386
  c:/Rtools/mingw_32/bin/gcc  -I"C:/PROGRA~1/R/R-33~1.2/include" -DNDEBUG     -I"d:/Compiler/gcc-4.9.3/local330/include"     -O3 -Wall  -std=gnu99 -mtune=core2 -c copy.c -o copy.o
  c:/Rtools/mingw_32/bin/gcc: not found
  make: *&lt;/strong&gt; [copy.o] Error 127&lt;/p&gt;
  &lt;p&gt;Warning: running command 'make -f "C:/PROGRA~1/R/R-33~1.2/etc/i386/Makeconf" -f "C:/PROGRA~1/R/R-33~1.2/share/make/winshlib.mk" SHLIB="tm.dll" OBJECTS="copy.o"' had status 2
  ERROR: compilation failed for package 'tm'
  * removing 'C:/Users/608447283/Documents/R/win-library/3.3/tm'&lt;/p&gt;
  &lt;p&gt;Warning in install.packages :
    running command '"C:/PROGRA~1/R/R-33~1.2/bin/x64/R" CMD INSTALL -l "C:\Users\608447283\Documents\R\win-library\3.3" "C:/Users/608447283/desktop/tm_0.6-2.tar.gz"' had status 1&lt;/p&gt;
  &lt;p&gt;Warning in install.packages :
    installation of package ���C:/Users/608447283/desktop/tm_0.6-2.tar.gz��� had non-zero exit status&lt;/p&gt;
&lt;/blockquote&gt;</t>
  </si>
  <si>
    <t>2017-03-02 20:28:52.503000+00:00</t>
  </si>
  <si>
    <t>2017-03-02 20:50:56.043000+00:00</t>
  </si>
  <si>
    <t>r|gcc|rstudio|tm</t>
  </si>
  <si>
    <t>CCXT using NodeJS to get live data from multiple Cryptocurrency exchanges</t>
  </si>
  <si>
    <t>&lt;p&gt;I'm developing a MySQL database using CCXT.
I'm getting live tickers for 57k+ symbols from all 131 cryptocurrency exchanges. 
But the problem is, not all queries are executing.&lt;/p&gt;
&lt;p&gt;Here's my code:&lt;/p&gt;
&lt;pre&gt;&lt;code&gt;for (var i = 0; i &amp;lt; size; i++) {
var sql = "update ccxt_symbols set price=" + Object.values(tickers)[i].last + ",datetime=now() where symbol='" + Object.values(tickers)[i].symbol + "' AND exchange='" + id + "'";
con.query(sql) // Not updating all records
}
&lt;/code&gt;&lt;/pre&gt;
&lt;p&gt;Not all the rows are updating. Is there a way to use bluebird.promise here? What could be wrong?&lt;/p&gt;
&lt;p&gt;Thanks in advance!&lt;/p&gt;</t>
  </si>
  <si>
    <t>2018-09-20 11:06:19.630000+00:00</t>
  </si>
  <si>
    <t>2018-09-20 11:21:50.657000+00:00</t>
  </si>
  <si>
    <t>javascript|node.js|cryptocurrency|ccxt</t>
  </si>
  <si>
    <t>Using file paths in bash case statement</t>
  </si>
  <si>
    <t>&lt;p&gt;I'm trying to make the following script loop over the &lt;code&gt;part_arr&lt;/code&gt; array elements and depending on the value the script should execute the commands. In this case I just used a &lt;code&gt;echo&lt;/code&gt; statement. It doesn't seem to detect the paths. &lt;code&gt;part_arr&lt;/code&gt; is the size and path of each partition starting with a &lt;code&gt;/&lt;/code&gt; or &lt;code&gt;[&lt;/code&gt;. &lt;/p&gt;
&lt;pre&gt;&lt;code&gt;part_arr=$(lsblk -b | awk '/.*[\/\[].*/{ print $4, $7 }')
tmp=''
for i in "${part_arr[@]}"; do
    case "$i" in
    "/boot/efi" )
        echo $i     $tmp;;
    "/boot" )
        echo $i     $tmp;;
    "/var")
        echo $1     $tmp;;
    "/tmp")
        echo $1     $tmp;;
    "/home")
        echo $1     $tmp;;
    "[SWAP]")
        echo $1     $tmp;;
    "/")
        echo $1     $tmp;;
    esac
    tmp=i
done
&lt;/code&gt;&lt;/pre&gt;</t>
  </si>
  <si>
    <t>2018-08-22 15:11:20.510000+00:00</t>
  </si>
  <si>
    <t>2018-08-22 15:56:46.170000+00:00</t>
  </si>
  <si>
    <t>bash|case-statement</t>
  </si>
  <si>
    <t>How to find Only the logged in user content in django?</t>
  </si>
  <si>
    <t>&lt;pre&gt;&lt;code&gt;class User(auth.models.User,auth.models.PermissionsMixin):
    def __str__(self):
        return '@{}'.format(self.username)
class placement(models.Model):
    name=models.CharField(max_length=150, blank=True, null=True)
    ad_space=models.CharField(max_length=100, blank=False, null=False)
    PID_TYPE = (
        ('FN','FORMAT_NATIVE'),
        ('FNB','FORMAT_NATIVE_BANNER'),
        ('FI','FORMAT_INTERSTITIAL'),
        ('FB','FORMAT_BANNER'),
        ('FMR','FORMAT_MEDIUM,RECT'),
        ('FRV','FORMAT_REWARDED_VIDEO'),
    )
    format = models.CharField(max_length=3,choices = PID_TYPE,default = 'FN',blank=False, null=False)
    pid=models.CharField( max_length=50,default='',blank=False, null=False)
    cpm=models.IntegerField(default=0,blank=False, null=False)
    ADS_TYPE=(
        ('FB','FACEBOOK'),
        ('G','GOOGLE'),
    )
    source=models.CharField(max_length=2,choices=ADS_TYPE,default='FB',blank=False, null=False)
    comments=models.TextField(default='',blank=False, null=False)
    objects=models.Manager()
    def __str__(self):
        return self.name
    def get_absolute_url(self):
        return reverse("dashapp:disp")`
&lt;/code&gt;&lt;/pre&gt;
&lt;p&gt;Now what should i do to only get only the logged in user content to be displayed on the template.As currently all the stored data is being fetched . That is logged out user for data is being displayed.
I'm Basically a beginner so i dont have any advance idea about this.
Full explanation are needed. &lt;/p&gt;</t>
  </si>
  <si>
    <t>2018-11-17 07:09:36+00:00</t>
  </si>
  <si>
    <t>2018-11-17 08:59:27.983000+00:00</t>
  </si>
  <si>
    <t>2018-11-17 07:22:40.233000+00:00</t>
  </si>
  <si>
    <t>django|python-3.x|django-models|django-forms|django-templates</t>
  </si>
  <si>
    <t>How to get covered distance by transit</t>
  </si>
  <si>
    <t>&lt;p&gt;I want to create an app in which I want to show how much distance does the user has been traveled. &lt;/p&gt;
&lt;p&gt;I have tried using &lt;code&gt;float distance = locationA.distanceTo(locationB);&lt;/code&gt; but it just draws a simple straight line from start to end and then calculates the distance.&lt;/p&gt;
&lt;p&gt;I want to calculate the traveled distance based on the traveled route. Is it possible to do so using any Google maps API?&lt;/p&gt;</t>
  </si>
  <si>
    <t>2018-07-24 12:16:48.230000+00:00</t>
  </si>
  <si>
    <t>2018-07-24 14:58:59.340000+00:00</t>
  </si>
  <si>
    <t>android|google-maps|google-maps-api-3|google-distancematrix-api</t>
  </si>
  <si>
    <t>HTTP requests in Chrome developers tools</t>
  </si>
  <si>
    <t>&lt;p&gt;In firebug when you send an ajax request from console, it will display the HTTP request in the console tab. This is not true for chrome. Is there any way to force console tab of Google Chrome to show HTTP request and response in the same way that Firebug does?&lt;/p&gt;</t>
  </si>
  <si>
    <t>2013-12-28 13:42:25.073000+00:00</t>
  </si>
  <si>
    <t>2013-12-29 09:18:09.720000+00:00</t>
  </si>
  <si>
    <t>2013-12-28 15:09:02.730000+00:00</t>
  </si>
  <si>
    <t>google-chrome|firefox|firebug</t>
  </si>
  <si>
    <t>Out-String a result of a CMDLET and manipulate it in PowerShell</t>
  </si>
  <si>
    <t>&lt;p&gt;I have a variable that gives me the canocical name of an object in Active Directory:&lt;/p&gt;
&lt;pre&gt;&lt;code&gt;$LastOU = Get-ADOrganizationalUnit -Filter * -Properties * |
          Sort { $_.WhenCreated } -Descending |
          Select -First 1 {$_.CanonicalName} |
          Out-String
&lt;/code&gt;&lt;/pre&gt;
&lt;p&gt;If I run the command as &lt;code&gt;Write-Host $LastOU&lt;/code&gt;it indeeds gives me the result I expected:&lt;/p&gt;
&lt;blockquote&gt;
  &lt;p&gt;@{$_.CanonicalName=domain.local/Microsoft/Userz}&lt;/p&gt;
&lt;/blockquote&gt;
&lt;p&gt;What I'm trying to do now is to manipulate the string to only have &lt;/p&gt;
&lt;blockquote&gt;
  &lt;p&gt;Microsoft&lt;/p&gt;
&lt;/blockquote&gt;
&lt;p&gt;selected. &lt;/p&gt;
&lt;p&gt;I used the &lt;code&gt;Out-String&lt;/code&gt; method to have the result of the command as a string.&lt;/p&gt;
&lt;p&gt;After, what I do is use the &lt;code&gt;.Split()&lt;/code&gt;-function to manipulate my result. &lt;/p&gt;
&lt;p&gt;I do this like &lt;code&gt;$CompName = $LastOU.Split(...)&lt;/code&gt;.&lt;/p&gt;
&lt;p&gt;However I get the error:&lt;/p&gt;
&lt;blockquote&gt;
  &lt;p&gt;Method invocation failed because [Selected.Microsoft.ActiveDirectory.Management.ADOrganizationalUnit] does not contain a method named 'Split'.&lt;/p&gt;
&lt;/blockquote&gt;
&lt;p&gt;This means that my result is not a string? But what is wrong in my command?&lt;/p&gt;</t>
  </si>
  <si>
    <t>2017-04-06 11:49:29.547000+00:00</t>
  </si>
  <si>
    <t>2017-04-06 12:02:44.277000+00:00</t>
  </si>
  <si>
    <t>string|powershell|split</t>
  </si>
  <si>
    <t>How to correctly include jQuery with knockout.js in ASP.NET MVC5</t>
  </si>
  <si>
    <t>&lt;p&gt;I created an MVC project in VisualStudio 2017.&lt;/p&gt;
&lt;p&gt;Edit:
I updated knockout aand jQuery to newest versions.&lt;/p&gt;
&lt;p&gt;I have included my .js file at the bottom and it works fine until I try to use jQuery.&lt;/p&gt;
&lt;p&gt;In my .js file:&lt;/p&gt;
&lt;pre&gt;&lt;code&gt;function job(name) {
    return {
        name: ko.observable(name)
    };
}
var viewModel = {
    jobs: ko.observableArray([new job("johnny"), new job("anderson")]),
    addJob: function () {
        this.jobs.push(new job("Another job"));
    },
}
ko.applyBindings(viewModel);
&lt;/code&gt;&lt;/pre&gt;
&lt;p&gt;the markup:&lt;/p&gt;
&lt;pre&gt;&lt;code&gt;&amp;lt;script src="~/Scripts/jquery-3.3.1.min.js"&amp;gt;&amp;lt;/script&amp;gt;
&amp;lt;script src="~/Scripts/knockout-3.4.2.js" type="text/javascript"&amp;gt;&amp;lt;/script&amp;gt;
&amp;lt;h3&amp;gt;Jobs:&amp;lt;/h3&amp;gt;
&amp;lt;ul data-bind="template: {name:'jobsTemplate', foreach:jobs}"&amp;gt;&amp;lt;/ul&amp;gt;
&amp;lt;script id="jobsTemplate" type="text/html"&amp;gt;
    &amp;lt;li&amp;gt;${ $data.name }&amp;lt;/li&amp;gt;
&amp;lt;/script&amp;gt;
&lt;/code&gt;&lt;/pre&gt;
&lt;p&gt;and the page spits out 2 &lt;code&gt;&amp;lt;li&amp;gt;&lt;/code&gt; with the text ${ $data.name } meaning to me that jQuery isn't included. I am able to use jQuery in the console.&lt;/p&gt;
&lt;p&gt;Thanks for any help!&lt;/p&gt;</t>
  </si>
  <si>
    <t>2018-03-01 20:29:20.547000+00:00</t>
  </si>
  <si>
    <t>2018-03-01 22:16:36.877000+00:00</t>
  </si>
  <si>
    <t>2018-03-01 21:00:20.200000+00:00</t>
  </si>
  <si>
    <t>javascript|jquery|knockout.js|asp.net-mvc-5</t>
  </si>
  <si>
    <t>Change panel with button wxpython</t>
  </si>
  <si>
    <t>&lt;pre&gt;&lt;code&gt;import wx
import wx.grid as gridlib
########################################################################
class PanelOne(wx.Panel):
    """"""
    #----------------------------------------------------------------------
    def __init__(self, parent):
        """Constructor"""
        wx.Panel.__init__(self, parent=parent)
        txt = wx.TextCtrl(self)
        button =wx.Button(self, label="Save", pos=(200, 325))
        button.Bind(wx.EVT_BUTTON, self.onSwitchPanels)
########################################################################
class PanelTwo(wx.Panel):
    """"""
    #----------------------------------------------------------------------
    def __init__(self, parent):
        """Constructor"""
        wx.Panel.__init__(self, parent=parent)
        grid = gridlib.Grid(self)
        grid.CreateGrid(25,12)
        sizer = wx.BoxSizer(wx.VERTICAL)
        sizer.Add(grid, 0, wx.EXPAND)
        self.SetSizer(sizer)
########################################################################
class MyForm(wx.Frame):
    #----------------------------------------------------------------------
    def __init__(self):
        wx.Frame.__init__(self, None, wx.ID_ANY,
                          "Panel Switcher Tutorial")
        self.panel_one = PanelOne(self)
        self.panel_two = PanelTwo(self)
        self.panel_two.Hide()
        self.sizer = wx.BoxSizer(wx.VERTICAL)
        self.sizer.Add(self.panel_one, 1, wx.EXPAND)
        self.sizer.Add(self.panel_two, 1, wx.EXPAND)
        self.SetSizer(self.sizer)
        menubar = wx.MenuBar()
        fileMenu = wx.Menu()
        switch_panels_menu_item = fileMenu.Append(wx.ID_ANY,
                                                  "Switch Panels",
                                                  "Some text")
        self.Bind(wx.EVT_MENU, self.onSwitchPanels,
                  switch_panels_menu_item)
        menubar.Append(fileMenu, '&amp;amp;File')
        self.SetMenuBar(menubar)
    #----------------------------------------------------------------------
    def onSwitchPanels(self, event):
       if self.panel_one.IsShown():    
          self.SetTitle("Panel Two Showing")
          self.panel_one.Hide
          self.panel_two.Show()
       else:
          self.SetTitle("Panel One Showing")
          self.panel_one.Show()
          self.panel_two.Hide()
          self.Layout()
# Run the program
if __name__ == "__main__":
    app = wx.App(False)
    frame = MyForm()
    frame.Show()
    app.MainLoop()
&lt;/code&gt;&lt;/pre&gt;
&lt;p&gt;I want to call function onSwitchPanels when i click the button in class PanelOne.This application i want to work like &lt;a href="https://stackoverflow.com/questions/7546050/python-tkinter-changing-the-window-basics"&gt;this code in Tkinter&lt;/a&gt;.&lt;/p&gt;
&lt;p&gt;I have stack guys, help me and thanks a lot.&lt;/p&gt;</t>
  </si>
  <si>
    <t>2012-01-10 21:07:17.400000+00:00</t>
  </si>
  <si>
    <t>2012-01-10 23:34:51.073000+00:00</t>
  </si>
  <si>
    <t>2017-05-23 10:26:48.487000+00:00</t>
  </si>
  <si>
    <t>python|wxpython</t>
  </si>
  <si>
    <t>How find element in xdocument and read next elements after them</t>
  </si>
  <si>
    <t>&lt;p&gt;So i have next xml document:&lt;/p&gt;
&lt;pre&gt;&lt;code&gt;&amp;lt;Items&amp;gt;
     &amp;lt;Item&amp;gt;
          &amp;lt;ID&amp;gt;123&amp;lt;/ID&amp;gt;
          &amp;lt;Name&amp;gt;Super Item&amp;lt;/Name&amp;gt;
          &amp;lt;Count&amp;gt;1&amp;lt;/Count&amp;gt;
          &amp;lt;Price&amp;gt;45&amp;lt;/Price&amp;gt;
     &amp;lt;/Item&amp;gt;
     &amp;lt;Item&amp;gt;
          &amp;lt;ID&amp;gt;456&amp;lt;/ID&amp;gt;
          &amp;lt;Name&amp;gt;not super Item&amp;lt;/Name&amp;gt;
          &amp;lt;Count&amp;gt;10&amp;lt;/Count&amp;gt;
          &amp;lt;Price&amp;gt;5&amp;lt;/Price&amp;gt;
     &amp;lt;/Item&amp;gt;
     &amp;lt;Item&amp;gt;
          &amp;lt;ID&amp;gt;789&amp;lt;/ID&amp;gt;
          &amp;lt;Name&amp;gt;Simple Item&amp;lt;/Name&amp;gt;
          &amp;lt;Count&amp;gt;6&amp;lt;/Count&amp;gt;
          &amp;lt;Price&amp;gt;10&amp;lt;/Price&amp;gt;
     &amp;lt;/Item&amp;gt;
&amp;lt;/Items&amp;gt;
&lt;/code&gt;&lt;/pre&gt;
&lt;p&gt;So how can i find needed item by ID and read next values? Thanks in advance.&lt;/p&gt;
&lt;p&gt;code:&lt;/p&gt;
&lt;blockquote&gt;
  &lt;p&gt;XDocument doc = XDocument.Load (filePath);&lt;/p&gt;
&lt;pre&gt;&lt;code&gt;foreach (var item in doc.Descendants("ID"))
{
   if ((string)item.Element("ID") == "789") 
   {
       How to read Name "Simple Item"?
       How to read Count "6"?
       How to read Price "10"?
   }
}
&lt;/code&gt;&lt;/pre&gt;
&lt;/blockquote&gt;</t>
  </si>
  <si>
    <t>2014-07-23 16:54:22.190000+00:00</t>
  </si>
  <si>
    <t>2014-07-23 17:48:42.307000+00:00</t>
  </si>
  <si>
    <t>2014-07-23 17:24:30.090000+00:00</t>
  </si>
  <si>
    <t>c#|linq-to-xml</t>
  </si>
  <si>
    <t>Creating a new thread to save object to file</t>
  </si>
  <si>
    <t>&lt;p&gt;I want to save an object (my game's model/data) to disk, but as the game can get quite large - feasibly large enough to take several game ticks to store - I'm thinking it makes sense to perform the saving in a separate thread in order to keep the game running relatively smoothly.&lt;/p&gt;
&lt;p&gt;What is the best method to achieve this? I wasn't sure if it made sense to make the GameState (the model) a runnable or an extension of Thread, because most of the time it isn't intended to be Runnable - logically, then, it shouldn't be Runnable?&lt;/p&gt;
&lt;p&gt;Other possibilities I've looked at are to have a Runnable GameSaver class, to which I pass the GameState or a copy of the GameState. Presumably, however, this would cause problems with synchronisation if I pass the GameState or will slow the game down while the class is cloned.&lt;/p&gt;
&lt;p&gt;What's the best approach, or the pro's and con's of approaches? Any other alternatives appreciated, too - I doubt my search has been exhaustive.&lt;/p&gt;</t>
  </si>
  <si>
    <t>2012-04-17 22:57:39.060000+00:00</t>
  </si>
  <si>
    <t>2012-04-17 23:15:35.703000+00:00</t>
  </si>
  <si>
    <t>java|multithreading|performance</t>
  </si>
  <si>
    <t>Apple SSL Secure Transport</t>
  </si>
  <si>
    <t>&lt;p&gt;I have just started to work with os x and have no experience with it at all. But all I want to do now is to replace old OpenSSL code with Apple Security API. I'm using &lt;a href="https://developer.apple.com/reference/security/secure_transport" rel="nofollow noreferrer"&gt;Secure Transport&lt;/a&gt; and I'm a bit confused about with these functions: &lt;a href="https://developer.apple.com/reference/security/1396081-sslsetiofuncs" rel="nofollow noreferrer"&gt;&lt;code&gt;SSLSetIOFuncs&lt;/code&gt;&lt;/a&gt;, &lt;code&gt;SSLWrite&lt;/code&gt;, and &lt;code&gt;SSLRead&lt;/code&gt;. &lt;/p&gt;
&lt;p&gt;So &lt;code&gt;SSLSetIOFuncs&lt;/code&gt; sets callbacks that perform writing/reading operations (which I should implement). And a lot of questions appear at this point: &lt;/p&gt;
&lt;ol&gt;
&lt;li&gt;First, I just don't understand why I should implement it (in OpenSSL it is implemented already). But ok, I just have to. &lt;/li&gt;
&lt;li&gt;Should this implementation be encrypted? I guess no. &lt;/li&gt;
&lt;/ol&gt;
&lt;p&gt;Also there are following 2 functions: &lt;/p&gt;
&lt;pre&gt;&lt;code&gt;OSStatus
SSLWrite                    (SSLContextRef      context,
                             const void *       __nullable data,
                             size_t             dataLength,
                             size_t             *processed);
OSStatus
SSLRead                    (SSLContextRef       context,
                            void *              data,           
                            size_t              dataLength,
                            size_t          *processed);
&lt;/code&gt;&lt;/pre&gt;
&lt;p&gt;And they are "Normal application-level read/write." according to code comments. So why do I need to define those 2 callbacks for reading and writing then? And if first twos are callbacks which functions I should call for reading/writing in my code (when I really need to read some data from server)?&lt;/p&gt;
&lt;p&gt;There are no good documentation and I got stuck with it all. May be I'm just way too dump but little help would be just perfect anyway. Please help!&lt;/p&gt;</t>
  </si>
  <si>
    <t>2017-02-07 19:58:29.653000+00:00</t>
  </si>
  <si>
    <t>2017-02-08 00:57:33.640000+00:00</t>
  </si>
  <si>
    <t>2017-02-07 20:19:29.967000+00:00</t>
  </si>
  <si>
    <t>macos|ssl|secure-transport</t>
  </si>
  <si>
    <t>How to close a native HTML dialog when clicking outside with JavaScript?</t>
  </si>
  <si>
    <t>&lt;p&gt;I use an HTML  element. I want to be able to close the dialog when clicking outside of it.
Using "blur" or "focusout" event does not work.&lt;/p&gt;
&lt;p&gt;I want the same thing as Material Design dialog, where it closes the dialog when you click outside of it:&lt;/p&gt;
&lt;p&gt;&lt;a href="https://material-components-web.appspot.com/dialog.html" rel="nofollow noreferrer"&gt;https://material-components-web.appspot.com/dialog.html&lt;/a&gt;&lt;/p&gt;
&lt;p&gt;How can I achieve that? &lt;/p&gt;
&lt;p&gt;Thanks in advance.&lt;/p&gt;</t>
  </si>
  <si>
    <t>2018-04-26 07:54:43.787000+00:00</t>
  </si>
  <si>
    <t>2018-04-29 11:21:14.667000+00:00</t>
  </si>
  <si>
    <t>javascript|html|html5|dialog</t>
  </si>
  <si>
    <t>Select and Group by together</t>
  </si>
  <si>
    <t>&lt;p&gt;I have my query like this:&lt;/p&gt;
&lt;pre&gt;&lt;code&gt;Select 
  a.abc,
  a.cde,
  a.efg,
  a.agh,
  c.dummy
  p.test
  max(b.this)
  sum(b.sugar)
  sum(b.bucket)
  sum(b.something)
&lt;/code&gt;&lt;/pre&gt;
&lt;p&gt;followed by some outer join and inner join. Now the problem is when in group by &lt;/p&gt;
&lt;pre&gt;&lt;code&gt;group by 
  a.abc,
  a.cde,
  a.efg,
  a.agh,
  c.dummy,
  p.test   
&lt;/code&gt;&lt;/pre&gt;
&lt;p&gt;The query works fine. But if I remove any one of them from group by it gives:  &lt;/p&gt;
&lt;pre&gt;&lt;code&gt;SQLSTATE: 42803
&lt;/code&gt;&lt;/pre&gt;
&lt;p&gt;Can anyone explain the cause of this error?&lt;/p&gt;</t>
  </si>
  <si>
    <t>2011-11-14 12:05:42.807000+00:00</t>
  </si>
  <si>
    <t>2011-11-14 12:41:56.570000+00:00</t>
  </si>
  <si>
    <t>2011-11-14 12:22:56.093000+00:00</t>
  </si>
  <si>
    <t>sql|group-by|db2</t>
  </si>
  <si>
    <t>What is the best way to inject a class of a child type with Dagger 2?</t>
  </si>
  <si>
    <t>&lt;p&gt;Is it just to provide the child type in the module ? or is there a more direct way eg by using constructor injection with some parameter ? &lt;/p&gt;
&lt;pre&gt;&lt;code&gt;@Module
class TestModule() {
  @Provides
  @Singleton
  fun provideDummy(): Dummy = DummyChild()
}
class MainActivity : AppCompatActivity() {
    @Inject
    lateinit var dummy: Dumy
    override fun onCreate(savedInstanceState: Bundle?) {
       ...
    }
    ...
}
&lt;/code&gt;&lt;/pre&gt;</t>
  </si>
  <si>
    <t>2018-02-19 08:38:15.323000+00:00</t>
  </si>
  <si>
    <t>2018-02-19 11:23:10.970000+00:00</t>
  </si>
  <si>
    <t>android|dagger-2|dagger.android</t>
  </si>
  <si>
    <t>C# ASP Add custom behavior to every System.Web.UI.WebControls.Button.OnClick event</t>
  </si>
  <si>
    <t>&lt;p&gt;I want to run some code every time an instance of System.Web.UI.WebControls.Button is clicked.&lt;/p&gt;
&lt;p&gt;Is there a way I can drop this functionality into the default OnClick method for the button class, or will I have to make a new class that inherits from System.Web.UI.WebControls.Button?&lt;/p&gt;
&lt;p&gt;For example everytime I click a button, I want the code&lt;/p&gt;
&lt;pre&gt;&lt;code&gt;Debug.WriteLine ("hello world")
// other code here
&lt;/code&gt;&lt;/pre&gt;
&lt;p&gt;to run,
but do not want to declare all that code in the OnClick method of every button on my page&lt;/p&gt;
&lt;pre&gt;&lt;code&gt;protected void Button1_Click(object sender, EventArgs e)
{
    //when I get here, I want the code above to have run without having to paste it all into this method
}
protected void Button2_Click(object sender, EventArgs e)
{
    //Another button, don't want to be duplicating all that code again
}
&lt;/code&gt;&lt;/pre&gt;</t>
  </si>
  <si>
    <t>2017-08-09 16:16:38.473000+00:00</t>
  </si>
  <si>
    <t>2017-08-09 16:32:10.323000+00:00</t>
  </si>
  <si>
    <t>c#|asp.net|oop</t>
  </si>
  <si>
    <t>Error handling in Spring integration flow async</t>
  </si>
  <si>
    <t>&lt;p&gt;I have the following Spring Integration configuration that allows me to call a gateway method from MVC Controller and letting controller return, while integration flow will continue on its own in a separate thread that does not block controller.&lt;/p&gt;
&lt;p&gt;However, I cannot figure out how to get my error handler to work for this async flow. My gateway has error channel defined, but my exceptions do not reach it for some reason. Instead, I see that &lt;code&gt;LoggingHandler&lt;/code&gt; gets invoked.&lt;/p&gt;
&lt;pre&gt;&lt;code&gt;@Bean
IntegrationFlow mainInteractiveFlow() {
    return IntegrationFlows.from(
            MessageChannels.executor("input", executor))
            .split()
            .channel(MessageChannels.executor(executor))
            .transform(transformer)
            .handle(genericMessageHandler, "validate")
            .handle(genericMessageHandler, "checkSubscription")
            .handle(interactiveMessageService, "handle")
            .&amp;lt;Task, String&amp;gt;route(p -&amp;gt; p.getKind().name(),
                    m -&amp;gt; m.channelMapping(TaskKind.ABC.name(), "attachInteractiveChannel"))
            .get();
}
@Bean
IntegrationFlow attachInteractiveChannelFlow() {
    return IntegrationFlows.from(
            MessageChannels.direct("attachInteractiveChannel"))
            .handle(issueRouterService)
            .get();
}
@Bean
IntegrationFlow interactiveExceptionChannelFlow() {
    return IntegrationFlows.from(interactiveExceptionChannel())
            .handle(errorHandler, "handleErrorMessage")
            .get();
}
@Bean
MessageChannel interactiveExceptionChannel() {
    return MessageChannels.direct("interactiveExceptionChannel").get();
}
&lt;/code&gt;&lt;/pre&gt;
&lt;p&gt;Gateway:&lt;/p&gt;
&lt;pre&gt;&lt;code&gt;@MessagingGateway(errorChannel = "interactiveExceptionChannel")
public interface InteractiveSlackGW {
    @Gateway(requestChannel = "input")
    void interactiveMessage(Collection&amp;lt;Request&amp;gt; messages);
}
&lt;/code&gt;&lt;/pre&gt;
&lt;p&gt;What should I do in order to see my exceptions happening in the async integration flow being handled by my error handler?&lt;/p&gt;</t>
  </si>
  <si>
    <t>2016-08-12 07:10:38.100000+00:00</t>
  </si>
  <si>
    <t>2016-08-12 12:35:09.343000+00:00</t>
  </si>
  <si>
    <t>2016-08-12 12:22:14.840000+00:00</t>
  </si>
  <si>
    <t>java|spring-integration</t>
  </si>
  <si>
    <t>Android SQLite Database Use</t>
  </si>
  <si>
    <t>&lt;p&gt;I have found numerous web references on how to use a SQLite database.  &lt;/p&gt;
&lt;p&gt;But everything I have found has the DatabaseHelper - &lt;strong&gt;onCreate()&lt;/strong&gt; routine creating a Data Table.  &lt;/p&gt;
&lt;p&gt;I want to create an Empty SQLite Database (No Tables) and then add tables later on an as-need basis.  &lt;/p&gt;
&lt;ol&gt;
&lt;li&gt;Is it REQUIRED that 1 data table be added in order to Create a Database?  &lt;/li&gt;
&lt;li&gt;When I have tried to utilize the &lt;strong&gt;openOrCreateDatabase()&lt;/strong&gt; function in my DatabaseHelper class, it comes up as un-resolved.  &lt;/li&gt;
&lt;/ol&gt;
&lt;p&gt;Your advice/suggestions would be greatly appreciated.&lt;br&gt;
Thanks&lt;/p&gt;</t>
  </si>
  <si>
    <t>2015-12-16 23:00:31.780000+00:00</t>
  </si>
  <si>
    <t>2015-12-16 23:07:36.040000+00:00</t>
  </si>
  <si>
    <t>android|database|sqlite</t>
  </si>
  <si>
    <t>Boost BiMap Parse Template Error</t>
  </si>
  <si>
    <t>&lt;p&gt;I am getting parse template error when I add &lt;code&gt;#include&amp;lt;boost/bimap.hpp&amp;gt;&lt;/code&gt;
I want to find the key of a map from its value and hence thought of using Boost's Bimap but getting below error.&lt;/p&gt;
&lt;pre&gt;&lt;code&gt;/usr/include/boost/bimap/relation/structured_pair.hpp: In function ���bool boost::bimaps::relation::operator&amp;lt;(const boost::bimaps::relation::structured_pair&amp;lt;FirstType, SecondType, Info, Layout1&amp;gt;&amp;amp;, const boost::bimaps::relation::structured_pair&amp;lt;FirstType, SecondType, Info, Layout2&amp;gt;&amp;amp;)���:
/usr/include/boost/bimap/relation/structured_pair.hpp:375:19: error: parse error in template argument list
     return (  ( a.first  &amp;lt;  b.first  ) ||
                   ^
/usr/include/boost/bimap/relation/structured_pair.hpp: In function ���bool boost::bimaps::relation::operator&amp;lt;=(const boost::bimaps::relation::structured_pair&amp;lt;FirstType, SecondType, Info, Layout1&amp;gt;&amp;amp;, const boost::bimaps::relation::structured_pair&amp;lt;FirstType, SecondType, Info, Layout2&amp;gt;&amp;amp;)���:
/usr/include/boost/bimap/relation/structured_pair.hpp:383:19: error: parse error in template argument list
     return (  ( a.first  &amp;lt;  b.first  ) ||
                   ^
/usr/include/boost/bimap/relation/structured_pair.hpp: In function ���bool boost::bimaps::relation::operator&amp;lt;(const boost::bimaps::relation::structured_pair&amp;lt;FirstType, SecondType, Info, Layout1&amp;gt;&amp;amp;, const std::pair&amp;lt;F, S&amp;gt;&amp;amp;)���:
/usr/include/boost/bimap/relation/structured_pair.hpp:424:19: error: parse error in template argument list
     return (  ( a.first  &amp;lt;  b.first  ) ||
                   ^
/usr/include/boost/bimap/relation/structured_pair.hpp: In function ���bool boost::bimaps::relation::operator&amp;lt;=(const boost::bimaps::relation::structured_pair&amp;lt;FirstType, SecondType, Info, Layout1&amp;gt;&amp;amp;, const std::pair&amp;lt;F, S&amp;gt;&amp;amp;)���:
/usr/include/boost/bimap/relation/structured_pair.hpp:432:19: error: parse error in template argument list
     return (  ( a.first  &amp;lt;  b.first  ) ||
                   ^
/usr/include/boost/bimap/relation/structured_pair.hpp: In function ���bool boost::bimaps::relation::operator&amp;lt;(const std::pair&amp;lt;F, S&amp;gt;&amp;amp;, const boost::bimaps::relation::structured_pair&amp;lt;FirstType, SecondType, Info, Layout1&amp;gt;&amp;amp;)���:
/usr/include/boost/bimap/relation/structured_pair.hpp:473:19: error: parse error in template argument list
     return (  ( a.first  &amp;lt;  b.first  ) ||
                   ^
/usr/include/boost/bimap/relation/structured_pair.hpp: In function ���bool boost::bimaps::relation::operator&amp;lt;=(const std::pair&amp;lt;F, S&amp;gt;&amp;amp;, const boost::bimaps::relation::structured_pair&amp;lt;FirstType, SecondType, Info, Layout1&amp;gt;&amp;amp;)���:
/usr/include/boost/bimap/relation/structured_pair.hpp:481:19: error: parse error in template argument list
     return (  ( a.first  &amp;lt;  b.first  ) ||
&lt;/code&gt;&lt;/pre&gt;</t>
  </si>
  <si>
    <t>2018-02-09 15:24:30.270000+00:00</t>
  </si>
  <si>
    <t>2018-02-09 17:22:51.707000+00:00</t>
  </si>
  <si>
    <t>2018-02-09 15:37:58.860000+00:00</t>
  </si>
  <si>
    <t>c++11|templates|boost|bimap</t>
  </si>
  <si>
    <t>Favorite (G)Vim plugins/scripts?</t>
  </si>
  <si>
    <t>&lt;p&gt;What are your favorite (G)Vim plugins/scripts?&lt;/p&gt;</t>
  </si>
  <si>
    <t>2009-12-27 14:25:24.107000+00:00</t>
  </si>
  <si>
    <t>2008-08-22 03:31:48.940000+00:00</t>
  </si>
  <si>
    <t>2011-12-22 16:25:42.890000+00:00</t>
  </si>
  <si>
    <t>Schroeder</t>
  </si>
  <si>
    <t>vim|editor</t>
  </si>
  <si>
    <t>Is it possible to replace the UIView behind a popover (or a modal view) based on the popover actions?</t>
  </si>
  <si>
    <t>&lt;p&gt;Need to implement a popover (or a modal view), and based on selection in the popover, may go to another view once the popover is closed&lt;/p&gt;</t>
  </si>
  <si>
    <t>2015-01-28 14:45:57.737000+00:00</t>
  </si>
  <si>
    <t>2015-01-28 14:56:02.260000+00:00</t>
  </si>
  <si>
    <t>ios|uipopover</t>
  </si>
  <si>
    <t>Best voice recognition algorithm for android</t>
  </si>
  <si>
    <t>&lt;p&gt;I am planning to build a voice recognition app in android where the app does few things when the user says a particular word. &lt;/p&gt;
&lt;p&gt;I came across a tutorial of Levenshtein Distance algorithm in android for speech recognition. 
It works fine but when there is music playing around or when the device is kept at a distance it does not recognize what I say.  &lt;/p&gt;
&lt;p&gt;I would like to know if there is any good open source algorithm  for voice recognition which we could use in our android app? or should we design our own algorithm?&lt;/p&gt;
&lt;p&gt;Any links to good study material or help on this will be very much appreciated. Thanks in advance :)&lt;/p&gt;</t>
  </si>
  <si>
    <t>2014-02-03 08:12:47.267000+00:00</t>
  </si>
  <si>
    <t>2014-02-06 04:27:48.053000+00:00</t>
  </si>
  <si>
    <t>android|speech-recognition|android-speech-api</t>
  </si>
  <si>
    <t>WinForms - Keep child form open in case user cancels closing parent form</t>
  </si>
  <si>
    <t>&lt;p&gt;&lt;strong&gt;Background:&lt;/strong&gt;&lt;/p&gt;
&lt;p&gt;I am creating a WinForms app using C# 4.0 and VS2013.  My app has a main form named &lt;code&gt;ParentForm&lt;/code&gt; and a secondary form named &lt;code&gt;ChildForm&lt;/code&gt;.  The application follows an Model-View-Presenter design, so I want my presenter class &lt;code&gt;P&lt;/code&gt; to control all the form opening, closing, button clicks, and generally anything the user requests.  (Both forms are actually abstracted behind "view" interfaces, but the problem is specifically with the WinForms implementation, so let's ignore the interfaces.)&lt;/p&gt;
&lt;p&gt;&lt;strong&gt;Problem:&lt;/strong&gt;&lt;/p&gt;
&lt;p&gt;Currently &lt;code&gt;P&lt;/code&gt; is handling &lt;code&gt;FormClosing&lt;/code&gt; events for both &lt;code&gt;ParentForm&lt;/code&gt; and &lt;code&gt;ChildForm&lt;/code&gt;, and calling &lt;code&gt;Form.Close&lt;/code&gt; or &lt;code&gt;Form.Dispose&lt;/code&gt; if it determines that the user is allowed to close these forms.&lt;/p&gt;
&lt;p&gt;The problem I'm having is if &lt;code&gt;ChildForm&lt;/code&gt; is open and the user clicks the 'X' button on &lt;code&gt;ParentForm&lt;/code&gt;.  In this scenario, &lt;code&gt;FormClosing&lt;/code&gt; is called first on &lt;code&gt;ChildForm&lt;/code&gt;, then on &lt;code&gt;ParentForm&lt;/code&gt;.  &lt;code&gt;P&lt;/code&gt; doesn't have any way of knowing whether the user clicked 'X' on &lt;code&gt;ChildForm&lt;/code&gt; (which &lt;code&gt;P&lt;/code&gt; should react to by closing &lt;code&gt;ChildForm&lt;/code&gt;), or the user clicked 'X' on &lt;code&gt;ParentForm&lt;/code&gt; (which &lt;code&gt;P&lt;/code&gt; should react to by confirming if the user really wants to exit, before closing any forms).&lt;/p&gt;
&lt;p&gt;&lt;strong&gt;Questions:&lt;/strong&gt;&lt;/p&gt;
&lt;p&gt;Is there a way to tell if &lt;code&gt;FormClosing&lt;/code&gt; is being called in reaction to a parent form closing?&lt;/p&gt;
&lt;p&gt;Is there any way to treat the 'X' button like a normal button?&lt;/p&gt;
&lt;p&gt;Is there a way to prevent child form closes until after the parent form's &lt;code&gt;FormClosing&lt;/code&gt; event (and possible user cancellation)?&lt;/p&gt;</t>
  </si>
  <si>
    <t>2016-04-25 17:34:58.600000+00:00</t>
  </si>
  <si>
    <t>2016-04-25 20:21:13.990000+00:00</t>
  </si>
  <si>
    <t>c#|winforms</t>
  </si>
  <si>
    <t>Trying to create a list of decoded NavigableStrings in Beautiful Soup</t>
  </si>
  <si>
    <t>&lt;p&gt;I want to make a list of NavigableStrings ready to export to excel with all strings decoded. This is necessary since I need all text to not have the "u" in front of it when being exported to excel. &lt;/p&gt;
&lt;p&gt;This is what I've done so far: I ran the list through a for loop and stored the output of each iteration into a new list. However, each element of the new list remains in unicode.&lt;/p&gt;
&lt;pre&gt;&lt;code&gt;encoded_list = [u'first', u'second']
decoded_list = []
for elem in encoded_list:
     decoded_list.append(elem.decode())
print decoded_list
&amp;gt;&amp;gt;&amp;gt;[u'first', u'second']
&lt;/code&gt;&lt;/pre&gt;
&lt;p&gt;`&lt;/p&gt;
&lt;p&gt;It's obvious that NavigableStrings can be decoded, but not when they are stored into lists immediately proceeding iteration.&lt;/p&gt;
&lt;p&gt;Is there any other way to make encoded_list into a list of decoded NavigableStrings?&lt;/p&gt;
&lt;p&gt;Any help would be much appreciated!&lt;/p&gt;</t>
  </si>
  <si>
    <t>2015-02-10 06:33:16.963000+00:00</t>
  </si>
  <si>
    <t>2015-02-10 06:37:39.260000+00:00</t>
  </si>
  <si>
    <t>python|beautifulsoup|string-decoding</t>
  </si>
  <si>
    <t>To get the suggestion about radius authentication using standard PAM and ssh Modules</t>
  </si>
  <si>
    <t>&lt;p&gt;We support Radius Authentication in our product (working as a client) by mapping different template user accounts to radius authenticated users. These user accounts are created on radius server.Template user accounts are created on client locally.
We have some specific attributes that are defined in the customized dictionary file on radius server. The code modification for supporting these attributes and mapping the template user accounts (inheriting the privileges, file ownership, and effective user ID  from template accounts) to Radius users has been done in pam_radius and openSSH source code. &lt;/p&gt;
&lt;p&gt;We also have customized SSH source code to handle enabling and disabling of radius feature (sending radius request message or not).&lt;/p&gt;
&lt;p&gt;Is there any way to remove this customization with the sole purpose of doing 
the radius authentication (having user entries created on radius server) only using the standard PAM module and SSH RPM���s?&lt;/p&gt;
&lt;p&gt;We are using IC and SBR radius servers. The pam module  is being used from freeradius.org. &lt;/p&gt;
&lt;p&gt;All suggestions are welcome.&lt;/p&gt;</t>
  </si>
  <si>
    <t>2018-03-29 06:40:18.620000+00:00</t>
  </si>
  <si>
    <t>radius</t>
  </si>
  <si>
    <t>error with IF EXISTS ()</t>
  </si>
  <si>
    <t>&lt;pre&gt;&lt;code&gt;IF NOT EXISTS (SELECT 1 FROM Products WHERE name='Iphone1' AND manufacturer='appl') THEN
      INSERT INTO Products(product_id, name, category, manufacturer) 
         VALUES (10000, 'IphoneZ', null, 'appl');
&lt;/code&gt;&lt;/pre&gt;
&lt;blockquote&gt;
  &lt;p&gt;ERROR:  syntax error at or near "IF" LINE 1: IF NOT EXISTS (SELECT 1
  FROM Products WHERE name='Iphone1' A...&lt;/p&gt;
&lt;/blockquote&gt;
&lt;p&gt;Can anyone help me understand what I am doing wrong?&lt;/p&gt;</t>
  </si>
  <si>
    <t>2016-12-02 10:18:23.873000+00:00</t>
  </si>
  <si>
    <t>2016-12-02 10:54:40.563000+00:00</t>
  </si>
  <si>
    <t>2016-12-02 10:24:00.223000+00:00</t>
  </si>
  <si>
    <t>mysql|sql|relational-database</t>
  </si>
  <si>
    <t>implicit coercion when using popupmanager in flex</t>
  </si>
  <si>
    <t>&lt;p&gt;I had to reformat my question because I realized I was using incorrect flex method. But still a similar issue occurs:&lt;/p&gt;
&lt;pre&gt;&lt;code&gt;        private function passForm():void {
            PopUpManager.addPopUp(passTitleWindow, this, true);
            PopUpManager.centerPopUp(passTitleWindow);
        } 
                            &amp;lt;s:Button includeIn="Detail" x="10" y="329" 
                                  id= "btn1"
                                  label="Pass"
                                  click="passForm()" 
                                  visible="{hasScreen}" /&amp;gt;
&lt;/code&gt;&lt;/pre&gt;
&lt;p&gt;I click and popup does not display. &lt;/p&gt;</t>
  </si>
  <si>
    <t>2010-03-11 00:46:35.950000+00:00</t>
  </si>
  <si>
    <t>2010-03-12 10:47:52.357000+00:00</t>
  </si>
  <si>
    <t>2010-03-11 01:00:25.980000+00:00</t>
  </si>
  <si>
    <t>flex|actionscript|flash-builder</t>
  </si>
  <si>
    <t>Why need bootstrap file in zend framework 2?</t>
  </si>
  <si>
    <t>&lt;p&gt;In zend framework use bootstrap file but don't understand why need this file without this file, is it cause any major impact in programming operation?  &lt;/p&gt;</t>
  </si>
  <si>
    <t>2013-08-27 04:17:02.980000+00:00</t>
  </si>
  <si>
    <t>2015-03-18 11:19:22.433000+00:00</t>
  </si>
  <si>
    <t>zend-framework2</t>
  </si>
  <si>
    <t>Entity framework 4.1: a very special relationship</t>
  </si>
  <si>
    <t>&lt;p&gt;I have in my database a table &lt;em&gt;(AccessControl)&lt;/em&gt; that describes a sort of users "access control list" for the informations contained in the table &lt;em&gt;Customers&lt;/em&gt; and other tables.&lt;/p&gt;
&lt;p&gt;&lt;strong&gt;Example:&lt;/strong&gt; the entity CUSTOMER is marked by the EntityId #1. If a user belongs to the department #6, he can access the records of customer #16 and #31, but he can't for #14, that can viewed by user in department #3:&lt;/p&gt;
&lt;pre&gt;&lt;code&gt;Table ACCESSCONTROL:
    EntityId    PrimaryKey  DepartmentId
    1       16      6
    1       31      6
    1       14      3
&lt;/code&gt;&lt;/pre&gt;
&lt;p&gt;Here an example of the classes I am using in the domain:&lt;/p&gt;
&lt;pre&gt;&lt;code&gt;Public Class Customer
   Public Property Id As Integer
   .......
   Public Overridable Property Acl As ICollection(Of AccessControl)
End Class
Public Class AccessControl
   Public Property EntityId As Integer
   Public Property PrimaryKey As Integer
   Public Property DepartmentId As Integer
End Class
&lt;/code&gt;&lt;/pre&gt;
&lt;p&gt;How can I describe this relationship into the DbContext definition using a fluent Code First approach?
Thank you in advance.&lt;/p&gt;</t>
  </si>
  <si>
    <t>2011-12-05 16:48:26.027000+00:00</t>
  </si>
  <si>
    <t>2011-12-06 09:10:43.630000+00:00</t>
  </si>
  <si>
    <t>vb.net|entity-framework-4.1|ef-code-first|foreign-key-relationship|fluent-interface</t>
  </si>
  <si>
    <t>Using array_multisort on the same array multiple times?</t>
  </si>
  <si>
    <t>&lt;p&gt;I have a largish table of data pulled from my database (~1500 rows, each with 10-15 fields) and I'm doing a number of filters and generating some stats and storing these in an excel spreadsheet for the user to download.&lt;/p&gt;
&lt;p&gt;Rather than hit the database with the same fairly-complicated query over and over with only minor modifications (to the WHERE and ORDER BY), I'm doing one trip to the DB, putting the results into one big array and then using &lt;code&gt;array_filter&lt;/code&gt; and &lt;code&gt;array_multisort&lt;/code&gt; to get my new views of the data.&lt;/p&gt;
&lt;p&gt;I'm new to &lt;code&gt;array_multisort&lt;/code&gt; so I'll post what I've done here for critique.&lt;/p&gt;
&lt;pre&gt;&lt;code&gt;// an numerical array of associative arrays
$records = $dbResult-&amp;gt;convertToArray();
$fields = $dbResult-&amp;gt;getFieldNames();
// this is run once at the start
$sortArr = array();
foreach ($fields as $field) $sortArr[$field] = array();
foreach ($records as $r) {
    foreach ($r as $key =&amp;gt; $value) {
        $sortArr[$key][] = $value;
    }
}
// and then to sort:
array_multisort(
    $sortArr['Date Completed'], SORT_DESC,
    $sortArr['Last Name'], SORT_ASC,
    $sortArr['First Name'], SORT_ASC,
    $sortArr['Course'], SORT_ASC,
    $records
);
&lt;/code&gt;&lt;/pre&gt;
&lt;p&gt;This works fine, though the initial "copy the entire result into another array" seems strange to me. The problem occurs when I need to sort the list again. I have the feeling that my &lt;code&gt;$sortArr&lt;/code&gt; needs to stay in sync with the &lt;code&gt;$records&lt;/code&gt; array, but that it gets broken after each sort.&lt;/p&gt;
&lt;p&gt;I'm not even sure that this is the intended use of &lt;code&gt;array_multisort&lt;/code&gt;, so I might be way off track here. Can anyone give some advice or tips? How do &lt;em&gt;you&lt;/em&gt; sort multidimensional arrays?&lt;/p&gt;</t>
  </si>
  <si>
    <t>2009-03-30 07:47:08.447000+00:00</t>
  </si>
  <si>
    <t>2009-03-30 09:25:05.310000+00:00</t>
  </si>
  <si>
    <t>nickf</t>
  </si>
  <si>
    <t>php|arrays|sorting|multidimensional-array</t>
  </si>
  <si>
    <t>JSF+Facelets treating bean action as property</t>
  </si>
  <si>
    <t>&lt;p&gt;Guys, for some reason EL is not telling actions from properties. I have this page test.xhtml:&lt;/p&gt;
&lt;pre&gt;&lt;code&gt;&amp;lt;?xml version="1.0" encoding="ISO-8859-1"?&amp;gt;
&amp;lt;!DOCTYPE html PUBLIC "-//W3C//DTD XHTML 1.0 Transitional//EN" "http://www.w3.org/TR/xhtml1/DTD/xhtml1-transitional.dtd"&amp;gt;
&amp;lt;html   xmlns="http://www.w3.org/1999/xhtml"
        xmlns:ui="http://java.sun.com/jsf/facelets"
        xmlns:h="http://java.sun.com/jsf/html"
        xmlns:f="http://java.sun.com/jsf/core"&amp;gt;
&amp;lt;body&amp;gt;
&amp;lt;form action="#{TestBean.test}"&amp;gt;
    &amp;lt;p&amp;gt;#{TestBean.status}&amp;lt;/p&amp;gt;
    &amp;lt;input type="submit" value="Test Again"/&amp;gt;
&amp;lt;/form&amp;gt;
&amp;lt;/body&amp;gt;
&amp;lt;/html&amp;gt;
&lt;/code&gt;&lt;/pre&gt;
&lt;p&gt;TestBean.status is a string property (there is a getStatus method) and TestBean.test is a method which return "sucess".&lt;/p&gt;
&lt;p&gt;Every time I call the page I get this exception:&lt;/p&gt;
&lt;pre&gt;&lt;code&gt;ERROR [STDERR] 05/08/2009 17:41:07 com.sun.facelets.FaceletViewHandler handleRenderException
SEVERE: Error Rendering View[/etc/test/test.xhtml]
javax.el.ELException: /etc/test/test.xhtml: Bean: test.TestBean, property: test
    at com.sun.facelets.compiler.AttributeInstruction.write(AttributeInstruction.java:53)
    at com.sun.facelets.compiler.UIInstructions.encodeBegin(UIInstructions.java:39)
    at com.sun.facelets.tag.jsf.ComponentSupport.encodeRecursive(ComponentSupport.java:232)
    at com.sun.facelets.tag.jsf.ComponentSupport.encodeRecursive(ComponentSupport.java:239)
    at com.sun.facelets.FaceletViewHandler.renderView(FaceletViewHandler.java:580)
    at org.ajax4jsf.application.ViewHandlerWrapper.renderView(ViewHandlerWrapper.java:108)
    at org.ajax4jsf.application.AjaxViewHandler.renderView(AjaxViewHandler.java:216)
    at org.apache.myfaces.lifecycle.LifecycleImpl.render(LifecycleImpl.java:384)
    at javax.faces.webapp.FacesServlet.service(FacesServlet.java:138)
    at org.apache.catalina.core.ApplicationFilterChain.internalDoFilter(ApplicationFilterChain.java:252)
    at org.apache.catalina.core.ApplicationFilterChain.doFilter(ApplicationFilterChain.java:173)
    at org.jboss.web.tomcat.filters.ReplyHeaderFilter.doFilter(ReplyHeaderFilter.java:96)
    at org.apache.catalina.core.ApplicationFilterChain.internalDoFilter(ApplicationFilterChain.java:202)
    at org.apache.catalina.core.ApplicationFilterChain.doFilter(ApplicationFilterChain.java:173)
    at org.apache.catalina.core.StandardWrapperValve.invoke(StandardWrapperValve.java:213)
    at org.apache.catalina.core.StandardContextValve.invoke(StandardContextValve.java:178)
    at org.jboss.web.tomcat.security.SecurityAssociationValve.invoke(SecurityAssociationValve.java:175)
    at org.apache.catalina.authenticator.AuthenticatorBase.invoke(AuthenticatorBase.java:432)
    at org.jboss.web.tomcat.security.JaccContextValve.invoke(JaccContextValve.java:74)
    at org.apache.catalina.core.StandardHostValve.invoke(StandardHostValve.java:126)
    at org.apache.catalina.valves.ErrorReportValve.invoke(ErrorReportValve.java:105)
    at org.jboss.web.tomcat.tc5.jca.CachedConnectionValve.invoke(CachedConnectionValve.java:156)
    at org.apache.catalina.core.StandardEngineValve.invoke(StandardEngineValve.java:107)
    at org.apache.catalina.connector.CoyoteAdapter.service(CoyoteAdapter.java:148)
    at org.apache.coyote.http11.Http11Processor.process(Http11Processor.java:869)
    at org.apache.coyote.http11.Http11BaseProtocol$Http11ConnectionHandler.processConnection(Http11BaseProtocol.java:664)
    at org.apache.tomcat.util.net.PoolTcpEndpoint.processSocket(PoolTcpEndpoint.java:527)
    at org.apache.tomcat.util.net.MasterSlaveWorkerThread.run(MasterSlaveWorkerThread.java:112)
    at java.lang.Thread.run(Unknown Source)
&lt;/code&gt;&lt;/pre&gt;
&lt;p&gt;Maybe it's a long shot, I can describe better my environment. But at first glance, any tips?&lt;/p&gt;
&lt;p&gt;tks&lt;/p&gt;</t>
  </si>
  <si>
    <t>2009-08-05 20:52:08.680000+00:00</t>
  </si>
  <si>
    <t>2012-07-30 13:51:18.803000+00:00</t>
  </si>
  <si>
    <t>jsf|facelets|managed|el|javabeans</t>
  </si>
  <si>
    <t>Overlay iframe over another iframe</t>
  </si>
  <si>
    <t>&lt;p&gt;I have two iframes in a jsp page, one below another. In the end of first iframe I have a dropdown. so when I open the dropdown, its getting hidden by below iframe. How to solve this issue.&lt;/p&gt;
&lt;p&gt;I want the dropdown to overlay on another iframe.&lt;/p&gt;
&lt;p&gt;Thanks in Advance.&lt;/p&gt;</t>
  </si>
  <si>
    <t>2013-05-28 15:01:04.193000+00:00</t>
  </si>
  <si>
    <t>jsp|iframe</t>
  </si>
  <si>
    <t>UITableViewCell detailTextLabel not showing up</t>
  </si>
  <si>
    <t>&lt;p&gt;Using a &lt;code&gt;UITableView&lt;/code&gt; and its &lt;code&gt;UITableViewCell&lt;/code&gt;(s) in Swift. I have some problem showing the &lt;code&gt;detailTextLabel&lt;/code&gt; field of a &lt;code&gt;UITableViewCell&lt;/code&gt;.&lt;/p&gt;
&lt;p&gt;I already found these two helpful posts, but could not get a fully working solution:
&lt;a href="https://stackoverflow.com/questions/32216349/swift-detailtextlabel-not-showing-up"&gt;swift detailTextLabel not showing up&lt;/a&gt;
&lt;a href="https://stackoverflow.com/questions/24062285/how-to-set-uitableviewcellstylesubtitle-and-dequeuereusablecell-in-swift"&gt;How to Set UITableViewCellStyleSubtitle and dequeueReusableCell in Swift?&lt;/a&gt;&lt;/p&gt;
&lt;p&gt;Here is the code I am using, relevant to my question:&lt;/p&gt;
&lt;pre&gt;&lt;code&gt;override func viewDidLoad() {
    super.viewDidLoad()
������������.
    theTableView = UITableView(frame: tmpFrame)
������������.
    theTableView.registerClass(UITableViewCell.self, forCellReuseIdentifier: "reuseIdentifier")
    theTableView.dataSource = self
    theTableView.delegate = self
    self.view.addSubview(theTableView)
}
func tableView(tableView: UITableView, cellForRowAtIndexPath indexPath: NSIndexPath) -&amp;gt; UITableViewCell {
    var cell = tableView.dequeueReusableCellWithIdentifier("reuseIdentifier", forIndexPath: indexPath)
    cell.backgroundColor = UIColor.clearColor()
    cell.textLabel?.text = "THE-TEXT-LABEL"
    cell.detailTextLabel?.text = "KIJILO" // This does not show up.
    return cell
}
&lt;/code&gt;&lt;/pre&gt;
&lt;p&gt;When I try to make use of the &lt;code&gt;detailTextLabel&lt;/code&gt; field of &lt;code&gt;UITableViewCell&lt;/code&gt;, it does not show up. Searching on the net, I understand that I have to use the proper style(&lt;code&gt;UITableViewCellStyle&lt;/code&gt;) for the cell, but I do not see how to integrate that change into my code. The examples I've seen are based on subclassing &lt;code&gt;UITableViewCell&lt;/code&gt; and I suppose I do not need to subclass &lt;code&gt;UITableViewCell&lt;/code&gt; only to make use of the &lt;code&gt;detailTextLabel&lt;/code&gt; field. Please tell me if I am wrong.&lt;/p&gt;
&lt;p&gt;I have also tried a few things from the posts mentioned above, but nothing works as I want.&lt;/p&gt;</t>
  </si>
  <si>
    <t>2015-12-05 03:59:55.853000+00:00</t>
  </si>
  <si>
    <t>2015-12-05 04:27:42.903000+00:00</t>
  </si>
  <si>
    <t>2017-05-23 12:32:14.707000+00:00</t>
  </si>
  <si>
    <t>Ruby: Properties of a hash key</t>
  </si>
  <si>
    <t>&lt;p&gt;I will just paste down a simple example i tried so that it would be clear to those who read this.&lt;/p&gt;
&lt;pre&gt;&lt;code&gt;irb(main):001:0&amp;gt; h =  { }
=&amp;gt; {}
irb(main):002:0&amp;gt; a=[1,2,3]
=&amp;gt; [1, 2, 3]
irb(main):003:0&amp;gt; a.object_id
=&amp;gt; 69922343540500
irb(main):004:0&amp;gt; h[a] = 12          #Hash with the array as a key
=&amp;gt; 12
irb(main):005:0&amp;gt; a &amp;lt;&amp;lt; 4             #Modified the array
=&amp;gt; [1, 2, 3, 4]
irb(main):006:0&amp;gt; a.object_id        #Object id obviously remains the same.
=&amp;gt; 69922343540500
irb(main):007:0&amp;gt; h[a]               #Hash with the same object_id now returns nil.
=&amp;gt; nil
irb(main):008:0&amp;gt; h                  #Modified hash
=&amp;gt; {[1, 2, 3, 4]=&amp;gt;12}
irb(main):009:0&amp;gt; h[[1,2,3,4]]       #Tried to access the value with the modified key -
=&amp;gt; nil
irb(main):011:0&amp;gt; h.each { |key,value| puts "#{key.inspect} maps #{value}" }
[1, 2, 3, 4] maps 12
=&amp;gt; {[1, 2, 3, 4]=&amp;gt;12}
&lt;/code&gt;&lt;/pre&gt;
&lt;p&gt;Now when i iterate over the hash, its possible to identify the map between the key and the value.&lt;/p&gt;
&lt;p&gt;Could some one please explain me this behaviour of ruby hash and what are the properties of hash keys. &lt;/p&gt;
&lt;p&gt;1) As i mentioned above, the object_id hasn't changed - then why is the value set to nil. &lt;/p&gt;
&lt;p&gt;2) Is there any possible way so that i can get back the value '12' from the hash 'h' because h[[1,2,3,4]] as mentioned above returns nil. &lt;/p&gt;</t>
  </si>
  <si>
    <t>2011-07-08 08:30:53.120000+00:00</t>
  </si>
  <si>
    <t>2011-11-14 08:57:18.960000+00:00</t>
  </si>
  <si>
    <t>2011-07-08 08:35:10.060000+00:00</t>
  </si>
  <si>
    <t>Unique object literal keys- javascript</t>
  </si>
  <si>
    <t>&lt;pre&gt;&lt;code&gt;var obj = {"":"empty string", "!":"bang", "hello world":"hello world"}
&lt;/code&gt;&lt;/pre&gt;
&lt;p&gt;-Fix these lines of code so it works?&lt;/p&gt;
&lt;p&gt;Whatever method i've tried, i keep coming up with an undefined property name for "" or an error when calling for !.  &lt;/p&gt;
&lt;p&gt;I'm very new to coding and am not looking for an answer, maybe just a push in the right direction..So please be gentle and thanks for any help &lt;/p&gt;</t>
  </si>
  <si>
    <t>2015-08-07 18:13:50.763000+00:00</t>
  </si>
  <si>
    <t>2015-08-07 18:27:11.260000+00:00</t>
  </si>
  <si>
    <t>javascript|object-literal</t>
  </si>
  <si>
    <t>How do I make the gridview headers to links?</t>
  </si>
  <si>
    <t>&lt;p&gt;I want the headers of my gridview to be hyperlinks, without the "SortExpression"...
I searched the net, but I've been not very succesful.&lt;/p&gt;
&lt;p&gt;Anyone has the solution?&lt;/p&gt;
&lt;p&gt;For example: when clicking on the header of a simple gridview, the site navigates to a webpage. Is it possible?&lt;/p&gt;
&lt;p&gt;Thanks in advance!&lt;/p&gt;</t>
  </si>
  <si>
    <t>2010-04-22 13:22:45.950000+00:00</t>
  </si>
  <si>
    <t>2013-08-27 12:32:01.433000+00:00</t>
  </si>
  <si>
    <t>c#|asp.net|gridview|header|hyperlink</t>
  </si>
  <si>
    <t>DJango, use Javascript provided by OS package manager during development</t>
  </si>
  <si>
    <t>&lt;p&gt;I'm preparing a package developed in-house to be delivered to a customer. During development in house, we've used copies of common JavaScript libraries (jquery, openlayers, underscore) in our code repository, and that works. However, in the delivered system, management feels (and I agree) that if we deliver our 'own copies' of these common libraries then we become responsible for them.&lt;/p&gt;
&lt;p&gt;Consequently I'm trying to rework the system so that it serves these libraries from /usr/share/javascript, which is where the OS (Ubuntu) puts them. This works fine when the package is deployed with Apache; however it doesn't work when run from &lt;/p&gt;
&lt;pre&gt;&lt;code&gt;python manage.py runserver
&lt;/code&gt;&lt;/pre&gt;
&lt;p&gt;What do I need to add to my settings.py so that runserver will serve files from /usr/share/javascript on the URL &lt;/p&gt;
&lt;p&gt;&lt;code&gt;http://localhost:8000/javascript/&lt;/code&gt; ?&lt;/p&gt;
&lt;p&gt;How do I ensure that those files are not collected by 'collectstatic'?&lt;/p&gt;
&lt;p&gt;Thanks!&lt;/p&gt;</t>
  </si>
  <si>
    <t>2015-03-12 12:02:14.567000+00:00</t>
  </si>
  <si>
    <t>2015-03-12 15:33:21.353000+00:00</t>
  </si>
  <si>
    <t>django|package-managers|django-settings</t>
  </si>
  <si>
    <t>Encrypting/decrypting a file line by line?</t>
  </si>
  <si>
    <t>&lt;p&gt;I'm fairly novice to encryption, and I'm trying to get a line-by-line encryptor working; I need to be able to append encrypted lines to a file as I go during an application's run, rather than just one big massive encrypt-everything-and-save.  I'm having a beast of a time with it though.  Here's my encryptor, shamelessly stolen after several failed attempts at my own:&lt;/p&gt;
&lt;pre&gt;&lt;code&gt;
class Encryption
    {
        private static readonly byte[] SALT = new byte[] { 0x26, 0xdc, 0xff, 0x00, 0xad, 0xed, 0x7a, 0xee, 0xc5, 0xfe, 0x07, 0xaf, 0x4d, 0x08, 0x22, 0x3c };
        public static byte[] Encrypt(byte[] plain, string password)
        {
            MemoryStream memoryStream;
            CryptoStream cryptoStream;
            Rijndael rijndael = Rijndael.Create();
            Rfc2898DeriveBytes pdb = new Rfc2898DeriveBytes(password, SALT);
            rijndael.Key = pdb.GetBytes(32);
            rijndael.IV = pdb.GetBytes(16);
            memoryStream = new MemoryStream();
            cryptoStream = new CryptoStream(memoryStream, rijndael.CreateEncryptor(), CryptoStreamMode.Write);
            cryptoStream.Write(plain, 0, plain.Length);
            cryptoStream.FlushFinalBlock();
            cryptoStream.Close();
            return memoryStream.ToArray();
        }
        public static byte[] Decrypt(byte[] cipher, string password)
        {
            MemoryStream memoryStream;
            CryptoStream cryptoStream;
            Rijndael rijndael = Rijndael.Create();
            Rfc2898DeriveBytes pdb = new Rfc2898DeriveBytes(password, SALT);
            rijndael.Key = pdb.GetBytes(32);
            rijndael.IV = pdb.GetBytes(16);
            memoryStream = new MemoryStream();
            cryptoStream = new CryptoStream(memoryStream, rijndael.CreateDecryptor(), CryptoStreamMode.Write);
            cryptoStream.Write(cipher, 0, cipher.Length);
            cryptoStream.FlushFinalBlock();
            cryptoStream.Close();
            return memoryStream.ToArray();
        }
    }
&lt;/code&gt;&lt;/pre&gt;
&lt;p&gt;And here's a dummy function showing how I'm attempting it:&lt;/p&gt;
&lt;pre&gt;
       private void EncryptFile(string filepath, string outputPath, string password)
        {
            FileInfo fileInfo = new FileInfo(filepath);
            string filename = fileInfo.Name;
            string fullpath = outputPath + "\\" + filename;
            BinaryWriter writer = new BinaryWriter(File.OpenWrite(fullpath), Encoding.ASCII);
            /// Two methods that I've attempted here:
            /// 1.  The desired method: encrypt line by line - I assumed I'd be able to generate
            ///     multiple blocks of data and decrypt them later.  This isn't working
            //string[] lines = File.ReadAllLines(filepath);
            /// 2.  Just read the whole thing and encrypt and write it in one swoop.
            string line = File.ReadAllText(filepath);
            //foreach(string line in lines)
            {
                byte[] bytes = Encoding.ASCII.GetBytes(line);
                byte[] encoded = Encryption.Encrypt(bytes, password);
                writer.Write(encoded);
                writer.Flush();
            }
            writer.Close();
        }
        private void DecryptFile(string filepath, string outputPath, string password)
        {
            FileInfo fileInfo = new FileInfo(filepath);
            string filename = fileInfo.Name;
            string fullpath = outputPath + "\\" + filename;
            StreamWriter writer = new StreamWriter(fullpath, false, Encoding.UTF8);
            byte[] bytes = File.ReadAllBytes(filepath);
            ///  Here is the method that's working at the moment for decrypting; just
            ///  grab all the data and decrypt it on one swoop.
            byte[] decrypted = Encryption.Decrypt(bytes, password);
            string s = Encoding.ASCII.GetString(decrypted);
            writer.Write(s);
            writer.Flush();
            ///  I've tried a number of things here to decrypt line by line,
            ///  none of which work.  This crashes with an issue about the padding
            ///  being invalid.  
            /*
            int index = 0;
            int count = 32;
            while (index &lt;/pre&gt;
&lt;p&gt;I'm not entirely sure what I should be doing anymore.  I've been wandering around poking at things and reading through examples online, but they all seem to be how to encrypt a whole file or just encrypt a piece of data and do nothing with it other than immediately decrypt it again.  How should I handle line-by-line writing?&lt;/p&gt;</t>
  </si>
  <si>
    <t>2012-10-21 16:55:28.837000+00:00</t>
  </si>
  <si>
    <t>2012-10-22 21:05:59.993000+00:00</t>
  </si>
  <si>
    <t>2012-10-21 17:46:07.057000+00:00</t>
  </si>
  <si>
    <t>c#|encryption|rijndaelmanaged</t>
  </si>
  <si>
    <t>How to avoid the below div from receiving the event?</t>
  </si>
  <si>
    <t>&lt;p&gt;I have a div called "lower", and a div called "upper". The lower div has a dblclick event, and the upper div is nested inside "lower" (and appears on top) of the lower div. There is no dblclick event on the upper div.&lt;/p&gt;
&lt;p&gt;How can I prevent the lower div from receiving the double click event when I double click the upper div?&lt;/p&gt;
&lt;pre&gt;&lt;code&gt;$('#lower').dblclick(function(e){ 
    alert("event occurred !");
});
&lt;/code&gt;&lt;/pre&gt;</t>
  </si>
  <si>
    <t>2010-12-05 14:47:29.573000+00:00</t>
  </si>
  <si>
    <t>2012-06-25 01:21:39.640000+00:00</t>
  </si>
  <si>
    <t>javascript|html|javascript-events</t>
  </si>
  <si>
    <t>PHP: multiple AND conditions in MYSQL query?</t>
  </si>
  <si>
    <t>&lt;p&gt;I'm trying to figure out why i cannot run a multiple &lt;code&gt;AND&lt;/code&gt; conditions in mysql query.&lt;/p&gt;
&lt;p&gt;basically this is my code:&lt;/p&gt;
&lt;pre&gt;&lt;code&gt;SELECT id, category_name, url, category_name_unedit FROM mytable WHERE category_name='Girls Clothes' AND category_name='Boys Clothes' GROUP BY category_name
&lt;/code&gt;&lt;/pre&gt;
&lt;p&gt;the code above doesn't return anything but when I run the code individually like this:&lt;/p&gt;
&lt;pre&gt;&lt;code&gt;SELECT id, category_name, url, category_name_unedit FROM mytable WHERE category_name='Girls Clothes' GROUP BY category_name
&lt;/code&gt;&lt;/pre&gt;
&lt;p&gt;or like this:&lt;/p&gt;
&lt;pre&gt;&lt;code&gt;SELECT id, category_name, url, category_name_unedit FROM mytable WHERE category_name='Boys Clothes' GROUP BY category_name
&lt;/code&gt;&lt;/pre&gt;
&lt;p&gt;then it works fine!&lt;/p&gt;
&lt;p&gt;This is such a basic issue and unfortunately i cannot figure out how to resolve it.&lt;/p&gt;
&lt;p&gt;could someone please advise on this issue?&lt;/p&gt;</t>
  </si>
  <si>
    <t>2015-11-15 00:03:53.207000+00:00</t>
  </si>
  <si>
    <t>2015-11-15 00:11:15.520000+00:00</t>
  </si>
  <si>
    <t>Baked light dark, not changing when I change intensity</t>
  </si>
  <si>
    <t>&lt;p&gt;I have a scene with a static object with a standard material and 1 directional light marked as baked.&lt;/p&gt;
&lt;p&gt;The problem I have is that changing the intensity of the light does absolutely nothing, when I increment the light intensity, while the light is baking I can see the object brighter, but when it finishes baking then it looks the same as before (dark).&lt;/p&gt;
&lt;p&gt;I have tried changing the baking to manual to see if that could be a problem but the result is exactly the same.&lt;/p&gt;
&lt;p&gt;My lighting settings: &lt;a href="https://imgur.com/1jZbXhW" rel="nofollow noreferrer"&gt;http://imgur.com/1jZbXhW&lt;/a&gt;&lt;/p&gt;
&lt;p&gt;My object settings: &lt;a href="https://imgur.com/luLgRcx" rel="nofollow noreferrer"&gt;http://imgur.com/luLgRcx&lt;/a&gt;&lt;/p&gt;
&lt;p&gt;My light settings: &lt;a href="https://imgur.com/Y0VkeBt" rel="nofollow noreferrer"&gt;http://imgur.com/Y0VkeBt&lt;/a&gt;&lt;/p&gt;
&lt;p&gt;My object when intensity = 1 &lt;a href="https://imgur.com/G8gla81" rel="nofollow noreferrer"&gt;http://imgur.com/G8gla81&lt;/a&gt;&lt;/p&gt;
&lt;p&gt;My object when intensity = 8 &lt;a href="https://imgur.com/bgQtMjl" rel="nofollow noreferrer"&gt;http://imgur.com/bgQtMjl&lt;/a&gt; (it looks a little bit different but i think it is because I changed the perspective.&lt;/p&gt;
&lt;p&gt;This is not the first time I run into this problem, please I must be doing something wrong.&lt;/p&gt;</t>
  </si>
  <si>
    <t>2017-03-04 13:54:59.093000+00:00</t>
  </si>
  <si>
    <t>unity3d|lighting</t>
  </si>
  <si>
    <t>read open stream till end in java</t>
  </si>
  <si>
    <t>&lt;p&gt;I am getting a input stream from apache's telnet client.Every time I send a command to telnet client it writes the terminal output back to InputStream,but this stream remains open until the telnet session.&lt;/p&gt;
&lt;p&gt;Now I want a way to read the data on this stream till the end.Problem is end can't be determined as the stream is always open.One workaround I found was to read data till a specific character is encountered(which is prompt in most of the cases).but the prompt keeps on changing based on command and I have no way to know what it ll be after command execution.&lt;/p&gt;
&lt;p&gt;there is a similar question on SO which explains it better but there is no answer :&lt;/p&gt;
&lt;p&gt;&lt;a href="https://stackoverflow.com/questions/11351474/problems-with-inputstream"&gt;Problems with InputStream&lt;/a&gt;&lt;/p&gt;
&lt;p&gt;Please help...&lt;/p&gt;</t>
  </si>
  <si>
    <t>2012-10-30 10:01:23.633000+00:00</t>
  </si>
  <si>
    <t>2012-10-31 10:51:17.653000+00:00</t>
  </si>
  <si>
    <t>java|inputstream|telnet|apache-commons-net</t>
  </si>
  <si>
    <t>Twitter share link in new window with sizes</t>
  </si>
  <si>
    <t>&lt;p&gt;I found an advice in stackoverflow here is my implementation:&lt;/p&gt;
&lt;pre&gt;&lt;code&gt;&amp;lt;li class='list__item'&amp;gt;&amp;lt;a href='http://twitter.com/share' onclick='window.open(this.href, 'mywin','left=20,top=20,width=500,height=500,toolbar=1,resizable=0'); return false;' title='Twitter' class='icon icon_twitter'&amp;gt;&amp;lt;/a&amp;gt;&amp;lt;/li&amp;gt;
&lt;/code&gt;&lt;/pre&gt;
&lt;p&gt;But for some reason it just open window in the same tab. What's wrong?
&lt;strong&gt;Edit:&lt;/strong&gt; class is for css-design of link.&lt;/p&gt;</t>
  </si>
  <si>
    <t>2014-09-26 05:12:34.693000+00:00</t>
  </si>
  <si>
    <t>2014-09-26 05:27:00.883000+00:00</t>
  </si>
  <si>
    <t>Node.js send data to backend with AJAX</t>
  </si>
  <si>
    <t>&lt;p&gt;I'm quite new to AJAX, so sorry for potential missunderstandings, but I'm not completely through that thing.&lt;/p&gt;
&lt;p&gt;I'm trying a simple thing. I have a &lt;code&gt;server.js&lt;/code&gt; file, which is my backend basically. Then I have a &lt;code&gt;index.html&lt;/code&gt; and a &lt;code&gt;script.js&lt;/code&gt;. That's all, so a very basic setup. Now, on my &lt;code&gt;script.js&lt;/code&gt;, I'm getting some data (a mail address). Now I want to send that data to my backend (into the &lt;code&gt;server.js&lt;/code&gt;) to work with it there. How can I do this?&lt;/p&gt;
&lt;p&gt;I found some posts already about AJAX with node.js, but I don't get it, especially not where to receive it in my backend. I'm using express for the server by the way.&lt;/p&gt;
&lt;p&gt;What I have in my &lt;code&gt;script.js&lt;/code&gt; is:&lt;/p&gt;
&lt;pre&gt;&lt;code&gt;$.ajax({
            type: "POST",
            url: "server.js",
            data: { mail: mail },
            success: function(data) {
            },
            error: function(jqXHR, textStatus, err) {
                alert('text status '+textStatus+', err '+err)
            }
        });
&lt;/code&gt;&lt;/pre&gt;
&lt;p&gt;Right so far? How can I now receive the information in my &lt;code&gt;server.js&lt;/code&gt;?&lt;/p&gt;
&lt;p&gt;There's not much in so far, just:&lt;/p&gt;
&lt;pre&gt;&lt;code&gt;var express = require('express');
var app = express();
var server = app.listen(3000);
app.use(express.static('public'));
&lt;/code&gt;&lt;/pre&gt;
&lt;p&gt;Thanks for any help :)&lt;/p&gt;</t>
  </si>
  <si>
    <t>2017-07-14 14:54:01.850000+00:00</t>
  </si>
  <si>
    <t>2017-07-14 15:16:35.100000+00:00</t>
  </si>
  <si>
    <t>2017-07-14 15:03:56.690000+00:00</t>
  </si>
  <si>
    <t>javascript|jquery|node.js|ajax|express</t>
  </si>
  <si>
    <t>How to create a table view by joining two tables without overlapping records with same relation id</t>
  </si>
  <si>
    <t>&lt;p&gt;I have a table to store all agent activities like below,
&lt;div class="snippet" data-lang="js" data-hide="false"&gt;_x000D_
&lt;div class="snippet-code"&gt;_x000D_
&lt;pre class="snippet-code-html lang-html prettyprint-override"&gt;&lt;code&gt;+----+---------+-------------+-------------+_x000D_
| id | subject |    type     | relation_id |_x000D_
+----+---------+-------------+-------------+_x000D_
|  1 | Call    | lead        |          25 |_x000D_
|  2 | Visit   | Opportunity |          25 |_x000D_
+----+---------+-------------+-------------+&lt;/code&gt;&lt;/pre&gt;_x000D_
&lt;/div&gt;_x000D_
&lt;/div&gt;_x000D_
How is it possible to make a view like this.
&lt;div class="snippet" data-lang="js" data-hide="false"&gt;_x000D_
&lt;div class="snippet-code"&gt;_x000D_
&lt;pre class="snippet-code-html lang-html prettyprint-override"&gt;&lt;code&gt;+----+---------+-----------+------------------+_x000D_
| id | Subject |   lead    |   Opportunity    |_x000D_
+----+---------+-----------+------------------+_x000D_
|  1 | Call    | lead_name |                  |_x000D_
|  2 | Visit   |           | Opportunity_name |_x000D_
+----+---------+-----------+------------------+&lt;/code&gt;&lt;/pre&gt;_x000D_
&lt;/div&gt;_x000D_
&lt;/div&gt;_x000D_
&lt;/p&gt;</t>
  </si>
  <si>
    <t>2016-03-09 06:57:57.610000+00:00</t>
  </si>
  <si>
    <t>2018-11-20 19:33:21.350000+00:00</t>
  </si>
  <si>
    <t>2016-03-10 04:05:17.227000+00:00</t>
  </si>
  <si>
    <t>Sending files from server to client</t>
  </si>
  <si>
    <t>&lt;p&gt;I know there are ways to copy files from the client side to and from the server, but is there away that the server can automatically send a file every x amount of minutes to the a specific computer on a different network.&lt;/p&gt;</t>
  </si>
  <si>
    <t>2015-07-28 20:43:05.230000+00:00</t>
  </si>
  <si>
    <t>2015-07-28 20:48:03.447000+00:00</t>
  </si>
  <si>
    <t>ssh|terminal|file-transfer</t>
  </si>
  <si>
    <t>SQL find value in one table in another variation</t>
  </si>
  <si>
    <t>&lt;p&gt;I have 2 tables like so.&lt;/p&gt;
&lt;pre&gt;&lt;code&gt;Table1
FullName     LastName    FirstName
John Smith   Smith       John
Table2
LastName     Firstname   AKA
Smith Stein  Johnny      John the Bad Guy
&lt;/code&gt;&lt;/pre&gt;
&lt;p&gt;I need to find any variation of &lt;code&gt;lastname&lt;/code&gt; and &lt;code&gt;firstname&lt;/code&gt; from &lt;code&gt;table1&lt;/code&gt; in &lt;code&gt;table2&lt;/code&gt;. However, I can't join the tables because there is nothing to join on as the names could be different. Basically, I'm trying to compare our list to a public list to see if any names match up. &lt;/p&gt;
&lt;p&gt;I am trying this:&lt;/p&gt;
&lt;pre&gt;&lt;code&gt;Select * 
from table1
where exists (select * 
    from table2 
    where charindex(table1.lastname, table2.lastname)&amp;gt;0 
        and charindex(table1.firstname,table2.firstname)&amp;gt;0)
&lt;/code&gt;&lt;/pre&gt;
&lt;p&gt;I get returned value, but I'd like to see the values from table2 as well.&lt;/p&gt;
&lt;p&gt;I would need to see John Smith Returned AND show that John Smith Stein was flagged in the other table. This variation of lastname would also apply to the firstname as well. That's why I can't join on any 1 specific column. &lt;/p&gt;
&lt;p&gt;Sorry if this is confusing.&lt;/p&gt;</t>
  </si>
  <si>
    <t>2018-04-12 19:36:51.133000+00:00</t>
  </si>
  <si>
    <t>2018-04-13 06:31:01.870000+00:00</t>
  </si>
  <si>
    <t>sql|sql-server-2008-r2|compare</t>
  </si>
  <si>
    <t>max , min average of input stream</t>
  </si>
  <si>
    <t>&lt;p&gt;I am given an input stream &amp;amp;  two indexes (i &amp;amp; j) between which you need to calculate the min, max &amp;amp; avg of all the numbers. Which data structure should I you use &amp;amp; how should I calculate the values?&lt;/p&gt;</t>
  </si>
  <si>
    <t>2013-12-09 05:32:23.930000+00:00</t>
  </si>
  <si>
    <t>2013-12-09 14:09:10.450000+00:00</t>
  </si>
  <si>
    <t>algorithm|data-structures</t>
  </si>
  <si>
    <t>ggplot legend for colour with auxiliary variable</t>
  </si>
  <si>
    <t>&lt;p&gt;I'd like to create a plot with a quadratic curve in black, and horizontal lines at various levels in different colours, with a legend (guide) that labels the horizontal line colours.  I can't quite figure it out -- I've tried a couple of variations that seem to make sense to me, but I can't seem to force the legend to appear.&lt;/p&gt;
&lt;p&gt;Here's my latest attempt:&lt;/p&gt;
&lt;pre&gt;&lt;code&gt;library(ggplot2)
theme_set(theme_bw()) ## cosmetic
hdat &amp;lt;- data.frame(harvest_rate=c(5,15,25,30))
r &amp;lt;- 1; K &amp;lt;- 100
ggplot(hdat)+
    geom_hline(data=hdat,aes(yintercept=harvest_rate,
               colour=factor(harvest_rate)))+
    stat_function(fun=function(x) r*x*(1-x/K),colour="black")+
    expand_limits(x=c(0,110))
&lt;/code&gt;&lt;/pre&gt;
&lt;p&gt;&lt;img src="https://i.stack.imgur.com/Gdaxv.png" alt="enter image description here"&gt;&lt;/p&gt;
&lt;p&gt;The lines come out OK, but the legend/guide is not there.&lt;/p&gt;
&lt;p&gt;If I do this instead:&lt;/p&gt;
&lt;pre&gt;&lt;code&gt;ggplot(hdat,aes(yintercept=harvest_rate,
               colour=factor(harvest_rate)))+
    geom_hline()+
    stat_function(fun=function(x) r*x*(1-x/K),colour="black")+
    expand_limits(x=c(0,110))
&lt;/code&gt;&lt;/pre&gt;
&lt;p&gt;then to my surprise the horizontal lines don't get drawn at all!&lt;/p&gt;
&lt;p&gt;I've also tried (I started this way) setting up a data frame with &lt;code&gt;x&lt;/code&gt; and &lt;code&gt;y&lt;/code&gt; variables,&lt;/p&gt;
&lt;pre&gt;&lt;code&gt; d &amp;lt;- data.frame(x=0:110)
 d &amp;lt;- transform(d,y=r*x*(1-x/K))
 ggplot(d,aes(x,y))+geom_line()+
      geom_hline(data=hdat,aes(yintercept=harvest_rate,
               colour=factor(harvest_rate)))+
      scale_colour_brewer(palette="Set1")
&lt;/code&gt;&lt;/pre&gt;
&lt;p&gt;The guide doesn't show up that way either.&lt;/p&gt;
&lt;p&gt;If I  set &lt;code&gt;colour=NA&lt;/code&gt; in the initial &lt;code&gt;ggplot&lt;/code&gt; call the legend appears, but the curve disappears.  If I set &lt;code&gt;colour=factor(1)&lt;/code&gt; as follows&lt;/p&gt;
&lt;pre&gt;&lt;code&gt; ggplot(d,aes(x,y,colour=factor(1)))+geom_line()+
      geom_hline(data=hdat,aes(yintercept=harvest_rate,
               colour=factor(harvest_rate)))+
      scale_colour_brewer(palette="Set1")
&lt;/code&gt;&lt;/pre&gt;
&lt;p&gt;I get a curve and a legend, but the curve is in a bogus colour.  If I override by setting &lt;code&gt;geom_line(colour="black")&lt;/code&gt; then the legend disappears again ...&lt;/p&gt;
&lt;p&gt;I would be very grateful for (1) a hack that works and (2) an explanation of the logic that I'm missing!&lt;/p&gt;</t>
  </si>
  <si>
    <t>2014-01-31 02:18:14.083000+00:00</t>
  </si>
  <si>
    <t>2014-02-02 17:12:28.690000+00:00</t>
  </si>
  <si>
    <t>How do I choose an optimizer for my tensorflow model?</t>
  </si>
  <si>
    <t>&lt;p&gt;Tensorflow seems to have a large collection of optimizers, is there any high level guideline (or review paper) on which one is best adapted to specific classes of loss functions ?&lt;/p&gt;</t>
  </si>
  <si>
    <t>2016-05-13 16:20:09.973000+00:00</t>
  </si>
  <si>
    <t>2016-05-17 11:15:58.547000+00:00</t>
  </si>
  <si>
    <t>Why QAction is not adding to QMenu, if QMenu is unique_ptr?</t>
  </si>
  <si>
    <t>&lt;p&gt;Code example:&lt;/p&gt;
&lt;pre&gt;&lt;code&gt;auto fileMenu = std::make_unique&amp;lt;QMenu&amp;gt;(this-&amp;gt;menuBar()-&amp;gt;addMenu("First"));
fileMenu-&amp;gt;addAction("AFirst");
auto x = this-&amp;gt;menuBar()-&amp;gt;addMenu("Second");
x-&amp;gt;addAction("ASecond");
&lt;/code&gt;&lt;/pre&gt;
&lt;p&gt;Results:&lt;/p&gt;
&lt;p&gt;I have 2 menus in menubar, but in first menu - for some reason, there are NO actions. Second menu correctly has action.&lt;/p&gt;
&lt;p&gt;I have tried different approaches, like, class-member pointers, and so on, but this is shortest possible example - QAction is missing, if QMenu is unique_ptr. Can anyone explain this for me? Parent window is QMainWindow, just in case.&lt;/p&gt;
&lt;p&gt;System info:
Win8.1 x64, Compiler is VS2013, Qt 5.4 x32.&lt;/p&gt;</t>
  </si>
  <si>
    <t>2015-06-14 18:31:43.427000+00:00</t>
  </si>
  <si>
    <t>2015-06-14 20:41:09.387000+00:00</t>
  </si>
  <si>
    <t>Are Rails-style chained queries available in Grails?</t>
  </si>
  <si>
    <t>&lt;p&gt;I am writing a scheduling feature in a new Grails 2.1.0 application. I am transitioning from a Ruby on Rails project, so much of my query strategy derives from Rails style. I have the following domain classes:&lt;/p&gt;
&lt;p&gt;Schedule.groovy&lt;/p&gt;
&lt;pre&gt;&lt;code&gt;class Schedule {
    // Number of minutes between available appointment slots
    int defaultAppointmentInterval
    Time officeOpenStart
    Time officeOpenEnd
    Time lunchStart
    Time lunchEnd
    static hasMany = [inventorySlots: InventorySlot]
    static constraints = {
       // long validation rules
    }
    def boolean isAvailableAt(Date dateTime) {
        def isAvailable = true
        if (inventorySlots.isEmpty()) {
            isAvailable = false
        } else if (inventorySlotsSurroundingTime(dateTime).isEmpty()) {
            isAvailable = false
        }
        isAvailable
    }
    def inventorySlotsSurroundingTime(Date dateTime) {
        InventorySlot.surroundingTime(dateTime) {
            and {
                inventorySlot.schedule = this
            }
        }
    }
}
&lt;/code&gt;&lt;/pre&gt;
&lt;p&gt;InventorySlot.groovy&lt;/p&gt;
&lt;pre&gt;&lt;code&gt;class InventorySlot {
    Date startTime
    static belongsTo = [schedule: Schedule]
    static constraints = {
        startTime nullable: false, blank: false
    }
    static mapping = {
        tablePerHierarchy true
        schedule lazy: false
    }
    static namedQueries = {}
    def static surroundingTime(Date time) {
        [UnboundedInventorySlot.surroundingTime(time), BoundedInventorySlot.surroundingTime(time)].flatten()
    }
    def endTime() {
        return ((BoundedInventorySlot) this).endTime?: (UnboundedInventorySlot (this)).endTime()
    }
}
&lt;/code&gt;&lt;/pre&gt;
&lt;p&gt;UnboundedInventorySlot.groovy&lt;/p&gt;
&lt;pre&gt;&lt;code&gt;class UnboundedInventorySlot extends InventorySlot {
    static namedQueries = {
    //        surroundingTime { time -&amp;gt;
    //            le 'startTime', time
    //            ge 'startTime', time - 1
    //        }
    }
    @Override
    def static surroundingTime(Date time) {
        findAllByStartTimeLessThanEqualsAndStartTimeGreaterThanEquals(time, time - 1)
    }
    def Date endTime() {
        def endTime
        // If the office closing is defined, use that, otherwise use tonight @ 23:59:59
        endTime = schedule?.officeOpenEnd?: new DateTime(startTime + 1).withTimeAtStartOfDay().plusSeconds(-1).toDate()
        return endTime
    }
}
&lt;/code&gt;&lt;/pre&gt;
&lt;p&gt;BoundedInventorySlot.groovy&lt;/p&gt;
&lt;pre&gt;&lt;code&gt;class BoundedInventorySlot extends InventorySlot {
    Date endTime
    static constraints = {
        endTime nullable: false, blank: false, validator: {val, obj -&amp;gt;
            if (val.date != obj.startTime.date) { return ["invalid.differentDate", val.date] }
        }
    }
    static namedQueries = {
    //        surroundingTime { time -&amp;gt;
    //            le 'startTime', time
    //            ge 'endTime', time
    //        }
    }
    @Override
    def static surroundingTime(Date time) {
        findAllByStartTimeLessThanEqualsAndEndTimeGreaterThanEquals(time, time)
    }
    @Override
    def Date endTime() {
        endTime
    }
}
&lt;/code&gt;&lt;/pre&gt;
&lt;p&gt;What I would like to do is to implement the Schedule#isAvailableAt(Date) method as follows:&lt;/p&gt;
&lt;pre&gt;&lt;code&gt;def boolean isAvailableAt(Date dateTime) {
    def isAvailable = true
    if (inventorySlots.isEmpty()) {
        isAvailable = false
    } else if (inventorySlots.surroundingTime(dateTime).isEmpty()) {
        isAvailable = false
    }
    isAvailable
}
&lt;/code&gt;&lt;/pre&gt;
&lt;p&gt;where the &lt;code&gt;inventorySlots.surroundingTime()&lt;/code&gt; invocation is essentially &lt;code&gt;InventorySlot.surroundingTime()&lt;/code&gt; but instead of querying the universe of InventorySlots, it pre-filters on just the instances associated with the schedule instance. This is very common in Rails, but any searches for "chained query" or "collection query" in Grails doesn't seem to provide good documentation. Thanks for any help. &lt;/p&gt;</t>
  </si>
  <si>
    <t>2012-08-25 00:21:56.050000+00:00</t>
  </si>
  <si>
    <t>2015-08-03 22:07:43.977000+00:00</t>
  </si>
  <si>
    <t>ruby-on-rails|grails|groovy|gorm|chaining</t>
  </si>
  <si>
    <t>Confusion around Typescript type `in` operator</t>
  </si>
  <si>
    <t>&lt;p&gt;The &lt;a href="https://basarat.gitbooks.io/typescript/docs/types/literal-types.html" rel="nofollow noreferrer"&gt;following code&lt;/a&gt;:&lt;/p&gt;
&lt;pre&gt;&lt;code&gt;// This makes sense
type simpleKeys = 'a' | 'b';
let anObject: { 
    [index in simpleKeys]: string;
} = {a: 'a', b: 'b'};
anObject.a;  // 'a'
// This doesn't make sense, how does `T` have many types?  It is only
// a subtype of type `string`... or is the act of invoking the function
// with many strings allowing the compiler to infer that `T` is of
// type "AA" | "BB"?
function strEnum&amp;lt;T extends string&amp;gt;(o: Array&amp;lt;T&amp;gt;): {[K in T]: K} {
  return o.reduce((res, key) =&amp;gt; {
    res[key] = key;
    return res;
  }, Object.create(null));
}
const LABELS = strEnum(['AA', 'BB']);
type LABEL = keyof typeof LABELS;
&lt;/code&gt;&lt;/pre&gt;
&lt;p&gt;I understand that &lt;code&gt;T&lt;/code&gt; is a subtype of &lt;code&gt;string&lt;/code&gt; so I was expecting the type system to somehow iterate over the members of &lt;code&gt;o&lt;/code&gt; which are an array of &lt;code&gt;T&lt;/code&gt;s.  Something like &lt;code&gt;[K in o]: K;&lt;/code&gt; but I know that doesn't make sense for a compile time static analysis.  Could anyone point me to a resource to understand how to "think in types" a bit better please?  Thanks.&lt;/p&gt;</t>
  </si>
  <si>
    <t>2017-04-27 10:10:34.747000+00:00</t>
  </si>
  <si>
    <t>2017-04-27 18:39:05.970000+00:00</t>
  </si>
  <si>
    <t>2017-04-27 10:23:15.380000+00:00</t>
  </si>
  <si>
    <t>Akka configuration overwritting</t>
  </si>
  <si>
    <t>&lt;p&gt;I'm trying to overwrite Akka configuration in my application. I have created additional lib for the application, which also has application.conf file as it uses Akka. So I have 2 of them:&lt;/p&gt;
&lt;pre&gt;&lt;code&gt;application.conf in my lib: 
my-conf {
 something = 1
}
application.conf in my app, which uses the lib:
something-else = "foo"
my-conf {
 something = 1000
}
&lt;/code&gt;&lt;/pre&gt;
&lt;p&gt;When I'm running the app from Intellij Idea, everything is fine, and lib configuration is being overwritten. To load the config in my app I'm using simple &lt;code&gt;ConfigFactory.load()&lt;/code&gt; operation. 
But when I create a jar of my app with &lt;code&gt;mvn clean compile assembly:single&lt;/code&gt; and try to run it with this command: &lt;code&gt;java -Xmx4048m -XX:MaxPermSize=512M -Xss256K -classpath myApp.jar com.myapp.example.MyMain&lt;/code&gt; I get error:&lt;/p&gt;
&lt;pre&gt;&lt;code&gt;Caused by: com.typesafe.config.ConfigException$Missing: No configuration setting found for key 'something-else'
&lt;/code&gt;&lt;/pre&gt;
&lt;p&gt;So I decided to rename the conf file in my app, and load it in such way:&lt;/p&gt;
&lt;pre&gt;&lt;code&gt;  val defConfig = ConfigFactory load
  val myConfig = ConfigFactory load "myconf"
  val combined = myConfig.withFallback(defConfig)
  val config = ConfigFactory load combined
&lt;/code&gt;&lt;/pre&gt;
&lt;p&gt;It finds missing settings, but unfortunately config from my app doesn't override config in my lib.
In my lib I load config in default way: &lt;code&gt;val settings = ConfigFactory load&lt;/code&gt;
Also, "my-conf.something" is an important setting, and I'd like to overwrite it from my app. &lt;/p&gt;
&lt;p&gt;What I'm doing wrong? Thanks in advance!&lt;/p&gt;
&lt;p&gt;Also, I thought there could be an issue how I create the jar:&lt;/p&gt;
&lt;pre&gt;&lt;code&gt;&amp;lt;plugin&amp;gt;
            &amp;lt;artifactId&amp;gt;maven-assembly-plugin&amp;lt;/artifactId&amp;gt;
            &amp;lt;version&amp;gt;2.4&amp;lt;/version&amp;gt;
            &amp;lt;configuration&amp;gt;
                &amp;lt;archive&amp;gt;
                    &amp;lt;manifest&amp;gt;
                        &amp;lt;mainClass&amp;gt;com.myapp.example.MyMain&amp;lt;/mainClass&amp;gt;
                    &amp;lt;/manifest&amp;gt;
                &amp;lt;/archive&amp;gt;
                &amp;lt;finalName&amp;gt;loadtest&amp;lt;/finalName&amp;gt;
                &amp;lt;appendAssemblyId&amp;gt;false&amp;lt;/appendAssemblyId&amp;gt;
                &amp;lt;descriptorRefs&amp;gt;
                    &amp;lt;descriptorRef&amp;gt;jar-with-dependencies&amp;lt;/descriptorRef&amp;gt;
                &amp;lt;/descriptorRefs&amp;gt;
            &amp;lt;/configuration&amp;gt;
            &amp;lt;executions&amp;gt;
                &amp;lt;execution&amp;gt;
                    &amp;lt;id&amp;gt;dist-assembly&amp;lt;/id&amp;gt;
                    &amp;lt;phase&amp;gt;package&amp;lt;/phase&amp;gt;
                    &amp;lt;goals&amp;gt;
                        &amp;lt;goal&amp;gt;assembly&amp;lt;/goal&amp;gt;
                    &amp;lt;/goals&amp;gt;
                &amp;lt;/execution&amp;gt;
            &amp;lt;/executions&amp;gt;
        &amp;lt;/plugin&amp;gt;
&lt;/code&gt;&lt;/pre&gt;</t>
  </si>
  <si>
    <t>2013-09-27 11:13:14.773000+00:00</t>
  </si>
  <si>
    <t>2015-08-18 21:22:26.190000+00:00</t>
  </si>
  <si>
    <t>2013-09-27 15:30:20.590000+00:00</t>
  </si>
  <si>
    <t>configuration|akka|maven-assembly-plugin</t>
  </si>
  <si>
    <t>Null pointer exception after using AndroidInject</t>
  </si>
  <si>
    <t>&lt;p&gt;We started using AndroidInject and suddenly we started seeing very random crashes for null pointer. They all happen in the onCreate of different Activities.&lt;/p&gt;
&lt;p&gt;Is there any known issues about it? A knwon workaround?&lt;/p&gt;
&lt;p&gt;They tend to happen on cheaper phones but more rarely on the more powerful as well.&lt;/p&gt;</t>
  </si>
  <si>
    <t>2017-07-01 20:22:10.850000+00:00</t>
  </si>
  <si>
    <t>2017-07-01 20:53:29.290000+00:00</t>
  </si>
  <si>
    <t>android|exception|dagger-2|androidinjector</t>
  </si>
  <si>
    <t>not recognized as an internal or external command, operable program or batch file</t>
  </si>
  <si>
    <t>&lt;p&gt;Help i am having trouble using this matlab command. I am trying to use the SVM train using matlab with this command&lt;/p&gt;
&lt;p&gt;svmOutFile = [prefix '/svmOut.dat'];&lt;/p&gt;
&lt;p&gt;command = ['!libsvm-2.88\windows\svm-train.exe -t 0 -c ' num2str(c) ' -v ' num2str(n) ' ' trainFile ' &gt; ' svmOutFile];&lt;/p&gt;
&lt;p&gt;eval(command);&lt;/p&gt;
&lt;p&gt;where the error is 'libsvm-2.88\windows\svm-train.exe' is not recognized as an internal or external command, operable program or batch file.&lt;/p&gt;
&lt;p&gt;What should i do?&lt;/p&gt;</t>
  </si>
  <si>
    <t>2017-07-27 09:06:08.880000+00:00</t>
  </si>
  <si>
    <t>2017-07-27 09:30:16.760000+00:00</t>
  </si>
  <si>
    <t>matlab|image-processing|svm|libsvm</t>
  </si>
  <si>
    <t>How to return the lowest 8 values in a table of scores in sql with a particular value included in each result</t>
  </si>
  <si>
    <t>&lt;p&gt;I have the following table '&lt;code&gt;S3results&lt;/code&gt;:&lt;/p&gt;
&lt;pre&gt;&lt;code&gt;+-----------+----------+------------------+-------+
| Studentno | Fullname |     Subject      | Fmagg |
+-----------+----------+------------------+-------+
|    100509 | Terry    | Accounts         |     1 |
|    100509 | Terry    | Art              |     6 |
|    100509 | Terry    | Biology          |     3 |
|    100509 | Terry    | Chemistry        |     2 |
|    100509 | Terry    | Commerce         |     2 |
|    100509 | Terry    | Computer Studies |     4 |
|    100509 | Terry    | English          |     6 |
|    100509 | Terry    | Geography        |     1 |
|    100509 | Terry    | History          |     1 |
|    100509 | Terry    | Mathematics      |     3 |
|    100509 | Terry    | Physics          |     1 |
|    100510 | Sena     | Accounts         |     4 |
|    100510 | Sena     | Art              |     1 |
|    100510 | Sena     | Biology          |     5 |
|    100510 | Sena     | Chemistry        |     1 |
|    100510 | Sena     | Commerce         |     3 |
|    100510 | Sena     | Computer Studies |     3 |
|    100510 | Sena     | English          |     4 |
|    100510 | Sena     | Geography        |     1 |
|    100510 | Sena     | History          |     4 |
|    100510 | Sena     | Mathematics      |     1 |
|    100510 | Sena     | Physics          |     2 |
|    100511 | Cristen  | Accounts         |     2 |
|    100511 | Cristen  | Art              |     1 |
|    100511 | Cristen  | Biology          |     2 |
|    100511 | Cristen  | Chemistry        |     1 |
|    100511 | Cristen  | Commerce         |     5 |
|    100511 | Cristen  | Computer Studies |     3 |
|    100511 | Cristen  | English          |     6 |
|    100511 | Cristen  | Geography        |     1 |
|    100511 | Cristen  | History          |     1 |
|    100511 | Cristen  | Mathematics      |     2 |
|    100511 | Cristen  | Physics          |     6 |
+-----------+----------+------------------+-------+
&lt;/code&gt;&lt;/pre&gt;
&lt;p&gt;What i want is to select 8 subjects with the lowest scores for each student in the &lt;code&gt;fmagg&lt;/code&gt; column but English should be included in the results irrespective of their score.&lt;/p&gt;
&lt;p&gt;Below is the result I want:&lt;/p&gt;
&lt;pre&gt;&lt;code&gt;+-----------+----------+------------------+-------+
| Studentno | Fullname |     Subject      | Fmagg |
+-----------+----------+------------------+-------+
|    100509 | Terry    | Accounts         |     1 |
|    100509 | Terry    | Geography        |     1 |
|    100509 | Terry    | History          |     1 |
|    100509 | Terry    | Physics          |     1 |
|    100509 | Terry    | Chemistry        |     2 |
|    100509 | Terry    | Commerce         |     2 |
|    100509 | Terry    | Biology          |     3 |
|    100509 | Terry    | English          |     6 |
|    100510 | Sena     | Art              |     1 |
|    100510 | Sena     | Chemistry        |     1 |
|    100510 | Sena     | Geography        |     1 |
|    100510 | Sena     | Mathematics      |     1 |
|    100510 | Sena     | Physics          |     2 |
|    100510 | Sena     | Commerce         |     3 |
|    100510 | Sena     | Computer Studies |     3 |
|    100510 | Sena     | English          |     4 |
|    100511 | Cristen  | Art              |     1 |
|    100511 | Cristen  | Chemistry        |     1 |
|    100511 | Cristen  | Geography        |     1 |
|    100511 | Cristen  | History          |     1 |
|    100511 | Cristen  | Accounts         |     2 |
|    100511 | Cristen  | Biology          |     2 |
|    100511 | Cristen  | Mathematics      |     2 |
|    100511 | Cristen  | English          |     6 |
+-----------+----------+------------------+-------+
&lt;/code&gt;&lt;/pre&gt;
&lt;p&gt;Some one proposed the solution below:&lt;/p&gt;
&lt;pre&gt;&lt;code&gt;;WITH cte AS
(
    SELECT Studentno, Fullname, [Subject], Fmagg,  
        CASE WHEN [Subject] IN ('Mathematics', 'English')
            THEN 0
            ELSE ROW_NUMBER() OVER (PARTITION BY Studentno ORDER BY Fmagg ASC)
        END AS Ranking
    FROM S3Results
)
SELECT Studentno, Fullname, [Subject], Fmagg 
FROM cte
WHERE Ranking &amp;lt; 8
ORDER BY Studentno, Fmagg
&lt;/code&gt;&lt;/pre&gt;
&lt;p&gt;the above code worked for me until i realized that it's excluding values equal to or greater than 5 unless it's English. for example given a student scored the following: 5,2,3,5,2,3,3,4,7,7,1 running that query will produce: 3,1,2,2,3,3,4. as you can see those are 7 rows and not 8 as i wanted. thanks in advance. &lt;/p&gt;</t>
  </si>
  <si>
    <t>2016-02-26 07:30:36.767000+00:00</t>
  </si>
  <si>
    <t>2016-02-26 11:38:41.250000+00:00</t>
  </si>
  <si>
    <t>2016-02-26 09:21:54.907000+00:00</t>
  </si>
  <si>
    <t>How do I properly implement a Map for Custom types using generics in nested classes</t>
  </si>
  <si>
    <t>&lt;p&gt;In short I'm trying to write an &lt;code&gt;AbstractMap&lt;/code&gt; implementation and I encountered a syntax problem that I do not understand. &lt;/p&gt;
&lt;p&gt;Consider the following two sketches (the identifiers with &lt;code&gt;My&lt;/code&gt; before them are custom types).&lt;/p&gt;
&lt;hr&gt;
&lt;p&gt;&lt;strong&gt;(1) Not Working:&lt;/strong&gt;&lt;/p&gt;
&lt;pre&gt;&lt;code&gt;public class CustomMap extends AbstractMap&amp;lt;MyKey,MyValue&amp;gt; {
    private Set&amp;lt;Map.Entry&amp;lt;MyKey,MyValue&amp;gt;&amp;gt; data = null ;
    public static class MyMapEntry&amp;lt;K,V&amp;gt; implements Map.Entry&amp;lt;K,V&amp;gt; { 
        //...
    }
    public static class MyEntrySet&amp;lt;E&amp;gt; extends AbstractSet&amp;lt;E&amp;gt; {
        //...
    }
    public static class MyEntrySetIterator&amp;lt;E&amp;gt; implements Iterator&amp;lt;E&amp;gt; {
        //...
    }
    { // initializer block
        this.data = new MyEntrySet&amp;lt;MyMapEntry&amp;lt;MyKey,MyValue&amp;gt;&amp;gt;() ;
    }
    // (constructors and methods of the Map interface)
}
&lt;/code&gt;&lt;/pre&gt;
&lt;p&gt;&lt;strong&gt;(2) Working:&lt;/strong&gt;&lt;/p&gt;
&lt;pre&gt;&lt;code&gt;public class CustomMap extends AbstractMap&amp;lt;MyKey,MyValue&amp;gt; {
    private Set&amp;lt;Map.Entry&amp;lt;MyKey,MyValue&amp;gt;&amp;gt; data = null ;
    public static class MyMapEntry&amp;lt;K,V&amp;gt; implements Map.Entry&amp;lt;K,V&amp;gt; { 
        //...
    }
    public static class MyEntrySet&amp;lt;E&amp;gt; extends AbstractSet&amp;lt;E&amp;gt; {
        //...
    }
    public static class MyEntrySetIterator&amp;lt;E&amp;gt; implements Iterator&amp;lt;E&amp;gt; {
        //...
    }
    { // initializer block
        this.data = new MyEntrySet&amp;lt;Map.Entry&amp;lt;MyKey,MyValue&amp;gt;&amp;gt;() ;
    }
    // (constructors and methods of the Map interface)
}
&lt;/code&gt;&lt;/pre&gt;
&lt;hr&gt;
&lt;p&gt;The only difference is in the way I instantiated &lt;code&gt;this.data&lt;/code&gt; (the &lt;code&gt;Set&lt;/code&gt; backing the &lt;code&gt;Map&lt;/code&gt;): apparently the compiler does not accept an instance of &lt;code&gt;Map.Entry&lt;/code&gt; (such as &lt;code&gt;MyMapEntry&lt;/code&gt;) as the parameterized type of &lt;code&gt;MyEntrySet&lt;/code&gt;.&lt;/p&gt;
&lt;p&gt;The compiler complains about "incompatible types".&lt;/p&gt;
&lt;p&gt;I wonder why.&lt;/p&gt;
&lt;p&gt;Please post comments in case I need to elaborate,
TIA,&lt;/p&gt;
&lt;p&gt;FK82&lt;/p&gt;</t>
  </si>
  <si>
    <t>2011-02-22 12:57:22.023000+00:00</t>
  </si>
  <si>
    <t>2011-08-01 22:51:14.760000+00:00</t>
  </si>
  <si>
    <t>java|generics|map|implementation</t>
  </si>
  <si>
    <t>tree search using recursion javascript</t>
  </si>
  <si>
    <t>&lt;p&gt;I am looking for a way to be able to search in an array, with nested arrays, a node with information. It can be seen as a tree&lt;/p&gt;
&lt;pre&gt;&lt;code&gt;const data = [
  {
    id: '1-1',
    name: "Factory",
    children: [
      {
        id: '1-1-1',
        name: "Areas",
        children: [
          {                
            id: '1-1-1-1',
            name: "Sales",
            children: [
              {
                id: '1-1-1-1-1',
                name: "Bill Gates",
                children:[...]
              },
              ...
             ]
          },
          ...
         ]
       },
       ...
      ],
    },
    ...
   ]
&lt;/code&gt;&lt;/pre&gt;
&lt;p&gt;If I wanted to find the node with name: Bill Gates&lt;/p&gt;
&lt;p&gt;Try this function, but it does not work properly&lt;/p&gt;
&lt;pre&gt;&lt;code&gt;const getElements = (treeData, text) =&amp;gt; {
  return treeData.map(node =&amp;gt; {
    const textMatch = node.name.toLowerCase().includes(text.toLowerCase());
    if (textMatch) {
      console.log(node);
      return node;
    } else {
      if (node.children) {
        return getElements(node.children, text)
      }
    }
  })
}
&lt;/code&gt;&lt;/pre&gt;
&lt;p&gt;In deeper data like Bill Gates Node returns the entire TreeArray, but with all the data that does not contain the name Bill Gates as undefined&lt;/p&gt;</t>
  </si>
  <si>
    <t>2018-02-28 17:23:41.863000+00:00</t>
  </si>
  <si>
    <t>2018-02-28 17:30:33.957000+00:00</t>
  </si>
  <si>
    <t>javascript|reactjs</t>
  </si>
  <si>
    <t>Query to add quarter condition in SQL</t>
  </si>
  <si>
    <t>&lt;p&gt;I have a scenario in which if the system date is between 1 to 5 of the current quarter the calculation should not include current quarter data and if it is greater than 5 it has to include all the data. &lt;/p&gt;
&lt;p&gt;I am trying to include this condition in where clause but I am not able to acheive the result. &lt;/p&gt;
&lt;p&gt;Could you please help me in this condition&lt;/p&gt;
&lt;pre&gt;&lt;code&gt;SELECT 
     Dense_Rank() over(order by AMOUNT desc)as RANK,
     FISCAL,       
     AMOUNT
  FROM 
     T1 INNER JOIN  T2     ON 1=1
  WHERE ( FISCAL&amp;lt;( CASE WHEN t2.SYSDATE BETWEEN t2.CURRENTQUARTER_START_DATE  AND    ADD_DAYS(tw.CURRENTQUARTER_START_DATE,4)
                         THEN CURRENT_QUARTER                           
                         END ) OR (NULL)
&lt;/code&gt;&lt;/pre&gt;
&lt;p&gt;I am not sure how to include that condition.&lt;/p&gt;</t>
  </si>
  <si>
    <t>2015-11-20 15:35:17.907000+00:00</t>
  </si>
  <si>
    <t>2015-11-20 16:03:26.497000+00:00</t>
  </si>
  <si>
    <t>2015-11-20 15:42:51.990000+00:00</t>
  </si>
  <si>
    <t>Not able to delete row at an indexpath</t>
  </si>
  <si>
    <t>&lt;p&gt;I have some tableview cells with some data on them and the cells have a cross button on them (at the top right) on the click of which the cell should get deleted. This is how I'm trying to delete...&lt;/p&gt;
&lt;pre&gt;&lt;code&gt;extension sellTableViewController: imageDelegate {
    func delete(cell: sellTableViewCell) {
        if let indexPath = tableview?.indexPath(for: cell) {
            //1.Delete photo from datasource
            arrProduct?.remove(at: indexPath.row)
            print(self.appDelegate.commonArrForselectedItems)
            tableview.deleteRows(at: [indexPath], with: .fade)
        }
    }
}
&lt;/code&gt;&lt;/pre&gt;
&lt;p&gt;But when I click on the cross button I get an error message saying &lt;code&gt;The number of sections contained in the table view after the update (1) must be equal to the number of sections contained in the table view before the update (2), plus or minus the number of sections inserted or deleted (0 inserted, 0 deleted).'&lt;/code&gt;&lt;/p&gt;
&lt;p&gt;My tableview &lt;code&gt;numberOfSections&lt;/code&gt; and &lt;code&gt;numberOfRowsInSection&lt;/code&gt; is given as follows...&lt;/p&gt;
&lt;pre&gt;&lt;code&gt;    func numberOfSections(in tableView: UITableView) -&amp;gt; Int {
        return (arrProduct?.count)!
    }
    func tableView(_ tableView: UITableView, numberOfRowsInSection section: Int) -&amp;gt; Int {
        let product = arrProduct![section]
        return product.images.count
    }
&lt;/code&gt;&lt;/pre&gt;
&lt;p&gt;Hope somebody can help...&lt;/p&gt;</t>
  </si>
  <si>
    <t>2017-11-23 12:51:36.947000+00:00</t>
  </si>
  <si>
    <t>2017-11-24 00:15:09.037000+00:00</t>
  </si>
  <si>
    <t>ios|swift|uitableview|indexpath</t>
  </si>
  <si>
    <t>Which css parameter modifies animate('width', 'hide') function</t>
  </si>
  <si>
    <t>&lt;p&gt;In my jquery function, I have few elements in ul list, some of them are shown, and some of them not. After clicking a li item, I want to check, if there is anything shown, hide it (by sliding it to the left), and perform another action (but only if first function was performed!). So how can I check, if that first action was performed (element was animated by jquery)?
HTML code looks like this:&lt;/p&gt;
&lt;pre&gt;&lt;code&gt;&amp;lt;ul&amp;gt;
&amp;lt;li&amp;gt;
     &amp;lt;div class="content_nav content_nav1"&amp;gt;
     &amp;lt;/div&amp;gt;
     &amp;lt;div class="content_el content_el1"&amp;gt; 
     &amp;lt;/div&amp;gt;
&amp;lt;/li&amp;gt;
&amp;lt;li&amp;gt;
     &amp;lt;div class="content_nav content_nav2"&amp;gt;
     &amp;lt;/div&amp;gt;
     &amp;lt;div class="content_el content_el2"&amp;gt; 
     &amp;lt;/div&amp;gt;
&amp;lt;/li&amp;gt;
&amp;lt;/ul&amp;gt;
&lt;/code&gt;&lt;/pre&gt;
&lt;p&gt;and jQuery:&lt;/p&gt;
&lt;pre&gt;&lt;code&gt;for ( var i=1; i&amp;lt;3; i++)
    {
        if (i != item_number)
        {
             var another_content = ".content_el" + i;
             var another_nav = ".content_nav" + i;
             $(another_content).animate({'width': 'hide'}, animate_duration);
              //here i want to check, if action above was performed
                 $(another_nav).animate({'width':'show'}, animate_duration);
                    }
            }
&lt;/code&gt;&lt;/pre&gt;
&lt;p&gt;I would be grateful for any help!
Thanks in advance.&lt;/p&gt;
&lt;p&gt;EDIT:
So, the right question is, which css parameter &lt;/p&gt;
&lt;pre&gt;&lt;code&gt;  $(another_content).animate({'width': 'hide'}, animate_duration);
&lt;/code&gt;&lt;/pre&gt;
&lt;p&gt;modifies.&lt;/p&gt;</t>
  </si>
  <si>
    <t>2014-03-25 13:02:04.800000+00:00</t>
  </si>
  <si>
    <t>2014-03-25 13:41:08.807000+00:00</t>
  </si>
  <si>
    <t>Adding Mac OS X app to "General Services"</t>
  </si>
  <si>
    <t>&lt;p&gt;I have found that "Services..." a very useful place to add functionality via AppleScript.&lt;/p&gt;
&lt;p&gt;&lt;a href="https://i.stack.imgur.com/EAub0.png" rel="nofollow noreferrer"&gt;&lt;img src="https://i.stack.imgur.com/EAub0.png" alt="enter image description here"&gt;&lt;/a&gt;&lt;/p&gt;
&lt;p&gt;I have written a small OS X app that uploads documents to a web based service (it requires OAuth2) and thought it would be great to add this functionality to the "Services" submenu. For example, when I am viewing a pdf in Preview to upload directly from a Services item.&lt;/p&gt;
&lt;p&gt;I have tried wading through Apple's documentation on "Services", but I don't see how to add one outside of the Automator. I would be happy to use that but:&lt;/p&gt;
&lt;ol&gt;
&lt;li&gt;&lt;p&gt;Do I need to make my app AppleScript-able? If so, how?&lt;/p&gt;&lt;/li&gt;
&lt;li&gt;&lt;p&gt;Is there another way to add Services outside of the Automator?&lt;/p&gt;&lt;/li&gt;
&lt;/ol&gt;
&lt;p&gt;Thanks!&lt;/p&gt;</t>
  </si>
  <si>
    <t>2017-02-10 18:57:13.200000+00:00</t>
  </si>
  <si>
    <t>2017-02-10 19:45:33.927000+00:00</t>
  </si>
  <si>
    <t>macos|applescript|automator</t>
  </si>
  <si>
    <t>Better way to test sign change?</t>
  </si>
  <si>
    <t>&lt;p&gt;When looping through a sequence of numbers (eg. 0.1, -0.5, 1.0, -0.33, ...) I want a way to test whether the current number has a different sign than the previous. My code is below but -- there has got to be a better way..&lt;/p&gt;
&lt;pre&gt;&lt;code&gt;-(bool)signChanged:(float)prev :(float)value{
    // our value is negative
    if(value &amp;lt; 0.0){
        // previous value is positive or zero
        if(prev &amp;gt;= 0.0) return true;
    // our value is positive
    }else{
        if(prev &amp;lt; 0.0) return true;
    }
    return false;
}
&lt;/code&gt;&lt;/pre&gt;</t>
  </si>
  <si>
    <t>2012-12-22 19:58:09.467000+00:00</t>
  </si>
  <si>
    <t>2012-12-22 20:41:16.150000+00:00</t>
  </si>
  <si>
    <t>2012-12-22 19:58:55.777000+00:00</t>
  </si>
  <si>
    <t>objective-c|math</t>
  </si>
  <si>
    <t>Compare a string in java with the data stored in a table column</t>
  </si>
  <si>
    <t>&lt;p&gt;I have taken a string as input, and need to compare it with a large volume of data from the database. Basically i have to find the distance between the input string and stored strings of the database table&lt;/p&gt;
&lt;p&gt;What would be the perfect and efficient solution for this kind of situation ?&lt;/p&gt;
&lt;p&gt;Thanks in advance.&lt;/p&gt;</t>
  </si>
  <si>
    <t>2011-04-26 07:40:39.333000+00:00</t>
  </si>
  <si>
    <t>2011-04-26 07:56:50.377000+00:00</t>
  </si>
  <si>
    <t>java|database|algorithm|search|performance</t>
  </si>
  <si>
    <t>How to unit test Java Hbase API</t>
  </si>
  <si>
    <t>&lt;p&gt;I am using the Java HBase API to get a value from Hbase. This is my code.&lt;/p&gt;
&lt;pre&gt;&lt;code&gt;public class GetViewFromHbaseBolt extends BaseBasicBolt {
private HTable table;
private String zkQuorum;
private String zkClientPort;
private String tableName;
public GetViewFromHbaseBolt(String table, String zkQuorum,
        String zkClientPort) {
    this.tableName = table;
    this.zkQuorum = zkQuorum;
    this.zkClientPort = zkClientPort;
}
@Override
public void prepare(Map config, TopologyContext context) {
    try {
        table = getHTable();
    } catch (IOException e) {
        e.printStackTrace();
    }
}
@Override
public void execute(Tuple tuple, BasicOutputCollector collector) {
    try {
        if (tuple.size() &amp;gt; 0) {
            Long dtmid = tuple.getLong(0);
            byte[] rowKey = HBaseRowKeyDistributor.getDistributedKey(dtmid);
            Get get = new Get(rowKey);
            get.addFamily("a".getBytes());
            Result result = table.get(get);
            System.out.println(result);
            byte[] bidUser = result.getValue("a".getBytes(),
                    "co_created_5076".getBytes());
            collector.emit(new Values(dtmid, bidUser));
        }
    } catch (IOException e) {
        e.printStackTrace();
    }
}
@Override
public void declareOutputFields(OutputFieldsDeclarer declarer) {
    declarer.declare(new Fields("dtmi", "bidUser"));
}
// setting up the conections for Hbase
protected HTable getHTable() throws IOException {
    HTable table = null;
    Configuration conf;
    conf = HBaseConfiguration.create();
    conf.set("hbase.zookeeper.property.clientPort", zkClientPort);
    conf.set("hbase.zookeeper.quorum", zkQuorum);
    table = new HTable(conf, tableName);
    return table;
}
&lt;/code&gt;&lt;/pre&gt;
&lt;p&gt;This works fine. Now I am writing a Unit Test using the Mockito API. On my test class I am getting a java.langNullPointerException when this  when(table.get(any(Get.class))).thenReturn(result); is called.&lt;/p&gt;
&lt;pre&gt;&lt;code&gt;   public class GetViewFromHbaseBoltTest {
@Mock
private TopologyContext topologyContext;
@Mock
private  HTable table;
//HTable table = mock(HTable.class);
@Test
public void testExecute() throws IOException {
    long dtmId = 350000000770902930L;
    final byte[] COL_FAMILY = "a".getBytes();
    final byte[] COL_QUALIFIER = "co_created_5076".getBytes();
    // A mock tuple with a single dtmid
    Tuple tuple = mock(Tuple.class);
    when(tuple.size()).thenReturn(1);
    when(tuple.getLong(0)).thenReturn(dtmId);
    List&amp;lt;KeyValue&amp;gt; kvs = new ArrayList&amp;lt;KeyValue&amp;gt;();
    kvs.add(new KeyValue(COL_FAMILY, COL_QUALIFIER, Bytes
            .toBytes("ExpedtedBytes")));
    Result result = new Result(kvs);
    when(table.get(any(Get.class))).thenReturn(result);
    BasicOutputCollector collector = mock(BasicOutputCollector.class);
    GetViewFromHbaseBolt bolt = mock(GetViewFromHbaseBolt.class);
    // Execute the bolt.
    bolt.execute(tuple, collector);
    ArgumentCaptor&amp;lt;Values&amp;gt; valuesArg = ArgumentCaptor
            .forClass(Values.class);
    verify(collector).emit(valuesArg.capture());
    ArrayList&amp;lt;Object&amp;gt; d = valuesArg.getValue();
// verify
}
&lt;/code&gt;&lt;/pre&gt;</t>
  </si>
  <si>
    <t>2015-04-30 20:15:51.593000+00:00</t>
  </si>
  <si>
    <t>2018-09-13 11:22:07.327000+00:00</t>
  </si>
  <si>
    <t>2015-12-02 22:05:24.987000+00:00</t>
  </si>
  <si>
    <t>java|hadoop|mocking|hbase|apache-storm</t>
  </si>
  <si>
    <t>jQuery select by Href inside specific Div</t>
  </si>
  <si>
    <t>&lt;p&gt;I'm trying to select a specfic &amp;lt; a &gt; to put a style on it put my code is not working`&lt;/p&gt;
&lt;pre&gt;&lt;code&gt;   var url=window.location.protocol + "//" + window.location.host+"/"+window.location.pathname;
jQuery('#accordion a[href*="'+url+'"]').css("font-weight", "bold");
&lt;/code&gt;&lt;/pre&gt;
&lt;p&gt;that code is not working at all and it gives undefind object..so any help here :)&lt;/p&gt;
&lt;p&gt;Best Regards
M Hegab&lt;/p&gt;</t>
  </si>
  <si>
    <t>2010-08-31 09:03:35.167000+00:00</t>
  </si>
  <si>
    <t>2010-09-01 10:09:08.200000+00:00</t>
  </si>
  <si>
    <t>jquery|jquery-selectors</t>
  </si>
  <si>
    <t>CATiledLayer is being rendered underneath a UIView</t>
  </si>
  <si>
    <t>&lt;p&gt;I'm making a PDF reader that looks like a real book.&lt;/p&gt;
&lt;p&gt;I have a UIImageView inside a scrollview as the book's background (imagine an open book with empty pages).  The UIImageView's layer has 2 sublayers each positioned over each page, CATiledLayers that render PDF content.&lt;/p&gt;
&lt;p&gt;I have 2 UIViews whose layer uses an image as its contents.  When I hit a button to turn the page, I take the CATiledLayer attached to the background and remove him but then add him to the UIView's layer as a sublayer.  This UIView's layer animates a page turning, and with it animates that PDF page.  I create a new PDF page and put it where the old one used to be.&lt;/p&gt;
&lt;p&gt;So now there is a PDF page as a sublayer on the background UIImageView, and a UIView overtop of that with a PDF page as a sublayer.  For some reason the PDF on the page underneath is visible during the animation.  It should not be visible because the turning page should be obstructing it.  Question is, why is that happening?&lt;/p&gt;</t>
  </si>
  <si>
    <t>2011-06-22 09:55:36.977000+00:00</t>
  </si>
  <si>
    <t>2011-12-16 01:46:47.923000+00:00</t>
  </si>
  <si>
    <t>ios|uiview|core-animation|calayer|uiviewanimation</t>
  </si>
  <si>
    <t>Reading in kernel second time overrides first instance</t>
  </si>
  <si>
    <t>&lt;p&gt;I have written a read function to read a file into buffer in Kernel space.&lt;/p&gt;
&lt;pre&gt;&lt;code&gt;int readfile(const char *filename, void *buf, int len, int offset) 
{
    struct file *filp;
    mm_segment_t oldfs;
    int bytes;
    filp = NULL;
    filp = filp_open(filename, O_RDONLY, 0);
    if(!filp || IS_ERR(filp)) {
        printk(" Error in reading file %s. Error = %d\n", filename, \
               (int) PTR_ERR(filp));
        return -1;
    }
    filp-&amp;gt;f_pos = offset;
    oldfs = get_fs();
    set_fs(get_ds());
    bytes = vfs_read(filp, buf, len, &amp;amp;filp-&amp;gt;f_pos);
    set_fs(oldfs);
    filp_close(filp, NULL);
    return bytes;
}
&lt;/code&gt;&lt;/pre&gt;
&lt;p&gt;Now, this function works really well and I am able to read contents of filename into buf by calling this function from my system call&lt;/p&gt;
&lt;pre&gt;&lt;code&gt;char *firstbuffer;
firstbuffer = kmalloc(sizeof(PAGE_SIZE), GFP_KERNEL);
bytesread = readfile(firstfile, firstbuffer, len, 0);
// Null terminate read string
firstbuffer[bytesread] = '\0';
printk("first buffer = %s\n",firstbuffer);
&lt;/code&gt;&lt;/pre&gt;
&lt;p&gt;Then, I am calling this function again to read contents of secondfile into secondbuffer.&lt;/p&gt;
&lt;pre&gt;&lt;code&gt;char *secondbuffer;
secondbuffer = kmalloc(sizeof(PAGE_SIZE), GFP_KERNEL);
bytesread2 = readfile(secondfile, secondbuffer, len, 0);
// Null terminate read string
secondbuffer[bytesread2] = '\0';
printk("second buffer %s", secondbuffer);
&lt;/code&gt;&lt;/pre&gt;
&lt;p&gt;The problem is that after calling the read function on secondfile, the contents of my firstbuffer are getting overridden with contents of secondbuffer.&lt;/p&gt;
&lt;p&gt;For example: if the contents of firstfile are &lt;/p&gt;
&lt;pre&gt;&lt;code&gt;A
B
C
&lt;/code&gt;&lt;/pre&gt;
&lt;p&gt;and contents of secondfile are &lt;/p&gt;
&lt;pre&gt;&lt;code&gt;X
Y
Z
&lt;/code&gt;&lt;/pre&gt;
&lt;p&gt;then after first read file call, the content of firstbuffer is:&lt;/p&gt;
&lt;pre&gt;&lt;code&gt;A
B
C
&lt;/code&gt;&lt;/pre&gt;
&lt;p&gt;and then after second read file call, the content of firstbuffer is:&lt;/p&gt;
&lt;pre&gt;&lt;code&gt;A
X
Y
Z
&lt;/code&gt;&lt;/pre&gt;
&lt;p&gt;Now, I am not sure what is going wrong here, but after second read function call, contents of firstbuffer is getting merged with contents of secondbuffer.  How do I fix this?&lt;/p&gt;
&lt;p&gt;Disclaimer:&lt;/p&gt;
&lt;p&gt;I know we shouldn't do file I/O in Kernel space. This is purely to learn how read functions work in Kernel space. &lt;/p&gt;</t>
  </si>
  <si>
    <t>2016-10-05 22:45:15.980000+00:00</t>
  </si>
  <si>
    <t>2016-10-06 04:10:47.697000+00:00</t>
  </si>
  <si>
    <t>2016-10-05 23:24:45.190000+00:00</t>
  </si>
  <si>
    <t>c|linux|linux-kernel</t>
  </si>
  <si>
    <t>how to filter categories dynamicaly using php?</t>
  </si>
  <si>
    <t>&lt;p&gt;I have one website and i want to filter it contents  by TYPE,SIZE and all.Like ebay .I don't know how to do this am new to php  anybody have code for this?? Thanks in advance&lt;/p&gt;</t>
  </si>
  <si>
    <t>2015-01-05 09:51:26.923000+00:00</t>
  </si>
  <si>
    <t>2015-01-05 10:02:54.727000+00:00</t>
  </si>
  <si>
    <t>javascript|php|ajax|jquery-ui</t>
  </si>
  <si>
    <t>Image filtering in Python (image normalization)</t>
  </si>
  <si>
    <t>&lt;p&gt;I want to write code that does image filtering. I use simple 3x3 kernel and then use &lt;code&gt;scipy.ndimage.filters.convolve()&lt;/code&gt; function. After filtering, range of the values is -1.27 to 1.12. How to normalize data after filtering? Do I need to crop values (values less then zero set to zero, and greater than 1 set to 1), or use linear normalization? Is it OK if values after filtering are greater than range [0,1]?&lt;/p&gt;</t>
  </si>
  <si>
    <t>2016-08-11 23:42:34.940000+00:00</t>
  </si>
  <si>
    <t>2016-08-12 10:14:38.600000+00:00</t>
  </si>
  <si>
    <t>2016-08-11 23:48:45.017000+00:00</t>
  </si>
  <si>
    <t>python|image|numpy|filtering</t>
  </si>
  <si>
    <t>CORS thetransactioncompany does not work for one specific path</t>
  </si>
  <si>
    <t>&lt;p&gt;Currently i'm facing the problem that my &lt;code&gt;thetransactioncompany corsfilter&lt;/code&gt; on an &lt;code&gt;Tomcat 7&lt;/code&gt; with &lt;code&gt;Jersey 1.18&lt;/code&gt; (can't update) works for the path &lt;code&gt;/v2/users&lt;/code&gt; on &lt;code&gt;PUT&lt;/code&gt; but not on &lt;code&gt;/v2/plans&lt;/code&gt;. There is no difference between those - same package only the class is different. I also need to say that &lt;code&gt;GET&lt;/code&gt;, &lt;code&gt;POST&lt;/code&gt; works fine only &lt;code&gt;PUT&lt;/code&gt; doesn't work.&lt;/p&gt;
&lt;p&gt;My &lt;code&gt;web.xml&lt;/code&gt; looks like this:&lt;/p&gt;
&lt;pre&gt;&lt;code&gt;&amp;lt;!-- CORS FILTER FOR ALLOWING CROSS DOMAIN ACCESS --&amp;gt;
    &amp;lt;filter&amp;gt;
        &amp;lt;filter-name&amp;gt;CORS&amp;lt;/filter-name&amp;gt;
        &amp;lt;filter-class&amp;gt;com.thetransactioncompany.cors.CORSFilter&amp;lt;/filter-class&amp;gt;
        &amp;lt;init-param&amp;gt;
            &amp;lt;param-name&amp;gt;cors.allowGenericHttpRequests&amp;lt;/param-name&amp;gt;
            &amp;lt;param-value&amp;gt;true&amp;lt;/param-value&amp;gt;
        &amp;lt;/init-param&amp;gt;
        &amp;lt;init-param&amp;gt;
            &amp;lt;param-name&amp;gt;cors.allowOrigin&amp;lt;/param-name&amp;gt;
            &amp;lt;param-value&amp;gt;*&amp;lt;/param-value&amp;gt;
        &amp;lt;/init-param&amp;gt;
        &amp;lt;init-param&amp;gt;
            &amp;lt;param-name&amp;gt;cors.allowSubdomains&amp;lt;/param-name&amp;gt;
            &amp;lt;param-value&amp;gt;true&amp;lt;/param-value&amp;gt;
        &amp;lt;/init-param&amp;gt;
        &amp;lt;init-param&amp;gt;
            &amp;lt;param-name&amp;gt;cors.supportedMethods&amp;lt;/param-name&amp;gt;
            &amp;lt;param-value&amp;gt;GET, POST, PUT, DELETE, OPTIONS, HEAD &amp;lt;/param-value&amp;gt;
        &amp;lt;/init-param&amp;gt;
        &amp;lt;init-param&amp;gt;
            &amp;lt;param-name&amp;gt;cors.supportedHeaders&amp;lt;/param-name&amp;gt;
            &amp;lt;param-value&amp;gt;*&amp;lt;/param-value&amp;gt;
        &amp;lt;/init-param&amp;gt;
        &amp;lt;init-param&amp;gt;
            &amp;lt;param-name&amp;gt;cors.supportsCredentials&amp;lt;/param-name&amp;gt;
            &amp;lt;param-value&amp;gt;true&amp;lt;/param-value&amp;gt;
        &amp;lt;/init-param&amp;gt;
        &amp;lt;init-param&amp;gt;
            &amp;lt;param-name&amp;gt;cors.maxAge&amp;lt;/param-name&amp;gt;
            &amp;lt;param-value&amp;gt;-1&amp;lt;/param-value&amp;gt;
        &amp;lt;/init-param&amp;gt;
    &amp;lt;/filter&amp;gt;
    &amp;lt;filter-mapping&amp;gt;
        &amp;lt;filter-name&amp;gt;CORS&amp;lt;/filter-name&amp;gt;
        &amp;lt;url-pattern&amp;gt;/*&amp;lt;/url-pattern&amp;gt;
    &amp;lt;/filter-mapping&amp;gt;
&lt;/code&gt;&lt;/pre&gt;
&lt;p&gt;this should allow PUT on all paths after root - or am i wrong?&lt;/p&gt;
&lt;ul&gt;
&lt;li&gt;also the &lt;code&gt;OPTIONS&lt;/code&gt; on &lt;code&gt;/v2/plans&lt;/code&gt; would give me the allowed methods: &lt;code&gt;GET, POST, PUT, DELETE, OPTIONS, HEAD&lt;/code&gt;&lt;/li&gt;
&lt;/ul&gt;</t>
  </si>
  <si>
    <t>2014-09-26 09:17:42.407000+00:00</t>
  </si>
  <si>
    <t>2014-10-26 16:34:27.953000+00:00</t>
  </si>
  <si>
    <t>java|cors|put</t>
  </si>
  <si>
    <t>Next Without For error in nested loop in Excel VBA</t>
  </si>
  <si>
    <t>&lt;p&gt;I am trying to figure out a way to run a Vlookup on a Cell in my "System File" by checking a table in a "New Data" File. HOWEVER, if there is an #N/A error, I want the cells' values to be unchanged. I've come up with the following, however, I keep getting a "Next without For" error. Is it possible to escape a nested For Next loop?&lt;/p&gt;
&lt;p&gt;The tl;dr semantic version: &lt;/p&gt;
&lt;pre&gt;&lt;code&gt;   For i 1 to 10
       For j 1 to 3 
          Something with .Cells(i,j) 
          Set range X = .Find(thing
          If X = Nothing Then
            Next j *** &amp;lt;THIS IS WHERE MY ERROR IS THROWN
          Else
            -Do Something with X-
          End if
       Next j
   Next i
&lt;/code&gt;&lt;/pre&gt;
&lt;p&gt;My more or less actual code is as follows:&lt;/p&gt;
&lt;pre&gt;&lt;code&gt;Sub Thing()
    Dim SysWS As Worksheet
    Dim NewDataWS As Worksheet
        Dim NDSKUs As Range   ' This is set to the first column of the NewDataWS
        Dim NDMonthsRow As Range ' This is set to the first row of the NewDataWS      
    Dim SKU2look4 As String, Month2look4 As String        
        Dim ifoundtheSKU As Range 'the result of finding SKU2look4 inside of NDSKUs range
        Dim ifoundtheDate As Range 'the result of finding Month2look4 inside of NDMonthsRow range
    Dim i As Integer, j As Integer
    Dim workzone As Range 'The Cell being evaluated 
For i = 2 To SysWS.UsedRange.Columns.Count
  For j = 2 To SysWS.UsedRange.Rows.Count
     Set workzone = SysWS.Cells(j, i)
        SKU2look4 = SysWS.Cells(j, 1) 'SKUs are along the left column
        Month2look4 = SysWS.Cells(1, i) 'Dates are along the top row
'1-Find the right Date Column for extraction
    Set ifoundtheDate = NDMonthsRow.Find(What:=Month2look4, LookIn:=xlValues, _
                    LookAt:=xlWhole, SearchOrder:=xlByRows, SearchDirection:=xlNext, _
                    MatchCase:=False, SearchFormat:=False)
        If ifoundtheDate Is Nothing Then
                    Debug.Print (Month2look4 &amp;amp; " -Date NOT Found in New Date File")
                    ******Next j******
        Else
                    Debug.Print ("ifoundtheDate:" &amp;amp; ifoundtheDate.Address)
        End If
'2-Find the row
    Set ifoundtheSKU = NDSKUs.Find(What:=SKU2look4, LookIn:=xlValues, _
                    LookAt:=xlWhole, SearchOrder:=xlByRows, SearchDirection:=xlNext, _
                    MatchCase:=False, SearchFormat:=False)
        If ifoundtheSKU Is Nothing Then
                    Debug.Print (SKU2look4 &amp;amp; " Not Found in the New Data File")
                    *********Next j******
            Else
                    Debug.Print ("ifoundtheSKU:" &amp;amp; ifoundtheSKU.Address)
        End If
'Set the "workzone" cell's value to that of the found row offset by the found column
                workzone = ifoundtheSKU.Offset(, (ifoundtheDate.Column - 1))
    Next j
Next i
&lt;/code&gt;&lt;/pre&gt;
&lt;p&gt;Of course the ***s are not actually in there. Any thoughts on how I can accomplish this? 
Thanks in advance&lt;/p&gt;</t>
  </si>
  <si>
    <t>2012-02-10 00:33:15.893000+00:00</t>
  </si>
  <si>
    <t>2012-02-10 02:04:46.743000+00:00</t>
  </si>
  <si>
    <t>Get the Date of Months Week Number</t>
  </si>
  <si>
    <t>&lt;p&gt;I have a code &lt;code&gt;2014P07W4&lt;/code&gt; which means:&lt;/p&gt;
&lt;p&gt;&lt;code&gt;2014&lt;/code&gt; = year&lt;/p&gt;
&lt;p&gt;&lt;code&gt;P07&lt;/code&gt; = 7th month of the year&lt;/p&gt;
&lt;p&gt;&lt;code&gt;W4&lt;/code&gt; = 4th week of the month.&lt;/p&gt;
&lt;p&gt;I would like to work out the date of the First day of the 4th week in July 2014. In this example I would expect to see a date of 21/7/2014.&lt;/p&gt;
&lt;p&gt;July 2014 weeks&lt;/p&gt;
&lt;ul&gt;
&lt;li&gt;Week 1 - 1st to 6th&lt;/li&gt;
&lt;li&gt;Week 2 - 7th to 13th&lt;/li&gt;
&lt;li&gt;Week 3 - 14th to 20th&lt;/li&gt;
&lt;li&gt;Week 4 - 21st to 27th&lt;/li&gt;
&lt;li&gt;Week 5 - 28th to 31st&lt;/li&gt;
&lt;/ul&gt;
&lt;p&gt;From the code I know the week no = 4 then I want to be able to calculate the date 21/7/2014. I am assuming the first day of the week is a Monday&lt;/p&gt;
&lt;p&gt;I am asking how to read that code and get the first day of the week specified&lt;/p&gt;
&lt;p&gt;Hope this is clearer it has been a long day&lt;/p&gt;</t>
  </si>
  <si>
    <t>2014-05-28 04:59:08.467000+00:00</t>
  </si>
  <si>
    <t>2015-02-09 21:23:31.820000+00:00</t>
  </si>
  <si>
    <t>2014-05-28 10:12:07.127000+00:00</t>
  </si>
  <si>
    <t>c#|.net|vb.net|date</t>
  </si>
  <si>
    <t>Getting Access is denied. Check credentials and try again with exchange even if we have valid credentials on exchange</t>
  </si>
  <si>
    <t>&lt;p&gt;We are using ews api to add an extended property "uniqueId" to an email and use it to retrieve the email &lt;/p&gt;
&lt;pre&gt;&lt;code&gt;   def sendEmail() :String = {
    val uId = getUniqueId();    
        val emailExtendedPropDef = new ExtendedPropertyDefinition(uId,"uniqueId", MapiPropertyType.String)
            try {
              email.setExtendedProperty(emailExtendedPropDef, uId.toString)
              email.sendAndSaveCopy()
            } catch {
              case e: Exception =&amp;gt;
                error(s"Exception in setting extended property for user $from", e)
                throw e
            }
      uId  
    }
&lt;/code&gt;&lt;/pre&gt;
&lt;p&gt;once the email is retrieved we want to go ahead and delete the extendedproperty so that we don't run out of space , now deleting works fine but once in a while we get this exception ..when deleting&lt;/p&gt;
&lt;pre&gt;&lt;code&gt;microsoft.exchange.webservices.data.core.exception.service.remote.ServiceResponseException: Access is denied. Check credentials and try again., Cannot save changes made to an item
&lt;/code&gt;&lt;/pre&gt;
&lt;p&gt;Not sure what is the cause of the exception because we are able to successfully delete most of the time ..so they are definitely valid credentials not sure suddenly why they become invalid and become valid back again   ...&lt;/p&gt;
&lt;pre&gt;&lt;code&gt;        def retreiveAndDeleteEmail(emailId: String): Option[EmailMessage] = {
            val propSetId = UUID.fromString(emailId)
            val view = new ItemView(5)
            val extendedPropDef = new ExtendedPropertyDefinition(uId,"uniqueId", MapiPropertyType.String)
            val filter = new IsEqualTo(emailIdPropDef, emailId)
            val propertySet = new PropertySet(BasePropertySet.FirstClassProperties, extendedPropDef)
            view.setPropertySet(propertySet)
            try {
              val result = service.findItems(WellKnownFolderName.SentItems, filter, view)
              if (result.getTotalCount &amp;gt; 0) {
                val success = safeLoadProperties(result, propertySet)
                if (success) {
                  deleteTheSetExtendedProperty(result, extendedPropDef)
                  val emails = result.getItems.asScala.flatMap(bindItem).collect {
                    case email: EmailMessage =&amp;gt; email
                  }
                  return emails.headOption
                }
              }
              None
            } catch {
              case e: Exception =&amp;gt;
                error(s"Exception in deleting the extended property for user ", e)
                throw e
              case th: Throwable =&amp;gt; None
            }
          }
          def deleteTheSetExtendedProperty(findResults : FindItemsResults[Item], extendedPropDef:ExtendedPropertyDefinition): Unit = {
            val item = findResults.getItems().get(0)
            if(item != null) {
              item.removeExtendedProperty(extendedPropDef)
              item.update(ConflictResolutionMode.AlwaysOverwrite)
            }
          }
&lt;/code&gt;&lt;/pre&gt;
&lt;p&gt;if someone could please point us in the right direction it will be of great help&lt;/p&gt;</t>
  </si>
  <si>
    <t>2018-06-17 20:06:50.350000+00:00</t>
  </si>
  <si>
    <t>outlook|office365|exchangewebservices|ewsjavaapi</t>
  </si>
  <si>
    <t>Is there a library to access applications in Android or Apple store</t>
  </si>
  <si>
    <t>&lt;p&gt;Is there a ruby gem available to access applications in Android or Apple store. We would like to search a list of applications under a certain category using a keyword.&lt;/p&gt;</t>
  </si>
  <si>
    <t>2013-03-12 09:49:21.013000+00:00</t>
  </si>
  <si>
    <t>2013-03-12 11:56:20.160000+00:00</t>
  </si>
  <si>
    <t>2013-03-12 10:36:28.727000+00:00</t>
  </si>
  <si>
    <t>android|ruby-on-rails</t>
  </si>
  <si>
    <t>Connected components of undirected graph</t>
  </si>
  <si>
    <t>&lt;p&gt;Suppose I have an undirected graph G with vertices v1...vn and edges. Right now it is in adjacency list representation.&lt;/p&gt;
&lt;p&gt;For every time moment a have as input some subset of vertices that are "active" at this moment. And I need to find all connected components in this subset of vertices for that time moment.&lt;/p&gt;
&lt;p&gt;Right now I've implemented this using union-find data structure like this:&lt;/p&gt;
&lt;pre&gt;&lt;code&gt;initialize sets for every active vertex so that every vertex has itself as "representative" (also called "parent")
for every active vertex v
   for all neighbours of v in G v_neighbour
      if v_neighbour is active
          union set of v and set of v_neighbour
&lt;/code&gt;&lt;/pre&gt;
&lt;p&gt;It's should work ok, but I want to know if there is a more optimal approach to that? 
And what is the running time of that algorithm? O(N*M)?&lt;/p&gt;</t>
  </si>
  <si>
    <t>2015-02-21 11:08:35.573000+00:00</t>
  </si>
  <si>
    <t>2015-02-21 17:04:14.450000+00:00</t>
  </si>
  <si>
    <t>2015-02-21 11:16:46.217000+00:00</t>
  </si>
  <si>
    <t>algorithm|graph-algorithm</t>
  </si>
  <si>
    <t>redeclared symbol between class function and namespace</t>
  </si>
  <si>
    <t>&lt;p&gt;there are two header files in my makefile. &lt;/p&gt;
&lt;p&gt;one has a function symbol "uint32_t util::hash(const char*)", &lt;/p&gt;
&lt;p&gt;another has a namespace symbol "namespace util::hash { }" &lt;/p&gt;
&lt;p&gt;g++ complains:&lt;/p&gt;
&lt;pre&gt;&lt;code&gt;StringUtil.h:24: error: ���uint32_t util::hash(const char*)��� redeclared as different kind of symbol
../util/hash/Hash_Interface.h:8: error: previous declaration of ���namespace util::hash { }���
&lt;/code&gt;&lt;/pre&gt;
&lt;p&gt;and these two files are from other lib, so I can not change the name. How to solve it?&lt;/p&gt;</t>
  </si>
  <si>
    <t>2013-09-19 14:00:29.783000+00:00</t>
  </si>
  <si>
    <t>2013-09-19 14:09:46.680000+00:00</t>
  </si>
  <si>
    <t>c++|namespaces|conflict</t>
  </si>
  <si>
    <t>Application freezes when the second button gets pressed</t>
  </si>
  <si>
    <t>&lt;p&gt;I am creating a windows Form app In C#.&lt;br&gt;
It is for a course I follow.&lt;/p&gt;
&lt;p&gt;Now I have a &lt;/p&gt;
&lt;blockquote&gt;
  &lt;p&gt;Cannot evaluate expression because a native frame is on the top of the call stack.&lt;/p&gt;
&lt;/blockquote&gt;
&lt;p&gt;error. I have 10 buttons, with a for loop connected to it. The app has 10 buttons and each button show math tables (1 to 10) to Label2. The first button works like a charm. The other buttons give me the expression error.&lt;/p&gt;
&lt;p&gt;Here I have the code for the first 2 buttons:&lt;/p&gt;
&lt;pre&gt;&lt;code&gt;private void button1_Click(object sender, EventArgs e)
    {
        // Clear Label before execution
        label2.Text = "";
        // Loop
        for (int n = 0; n &amp;lt; 11; n++)
        {
            int nn = n * 1;
            label2.Text += "1x" + n + "=" + nn + "\r\n";                
        }
    }
    private void button2_Click(object sender, EventArgs e)
    {
       // Clear Label before execution
        label2.Text = "";
        // Loop
        for (int n = 0; n &amp;lt; 11; n = n++)
        {
            int nn = n * 2;
            label2.Text = "2x" + n + "=" + nn + "\r\n";                                             
        }            
    }
&lt;/code&gt;&lt;/pre&gt;
&lt;p&gt;Can you guys help me out on this one? I already read through thread handling and such, but I am not that far yet into C#.&lt;/p&gt;
&lt;p&gt;Edit: Got it to work with a change in the loop,&lt;/p&gt;
&lt;p&gt;From&lt;/p&gt;
&lt;pre&gt;&lt;code&gt;for (int n = 0; n &amp;lt; 11; n = n++)
&lt;/code&gt;&lt;/pre&gt;
&lt;p&gt;To&lt;/p&gt;
&lt;pre&gt;&lt;code&gt;for (int n = 0; n &amp;lt; 11; n++)
&lt;/code&gt;&lt;/pre&gt;</t>
  </si>
  <si>
    <t>2018-04-20 14:26:02.727000+00:00</t>
  </si>
  <si>
    <t>2018-04-20 16:04:28.233000+00:00</t>
  </si>
  <si>
    <t>setting a value for an input tag from php with javascript</t>
  </si>
  <si>
    <t>&lt;p&gt;i call a popup form from a php code. I need to send this form a ID to access the db but I have been unsuccessful in doing so. I have been looking all over but I cant find a successful solution. Im fairly new to javascript. &lt;/p&gt;
&lt;p&gt;Javascript:&lt;/p&gt;
&lt;pre&gt;&lt;code&gt;&amp;lt;script type="text/javascript"&amp;gt; 
function initForm(oForm, init_txt){
frmElement = oForm.elements[cat];
frmElement.value = init_txt;}
&amp;lt;/script&amp;gt;
&lt;/code&gt;&lt;/pre&gt;
&lt;p&gt;This is the PHP code&lt;/p&gt;
&lt;pre&gt;&lt;code&gt; &amp;lt;?php  
 echo "&amp;lt;a href=\"#\" onclick=\"popup_window_show('#popup_window, 
 { pos : 'window-center', parent : this, x : 0, y : 0, width : 'auto' }); return false;
 initForm(CatID, $ID_Categoria)'\"&amp;gt;Insert&amp;lt;/a&amp;gt;"; ?&amp;gt;
&lt;/code&gt;&lt;/pre&gt;
&lt;p&gt;HTML: &lt;/p&gt;
&lt;pre&gt;&lt;code&gt;&amp;lt;div id="popup_window" class="popup_window_css"&amp;gt;
&amp;lt;div class="popup_window_css_head"&amp;gt; Insert&amp;lt;/div&amp;gt;&amp;lt;div class="popup_window_css_body"&amp;gt; 
&amp;lt;div id="Plato"&amp;gt; 
 &amp;lt;form class="insert" method="POST" action="insert.php"&amp;gt;
   &amp;lt;input  for="catID" type="hidden" name="cat"/&amp;gt;
   &amp;lt;input type="submit" value="Insertar" name="enviar"&amp;gt;
  &amp;lt;/form&amp;gt;
 &amp;lt;/div&amp;gt;
 &amp;lt;/div&amp;gt;
 &amp;lt;/div&amp;gt; 
&lt;/code&gt;&lt;/pre&gt;</t>
  </si>
  <si>
    <t>2013-03-07 13:35:51.350000+00:00</t>
  </si>
  <si>
    <t>2013-03-07 13:37:39.263000+00:00</t>
  </si>
  <si>
    <t>php|javascript|variables</t>
  </si>
  <si>
    <t>How can I unit test views in an MVC3 application?</t>
  </si>
  <si>
    <t>&lt;p&gt;I recently had a slip up where, during a demo, navigation to a view failed because the view still referenced a property that I had removed from the view model.&lt;/p&gt;
&lt;p&gt;The application still has very little logic, except mapping between domain model and view model, and I would like to introduce unit tests now, and proceed with a more TDD oriented approach, but this case has me stumped? How can I write a unit test that mocks a view? &lt;/p&gt;</t>
  </si>
  <si>
    <t>2012-02-14 14:52:15.330000+00:00</t>
  </si>
  <si>
    <t>2012-02-14 14:56:01.350000+00:00</t>
  </si>
  <si>
    <t>2012-02-14 14:55:03.983000+00:00</t>
  </si>
  <si>
    <t>.net|asp.net-mvc-3|unit-testing</t>
  </si>
  <si>
    <t>PHP Guest Access to Website</t>
  </si>
  <si>
    <t>&lt;p&gt;I have a PHP project is essentially an order processing website for a company. Each user in the company has access to this website and is given certain credentials to the application that control access to pages and functionality throughout.&lt;/p&gt;
&lt;p&gt;Now I have a request to allow a guest access to a single page. The complexity of this request is that the guest will be different each time as well as the page will be different. Basically it is a portal to allow customers, who don't have accounts within the system as there is no live ordering on this site, to be able to access and verify the order and shipping information.&lt;/p&gt;
&lt;p&gt;My thought to accomplish this is to have a database table setup as a guest relationship table that will be used to store UIDs, MD5 Hash Keys and the destination page that the record is referring to. Also included would be a visit counter and expiration date. When the user receives an email they would have a link provided in the email to somewhere like &lt;a href="http://website.com/verify/?HASH-KEY" rel="noreferrer"&gt;http://website.com/verify/?HASH-KEY&lt;/a&gt;.&lt;/p&gt;
&lt;p&gt;When this link is clicked I expect that the verify index.php page takes in the HASH, verifies it in the database and displays the page reference in the database within this location instead of redirecting into the application. This would allow guest access to the single page without the need to expose the structure of the website or a rework of the user authorization already setup.&lt;/p&gt;
&lt;ol&gt;
&lt;li&gt;Am I approaching this solution in the proper manner? &lt;/li&gt;
&lt;li&gt;How do I grab the contents of one page and display it in another?&lt;/li&gt;
&lt;/ol&gt;</t>
  </si>
  <si>
    <t>2012-02-29 19:45:05.297000+00:00</t>
  </si>
  <si>
    <t>2012-02-29 20:17:37.770000+00:00</t>
  </si>
  <si>
    <t>php|security</t>
  </si>
  <si>
    <t>Accumulating in SQL</t>
  </si>
  <si>
    <t>&lt;p&gt;I have a query with results like ID, Value. What I want is to get the values in order of their ids and also calculate the accumulated value in another column. take a look at my simplified code:&lt;/p&gt;
&lt;pre&gt;&lt;code&gt;declare @TempTable Table
(
    ID int,
    Value int
)
insert into @TempTable values
(1, 10),
(2, -15),
(3, 12),
(4, 18),
(5, 5)
select t1.ID, t1.Value, SUM(t2.Value) AccValue from @TempTable t1
inner join @TempTable t2 on t1.ID &amp;gt;= t2.ID
group by t1.ID, t1.Value
order by t1.ID
Result:
ID  Value   AccValue
1   10      10
2   -15     -5
3   12      7
4   18      25
5   5       30
&lt;/code&gt;&lt;/pre&gt;
&lt;p&gt;What I have come up with, is to use inner join between the result and itself for that purpose. But for huge amount of data, it's clearly a low performance issue.&lt;/p&gt;
&lt;p&gt;Is there any other alternative to do that?&lt;/p&gt;</t>
  </si>
  <si>
    <t>2013-07-08 12:48:59.193000+00:00</t>
  </si>
  <si>
    <t>2016-12-19 16:36:56.933000+00:00</t>
  </si>
  <si>
    <t>2013-07-08 13:43:20.453000+00:00</t>
  </si>
  <si>
    <t>sql|sql-server|running-total</t>
  </si>
  <si>
    <t>How to secure plist files in Jailbroken devices?</t>
  </si>
  <si>
    <t>&lt;p&gt;We develop several apps/games. We store/retrive data from plist. &lt;/p&gt;
&lt;ul&gt;
&lt;li&gt;But in Jailbroken devices plist files are editable through several
tools.&lt;/li&gt;
&lt;/ul&gt;
&lt;p&gt;I have searched got the followings #&lt;/p&gt;
&lt;ul&gt;
&lt;li&gt;&lt;a href="https://stackoverflow.com/questions/4646849/how-to-secure-plist-or-nsuserdefaults"&gt;How to secure plist or NSUserDefaults&lt;/a&gt;&lt;/li&gt;
&lt;li&gt;&lt;a href="http://useyourloaf.com/blog/2010/03/29/simple-iphone-keychain-access.html" rel="nofollow noreferrer"&gt;http://useyourloaf.com/blog/2010/03/29/simple-iphone-keychain-access.html&lt;/a&gt;&lt;/li&gt;
&lt;li&gt;&lt;a href="https://github.com/matthiasplappert/Secure-NSUserDefaults" rel="nofollow noreferrer"&gt;https://github.com/matthiasplappert/Secure-NSUserDefaults&lt;/a&gt;&lt;/li&gt;
&lt;/ul&gt;
&lt;p&gt;Those tutorials tells how to prevent you plists from being changed.
But we don't want to let the users (harmful users) to show any data.&lt;/p&gt;
&lt;ul&gt;
&lt;li&gt;Is there any way?&lt;/li&gt;
&lt;/ul&gt;</t>
  </si>
  <si>
    <t>2012-09-28 09:47:29.313000+00:00</t>
  </si>
  <si>
    <t>2012-10-05 18:37:16.370000+00:00</t>
  </si>
  <si>
    <t>2017-05-23 12:15:50.233000+00:00</t>
  </si>
  <si>
    <t>ios|plist|jailbreak</t>
  </si>
  <si>
    <t>How to make a JavaFX TableView cell editable without first pressing Enter?</t>
  </si>
  <si>
    <t>&lt;p&gt;I am learning JavaFX and implementing a TableView class. I'd like to make a cell editable without first pressing Enter or double clicking on it. I wonder if it's possible to start entering a new value without first hitting Enter? Thank you.&lt;/p&gt;</t>
  </si>
  <si>
    <t>2014-02-24 12:18:14.480000+00:00</t>
  </si>
  <si>
    <t>2016-06-22 12:38:05.430000+00:00</t>
  </si>
  <si>
    <t>2014-06-27 13:19:22.473000+00:00</t>
  </si>
  <si>
    <t>javafx|tableview|cell</t>
  </si>
  <si>
    <t>Capturing queue/channel information using Spring Integration</t>
  </si>
  <si>
    <t>&lt;p&gt;I have the following requirement: 
A message could come in on one of several message-driven-channel-adapter definitions, all obviously mapped to different incoming queues. &lt;/p&gt;
&lt;p&gt;All the channel adapters then forward to the same internal Spring Integration channel  where they are handled. &lt;/p&gt;
&lt;p&gt;How can it be determined exactly which channel adapter - and therefore queue - the message was received on? For instance, is there a way in the channel adapter configuration to specify that a property be added to the message header at that point, which would be one solution.
Thanks&lt;/p&gt;</t>
  </si>
  <si>
    <t>2013-12-02 10:28:39.573000+00:00</t>
  </si>
  <si>
    <t>2013-12-06 14:03:07.307000+00:00</t>
  </si>
  <si>
    <t>2013-12-02 11:31:54.117000+00:00</t>
  </si>
  <si>
    <t>spring-integration</t>
  </si>
  <si>
    <t>Confused Between sqlConnection and Dataset</t>
  </si>
  <si>
    <t>&lt;p&gt;I'm new to databases and I'm wondering what's the difference betweeing using &lt;/p&gt;
&lt;pre&gt;&lt;code&gt;SqlConnection sql = new SqlConnection(connectionString);
&lt;/code&gt;&lt;/pre&gt;
&lt;p&gt;over &lt;/p&gt;
&lt;pre&gt;&lt;code&gt;DataSet DB = new DataSet("DB.xsd");
&lt;/code&gt;&lt;/pre&gt;
&lt;p&gt;I've been fooling around with it and dragged a table from my database explorere into the designer for the dataset and it then reflected the data even after updates, but I'm not sure, for a back-end movie storage database what do I use.&lt;/p&gt;
&lt;p&gt;Are datasets part of an sql connection and used to insert data? &lt;/p&gt;</t>
  </si>
  <si>
    <t>2013-11-27 10:11:33.987000+00:00</t>
  </si>
  <si>
    <t>2013-11-27 10:35:56.213000+00:00</t>
  </si>
  <si>
    <t>2013-11-27 10:25:44.643000+00:00</t>
  </si>
  <si>
    <t>c#|sql|sql-server|database</t>
  </si>
  <si>
    <t>Split text file based on Line Starter</t>
  </si>
  <si>
    <t>&lt;p&gt;I want split lines into list based on line starter ,am getting exception while trying that.&lt;/p&gt;
&lt;p&gt;&lt;strong&gt;File Content :&lt;/strong&gt;&lt;/p&gt;
&lt;pre&gt;&lt;code&gt;H1|!!!!!!!!!!!!!!!!!
L1|DDDDDDDDDDDDD
L2|DDDDDDDDDDDDD
H2|!!!!!!!!!!!!!!!!!
L1|DDDDDDDDDDDDD
L2|DDDDDDDDDDDDD
L3|DDDDDDDDDDDDD
EOF
&lt;/code&gt;&lt;/pre&gt;
&lt;p&gt;&lt;strong&gt;Output :&lt;/strong&gt;&lt;/p&gt;
&lt;pre&gt;&lt;code&gt;   Postring size :8
SSSSS:H1|!!!!!!!!!!!!!!!!!
0head:H1|!!!!!!!!!!!!!!!!!
1detail:L1|DDDDDDDDDDDDD
2detail:L2|DDDDDDDDDDDDD
3detail:H2|!!!!!!!!!!!!!!!!!
SSSSS:H2|!!!!!!!!!!!!!!!!!
3head:H2|!!!!!!!!!!!!!!!!!
4detail:L1|DDDDDDDDDDDDD
5detail:L2|DDDDDDDDDDDDD
6detail:L3|DDDDDDDDDDDDD
7detail:EOF
SSSSS:L1|DDDDDDDDDDDDD
SSSSS:L2|DDDDDDDDDDDDD
SSSSS:L3|DDDDDDDDDDDDD
SSSSS:EOF
hshshshshs:::::::
&lt;/code&gt;&lt;/pre&gt;
&lt;p&gt;[[H2|!!!!!!!!!!!!!!!!!, L1|DDDDDDDDDDDDD, L2|DDDDDDDDDDDDD, L3|DDDDDDDDDDDDD, EOF]]&lt;/p&gt;
&lt;p&gt;&lt;strong&gt;listOrder --is list of line String&lt;/strong&gt;&lt;/p&gt;
&lt;pre&gt;&lt;code&gt; List&amp;lt;Order&amp;gt; listOrder = new ArrayList&amp;lt;Order&amp;gt;();
           Set&amp;lt;List&amp;lt;String&amp;gt;&amp;gt; hs = new HashSet&amp;lt;List&amp;lt;String&amp;gt;&amp;gt;();
           if(poString !=null &amp;amp;&amp;amp; poString.size() &amp;gt; 0)
            {      
               headerstart:
               for(int i=0;i&amp;lt;poString.size();i++)
               {
                   String s = poString.get(i);
                   if(s.startsWith("H"))
                   {
                       List&amp;lt;String&amp;gt; tempS = new ArrayList&amp;lt;String&amp;gt;();
                       tempS.add(s);
                       System.out.println("head:"+s);
                       for(int j=i+1;i&amp;lt;poString.size();j++)
                       {
                           String t = poString.get(j);
                           System.out.println("detail:"+t);
                           if(t.startsWith("H"))
                           {
                               i = j-1;
                                               hs.add(tempS);
                               continue  headerstart;
                            }
                           else
                           {
                            tempS.add(t);
                           }
                       }
                       hs.add(tempS);
                   }
               }
&lt;/code&gt;&lt;/pre&gt;</t>
  </si>
  <si>
    <t>2013-02-04 13:27:34.153000+00:00</t>
  </si>
  <si>
    <t>2013-02-04 13:38:18.437000+00:00</t>
  </si>
  <si>
    <t>2013-02-04 13:33:52.963000+00:00</t>
  </si>
  <si>
    <t>java|string</t>
  </si>
  <si>
    <t>Qty available by location (again)</t>
  </si>
  <si>
    <t>&lt;p&gt;I know this was discussed before but it's not really working for me. How can i get qty available for location or warehouse my product is now. &lt;/p&gt;
&lt;p&gt;(Most of the answers are in old API and this one not really working for me)&lt;/p&gt;
&lt;pre&gt;&lt;code&gt;class ProductProduct(models.Model):
    _inherit = 'product.template'
  available_qty = fields.Integer(
    string='Qty By Loc',
    compute='product_qty_location_check',
)
    def product_qty_location_check(self): 
        if self: 
            self.available_qty = self.with_context({'location' : self.source_location.id}).qty_������available 
AttributeError: 'product.template' object has no attribute 'source_location'
&lt;/code&gt;&lt;/pre&gt;</t>
  </si>
  <si>
    <t>2018-06-22 09:49:33.873000+00:00</t>
  </si>
  <si>
    <t>2018-06-22 14:41:49.003000+00:00</t>
  </si>
  <si>
    <t>2018-06-22 09:55:35.067000+00:00</t>
  </si>
  <si>
    <t>odoo-8|odoo|odoo-9</t>
  </si>
  <si>
    <t>Web publish can't find Microsoft.Build.Framework</t>
  </si>
  <si>
    <t>&lt;p&gt;I'm using VS2017 with an ASP.NET project that I've inherited from another developer. I have the publish functionality set up to publish to a folder. This has all been working great until now.&lt;/p&gt;
&lt;p&gt;The previous developer used EntityFramework, though all of the references were broken when I got the project, so I had to piece together what version. I'm using 6.2.0 currently and everything works fine. He apparently was using the automatic migration functionality. I've continued using this, but have had a couple situations where I had to enable data loss. I really don't want to do this, so the suggested path is to enable migrations and add the actual migrations. I'm not new to OR Mappers, but I am new to EF, so migrations are pretty new to me. In fact, it's been an uphill battle just to get things to work the way the docs say they are supposed to (see &lt;a href="https://stackoverflow.com/questions/52561066/identitydbcontext-how-to-configure-migrations"&gt;this thread&lt;/a&gt;)&lt;/p&gt;
&lt;p&gt;So, now I am to the point of having my initial migration data. It seemed like the next step is to get this released to our dev server and then to our production server. So, being that I've used the publish functionality many times before with this project, I figured it would just work. Well, that's not the case now due to the changes I did to get EF migrations working.&lt;/p&gt;
&lt;p&gt;The publish goes until it does this:&lt;/p&gt;
&lt;pre&gt;&lt;code&gt;C:\WINDOWS\Microsoft.NET\Framework\v4.0.30319\aspnet_compiler.exe -v / -p 
C:\Users\Dan\Documents\Source\Repos\web- 
app\WebApp\obj\Release\AspnetCompileMerge\Source -u 
C:\Users\Dan\Documents\Source\Repos\web- 
app\WebApp\obj\Release\AspnetCompileMerge\TempBuildDir 
/global.asax(1,0): Error ASPPARSE: Could not load file or assembly 
'Microsoft.Build.Framework, Version=4.0.0.0, Culture=neutral, 
PublicKeyToken=b03f5f7f11d50a3a' or one of its dependencies. The system 
cannot find the file specified.
ASPNETCOMPILER(0,0): Error ASPRUNTIME: Could not load file or assembly 
'Microsoft.Build.Framework, Version=4.0.0.0, Culture=neutral, 
PublicKeyToken=b03f5f7f11d50a3a' or one of its dependencies. The system 
cannot find the file specified.
&lt;/code&gt;&lt;/pre&gt;
&lt;p&gt;The first thing that struck me as interesting is that in order to get migrations to work, I had to install Microsoft.Build.Framework 15 (specifically I installed 15.1.1012 using nuget and then tried updating that to the latest, which is now 15.8.166). Seemed like more than a coincidence that this is a different version of the same library that is in the errors.&lt;/p&gt;
&lt;p&gt;I saw some mention of needing to edit devenv.exe.config to change relative paths to absolute (&lt;a href="https://stackoverflow.com/questions/43330915/could-not-load-file-or-assembly-microsoft-build-frameworkvs-2017"&gt;here&lt;/a&gt;), but this didn't help. &lt;/p&gt;
&lt;p&gt;I verified in the GAC that 4.0.0.0 is there. Apparently so is 14.0.0.0. From what I understand, installed versions that are less than 15 should be in the GAC.&lt;/p&gt;
&lt;p&gt;I made sure Microsoft.Build.Framework was added (via nuget) to both my web app project as well as the project that has the EF context and migrations. The version 15 of Microsoft.Build.Framework was listed in both projects as a reference and was automatically set to Copy Local.&lt;/p&gt;
&lt;p&gt;I tried changing the version referenced in my web app to 4.0.0.0, which initially had Copy Local set to false. Didn't help. Changed the 4.0.0.0 reference to Copy Local. This time, I'm met with a single error of:&lt;/p&gt;
&lt;pre&gt;&lt;code&gt;Could not load file or assembly 'Microsoft.Build.Framework, 
Version=15.1.0.0, Culture=neutral, PublicKeyToken=b03f5f7f11d50a3a' or one 
of its dependencies. The located assembly's manifest definition does not 
match the assembly reference. (Exception from HRESULT: 0x80131040)
&lt;/code&gt;&lt;/pre&gt;
&lt;p&gt;Now, my thought was since it looks like multiple versions are involved, maybe it should be taken care of with a binding redirect. I rarely have to deal with binding redirects, so I'm not much of an expert, but I did look at the web.config and it appears something (I'm assuming Nuget install of Microsoft.Build.Framework 15) had already entered the following:&lt;/p&gt;
&lt;pre&gt;&lt;code&gt;  &amp;lt;dependentAssembly&amp;gt;
    &amp;lt;assemblyIdentity name="Microsoft.Build.Framework" publicKeyToken="b03f5f7f11d50a3a" culture="neutral" /&amp;gt;
    &amp;lt;bindingRedirect oldVersion="0.0.0.0-15.1.0.0" newVersion="15.1.0.0" /&amp;gt;
  &amp;lt;/dependentAssembly&amp;gt;
&lt;/code&gt;&lt;/pre&gt;
&lt;p&gt;So, considering that 4.0.0.0 is in the GAC and considering there's a redirect that I believe would redirect any 4.0.0.0 reference to 15.1.0.0, why would I get errors about not being able to find 4.0.0.0? Is there something I'm missing? I assume this must be related to something aspnet_compiler.exe is doing on a publish, since I can build and test the app fine on my development machine.&lt;/p&gt;</t>
  </si>
  <si>
    <t>2018-10-05 17:38:16.383000+00:00</t>
  </si>
  <si>
    <t>c#|asp.net|entity-framework|visual-studio-2017</t>
  </si>
  <si>
    <t>Page.Request on asp.net mvc?</t>
  </si>
  <si>
    <t>&lt;p&gt;I was trying to execute this code, except the page_load&lt;/p&gt;
&lt;pre&gt;&lt;code&gt;protected void Page_Load(object sender, EventArgs e) 
{ 
    var contextToken = TokenHelper.GetContextTokenFromRequest(Page.Request); 
&lt;/code&gt;&lt;/pre&gt;
&lt;p&gt;in a controller&lt;/p&gt;
&lt;pre&gt;&lt;code&gt;var contextToken = TokenHelper.GetContextTokenFromRequest(Page.Request);
&lt;/code&gt;&lt;/pre&gt;
&lt;p&gt;However I get this error&lt;/p&gt;
&lt;blockquote&gt;
  &lt;p&gt;Error  1   An object reference is required for the non-static field, method, or property 'System.Web.UI.Page.Request.get'&lt;/p&gt;
&lt;/blockquote&gt;
&lt;p&gt;How can I get the current page request in MVC?&lt;/p&gt;
&lt;p&gt;Update 1:&lt;/p&gt;
&lt;p&gt;I changed to:&lt;/p&gt;
&lt;pre&gt;&lt;code&gt; var contextToken = TokenHelper.GetContextTokenFromRequest(HttpContext.Current.Request);
&lt;/code&gt;&lt;/pre&gt;
&lt;p&gt;Now I got:&lt;/p&gt;
&lt;blockquote&gt;
  &lt;p&gt;Error 2   'System.Web.HttpContextBase' does not contain a definition for
  'Current' and no extension method 'Current' accepting a first argument
  of type 'System.Web.HttpContextBase' could be found (are you missing a
  using directive or an assembly reference?)&lt;/p&gt;
&lt;/blockquote&gt;
&lt;p&gt;What assembly do I need?&lt;/p&gt;
&lt;p&gt;These are my usings&lt;/p&gt;
&lt;pre&gt;&lt;code&gt;using Microsoft.SharePoint.Client;
using System;
using System.Collections.Generic;
using System.Linq;
using System.Web;
using System.Web.Mvc;
using System.Web.UI;
&lt;/code&gt;&lt;/pre&gt;</t>
  </si>
  <si>
    <t>2014-03-06 20:17:22.280000+00:00</t>
  </si>
  <si>
    <t>2014-03-06 20:41:10.353000+00:00</t>
  </si>
  <si>
    <t>2014-03-06 20:25:14.807000+00:00</t>
  </si>
  <si>
    <t>c#|asp.net|asp.net-mvc</t>
  </si>
  <si>
    <t>How to distinguish mouse "click" and "drag"</t>
  </si>
  <si>
    <t>&lt;p&gt;I use &lt;code&gt;jQuery.click&lt;/code&gt; to handle the mouse click event on Raphael graph, meanwhile, I need to handle mouse &lt;code&gt;drag&lt;/code&gt; event, mouse drag consists of &lt;code&gt;mousedown&lt;/code&gt;, &lt;code&gt;mouseup&lt;/code&gt;and &lt;code&gt;mousemove&lt;/code&gt; in Raphael. &lt;/p&gt;
&lt;p&gt;It is difficult to distinguish &lt;code&gt;click&lt;/code&gt; and &lt;code&gt;drag&lt;/code&gt; because &lt;code&gt;click&lt;/code&gt; also contain &lt;code&gt;mousedown&lt;/code&gt; &amp;amp; &lt;code&gt;mouseup&lt;/code&gt;, How can I distinguish mouse "click" &amp;amp; mouse "drag" then in Javascript?&lt;/p&gt;</t>
  </si>
  <si>
    <t>2011-05-18 09:00:30.803000+00:00</t>
  </si>
  <si>
    <t>2018-08-19 07:58:47.027000+00:00</t>
  </si>
  <si>
    <t>2013-06-13 13:30:41.203000+00:00</t>
  </si>
  <si>
    <t>javascript|javascript-events</t>
  </si>
  <si>
    <t>a non-matching fingerprint, an exception occurs in AuthenticateAsync()</t>
  </si>
  <si>
    <t>&lt;p&gt;I have implemented finger touch authentication in my app.&lt;/p&gt;
&lt;p&gt;in andorid it works fine in both case&lt;/p&gt;
&lt;p&gt;but in IOS when I give non matching input it throws error and stays on same page closing fingertouch pop up.&lt;/p&gt;
&lt;p&gt;anyone have idea about this?&lt;/p&gt;
&lt;p&gt;please help&lt;/p&gt;</t>
  </si>
  <si>
    <t>2018-01-20 11:27:33.203000+00:00</t>
  </si>
  <si>
    <t>2018-01-23 06:47:39.383000+00:00</t>
  </si>
  <si>
    <t>plugins|xamarin.ios|crash|fingerprint</t>
  </si>
  <si>
    <t>undefined method `parameters' for nil:NilClass in rails 3</t>
  </si>
  <si>
    <t>&lt;p&gt;in my rails app i have two controllers coordinates and tweets and their tables respectively.i have two text fields in my search button and i need to fetch queries from tweets table using the conditions in coordinates table  . But I am getting this error "undefined method `parameters' for nil:NilClass" . 
My coordinates_controller.rb&lt;/p&gt;
&lt;pre&gt;&lt;code&gt; class CoordinatesController&amp;lt;ApplicationController
      def paramas(b)
        @b = params[:show]
        return @b
      end
      def coor(latitude,longitude)
        @latitude=0`enter code here`
        @longitude=0
      end
      def search
      @a=Coordinates.where(city: params[:show]).take
        if(params[:show]== a.city) then 
          @latitude= a.latitude
          @longitude=a.longitude
        end
        if(@latitude=0 &amp;amp;&amp;amp; @longitude=0) then
        return  @sql="Select * from tweets where tweet_text LIKE '%search%' AND user_loc LIKE 'a.paramas' order by id desc"
        else if (@latitude!=0 &amp;amp;&amp;amp; @longitude!=0) 
               @min_lat = @latitude - 1.0
               @max_lat = @latitude + 1.0
               @min_lng = @longitude - 1.0
               @max_lng = @longitude + 1.0
            return   @sql = "Select * from tweets where tweet_text LIKE '%search%' AND ( ((longitude BETWEEN min_lng and max_lng) AND (latitude BETWEEN min_lat and max_lat)) OR (user_loc LIKE 'a.paramas') ) order by id desc"
             else
            return   @sql="Select * from  tweets where tweet_text LIKE  '%search%'"
             end    
        end
      end     
    #  a= CoordinatesController.new
      end
class TweetsController&amp;lt;ApplicationController
require 'coordinates_controller.rb'
#require 'models/coordinates.rb'
  def index
#include 'coordinates_controller.rb'
    a= CoordinatesController.new
    @sql=a.search
    @tweets=Tweets.paginate_by_sql(sql, :@page, :per_page =&amp;gt; @per_page ).all
  end
end
My view code for the search button
&amp;lt;%= form_tag({controller: "tweets", action:"index" }, method: "get") do  %&amp;gt;
&amp;lt;%= label_tag(:search, "search for:") %&amp;gt;
&amp;lt;%= text_field_tag(:search) %&amp;gt;
&amp;lt;%= text_field_tag(:show) %&amp;gt;
&amp;lt;%= submit_tag("get results ") %&amp;gt;
&amp;lt;% end %&amp;gt;
&lt;/code&gt;&lt;/pre&gt;
&lt;p&gt;My view code to display tweets&lt;/p&gt;
&lt;pre&gt;&lt;code&gt;%= will_paginate @tweets %&amp;gt;
&amp;lt;% @tweets.each do |tweets| %&amp;gt;
&amp;lt;ul&amp;gt;
&amp;lt;li&amp;gt;&amp;lt;%= tweets.id %&amp;gt;&amp;lt;/li&amp;gt;
&amp;lt;li&amp;gt;&amp;lt;%= tweets.tweet_created_at %&amp;gt;&amp;lt;/li&amp;gt;
&amp;lt;li&amp;gt;&amp;lt;%= tweets.tweet_id %&amp;gt;&amp;lt;/li&amp;gt;
&amp;lt;li&amp;gt;&amp;lt;%= tweets.tweet_source %&amp;gt;&amp;lt;/li&amp;gt;
&amp;lt;li&amp;gt;&amp;lt;%= tweets.tweet_text %&amp;gt;&amp;lt;/li&amp;gt;
&amp;lt;li&amp;gt;&amp;lt;%= tweets.user_id %&amp;gt;&amp;lt;/li&amp;gt;
&amp;lt;li&amp;gt;&amp;lt;%= tweets.user_name %&amp;gt;&amp;lt;/li&amp;gt;
&amp;lt;li&amp;gt;&amp;lt;%= tweets.user_sc_name %&amp;gt;&amp;lt;/li&amp;gt;
&amp;lt;li&amp;gt;&amp;lt;%= tweets.user_loc %&amp;gt;&amp;lt;/li&amp;gt;
&amp;lt;li&amp;gt;&amp;lt;%= tweets.user_img %&amp;gt;&amp;lt;/li&amp;gt;
&amp;lt;li&amp;gt;&amp;lt;%= tweets.longitude %&amp;gt;&amp;lt;/li&amp;gt;
&amp;lt;li&amp;gt;&amp;lt;%= tweets.latitude %&amp;gt;&amp;lt;/li&amp;gt;
&amp;lt;li&amp;gt;&amp;lt;%= tweets.place %&amp;gt;&amp;lt;/li&amp;gt;
&amp;lt;li&amp;gt;&amp;lt;%= tweets.country %&amp;gt;&amp;lt;/li&amp;gt;
&amp;lt;% end %&amp;gt;
&amp;lt;/ul&amp;gt;
&lt;/code&gt;&lt;/pre&gt;
&lt;p&gt;Iam stuck up with this for a long time anybody pls help me  to proceed. thks in advance&lt;/p&gt;</t>
  </si>
  <si>
    <t>2013-07-17 13:52:59.167000+00:00</t>
  </si>
  <si>
    <t>2013-07-17 14:17:34.037000+00:00</t>
  </si>
  <si>
    <t>while loop doesnt work, javascript only</t>
  </si>
  <si>
    <t>&lt;p&gt;I want to move this red rectangle randomly over the screen and if I click on it,  it should fall down. I need this code in javascript only , no jQuery, please.&lt;/p&gt;
&lt;pre&gt;&lt;code&gt;&amp;lt;html&amp;gt;
    &amp;lt;head&amp;gt;
    &amp;lt;/head&amp;gt;
    &amp;lt;body&amp;gt;
        &amp;lt;canvas id="myCanvas" width="1280" height="600" style="border:1px solid #d3d3d3;color:red;"&amp;gt;&amp;lt;/canvas&amp;gt;
        &amp;lt;p&amp;gt;the main purpose of this code is i need to move this div randomlly and if i click on it it will fall down ,
                i need this code in javascript only , no jquery,please help&amp;lt;/p&amp;gt;
    &amp;lt;script&amp;gt;   
            var i = 0 ;
            var c = document.getElementById("myCanvas");
            var ctx = c.getContext("2d");
            //var f = Math.floor(1+Math.random()*1280)
            //var f2 = Math.floor(1+Math.random()*600)
            //ctx.translate(f, f2);
            //ctx.fillRect(10, 10, 100, 50);
        var s = true;
        while(s = true){
            var f = Math.floor(1+Math.random()*1280);
            var f2 = Math.floor(1+Math.random()*600);
            ctx.fillStyle="#FF0000";
            ctx.translate(f, f2);
            ctx.fillRect(10, 10, 100, 50); 
            var w = document.getElementById("myCanvas");
                w.onclick = true;
            if (w.onclick = true){
                s = false;falling();}
            else(){continue;}}
        function falling(){
            s = false;
        }              
    &amp;lt;/script&amp;gt;
    &amp;lt;/body&amp;gt;
&amp;lt;/html&amp;gt;
&lt;/code&gt;&lt;/pre&gt;</t>
  </si>
  <si>
    <t>2016-03-09 07:36:17.120000+00:00</t>
  </si>
  <si>
    <t>2016-03-09 09:50:15.233000+00:00</t>
  </si>
  <si>
    <t>javascript|function|while-loop</t>
  </si>
  <si>
    <t>Generic structs in unions</t>
  </si>
  <si>
    <t>&lt;p&gt;I'm trying to make a generic vector class. While I can do something like this: &lt;/p&gt;
&lt;pre&gt;&lt;code&gt;struct vector3 {
  union {
    struct {
      float x;
      float y;
      float z;
    };
    float v[3];
  };
};
&lt;/code&gt;&lt;/pre&gt;
&lt;p&gt;I cannot do this: &lt;/p&gt;
&lt;pre&gt;&lt;code&gt;template&amp;lt;int N, typename S, typename T = double&amp;gt;
class vec {
    union {
        T data[N];
        S;
    };
};
struct XY { REAL x, y; };
typedef vec&amp;lt;2, XY, REAL&amp;gt; Vector2;
&lt;/code&gt;&lt;/pre&gt;
&lt;p&gt;because "S does not declare anything." &lt;/p&gt;
&lt;p&gt;Is there any way to insert a generic template parameter as a member of a union? Essentially, I want to "inject" &lt;em&gt;x&lt;/em&gt; and &lt;em&gt;y&lt;/em&gt; fields into the vec class. Is there a better way of doing this? &lt;/p&gt;</t>
  </si>
  <si>
    <t>2010-10-05 20:21:01.300000+00:00</t>
  </si>
  <si>
    <t>2010-10-05 21:51:39.367000+00:00</t>
  </si>
  <si>
    <t>2010-10-05 21:11:34.380000+00:00</t>
  </si>
  <si>
    <t>generate non-consecutive samples</t>
  </si>
  <si>
    <t>&lt;p&gt;How can we efficiently generate &lt;code&gt;k&lt;/code&gt; random and &lt;strong&gt;non-consecutive&lt;/strong&gt; samples out of &lt;code&gt;[1,...,N]&lt;/code&gt;?&lt;/p&gt;
&lt;p&gt;Non-desired Example with &lt;code&gt;(N=10, k=4)&lt;/code&gt;:
&lt;code&gt;2,3,8,10&lt;/code&gt;&lt;/p&gt;
&lt;p&gt;This is not a desired example since &lt;code&gt;2&lt;/code&gt; and &lt;code&gt;3&lt;/code&gt; are consecutive.&lt;/p&gt;
&lt;p&gt;Desired Example with &lt;code&gt;(N=10, k=4)&lt;/code&gt;:
&lt;code&gt;2,6,8,10&lt;/code&gt;&lt;/p&gt;
&lt;p&gt;This is a good example since the difference between every pair of samples is greater than &lt;code&gt;1&lt;/code&gt;&lt;/p&gt;</t>
  </si>
  <si>
    <t>2015-06-25 19:37:39.750000+00:00</t>
  </si>
  <si>
    <t>2016-02-17 20:30:41.140000+00:00</t>
  </si>
  <si>
    <t>2015-06-27 16:04:33.903000+00:00</t>
  </si>
  <si>
    <t>matlab|random</t>
  </si>
  <si>
    <t>AngularJS: Simply passing a value to a directive's template</t>
  </si>
  <si>
    <t>&lt;p&gt;I'm having a very basic problem: I cannot pass a value, or anything else, to a directive's template and have it display in the template, despite having tried many examples. I have created a punker to demonstate the problem, after boiling it down to the most basic example.&lt;/p&gt;
&lt;p&gt;&lt;a href="http://plnkr.co/edit/03IfoCazo1cLCsRIQ4Lh?p=preview" rel="nofollow"&gt;Plunker example&lt;/a&gt;&lt;/p&gt;
&lt;pre&gt;&lt;code&gt;&amp;lt;!doctype html&amp;gt;
&amp;lt;html ng-app='myapp'&amp;gt;
  &amp;lt;head&amp;gt;
    &amp;lt;script src="//ajax.googleapis.com/ajax/libs/angularjs/1.2.15/angular.min.js"&amp;gt;&amp;lt;/script&amp;gt;
    &amp;lt;script src="script.js"&amp;gt;&amp;lt;/script&amp;gt;
  &amp;lt;/head&amp;gt;
  &amp;lt;body&amp;gt;
    a&amp;lt;exampleDirective fancyname="Hello"&amp;gt;-&amp;lt;/exampleDirective&amp;gt;b
  &amp;lt;/body&amp;gt;
&amp;lt;/html&amp;gt;
angular.module('myapp', [])
    .directive('exampleDirective', function() {
        return {
            restrict: 'E',
            scope: {
                fancyname: "@"
            },
            template: '1&amp;lt;div&amp;gt;&amp;lt;i&amp;gt;2{{fancyname}}2&amp;lt;/i&amp;gt;&amp;lt;/div&amp;gt;1'
        };
    });
&lt;/code&gt;&lt;/pre&gt;
&lt;p&gt;It seems that the template is not loading at all, though at one point it was and {{fancyname}} was not showing the value of "Hello".&lt;/p&gt;
&lt;p&gt;Any help to this directive NOOB is greatly appreciated. Thank you!&lt;/p&gt;</t>
  </si>
  <si>
    <t>2014-05-14 17:48:37.820000+00:00</t>
  </si>
  <si>
    <t>2014-05-14 17:51:03.760000+00:00</t>
  </si>
  <si>
    <t>angularjs|angularjs-directive</t>
  </si>
  <si>
    <t>IE7 minimizes on clicking links</t>
  </si>
  <si>
    <t>&lt;p&gt;I am developing this website for a client. It was working fine till a couple of days ago on all major browsers. &lt;/p&gt;
&lt;p&gt;Since yesterday I have been facing this unusual problem:&lt;/p&gt;
&lt;p&gt;In IE7, whenever I click on any link on the page (navigation link or anything else), the IE7 window minimizes. When I restore the window, the proper link(the new page) is open and showing. Also, this occurs only if I have one IE7 tab open, i.e: if suppose I have two tabs on the window then it works perfectly. &lt;/p&gt;
&lt;p&gt;Also, this works fine on IE6 and Firefox. Firebug shows no errors of any kind when I am loading the same page in Firefox. &lt;/p&gt;
&lt;p&gt;Can anyone think of a reason that this could be happening?&lt;/p&gt;</t>
  </si>
  <si>
    <t>2009-01-24 06:37:44.430000+00:00</t>
  </si>
  <si>
    <t>2011-02-21 13:47:07.480000+00:00</t>
  </si>
  <si>
    <t>Adhip Gupta</t>
  </si>
  <si>
    <t>internet-explorer-7|cross-browser</t>
  </si>
  <si>
    <t>IIS: add binding to Default Web Site</t>
  </si>
  <si>
    <t>&lt;p&gt;I just started looking at IIS on Windows10.&lt;/p&gt;
&lt;p&gt;I have a stupid question. I added a binding to Default Web Site ("www.test.com") in  IIS Manager.&lt;/p&gt;
&lt;p&gt;I was expecting to see the default page when browsing to this url, but it took me instead to an actual existing page.&lt;/p&gt;
&lt;p&gt;Can anyone explain me why?&lt;/p&gt;</t>
  </si>
  <si>
    <t>2017-04-05 21:45:57.990000+00:00</t>
  </si>
  <si>
    <t>2017-04-07 09:56:06.220000+00:00</t>
  </si>
  <si>
    <t>iis|windows-10|iis-manager</t>
  </si>
  <si>
    <t>failure connecting to server host</t>
  </si>
  <si>
    <t>&lt;p&gt;my app is unable to connect to my MySQL database. when I run the app on my device and try to register an account after a while, it returns an error "failed to connect to /192.168.44.135(port 443) after 10000ms". please I want to know what could result to this error, &lt;/p&gt;
&lt;p&gt;I need a clue on how to solve it.&lt;/p&gt;</t>
  </si>
  <si>
    <t>2017-10-30 13:00:09.600000+00:00</t>
  </si>
  <si>
    <t>2017-11-01 11:42:22.453000+00:00</t>
  </si>
  <si>
    <t>android|mysql|server</t>
  </si>
  <si>
    <t>MVC EntityFramework, search from Database table?</t>
  </si>
  <si>
    <t>&lt;p&gt;I want to search in my mvc project. But All time I can't get rows.. I take devicename in textbox.&lt;/p&gt;
&lt;p&gt;my code:&lt;/p&gt;
&lt;pre&gt;&lt;code&gt;List&amp;lt;Tablename&amp;gt; list = db.Tablename
                         .Where(c =&amp;gt; c.Devices.devName.ToLower().Contains(devicename.ToLower()))
                         .OrderBy(c =&amp;gt; c.dateTime)
                         .Skip(skip)
                         .Take(pageSize).ToList();
&lt;/code&gt;&lt;/pre&gt;
&lt;p&gt;I can't see any rows in table. But when I wrote this, it's work but it can't do same thing "L��KE" .&lt;/p&gt;
&lt;pre&gt;&lt;code&gt; List&amp;lt;Tablename&amp;gt; list = db.Tablename
                          .Where(c =&amp;gt; c.Devices.devNameEquals(devicename)))
                          .OrderBy(c =&amp;gt; c.dateTime)
                          .Skip(skip)
                          .Take(pageSize).ToList();
&lt;/code&gt;&lt;/pre&gt;</t>
  </si>
  <si>
    <t>2014-02-13 11:55:16.613000+00:00</t>
  </si>
  <si>
    <t>2014-02-13 12:25:30.043000+00:00</t>
  </si>
  <si>
    <t>2014-02-13 11:57:20.713000+00:00</t>
  </si>
  <si>
    <t>Twitter embedding not working</t>
  </si>
  <si>
    <t>&lt;p&gt;Hi,&lt;/p&gt;
&lt;p&gt;I am trying to embed my twitter timeline in my webpage but its not working. This is the code:&lt;/p&gt;
&lt;pre&gt;&lt;code&gt;topcmm.extensions.twitter = {
    tip: "Twitter",
    position: "top",
    width: "500",
    height: "350",
    display: {
        type: "html",
        value: "&amp;lt;button&amp;gt;Twitter&amp;lt;/button&amp;gt;"
    },
    content: "&amp;lt;a class=\"twitter-timeline\" href=\"https://twitter.com/mytwitter?ref_src=twsrc%5Etfw\"&amp;gt;My twitter&amp;lt;/a&amp;gt;&amp;lt;script async src=\"https://platform.twitter.com/widgets.js\" charset=\"utf-8\"&amp;gt;&amp;lt;/script&amp;gt;",
    action: "sendTwitterRequest()"
}
&lt;/code&gt;&lt;/pre&gt;
&lt;p&gt;Only the link is displayed but not the timeline. Whats preventing it from displaying?&lt;/p&gt;
&lt;p&gt;Thank you.&lt;/p&gt;</t>
  </si>
  <si>
    <t>2018-03-04 22:13:00.050000+00:00</t>
  </si>
  <si>
    <t>twitter|embed</t>
  </si>
  <si>
    <t>Ignore all nested subdirectories in .tfignore</t>
  </si>
  <si>
    <t>&lt;p&gt;I have a folder structure like so:&lt;/p&gt;
&lt;pre&gt;&lt;code&gt;-root
 -Proj1
    -Addedthings
       -Tables
          TableFiles
  -Proj2 
    -Addedthings
      -Tables
        TableFiles
   -Proj3
     TableFiles
   .tfignore
&lt;/code&gt;&lt;/pre&gt;
&lt;p&gt;In this case I want to exclude all files inside of any of the AddedThings/Tables/ directories. &lt;/p&gt;
&lt;p&gt;I have tried doing 
AddedThings/Tables&lt;/p&gt;
&lt;p&gt;and &lt;/p&gt;
&lt;p&gt;/AddedThings/Tables&lt;/p&gt;
&lt;p&gt;And I have had no luck. Can someone please assist. &lt;/p&gt;</t>
  </si>
  <si>
    <t>2018-08-24 19:40:28.713000+00:00</t>
  </si>
  <si>
    <t>2018-08-27 02:01:25.957000+00:00</t>
  </si>
  <si>
    <t>.net|visual-studio|tfs|version-control</t>
  </si>
  <si>
    <t>Common Language Runtime detected an invalid program - ILGenerator</t>
  </si>
  <si>
    <t>&lt;p&gt;Basically i am trying to deserialize data that is inside an byte array into objects. I am trying to use GetString method of UTF8 Encoding in order to read a string. Here is part of  my code:&lt;/p&gt;
&lt;pre&gt;&lt;code&gt;var mm = new DynamicMethod("get_value", typeof(object)
                         , new Type[] { typeof(byte[]), typeof(int), typeof(int), typeof(int) });
        var utf8 = Encoding.GetEncoding("utf-8"); //l.GetValue(null, null).GetType().GetMethod("GetString");
        var getstring = utf8.GetType().GetMethod("GetString", new Type[] { typeof(byte[]), typeof(int), typeof(int) });
       // var getString = Encoding.UTF8.GetType().GetMethod("GetString", new Type[] { typeof(byte[]), typeof(int), typeof(int) });
        var h = new EmitHelper(mm.GetILGenerator());
        var defaultCase = h.ILGenerator.DefineLabel();
        var lbs = new Label[] { h.DefineLabel(),h.DefineLabel()};
        var getInt32Method = typeof(BitConverter).GetMethod("ToInt32", new Type[] { typeof(byte[]), typeof(int) });
        //Arg0 = Byte [] , Arg1 = type, Arg2 = size, Arg3 = offset
        h
            .ldarg_1
            .@switch(lbs)
            .MarkLabel(defaultCase)
            .ldnull
            .ret();
        h
            .MarkLabel(lbs[0])
            .ldarg_0 
            .ldarg_3
            .call(getInt32Method)
            .box(typeof(int))
            .ret();
        //THis is the function that is causing problem; If i remove this function works;
        h 
            .MarkLabel(lbs[1])
            .ldarg_0 //Load array 
            .ldarg_3 //Load Offset (index)
            .ldarg_2 //Load Size (count)
            .callvirt(getstring)
            .boxIfValueType(typeof(string))
            .ret();
        return (GetValueDelegate)mm.CreateDelegate(typeof(GetValueDelegate));
&lt;/code&gt;&lt;/pre&gt;
&lt;p&gt;I checked the method signature of 'getstring' outside of this code and it works. I tried removing '.boxIfAny' and i also tried using 'call' rather then 'callvirt'. As I understand 'callvirt' is for instance methods which applies in this case. Any Ideas?&lt;/p&gt;</t>
  </si>
  <si>
    <t>2014-01-03 03:15:38.027000+00:00</t>
  </si>
  <si>
    <t>2014-06-03 22:25:10.907000+00:00</t>
  </si>
  <si>
    <t>c#|reflection.emit|bltoolkit|ilasm|ilgenerator</t>
  </si>
  <si>
    <t>.each (generate dropdown from html element, replace element)</t>
  </si>
  <si>
    <t>&lt;p&gt;I need a little help.
I have some data in the divs. I managed to extract data from each div and from them make dropdown's.
Now, certain element (class .change in the example) should be replaced with those dropdown's and there I got tangled up in .each function. How to solve it?&lt;/p&gt;
&lt;pre&gt;&lt;code&gt;// convert data from div to dropdown
$('.wrap').each(function () {
    var $select = $('&amp;lt;select /&amp;gt;');
    $(this).find('.answer').each(function () {
        var $option = $('&amp;lt;option /&amp;gt;');
        $option.attr('value', $(this).next().html()).html($(this).html());
        $select.append($option);
    });
    $(this).replaceWith($select);
    // replace .change with dropdown
    $(".change").each(function () {
        $(this).replaceWith($select);
    });
});
&lt;/code&gt;&lt;/pre&gt;
&lt;p&gt;&lt;a href="http://jsfiddle.net/shinzon/jgj6whmx/" rel="nofollow"&gt;http://jsfiddle.net/shinzon/jgj6whmx/&lt;/a&gt;&lt;/p&gt;</t>
  </si>
  <si>
    <t>2014-11-12 19:46:59.790000+00:00</t>
  </si>
  <si>
    <t>2014-11-12 20:12:45.473000+00:00</t>
  </si>
  <si>
    <t>2014-11-12 19:49:19.487000+00:00</t>
  </si>
  <si>
    <t>Count number of columns in a table row</t>
  </si>
  <si>
    <t>&lt;p&gt;I have a table similar to:&lt;/p&gt;
&lt;pre&gt;&lt;code&gt;&amp;lt;table id="table1"&amp;gt;
&amp;lt;tr&amp;gt;
  &amp;lt;td&amp;gt;&amp;lt;input type="text" value="" /&amp;gt;&amp;lt;/td&amp;gt;
  &amp;lt;td&amp;gt;&amp;lt;input type="text" value="" /&amp;gt;&amp;lt;/td&amp;gt;
  &amp;lt;td&amp;gt;&amp;lt;input type="text" value="" /&amp;gt;&amp;lt;/td&amp;gt;
  &amp;lt;td&amp;gt;&amp;lt;input type="text" value="" /&amp;gt;&amp;lt;/td&amp;gt;
&amp;lt;/tr&amp;gt;
&amp;lt;tr&amp;gt;
  &amp;lt;td&amp;gt;&amp;lt;input type="text" value="" /&amp;gt;&amp;lt;/td&amp;gt;
  &amp;lt;td&amp;gt;&amp;lt;input type="text" value="" /&amp;gt;&amp;lt;/td&amp;gt;
  &amp;lt;td&amp;gt;&amp;lt;input type="text" value="" /&amp;gt;&amp;lt;/td&amp;gt;
  &amp;lt;td&amp;gt;&amp;lt;input type="text" value="" /&amp;gt;&amp;lt;/td&amp;gt;
&amp;lt;/tr&amp;gt;
&amp;lt;table&amp;gt;
&lt;/code&gt;&lt;/pre&gt;
&lt;p&gt;I want to count the number of td element in a row. I am trying: &lt;/p&gt;
&lt;pre&gt;&lt;code&gt;document.getElementById('').cells.length;
document.getElementById('').length;
document.getElementById('').getElementsByTagName('td').length;
&lt;/code&gt;&lt;/pre&gt;
&lt;p&gt;It did not show actual result.&lt;/p&gt;</t>
  </si>
  <si>
    <t>2012-04-06 12:54:31.940000+00:00</t>
  </si>
  <si>
    <t>2018-09-14 19:31:01.563000+00:00</t>
  </si>
  <si>
    <t>2018-09-10 20:22:20.057000+00:00</t>
  </si>
  <si>
    <t>javascript|html-table</t>
  </si>
  <si>
    <t>Maven version dependency</t>
  </si>
  <si>
    <t>&lt;p&gt;i want to add the spark-connector-cassandra to my java project, using Maven. When i add the dependecies, maven don't recognize the version (mark it of red). Why? I added also spark dependency but with this dependency there is no problem. 
This is my pom file.&lt;/p&gt;
&lt;pre&gt;&lt;code&gt;&amp;lt;?xml version="1.0" encoding="UTF-8"?&amp;gt;
&amp;lt;project xmlns="http://maven.apache.org/POM/4.0.0"
         xmlns:xsi="http://www.w3.org/2001/XMLSchema-instance"
         xsi:schemaLocation="http://maven.apache.org/POM/4.0.0 http://maven.apache.org/xsd/maven-4.0.0.xsd"&amp;gt;
    &amp;lt;modelVersion&amp;gt;4.0.0&amp;lt;/modelVersion&amp;gt;
    &amp;lt;groupId&amp;gt;it.spark.test&amp;lt;/groupId&amp;gt;
    &amp;lt;artifactId&amp;gt;spark-count&amp;lt;/artifactId&amp;gt;
    &amp;lt;version&amp;gt;1.0-SNAPSHOT&amp;lt;/version&amp;gt;
    &amp;lt;dependencies&amp;gt;
        &amp;lt;dependency&amp;gt;
            &amp;lt;groupId&amp;gt;org.apache.spark&amp;lt;/groupId&amp;gt;
            &amp;lt;artifactId&amp;gt;spark-core_2.11&amp;lt;/artifactId&amp;gt;
            &amp;lt;version&amp;gt;2.3.1&amp;lt;/version&amp;gt;
        &amp;lt;/dependency&amp;gt;
        &amp;lt;dependency&amp;gt;
            &amp;lt;groupId&amp;gt;com.datastax.spark&amp;lt;/groupId&amp;gt;
            &amp;lt;artifactId&amp;gt;spark-cassandra-connector_2.11&amp;lt;/artifactId&amp;gt;
            &amp;lt;version&amp;gt;**2.3.0**&amp;lt;/version&amp;gt;
        &amp;lt;/dependency&amp;gt;
    &amp;lt;/dependencies&amp;gt;
    &amp;lt;properties&amp;gt;
        &amp;lt;java.version&amp;gt;1.8&amp;lt;/java.version&amp;gt;
    &amp;lt;/properties&amp;gt;
    &amp;lt;build&amp;gt;
        &amp;lt;pluginManagement&amp;gt;
            &amp;lt;plugins&amp;gt;
                &amp;lt;plugin&amp;gt;
                    &amp;lt;groupId&amp;gt;org.apache.maven.plugins&amp;lt;/groupId&amp;gt;
                    &amp;lt;artifactId&amp;gt;maven-compiler-plugin&amp;lt;/artifactId&amp;gt;
                    &amp;lt;version&amp;gt;3.1&amp;lt;/version&amp;gt;
                    &amp;lt;configuration&amp;gt;
                        &amp;lt;source&amp;gt;${java.version}&amp;lt;/source&amp;gt;
                        &amp;lt;target&amp;gt;${java.version}&amp;lt;/target&amp;gt;
                    &amp;lt;/configuration&amp;gt;
                &amp;lt;/plugin&amp;gt;
            &amp;lt;/plugins&amp;gt;
        &amp;lt;/pluginManagement&amp;gt;
    &amp;lt;/build&amp;gt;
&amp;lt;/project&amp;gt;
&lt;/code&gt;&lt;/pre&gt;
&lt;p&gt;The bold version is the problem. how can i resolve the problem? Thanks ;)
I tired to run mvn dependency:resolve but this is the result&lt;/p&gt;
&lt;pre&gt;&lt;code&gt;C:\Users\Utente&amp;gt;mvn dependency:resolve
Java HotSpot(TM) 64-Bit Server VM warning: ignoring option MaxPermSize=256M; support was removed in 8.0
[INFO] Scanning for projects...
Downloading: http://repo.maven.apache.org/maven2/org/apache/maven/plugins/maven-clean-plugin/2.5/maven-clean-plugin-2.5.pom
[WARNING] Failed to retrieve plugin descriptor for org.apache.maven.plugins:maven-clean-plugin:2.5: Plugin org.apache.maven.plugins:maven-clean-plugin:2.5 or one of its dependencies could not be resolved: Failed to read artifact descriptor for org.apache.maven.plugins:maven-clean-plugin:jar:2.5
Downloading: http://repo.maven.apache.org/maven2/org/apache/maven/plugins/maven-deploy-plugin/2.7/maven-deploy-plugin-2.7.pom
[WARNING] Failed to retrieve plugin descriptor for org.apache.maven.plugins:maven-deploy-plugin:2.7: Plugin org.apache.maven.plugins:maven-deploy-plugin:2.7 or one of its dependencies could not be resolved: Failed to read artifact descriptor for org.apache.maven.plugins:maven-deploy-plugin:jar:2.7
Downloading: http://repo.maven.apache.org/maven2/org/apache/maven/plugins/maven-site-plugin/3.3/maven-site-plugin-3.3.pom
[WARNING] Failed to retrieve plugin descriptor for org.apache.maven.plugins:maven-site-plugin:3.3: Plugin org.apache.maven.plugins:maven-site-plugin:3.3 or one of its dependencies could not be resolved: Failed to read artifact descriptor for org.apache.maven.plugins:maven-site-plugin:jar:3.3
Downloading: http://repo.maven.apache.org/maven2/org/apache/maven/plugins/maven-antrun-plugin/1.3/maven-antrun-plugin-1.3.pom
[WARNING] Failed to retrieve plugin descriptor for org.apache.maven.plugins:maven-antrun-plugin:1.3: Plugin org.apache.maven.plugins:maven-antrun-plugin:1.3 or one of its dependencies could not be resolved: Failed to read artifact descriptor for org.apache.maven.plugins:maven-antrun-plugin:jar:1.3
Downloading: http://repo.maven.apache.org/maven2/org/apache/maven/plugins/maven-assembly-plugin/2.2-beta-5/maven-assembly-plugin-2.2-beta-5.pom
[WARNING] Failed to retrieve plugin descriptor for org.apache.maven.plugins:maven-assembly-plugin:2.2-beta-5: Plugin org.apache.maven.plugins:maven-assembly-plugin:2.2-beta-5 or one of its dependencies could not be resolved: Failed to read artifact descriptor for org.apache.maven.plugins:maven-assembly-plugin:jar:2.2-beta-5
Downloading: http://repo.maven.apache.org/maven2/org/apache/maven/plugins/maven-dependency-plugin/2.8/maven-dependency-plugin-2.8.pom
[WARNING] Failed to retrieve plugin descriptor for org.apache.maven.plugins:maven-dependency-plugin:2.8: Plugin org.apache.maven.plugins:maven-dependency-plugin:2.8 or one of its dependencies could not be resolved: Failed to read artifact descriptor for org.apache.maven.plugins:maven-dependency-plugin:jar:2.8
Downloading: http://repo.maven.apache.org/maven2/org/apache/maven/plugins/maven-release-plugin/2.3.2/maven-release-plugin-2.3.2.pom
[WARNING] Failed to retrieve plugin descriptor for org.apache.maven.plugins:maven-release-plugin:2.3.2: Plugin org.apache.maven.plugins:maven-release-plugin:2.3.2 or one of its dependencies could not be resolved: Failed to read artifact descriptor for org.apache.maven.plugins:maven-release-plugin:jar:2.3.2
Downloading: http://repo.maven.apache.org/maven2/org/apache/maven/plugins/maven-metadata.xml
Downloading: http://repo.maven.apache.org/maven2/org/codehaus/mojo/maven-metadata.xml
[WARNING] Could not transfer metadata org.apache.maven.plugins/maven-metadata.xml from/to central (http://repo.maven.apache.org/maven2): Connect to 10.0.3.69:3128 [/10.0.3.69] failed: Connection timed out: connect
[WARNING] Could not transfer metadata org.codehaus.mojo/maven-metadata.xml from/to central (http://repo.maven.apache.org/maven2): Connect to 10.0.3.69:3128 [/10.0.3.69] failed: Connection timed out: connect
[WARNING] Failure to transfer org.apache.maven.plugins/maven-metadata.xml from http://repo.maven.apache.org/maven2 was cached in the local repository, resolution will not be reattempted until the update interval of central has elapsed or updates are forced. Original error: Could not transfer metadata org.apache.maven.plugins/maven-metadata.xml from/to central (http://repo.maven.apache.org/maven2): Connect to 10.0.3.69:3128 [/10.0.3.69] failed: Connection timed out: connect
[WARNING] Failure to transfer org.codehaus.mojo/maven-metadata.xml from http://repo.maven.apache.org/maven2 was cached in the local repository, resolution will not be reattempted until the update interval of central has elapsed or updates are forced. Original error: Could not transfer metadata org.codehaus.mojo/maven-metadata.xml from/to central (http://repo.maven.apache.org/maven2): Connect to 10.0.3.69:3128 [/10.0.3.69] failed: Connection timed out: connect
[INFO] ------------------------------------------------------------------------
[INFO] BUILD FAILURE
[INFO] ------------------------------------------------------------------------
[INFO] Total time: 02:50 min
[INFO] Finished at: 2018-08-17T11:54:53+01:00
[INFO] Final Memory: 7M/123M
[INFO] ------------------------------------------------------------------------
[ERROR] No plugin found for prefix 'dependency' in the current project and in the plugin groups [org.apache.maven.plugins, org.codehaus.mojo] available from the repositories [local (C:\Users\Utente\.m2\repository), central (http://repo.maven.apache.org/maven2)] -&amp;gt; [Help 1]
[ERROR]
[ERROR] To see the full stack trace of the errors, re-run Maven with the -e switch.
[ERROR] Re-run Maven using the -X switch to enable full debug logging.
[ERROR]
[ERROR] For more information about the errors and possible solutions, please read the following articles:
[ERROR] [Help 1] http://cwiki.apache.org/confluence/display/MAVEN/NoPluginFoundForPrefixException
&lt;/code&gt;&lt;/pre&gt;</t>
  </si>
  <si>
    <t>2018-08-17 09:29:03.173000+00:00</t>
  </si>
  <si>
    <t>2018-08-17 09:58:06.997000+00:00</t>
  </si>
  <si>
    <t>java|maven|apache-spark|version|datastax</t>
  </si>
  <si>
    <t>Appengine login and logout behavior</t>
  </si>
  <si>
    <t>&lt;p&gt;I deployed a web application using Google accounts Authentication on the appengine server. If I log out the app with the link from create_logout_url(), my Gmail in the same browser is also  logged out. Is that normal behavior? Thanks.&lt;/p&gt;</t>
  </si>
  <si>
    <t>2011-07-08 14:55:08.887000+00:00</t>
  </si>
  <si>
    <t>2011-07-08 19:36:50.117000+00:00</t>
  </si>
  <si>
    <t>angularjs and jquery missing property</t>
  </si>
  <si>
    <t>&lt;p&gt;I'm trying to implement &lt;a href="http://embed.plnkr.co/A6MvqA/" rel="nofollow noreferrer"&gt;this plnkr&lt;/a&gt; which uses the &lt;code&gt;jquery-ui slider&lt;/code&gt; along with &lt;code&gt;angularjs&lt;/code&gt; but with &lt;code&gt;angular 1.4.4&lt;/code&gt; instead of the existing &lt;code&gt;1.0.5&lt;/code&gt;.&lt;br&gt;
The problem is that when making this change I get the following error:&lt;/p&gt;
&lt;blockquote&gt;
  &lt;p&gt;TypeError: element.slider is not a function&lt;/p&gt;
&lt;/blockquote&gt;
&lt;p&gt;in this line:&lt;/p&gt;
&lt;pre&gt;&lt;code&gt;element.slider("value", parseInt(newVal,10));
&lt;/code&gt;&lt;/pre&gt;
&lt;p&gt;When running with the chrome debugger I can see that &lt;code&gt;element&lt;/code&gt; is of type &lt;code&gt;jqlite&lt;/code&gt; even tough the &lt;code&gt;jquery&lt;/code&gt; script is loaded before &lt;code&gt;angular&lt;/code&gt;.&lt;br&gt;
I've tried using static script files instead of using the cdns to avoid any loading issues but it didn't help.&lt;br&gt;
How can I fix this?&lt;/p&gt;</t>
  </si>
  <si>
    <t>2017-03-24 17:50:45.313000+00:00</t>
  </si>
  <si>
    <t>jquery|angularjs|jquery-ui</t>
  </si>
  <si>
    <t>Getting error 'str' object has no attribute 'dtype' when exporting textsum model for TensorFlow Serving</t>
  </si>
  <si>
    <t>&lt;p&gt;I am currently trying to get a TF textsum model exported using the PREDICT SIGNATURE. I have _Decode returning a result from a passed in test article string and then I pass that to buildTensorInfo.  This is in-fact a string being returned. &lt;/p&gt;
&lt;p&gt;Now when I run the textsum_export.py logic to export the model, it gets to the point where is is building out the TensorInfo object however errors out with the below trace.  I know that the PREDICT signature is usually used with images.  Is this the problem?  Can I not use this for the Textsum model because I am working with strings?&lt;/p&gt;
&lt;p&gt;Error is:&lt;/p&gt;
&lt;pre&gt;&lt;code&gt;Traceback (most recent call last):
  File "export_textsum.py", line 129, in Export
    tensor_info_outputs = tf.saved_model.utils.build_tensor_info(res)
  File "/usr/local/lib/python2.7/site-packages/tensorflow/python/saved_model/utils_impl.py", line 37, in build_tensor_info
    dtype_enum = dtypes.as_dtype(tensor.dtype).as_datatype_enum
AttributeError: 'str' object has no attribute 'dtype'
&lt;/code&gt;&lt;/pre&gt;
&lt;p&gt;The TF session where the model is exported is below:&lt;/p&gt;
&lt;pre&gt;&lt;code&gt;with tf.Session(config = config) as sess:
                # Restore variables from training checkpoints.
                ckpt = tf.train.get_checkpoint_state(FLAGS.checkpoint_dir)
                if ckpt and ckpt.model_checkpoint_path:
                    saver.restore(sess, ckpt.model_checkpoint_path)
                    global_step = ckpt.model_checkpoint_path.split('/')[-1].split('-')[-1]
                    print('Successfully loaded model from %s at step=%s.' %
                        (ckpt.model_checkpoint_path, global_step))
                    res = decoder._Decode(saver, sess)
                    print("Decoder value {}".format(type(res)))
                else:
                    print('No checkpoint file found at %s' % FLAGS.checkpoint_dir)
                    return
                # Export model
                export_path = os.path.join(FLAGS.export_dir,str(FLAGS.export_version))
                print('Exporting trained model to %s' % export_path)
                #-------------------------------------------
                tensor_info_inputs = tf.saved_model.utils.build_tensor_info(serialized_tf_example)
                tensor_info_outputs = tf.saved_model.utils.build_tensor_info(res)
                prediction_signature = (
                    tf.saved_model.signature_def_utils.build_signature_def(
                        inputs={ tf.saved_model.signature_constants.PREDICT_INPUTS: tensor_info_inputs},
                        outputs={tf.saved_model.signature_constants.PREDICT_OUTPUTS:tensor_info_outputs},
                        method_name=tf.saved_model.signature_constants.PREDICT_METHOD_NAME
                        ))
                #----------------------------------
                legacy_init_op = tf.group(tf.tables_initializer(), name='legacy_init_op')
                builder = saved_model_builder.SavedModelBuilder(export_path)
                builder.add_meta_graph_and_variables(
                    sess=sess, 
                    tags=[tf.saved_model.tag_constants.SERVING],
                    signature_def_map={
                        'predict':prediction_signature,
                    },
                    legacy_init_op=legacy_init_op)
                builder.save()
                print('Successfully exported model to %s' % export_path)
&lt;/code&gt;&lt;/pre&gt;</t>
  </si>
  <si>
    <t>2017-10-21 11:14:24.183000+00:00</t>
  </si>
  <si>
    <t>2017-10-22 05:54:14.363000+00:00</t>
  </si>
  <si>
    <t>tensorflow|tensorflow-serving</t>
  </si>
  <si>
    <t>Communication between out of browser silverlight application and console application</t>
  </si>
  <si>
    <t>&lt;p&gt;I have an out of browser silverlight application and a console application(This can be any other .NET application). I want to establish the communication between these two applications. Basically, I want to send a message from console app to out of browser app. and vice versa. Is this possible in SL 4 ? Does SL 5 has any new features to support this ?&lt;/p&gt;</t>
  </si>
  <si>
    <t>2012-01-02 16:42:59.020000+00:00</t>
  </si>
  <si>
    <t>2012-01-02 16:56:01.170000+00:00</t>
  </si>
  <si>
    <t>How to find the tower location in android</t>
  </si>
  <si>
    <t>&lt;p&gt;I need to find the address of the tower under which the android phone is located. I don't need to find the latitude or longitude or Location Area Code but I need the &lt;strong&gt;Address&lt;/strong&gt;. Please help me out.&lt;/p&gt;</t>
  </si>
  <si>
    <t>2015-01-23 10:14:48.907000+00:00</t>
  </si>
  <si>
    <t>2015-01-23 15:01:05.667000+00:00</t>
  </si>
  <si>
    <t>android|location|gsm</t>
  </si>
  <si>
    <t>Obtain the rowname of the minimum number of a vector in Mata (Stata)</t>
  </si>
  <si>
    <t>&lt;p&gt;I have a vector with dimension (50,1) in Mata. I would like to know how I can obtain the rowname of the minimum number of this vector. &lt;/p&gt;</t>
  </si>
  <si>
    <t>2014-05-21 07:38:20.453000+00:00</t>
  </si>
  <si>
    <t>2014-05-21 08:35:30.097000+00:00</t>
  </si>
  <si>
    <t>2014-05-21 08:32:07.270000+00:00</t>
  </si>
  <si>
    <t>matrix|stata|min|rowname</t>
  </si>
  <si>
    <t>Corona - passing lat, long variables to setcenter and addmarker not working</t>
  </si>
  <si>
    <t>&lt;p&gt;This question is related to passing variable data as map coordinates (lat,long) in Corona (lua) using the map api functions setcenter and addmarker.&lt;/p&gt;
&lt;p&gt;I am having trouble getting mapview - setcenter and addmarker to recognize a lat,long variable. Would be grateful to anyone out there that could offer up any suggestions. It's difficult to diagnose since I have to load the apk on the device to test, I'm not able to see the errors. &lt;/p&gt;
&lt;p&gt;What Works
This code works just fine on the device:&lt;/p&gt;
&lt;pre&gt;&lt;code&gt;myMap:setCenter( 30.192729,-81.364483 )
local function mapmarker( event )
myMap:addMarker( 30.192729,-81.364483 )
end
timer.performWithDelay( 10000, mapmarker)
&lt;/code&gt;&lt;/pre&gt;
&lt;p&gt;FYI: I had to add the delay to give the map time to load the marker, otherwise it wouldn't show the marker on the device.&lt;/p&gt;
&lt;p&gt;What Doesn't Work
Now if I replace the actual lat, long numbers with variables, it won't work. The mapview still works but it defaults to my current locaction.&lt;/p&gt;
&lt;pre&gt;&lt;code&gt;local currentXlatitude = tonumber(decodedData[2]) 
local currentXlongitude = tonumber(decodedData[3])
local location = (currentXlatitude.."," ..currentXlongitude)
&lt;/code&gt;&lt;/pre&gt;
&lt;p&gt;1) When I print these variables to the console they are holding valid numbers.&lt;/p&gt;
&lt;pre&gt;&lt;code&gt;print (currentXlatitude)
print (currentXlongitude)
30.192729    
-81.364483    
&lt;/code&gt;&lt;/pre&gt;
&lt;p&gt;2) Additionally, I tested the variables  by passing to a map url and they work fine.
mapURL = "&lt;a href="http://maps.google.com/maps?q=Hello,!@" rel="nofollow"&gt;http://maps.google.com/maps?q=Hello,!@&lt;/a&gt;"..location&lt;/p&gt;
&lt;p&gt;3) Just to be sure, I set the variables to actual numbers but that did not work either.&lt;/p&gt;
&lt;pre&gt;&lt;code&gt;local currentXlatitude =  30.192729    
local currentXlongitude = -81.364483    
&lt;/code&gt;&lt;/pre&gt;
&lt;p&gt;4) Here is the code with the variable "location". On the device, the map just defaults to my location, no marker.&lt;/p&gt;
&lt;pre&gt;&lt;code&gt;myMap:setCenter( location )
local function mapmarker( event )
myMap:addMarker( location )
end
timer.performWithDelay( 10000, mapmarker)
&lt;/code&gt;&lt;/pre&gt;
&lt;p&gt;5) I also tried the following. Same result on the device, defaults to my location.&lt;/p&gt;
&lt;pre&gt;&lt;code&gt;myMap:setCenter( currentXlatitude..","..currentXlongitude)
local function mapmarker( event )
myMap:addMarker( currentXlatitude..","..currentXlongitude)
end
timer.performWithDelay( 10000, mapmarker)
&lt;/code&gt;&lt;/pre&gt;
&lt;p&gt;6) I've also tried " " and ' ' around the variables.&lt;/p&gt;
&lt;p&gt;7) One last thing, I tried adding a delay with setcenter but that did not work either.&lt;/p&gt;
&lt;p&gt;Thanks in advance for anyone out there who can offer up any suggestions.&lt;/p&gt;</t>
  </si>
  <si>
    <t>2014-03-26 05:08:05.010000+00:00</t>
  </si>
  <si>
    <t>2014-03-26 09:55:07.993000+00:00</t>
  </si>
  <si>
    <t>google-maps|lua|corona</t>
  </si>
  <si>
    <t>Limitations of TemplateBinding</t>
  </si>
  <si>
    <t>&lt;p&gt;A custom control (written under VS 2008) has a SelectedColor Dependency Property and its Control Template contains the following:&lt;/p&gt;
&lt;pre class="lang-xml prettyprint-override"&gt;&lt;code&gt;...
&amp;lt;Rectangle&amp;gt;
  &amp;lt;Rectangle.Fill&amp;gt;
    &amp;lt;SolidColorBrush Color="{TemplateBinding SelectedColor}"/&amp;gt;
  &amp;lt;/Rectangle.Fill&amp;gt;
&amp;lt;/Rectangle&amp;gt;
...
&lt;/code&gt;&lt;/pre&gt;
&lt;p&gt;The rectangle does not have the correct color unless the binding is repleaced with:&lt;/p&gt;
&lt;pre class="lang-xml prettyprint-override"&gt;&lt;code&gt;...
&amp;lt;Rectangle&amp;gt;
  &amp;lt;Rectangle.Fill&amp;gt;
    &amp;lt;SolidColorBrush Color="{Binding SelectedColor, RelativeSource={RelativeSource TemplatedParent}}"/&amp;gt;
  &amp;lt;/Rectangle.Fill&amp;gt;
&amp;lt;/Rectangle&amp;gt;
...
&lt;/code&gt;&lt;/pre&gt;
&lt;p&gt;OK, I am aware that TemplateBinding is a simplified version of Binding and it has a set of limitations, so what is the exact limitation that cause the above code not to work?&lt;/p&gt;</t>
  </si>
  <si>
    <t>2011-06-22 15:11:47.697000+00:00</t>
  </si>
  <si>
    <t>2011-09-12 17:55:54.763000+00:00</t>
  </si>
  <si>
    <t>Way to programmatically send updates to people who Facebook "like"-ed web pages?</t>
  </si>
  <si>
    <t>&lt;p&gt;Now that we have Facebook Like buttons on web pages all over the place, is there a way to send updates to people who have liked those pages?  I haven't seen/heard about this ability but it seems like it'd be the natural next step. &lt;/p&gt;</t>
  </si>
  <si>
    <t>2010-10-28 15:44:41.070000+00:00</t>
  </si>
  <si>
    <t>2011-08-17 21:25:47.893000+00:00</t>
  </si>
  <si>
    <t>facebook|facebook-graph-api|facebook-like</t>
  </si>
  <si>
    <t>3divs with internal margin</t>
  </si>
  <si>
    <t>&lt;p&gt;I want three divs with internal margin (without padding) like below:&lt;/p&gt;
&lt;pre&gt;&lt;code&gt;+---------------------+
|         15px        |
| +-----------------+ |
| |       20px      | |
| | +-------------+ | |
| | |             | | |
| | |             | | |
| | |             | | |
| | |             | | |
| | +-------------+ | |
| +-----------------+ |
+---------------------+
&lt;/code&gt;&lt;/pre&gt;
&lt;p&gt;I used following style to three divs:&lt;/p&gt;
&lt;pre&gt;&lt;code&gt;#outer{
 width: 800px;
 height: 800px;
 position: absolute;
}
#middle{
  width: 750px;
  height: 750px;
  position: relative;
  margin-top: 15px;
}
#inner{
  width: 700px;
  height: 700px;
  margin-top: 20px;
}
&lt;/code&gt;&lt;/pre&gt;
&lt;p&gt;by the above style, excluding inner div, margin works well and positions properly. But If I place inner div, then the margin-top becomes the margin of inner most div like this:&lt;/p&gt;
&lt;pre&gt;&lt;code&gt;+---------------------+
|         20px        |
| +-----------------+ |
| | +-------------+ | |
| | |             | |
| | |             | | |
| | |             | | |
| | |             | | |
| | |             | | |
| | +-------------+ | |
| +-----------------+ |
+---------------------+
&lt;/code&gt;&lt;/pre&gt;
&lt;p&gt;i.e, margin-top of middle div also increases from 15px to 20px (which is actually margin-top of inner div), even if I give position: relative to inner div.
I can accomplish the desired margin by applying padding to middle div (padding-top: 20px). But I want to accomplish these margins without padding.
So if I want to do that type of margins for 3, 4 or even more numbers of divs, How to do it?
Any help will be appreciated?&lt;/p&gt;</t>
  </si>
  <si>
    <t>2013-07-18 03:36:59.960000+00:00</t>
  </si>
  <si>
    <t>2013-07-18 03:49:36.870000+00:00</t>
  </si>
  <si>
    <t>html|margin</t>
  </si>
  <si>
    <t>scrapy: 'module' object has no attribute 'OP_SINGLE_ECDH_USE'</t>
  </si>
  <si>
    <t>&lt;p&gt;I am new in scrapy, I create a sample project in scrapy and run the project. I got an error  &lt;/p&gt;
&lt;pre&gt;&lt;code&gt;AttributeError: 'module' object has no attribute 'OP_SINGLE_ECDH_USE'
&lt;/code&gt;&lt;/pre&gt;
&lt;p&gt;Code:&lt;/p&gt;
&lt;pre&gt;&lt;code&gt;import scrapy
class DmozSpider(scrapy.Spider):
    name = "dmoz"
    allowed_domains = ["dmoz.org"]
    start_urls = ["https://www.grocerygateway.com"]
    def parse(self, response):
        filename = response.url.split("/")[-2]
        with open(filename, 'wb') as f:
            f.write(response.body)
&lt;/code&gt;&lt;/pre&gt;
&lt;p&gt;Thanks in advance&lt;/p&gt;</t>
  </si>
  <si>
    <t>2017-03-03 07:26:03.663000+00:00</t>
  </si>
  <si>
    <t>2017-03-07 07:29:21.820000+00:00</t>
  </si>
  <si>
    <t>2017-03-03 11:23:02.227000+00:00</t>
  </si>
  <si>
    <t>python|web-scraping|scrapy</t>
  </si>
  <si>
    <t>CheckBox, PreRenderComplete, Viewstate</t>
  </si>
  <si>
    <t>&lt;p&gt;We had a little issue that was driving us nuts.  We have checkboxes on an asp.net page that had AutoPostback=true, and just for the first change the initial state of the box wasn't being remembered.&lt;/p&gt;
&lt;p&gt;The root cause seems to be that we were changing Enabled on the parent Panel during the OnPreRenderComplete() event handler and that seems to mess up the view state on the initial render for reasons I'm unclear on.  Specifically, some of the controls (the checkboxes in this case) don't appear to be in the viewstate so they aren't recognized as changed on the postback.&lt;/p&gt;
&lt;p&gt;I thought the actual setting of view state took place &lt;em&gt;after&lt;/em&gt; PreRenderComplete, so why would Enabling the parent Panel in that handler not get the view state mechanism working properly?&lt;/p&gt;
&lt;p&gt;When I get to SaveStateComplete and look at my controls, I see EnableViewState all the way up, but demonstrably the control state isn't in the bag.&lt;/p&gt;
&lt;p&gt;After the first postback, viewstate grows a few K, the child controls are in there and life goes back to normal.&lt;/p&gt;
&lt;p&gt;I'd like to understand why changing Panel.Enabled = true in OnPreRenderComplete isn't sufficient to get the child controls into viewstate.  If anyone has wisdom to shed I'd appreciate it.&lt;/p&gt;
&lt;p&gt;Small repro here:&lt;/p&gt;
&lt;p&gt;Checkbox.aspx:&lt;/p&gt;
&lt;pre&gt;&lt;code&gt;&amp;lt;%@ Page Language="C#" MasterPageFile="~/MasterPage.master" AutoEventWireup="true"
    CodeFile="Checkbox.aspx.cs" Inherits="CheckboxTest" ValidateRequest="false" %&amp;gt;
&amp;lt;asp:Content ID="Content3" runat="server" ContentPlaceHolderID="OuterMainContentPlaceHolder"&amp;gt;
&amp;lt;asp:Panel ID="ItemPanel" Visible="true" Enabled="false" runat="server"&amp;gt;
    &amp;lt;asp:CheckBox ID="SendEmail" AutoPostBack="true" OnCheckedChanged="OnSendEmailChanged"
         Text="Send Email" ToolTip="Whether or not to send email this time" runat="server" /&amp;gt; 
    &amp;lt;asp:TextBox Width="90%" runat="server" ID="BoxChange" /&amp;gt;
&amp;lt;/asp:Panel&amp;gt;
&amp;lt;/asp:Content&amp;gt;
&lt;/code&gt;&lt;/pre&gt;
&lt;p&gt;Checkbox.aspx.cs:&lt;/p&gt;
&lt;pre&gt;&lt;code&gt;using System;
using System.Collections.Generic;
using System.Web.UI.WebControls;
using System.Web.UI;
public partial class CheckboxTest : Page
{
    private bool m_PostBackWasEmailChange = false;
    protected override void OnLoad(EventArgs e)
    {
        base.OnLoad(e);
    }
    protected override void OnPreRenderComplete(EventArgs e)
    {
        base.OnPreRenderComplete(e);
        ItemPanel.Enabled = true;
    }
    protected override void OnLoadComplete(EventArgs e)
    {
        base.OnLoadComplete(e);
        if (!IsPostBack)
            SendEmail.Checked = true;
        else
        {
            if (m_PostBackWasEmailChange) BoxChange.Text = "Checkbox was turned " + (SendEmail.Checked ? "on" : "off");
        }
    }
    protected override void OnSaveStateComplete(EventArgs e)
    {
        base.OnSaveStateComplete(e);
    }
    protected void OnSendEmailChanged(object sender, EventArgs e)
    {
        m_PostBackWasEmailChange = true;
    }
}
&lt;/code&gt;&lt;/pre&gt;</t>
  </si>
  <si>
    <t>2015-09-18 17:34:53.317000+00:00</t>
  </si>
  <si>
    <t>asp.net|checkbox</t>
  </si>
  <si>
    <t>QWT installation error - nmake fails</t>
  </si>
  <si>
    <t>&lt;p&gt;For displaying charts in my C++ project, I want to use &lt;em&gt;QWT&lt;/em&gt; with &lt;em&gt;Qt&lt;/em&gt;. I have downloaded &lt;em&gt;QWT&lt;/em&gt; of the last version from &lt;em&gt;sourceforge&lt;/em&gt;, and I have downloaded Qt libraries 4.8.1 for MSVC2008 (my compiler) from the official web page. Now I want to install &lt;em&gt;QWT&lt;/em&gt;, but I cannot complete the installation. The threads I had found on SO did not resolve my problem.&lt;/p&gt;
&lt;p&gt;This is the installation as explained in the documentation to &lt;em&gt;QWT&lt;/em&gt;:&lt;/p&gt;
&lt;pre&gt;&lt;code&gt;F.e Qt &amp;gt;= 3.0, MSVC with nmake:
qmake qwt.pro
nmake
cd examples
qmake examples.pro
nmake
&lt;/code&gt;&lt;/pre&gt;
&lt;p&gt;I launch &lt;em&gt;qmake&lt;/em&gt; from Qt 4.8.1 Command Prompt, it creates three *Makefile*s. Now I am supposed to start &lt;em&gt;nmake&lt;/em&gt;, but &lt;em&gt;nmake&lt;/em&gt; fails without being able to find any &lt;em&gt;Qt&lt;/em&gt; header file. I call &lt;em&gt;nmake&lt;/em&gt; from the Visual Studio command prompt.&lt;/p&gt;
&lt;pre&gt;&lt;code&gt;c:\program files (x86)\qwt\include\qwt_array.h(25) : fatal error C1083: Cannot open include file: 'qmemarray.h': No such file or directory
qwt_plot_curve.cpp
c:\program files (x86)\qwt\include\qwt_array.h(25) : fatal error C1083: Cannot open include file: 'qmemarray.h': No such file or directory
qwt_plot_grid.cpp
c:\program files (x86)\qwt\include\qwt_array.h(25) : fatal error C1083: Cannot open include file: 'qmemarray.h': No such file or directory
qwt_plot_item.cpp
c:\program files (x86)\qwt\include\qwt_array.h(25) : fatal error C1083: Cannot open include file: 'qmemarray.h': No such file or directory
Generating Code...
Compiling...
qwt_plot_print.cpp
src\qwt_plot_print.cpp(14) : fatal error C1083: Cannot open include file: 'qpaintdevicemetrics.h': No such file or directory
&lt;/code&gt;&lt;/pre&gt;
&lt;p&gt;What do I do wrong? How should I install &lt;em&gt;QWT&lt;/em&gt; so that it sees my &lt;em&gt;Qt&lt;/em&gt; include files? &lt;/p&gt;
&lt;p&gt;Thank you in advance!&lt;/p&gt;</t>
  </si>
  <si>
    <t>2012-04-16 16:08:33.160000+00:00</t>
  </si>
  <si>
    <t>2012-04-17 07:25:38.247000+00:00</t>
  </si>
  <si>
    <t>2012-04-16 16:14:07.090000+00:00</t>
  </si>
  <si>
    <t>c++|qt|charts|installation|qwt</t>
  </si>
  <si>
    <t>Devise - Custom authenticate_user method</t>
  </si>
  <si>
    <t>&lt;p&gt;In addition to checking if a user's session is set when calling &lt;code&gt;authenticate_user&lt;/code&gt; in the controller, I'd also like to check if the property &lt;code&gt;approved&lt;/code&gt; is true&lt;/p&gt;
&lt;p&gt;I could write a function in the &lt;code&gt;application_controller.rb&lt;/code&gt; file and call it before each controller.&lt;/p&gt;
&lt;p&gt;Is it possible for me to add this check to the &lt;code&gt;authenticate_user&lt;/code&gt; method to also check for this?&lt;/p&gt;</t>
  </si>
  <si>
    <t>2015-11-22 05:47:53.433000+00:00</t>
  </si>
  <si>
    <t>2015-11-22 06:06:31.220000+00:00</t>
  </si>
  <si>
    <t>ruby-on-rails|devise</t>
  </si>
  <si>
    <t>Custom Authorization inside REST Service + MVC 3</t>
  </si>
  <si>
    <t>&lt;p&gt;We have Implemented REST Based Architecture for our ASP.NET MVC3 App.
We are pondering over the architectural decision to implement a custom Authorization for the contracts we are exposing through our service.&lt;/p&gt;
&lt;p&gt;e.g. Any valid authenticated user may get access to a particular Method implementation of the contract and might want to access some other user's info (getting a list of items from the data through Stored Proc) , we need to check after we get back this Items list that whether this authenticated User has proper permissions to access this. The permission check is based on a heavy business  logic , hence Attribute based authorization might not be helpful in this scenario as only after getting back the data we might decide the access permission check.&lt;/p&gt;
&lt;p&gt;Please advice how to implement this security model inside our REST Service.&lt;/p&gt;</t>
  </si>
  <si>
    <t>2012-02-03 02:33:14.270000+00:00</t>
  </si>
  <si>
    <t>2012-02-03 08:19:32.333000+00:00</t>
  </si>
  <si>
    <t>asp.net-mvc-3|rest|authorization</t>
  </si>
  <si>
    <t>Selenium Node on MAC</t>
  </si>
  <si>
    <t>&lt;p&gt;Tried starting hub and node using the below commands.&lt;/p&gt;
&lt;p&gt;java -jar selenium-server-standalone-2.39.0.jar -role hub -port 1234&lt;/p&gt;
&lt;p&gt;java -jar selenium-server-standalone-2.39.0.jar -role node -hub &lt;a href="http://x.x.x.x:1234/grid/register" rel="nofollow"&gt;http://x.x.x.x:1234/grid/register&lt;/a&gt; -browser "browserName=safari,setjavascriptEnabled=true,acceptSslCerts=true,maxInstances=5,Platform=MAC" -port 1235&lt;/p&gt;
&lt;p&gt;While trying to start the browser(new RemoteWebDriver), getting the below error.&lt;/p&gt;
&lt;p&gt;org.openqa.selenium.WebDriverException: Error forwarding the new session cannot find : {acceptSslCerts=true, browserName=safari, javascriptEnabled=true}&lt;/p&gt;
&lt;p&gt;what could be the reason for the error, also when I tried to start the node with platform=MAC(small letter "p" for platform) it throws an error
ILlegalArgumentException:No enum constant org.openqa.selenium.Platform.MAC&lt;/p&gt;
&lt;p&gt;Any separate drivers are required for safari browsers on MAC.? The firewalls are turned off on the MAC and also could notice a message on hub window INFO:Got a request to create a new session: {acceptSslCerts=true, browserName=safari, javascriptEnabled=true}, but nothing happens after that.&lt;/p&gt;
&lt;p&gt;Safari version used : 7.0
MAC : 10.9&lt;/p&gt;
&lt;p&gt;Thanks in advance.&lt;/p&gt;
&lt;p&gt;-Ashwhin.&lt;/p&gt;</t>
  </si>
  <si>
    <t>2014-08-28 10:57:58.667000+00:00</t>
  </si>
  <si>
    <t>2018-01-08 09:59:30.007000+00:00</t>
  </si>
  <si>
    <t>macos|selenium</t>
  </si>
  <si>
    <t>Phonegap IOS App with local storage</t>
  </si>
  <si>
    <t>&lt;p&gt;I need to develop an app for iOS with some basic functionality and since I'm not experienced with Objective C but with Web development, I need to know if it's possible to do it using  Phonegap.&lt;/p&gt;
&lt;p&gt;This app will be like a book with chapters that needs to be updated on a daily basis.
There'll be a CMS in a server where the content will be updated. Text and pictures.&lt;/p&gt;
&lt;p&gt;The app will be running on iPhone and iPad that sometimes may not be connected to the network. When connected they need to check for updates and save in a local database to be available when off-line. &lt;/p&gt;
&lt;p&gt;Is this possible using Phonegap?&lt;/p&gt;
&lt;p&gt;Is there any local database in iOS like SQLite? Or do I need to store everything in files? 
Can we save the text in a database and the pictures somewhere in a folder? Or everything needs to be saved in the local database?&lt;/p&gt;
&lt;p&gt;What are the best plugins, features, methods that I'll need to look into?&lt;/p&gt;</t>
  </si>
  <si>
    <t>2014-02-26 16:46:15.407000+00:00</t>
  </si>
  <si>
    <t>2014-02-26 16:56:06.040000+00:00</t>
  </si>
  <si>
    <t>javascript|html|ios|cordova</t>
  </si>
  <si>
    <t>Web Projects gets auto check out on build</t>
  </si>
  <si>
    <t>&lt;p&gt;I am using VS2008 with TFS 2008 and I have a web application project which gets auto check out on build.How can this be avoided? I dont want to change my Source Control changes which are auto check out on edit. When I check in the file it says file are idential, no changes...Any pointers&lt;/p&gt;</t>
  </si>
  <si>
    <t>2010-04-16 14:47:59.133000+00:00</t>
  </si>
  <si>
    <t>2010-04-19 19:53:49.473000+00:00</t>
  </si>
  <si>
    <t>2010-04-17 02:25:21.387000+00:00</t>
  </si>
  <si>
    <t>visual-studio-2008|tfs|tfs2008</t>
  </si>
  <si>
    <t>How can I avoid a memory leak in my .net Application (using VLC)</t>
  </si>
  <si>
    <t>&lt;p&gt;Im building a digital signage application. I need to show a mix of images and videos (3 images and then a video - then repeat this). I am using a WPF application for this. I ran out of luck using the "MediaElement" in WPF - I had some files that would not play (even the default "wildlife.wmv" file in some situations). I turned to VLC and now my application only runs for ~3 hours before i run out of memory / my vlc player going black.&lt;/p&gt;
&lt;p&gt;I have a VLC component wrapped inside a Windows Forms component. The Windows Forms component is then added to my WPF application.&lt;/p&gt;
&lt;p&gt;My code is shown below. Im loading this using reflection - I found this using the least amount of memory. Been going about with this for hours.&lt;/p&gt;
&lt;pre&gt;&lt;code&gt;//code
 string path = Assembly.GetExecutingAssembly().Location;
 string directory = new System.IO.FileInfo(path).Directory.FullName;
 string newPath = System.IO.Path.Combine(directory, "MedianVLCLibrary.dll");
 if (System.IO.File.Exists(newPath))
 {
   Assembly vlcAssembly = Assembly.LoadFrom(newPath);
   myVlcType = vlcAssembly.GetType("MedianVLCLibrary.VLCUserControl");
 }
 else
 {
   MedianLog.Log.Instance.LogFatal("Could not fild MedianVLCLibrary.dll");
   throw new FileNotFoundException(newPath);
 }
 obj = Activator.CreateInstance(myVlcType);
 this.presentationGrid.Children.Add((UIElement)obj); //adding the ui element to the WPF grid
 MethodInfo playMethod = myVlcType.GetMethod("Play");
 playMethod.Invoke(obj, new object[] { file });
 EventInfo completedEvent = myVlcType.GetEvent("PlayCompleted");
 Delegate completedDelegate = Delegate.CreateDelegate(completedEvent.EventHandlerType, this, "PlayerCompleted");
&lt;/code&gt;&lt;/pre&gt;
&lt;p&gt;completedEvent.AddEventHandler(obj, completedDelegate);&lt;/p&gt;
&lt;p&gt;And then im doing my cleanup in my "PlayComplete" method before im invoking a callback method.&lt;/p&gt;
&lt;pre&gt;&lt;code&gt;obj = null;
myVlcType = null;
vlcAssembly = null;
this.presentationGrid.Children.Clear();
GC.Collect();
GC.WaitForPendingFinalizers();
GC.Collect();
FinishedCallback();
&lt;/code&gt;&lt;/pre&gt;
&lt;p&gt;I have made a wrapper around VLC, using samples found online. Please see code below.&lt;/p&gt;
&lt;pre&gt;&lt;code&gt; public partial class VLCUserControl : UserControl, IDisposable
    {
        AxVLCPlugin2 vlc;
        public VLCUserControl()
        {
            InitializeComponent();
            vlc = new AxVLCPlugin2();
            vlc.BeginInit();
            windowsFormsHost.Child = vlc;
            vlc.EndInit();
        }
        public void Play(string path)
        {
            var uri = new Uri(path);
            var convertedURI = uri.AbsoluteUri;
            vlc.playlist.add(convertedURI, null, null);
            vlc.playlist.play();
            vlc.MediaPlayerEndReached += Vlc_MediaPlayerEndReached;
        }
        private void Vlc_MediaPlayerEndReached(object sender, EventArgs e)
        {
            vlc.playlist.items.clear();
            vlc.MediaPlayerEndReached -= Vlc_MediaPlayerEndReached;
            if (PlayCompleted != null)
            {
                PlayCompleted();
            }           
            //vlc = null;
            GC.Collect();
        }
        public void Dispose()
        {
            vlc.Dispose();
        }
        public event Action PlayCompleted;
    }
&lt;/code&gt;&lt;/pre&gt;</t>
  </si>
  <si>
    <t>2017-03-11 15:08:16.363000+00:00</t>
  </si>
  <si>
    <t>2017-03-11 15:19:52.877000+00:00</t>
  </si>
  <si>
    <t>c#|.net|wpf|memory-leaks</t>
  </si>
  <si>
    <t>PrintWriter is not printing anything</t>
  </si>
  <si>
    <t>&lt;p&gt;I'm trying to read from a text file containing column names of a table and write getter and setter methods into a java file using &lt;code&gt;java.io.PrintWriter&lt;/code&gt;. Program is compiling and running successfully but PrintWriter is not printing anything. So a blank &lt;code&gt;.java&lt;/code&gt; file is created.&lt;/p&gt;
&lt;pre&gt;&lt;code&gt;package model;
import java.io.*;  
import java.util.*;
public class FileReadWrite {
    public static void main(String[] args) throws FileNotFoundException, IOException{
        // TODO Auto-generated method stub
        try {
            File file = new File("C:/Users/491003/Documents/FileReadWrite/TAB1F_Input.txt");
            File file1 = new File("C:/Users/491003/Desktop/Output.java");
            PrintWriter pw = new PrintWriter(file1);
            Scanner sc = new Scanner(file);
            String st;  
            String regex = "_";
            pw.write("package Desktop;\n\npublic class Output{\n\n");  
            while (sc.hasNext()) { 
                st = sc.next();
                if (st.contains("_")) {
                    st = st.replaceAll(regex,"");
                    st = st.toLowerCase();
                    pw.write("public String "+st+";\n");
                    pw.write("public String get"+st+"(){");
                    pw.write("return "+st+";}\n");
                    pw.write
                      "public void set" + st
                      + "(String new" + st
                      + "){" + st
                      + "=new" + st
                      +";}\n"
                    );
                }
                //System.out.println(sc.next()+" ");
            }
            pw.write("\n}");               
        } catch(IOException e) {
            e.printStackTrace();
        }       
    }
}
&lt;/code&gt;&lt;/pre&gt;</t>
  </si>
  <si>
    <t>2016-02-25 12:40:05.943000+00:00</t>
  </si>
  <si>
    <t>2016-02-25 12:57:07.870000+00:00</t>
  </si>
  <si>
    <t>mobx dont watch the variable</t>
  </si>
  <si>
    <t>&lt;p&gt;I set the values of an array that obv. and iterate over it to create jsx element I expected to see in browser this html output but blank page..&lt;/p&gt;
&lt;p&gt;here is the code:&lt;/p&gt;
&lt;pre&gt;&lt;code&gt;    class App extends Component {
      constructor(props){
        super(props);
      }
      render() {
        const {socialJSX} = this.props.items?this.props.items.map((item)=&amp;gt; {
          return &amp;lt;a className={"icon32-"+item.Title} href={item.Link.Url} target="_blank" title={item.Description} /&amp;gt;
        }):"";
        debugger
        return (
            &amp;lt;div id="socialWrapper"&amp;gt;
        &amp;lt;div id="socialWrap"&amp;gt;
          {socialJSX}
        &amp;lt;/div&amp;gt;
      &amp;lt;/div&amp;gt;
        );
      }
      componentWillMount () {
    fetch(`http://remoteurl`, {
      method: 'GET',
      headers: {
        'Accept': 'application/json;',
        'Content-Type': 'application/json'
      }}).then((response) =&amp;gt; {
            return response.json();
          })
          .then((response) =&amp;gt; {
            $.each(response.value,(index, value)=&amp;gt;{
              if(value){
                this.props.appState.addItem({
                  Title:value.Title,
                  Active:value.Active,
                  Description:value.Description,
                  Link:{Address:value.Link.Url, Description:value.Link.Description}
              });
              }
            });
          })=
      }
    }
export default observer(App);
&lt;/code&gt;&lt;/pre&gt;
&lt;p&gt;index.js:&lt;/p&gt;
&lt;pre&gt;&lt;code&gt;const appState = new AppState();
ReactDOM.render(
  &amp;lt;App appState={appState} /&amp;gt;,
  document.getElementById('root')
);
&lt;/code&gt;&lt;/pre&gt;
&lt;p&gt;appState.js&lt;/p&gt;
&lt;pre&gt;&lt;code&gt;import { extendObservable, computed } from 'mobx';
class AppState {
    constructor() {
    extendObservable(this, {
      items: []
    });
  }
  addItem(item) {
    debugger
      this.items.push(item)
  }
}
export default AppState
&lt;/code&gt;&lt;/pre&gt;
&lt;p&gt;I checked the content data loaded to items fine.. whats problem here?&lt;/p&gt;</t>
  </si>
  <si>
    <t>2017-03-25 12:28:56.343000+00:00</t>
  </si>
  <si>
    <t>2017-03-27 14:12:20.403000+00:00</t>
  </si>
  <si>
    <t>2017-03-25 12:53:50.413000+00:00</t>
  </si>
  <si>
    <t>reactjs|mobx-react</t>
  </si>
  <si>
    <t>derive the given solution using given context free grammar rules</t>
  </si>
  <si>
    <t>&lt;p&gt;There is a language defined by a context-free grammar with the production rules below:&lt;/p&gt;
&lt;pre&gt;&lt;code&gt;E -&amp;gt; T + E | T
T -&amp;gt; F * T | F
F -&amp;gt; (E) | C
C -&amp;gt; 0 | 1 | 2 | 3 | 4 | 5 | 6 | 7 | 8 | 9
&lt;/code&gt;&lt;/pre&gt;
&lt;p&gt;In this grammar, non-terminals are &lt;strong&gt;E , T , F ,&lt;/strong&gt; and &lt;strong&gt;C&lt;/strong&gt; ; terminals are parentheses, plus sign,asterisk, and numbers; &lt;strong&gt;E&lt;/strong&gt; is the start symbol. Which of the following shows that the expression &lt;strong&gt;7 + 3 * (6 + 4)&lt;/strong&gt; is a sentence of this language?&lt;/p&gt;
&lt;pre&gt;&lt;code&gt; (a) E -&amp;gt; 7 + 3 * (F + T)    (c) E -&amp;gt; 7 + 3 * (T)
 (b) E -&amp;gt; 7 + 3 * E          (d) E -&amp;gt; 7 + T * (E)
&lt;/code&gt;&lt;/pre&gt;
&lt;p&gt;i derived option (d) But the correct answer is option (a).why? please explain.thanks&lt;/p&gt;</t>
  </si>
  <si>
    <t>2017-01-14 00:21:28.257000+00:00</t>
  </si>
  <si>
    <t>2017-01-14 19:53:50.623000+00:00</t>
  </si>
  <si>
    <t>compiler-construction|context-free-grammar</t>
  </si>
  <si>
    <t>Forbid using named arguments in Scala</t>
  </si>
  <si>
    <t>&lt;p&gt;Is there a way in Scala to forbid using named arguments for a function?&lt;/p&gt;
&lt;p&gt;Example:&lt;/p&gt;
&lt;pre&gt;&lt;code&gt;def func(num: Int, power: Int) = math.pow(num, power)
func(3, 2)                   // OK
func(num = 3, power = 2)     // Forbidden
&lt;/code&gt;&lt;/pre&gt;</t>
  </si>
  <si>
    <t>2013-09-29 13:39:07.670000+00:00</t>
  </si>
  <si>
    <t>2013-09-29 21:00:51.393000+00:00</t>
  </si>
  <si>
    <t>How to find exact configuration date of android phone by user?</t>
  </si>
  <si>
    <t>&lt;p&gt;I am writing app to show user about his phone history. So I m trying to find exact date of configuration by user (When he purchased or Configured by email id) not by manufacturer.&lt;/p&gt;
&lt;p&gt;Is their any possibilities. I am googling but don't know it is possible or not?&lt;/p&gt;</t>
  </si>
  <si>
    <t>2015-10-01 05:15:13.130000+00:00</t>
  </si>
  <si>
    <t>2015-10-02 17:27:32.313000+00:00</t>
  </si>
  <si>
    <t>android|configuration|operating-system</t>
  </si>
  <si>
    <t>Function to log in to multiple websites with python</t>
  </si>
  <si>
    <t>&lt;p&gt;i am new to python, but very eager to learn. I am trying to build a function to be able to log into multiple webpages (one at a time) make several actions and download a report at the end.&lt;/p&gt;
&lt;p&gt;the final part of the problem i was able to resolve with web-scratch.&lt;/p&gt;
&lt;p&gt;but now i am stuck, and i cant find a way to resolve the first problem (log to the first site, run the code that i already have and at the end go to the next site.&lt;/p&gt;
&lt;p&gt;this is the code at the moment for the first part of the problem:&lt;/p&gt;
&lt;pre&gt;&lt;code&gt;from optparse import OptionParser
import sys
from mechanize import Browser, CookieJar, Request, urlopen
accounts = [
    {'site': 'https://something', 'user': 'username', 'pass': 'password'},
    {'site': 'https://something3','user': 'username2', 'pass': 'password2'}
    ]
class WebsiteAccount(object):
    def __init__(self, ipaddr, username, password, browser):
        self.ipaddr = ipaddr
        self.username = username
        self.password = password
        self.browser = browser
        self.cookiejar = CookieJar()
        self.browser.set_cookiejar(self.cookiejar)
    def login(self):
        self.browser.open('http://'+self.ipaddr+'/login.html')
        self.browser.select_form(name='loginform')
        self.browser.form.set_value(self.username, name='username')
        self.browser.form.set_value(self.password, name='password')
        resp = self.browser.submit()
        print('Logging into account %s@%s ...' % (self.username, self.ipaddr)),
        if resp.geturl().endswith('/login.html'):
            print('FAILED!')
            sys.exit(1)
        print(' OK')
    def logout(self):
        print ('Logging out from account %s@%s...' % (self.username, self.ipaddr),
        self.browser.open('http://'+self.ipaddr+'/logout.html'),
        self.browser.close(),
        print('OK')
def main():
    parser = OptionParser()
    parser.add_option('-d', '--debug', action='store_true', dest='debug', default=False)
    parser.add_option('-v', '--verbose', action='store_true', dest='verbose', default=False)
    (opts, args) = parser.parse_args()
    for account in accounts:
        browser = Browser()
        browser.set_handle_referer(True)
        browser.set_handle_redirect(True)
        browser.set_handle_robots(False)
        bs = WebsiteAccount(account['ipaddr'],
                        account['user'],
                        account['pass'],
                        browser)
    # DEBUG
        if opts.debug == True:
            browser.set_debug_redirects(True)
            browser.set_debug_responses(True)
            browser.set_debug_http(True)
    bs.login()
        try:
            # ... do some stuff
            # save cookies here?  
            pass
        finally:
            # you shouldn't use this if you are interested in the login cookies
            bs.logout()
if __name__=='__main__':
    main()
&lt;/code&gt;&lt;/pre&gt;
&lt;p&gt;but im not sure if i am  approaching this the right way. is there any simpler way of doing this? &lt;/p&gt;</t>
  </si>
  <si>
    <t>2018-03-19 14:28:30.323000+00:00</t>
  </si>
  <si>
    <t>2018-03-19 14:48:19.997000+00:00</t>
  </si>
  <si>
    <t>python-3.x|login</t>
  </si>
  <si>
    <t>why drand48 () show same value in each run in my program?</t>
  </si>
  <si>
    <t>&lt;p&gt;I try to create a variable to get value random with  &lt;strong&gt;&lt;em&gt;drand48 ()&lt;/em&gt;&lt;/strong&gt; but in each run my variable take a same value . 
can anybody help me , (i want in each run my variable take different value) ???&lt;/p&gt;
&lt;pre&gt;&lt;code&gt;let number = drand48 ()
&lt;/code&gt;&lt;/pre&gt;</t>
  </si>
  <si>
    <t>2016-10-07 18:27:14.430000+00:00</t>
  </si>
  <si>
    <t>2017-02-13 09:10:44.997000+00:00</t>
  </si>
  <si>
    <t>2016-10-07 18:38:16.500000+00:00</t>
  </si>
  <si>
    <t>swift|random|swift2</t>
  </si>
  <si>
    <t>Moving from Python 3 to Python 2</t>
  </si>
  <si>
    <t>&lt;pre&gt;&lt;code&gt;print('10 -&amp;gt; 2 [bd], 2 -&amp;gt; 10 [db]')
answ=input('select db or bd : ')
if  answ == "db":
a=input('enter a digit')
x=int(a)
list1 = []
while (x):
    x%2
    x//2
    if x==0:
        break
&lt;/code&gt;&lt;/pre&gt;
&lt;p&gt;I began creating this on python 3.2, but then I had to move on python 2.7.5 and I get the following error message:&lt;/p&gt;
&lt;pre&gt;&lt;code&gt;Traceback (most recent call last):
  File "C:\Users\&amp;lt;file path&amp;gt;", line 3, in &amp;lt;module&amp;gt;
    answ=input('select db or bd : ')
  File "&amp;lt;string&amp;gt;", line 1, in &amp;lt;module&amp;gt;
NameError: name 'db' is not defined
&amp;gt;&amp;gt;&amp;gt; 
&lt;/code&gt;&lt;/pre&gt;
&lt;p&gt;I really don't know hat is all about, worked pretty fine on python 3.2 (sorry for my bad english).&lt;/p&gt;</t>
  </si>
  <si>
    <t>2013-10-14 20:02:13.353000+00:00</t>
  </si>
  <si>
    <t>2013-10-14 20:10:31.383000+00:00</t>
  </si>
  <si>
    <t>2013-10-14 20:06:48.817000+00:00</t>
  </si>
  <si>
    <t>python|string|list|if-statement|compiler-errors</t>
  </si>
  <si>
    <t>Print output using XML::LibXML</t>
  </si>
  <si>
    <t>&lt;pre&gt;&lt;code&gt;my $doc = $parser-&amp;gt;parse_string( $res-&amp;gt;content );
my $root = $doc-&amp;gt;getDocumentElement;
my @objects = $root-&amp;gt;getElementsByTagName('OBJECT');
foreach my $object ( @objects ){
my $name = $object-&amp;gt;firstChild;
print "OBJECT = " . $name . "\n";}
OUTPUT is:
OBJECT = XML::LibXML::Text=SCALAR(0x262e170)
OBJECT = XML::LibXML::Text=SCALAR(0x2ee4b00)
OBJECT = XML::LibXML::Text=SCALAR(0x262e170)
OBJECT = XML::LibXML::Text=SCALAR(0x2ee4b00)
&lt;/code&gt;&lt;/pre&gt;
&lt;p&gt;Can anyone please explain why print prints the &lt;code&gt;$name&lt;/code&gt; attribute values like this? Why does it print normal when I use the function &lt;code&gt;getAttribute&lt;/code&gt; with virtually he same code?&lt;/p&gt;</t>
  </si>
  <si>
    <t>2016-01-20 10:01:13.287000+00:00</t>
  </si>
  <si>
    <t>2016-01-20 10:18:09.950000+00:00</t>
  </si>
  <si>
    <t>2016-01-20 10:10:58.297000+00:00</t>
  </si>
  <si>
    <t>perl|xpath|xml-libxml</t>
  </si>
  <si>
    <t>Recording HTTPS web pages using web page replay</t>
  </si>
  <si>
    <t>&lt;p&gt;I'm trying to record websites for an experiment using &lt;a href="https://github.com/chromium/web-page-replay" rel="nofollow"&gt;web-page-replay&lt;/a&gt;. Recording HTTP requests works fine, but when I try to record HTTPS requests, I get an SSLError.&lt;/p&gt;
&lt;p&gt;On OSX, I'm using this command to record web pages&lt;/p&gt;
&lt;pre&gt;&lt;code&gt;sudo ./replay.py --record archive.wpr
&lt;/code&gt;&lt;/pre&gt;
&lt;p&gt;I have set the system HTTP Proxy to localhost:80 and HTTPS Proxy to localhost:443&lt;/p&gt;
&lt;p&gt;Traceback - &lt;/p&gt;
&lt;pre&gt;&lt;code&gt;2015-02-24 03:57:26,227 ERROR Client failed to make request
----------------------------------------
Exception happened during processing of request from ('127.0.0.1', 63226)
Traceback (most recent call last):
  File "/usr/local/Cellar/python/2.7.9/Frameworks/Python.framework/Versions/2.7/lib/python2.7/SocketServer.py", line 599, in process_request_thread
    self.finish_request(request, client_address)
  File "/usr/local/Cellar/python/2.7.9/Frameworks/Python.framework/Versions/2.7/lib/python2.7/SocketServer.py", line 334, in finish_request
    self.RequestHandlerClass(request, client_address, self)
  File "/usr/local/Cellar/python/2.7.9/Frameworks/Python.framework/Versions/2.7/lib/python2.7/SocketServer.py", line 655, in __init__
    self.handle()
  File "/usr/local/Cellar/python/2.7.9/Frameworks/Python.framework/Versions/2.7/lib/python2.7/BaseHTTPServer.py", line 340, in handle
    self.handle_one_request()
  File "/Users/akshay/Projects/web-page-replay/httpproxy.py", line 162, in handle_one_request
    self.raw_requestline = self.rfile.readline(65537)
  File "/usr/local/Cellar/python/2.7.9/Frameworks/Python.framework/Versions/2.7/lib/python2.7/socket.py", line 476, in readline
    data = self._sock.recv(self._rbufsize)
  File "/usr/local/Cellar/python/2.7.9/Frameworks/Python.framework/Versions/2.7/lib/python2.7/ssl.py", line 714, in recv
    return self.read(buflen)
  File "/usr/local/Cellar/python/2.7.9/Frameworks/Python.framework/Versions/2.7/lib/python2.7/ssl.py", line 608, in read
    v = self._sslobj.read(len or 1024)
SSLError: [SSL: HTTPS_PROXY_REQUEST] https proxy request (_ssl.c:1750)
----------------------------------------
&lt;/code&gt;&lt;/pre&gt;
&lt;p&gt;&lt;strong&gt;Update&lt;/strong&gt; - I tried recording pagesets using &lt;a href="http://www.chromium.org/developers/telemetry/run_locally" rel="nofollow"&gt;telemetry&lt;/a&gt; and got SSL Handshake error when recording https pages.&lt;/p&gt;
&lt;pre&gt;&lt;code&gt;2015-03-01 11:12:04,929 WARNING HTTP server started on 127.0.0.1:50781
2015-03-01 11:12:04,930 WARNING HTTPS server started on 127.0.0.1:50782
2015-03-01 11:12:04,981 ERROR Client failed to make request
2015-03-01 11:12:04,981 ERROR Client failed to make request
Traceback (most recent call last):
  File "/usr/local/Cellar/python/2.7.9/Frameworks/Python.framework/Versions/2.7/lib/python2.7/SocketServer.py", line 599, in process_request_thread
    self.finish_request(request, client_address)
  File "/usr/local/Cellar/python/2.7.9/Frameworks/Python.framework/Versions/2.7/lib/python2.7/SocketServer.py", line 334, in finish_request
    self.RequestHandlerClass(request, client_address, self)
  File "/usr/local/Cellar/python/2.7.9/Frameworks/Python.framework/Versions/2.7/lib/python2.7/SocketServer.py", line 655, in __init__
    self.handle()
  File "/usr/local/Cellar/python/2.7.9/Frameworks/Python.framework/Versions/2.7/lib/python2.7/BaseHTTPServer.py", line 340, in handle
    self.handle_one_request()
  File "/Users/akshay/Downloads/telemetry/src/third_party/webpagereplay/httpproxy.py", line 162, in handle_one_request
    self.raw_requestline = self.rfile.readline(65537)
  File "/usr/local/Cellar/python/2.7.9/Frameworks/Python.framework/Versions/2.7/lib/python2.7/socket.py", line 476, in readline
    data = self._sock.recv(self._rbufsize)
  File "/usr/local/Cellar/python/2.7.9/Frameworks/Python.framework/Versions/2.7/lib/python2.7/ssl.py", line 714, in recv
    return self.read(buflen)
  File "/usr/local/Cellar/python/2.7.9/Frameworks/Python.framework/Versions/2.7/lib/python2.7/ssl.py", line 608, in read
    v = self._sslobj.read(len or 1024)
SSLError: [SSL: SSL_HANDSHAKE_FAILURE] ssl handshake failure (_ssl.c:1750)
2015-03-01 11:12:05,782 ERROR Client failed to make request
2015-03-01 11:12:07,611 WARNING Retrying fetch GET https://www.google.com/ [('accept-encoding', 'gzip, deflate, '), ('host', 'www.google.com')]: hostname '74.125.236.209' doesn't match 'www.google.com'
2015-03-01 11:12:08,844 WARNING Retrying fetch GET https://www.google.com/ [('accept-encoding', 'gzip, deflate, '), ('host', 'www.google.com')]: hostname '74.125.236.209' doesn't match 'www.google.com'
2015-03-01 11:12:09,539 WARNING Retrying fetch GET https://www.google.com/ [('accept-encoding', 'gzip, deflate, '), ('host', 'www.google.com')]: hostname '74.125.236.209' doesn't match 'www.google.com'
2015-03-01 11:12:10,146 CRITICAL Could not fetch GET https://www.google.com/ [('accept-encoding', 'gzip, deflate, '), ('host', 'www.google.com')]: hostname '74.125.236.209' doesn't match 'www.google.com'
2015-03-01 11:12:11,386 WARNING Retrying fetch GET https://www.google.com/favicon.ico [('accept-encoding', 'gzip, deflate, '), ('host', 'www.google.com')]: hostname '74.125.236.209' doesn't match 'www.google.com'
2015-03-01 11:12:13,428 WARNING Retrying fetch GET https://www.google.com/favicon.ico [('accept-encoding', 'gzip, deflate, '), ('host', 'www.google.com')]: hostname '74.125.236.209' doesn't match 'www.google.com'
2015-03-01 11:12:14,417 WARNING Retrying fetch GET https://www.google.com/favicon.ico [('accept-encoding', 'gzip, deflate, '), ('host', 'www.google.com')]: hostname '74.125.236.209' doesn't match 'www.google.com'
2015-03-01 11:12:18,349 CRITICAL Could not fetch GET https://www.google.com/favicon.ico [('accept-encoding', 'gzip, deflate, '), ('host', 'www.google.com')]: hostname '74.125.236.209' doesn't match 'www.google.com'
----------------------------------------
Exception happened during processing of request from ('127.0.0.1', 50785)
----------------------------------------
&lt;/code&gt;&lt;/pre&gt;</t>
  </si>
  <si>
    <t>2015-02-28 08:17:12.093000+00:00</t>
  </si>
  <si>
    <t>2018-10-07 07:13:22.463000+00:00</t>
  </si>
  <si>
    <t>2015-03-01 06:00:57.660000+00:00</t>
  </si>
  <si>
    <t>python-2.7|http|ssl|https|chromium</t>
  </si>
  <si>
    <t>Problems to install different INET version manually</t>
  </si>
  <si>
    <t>&lt;p&gt;I want to install inet in omnet manually and I am facing some issues. I followed the INSTALL instruction, that is given in inet, but even for different omnet and inet versions I get the same errors when trying to compile inet. (I am using a Windows 10 Computer)&lt;/p&gt;
&lt;p&gt;One of the Errors I get:&lt;/p&gt;
&lt;pre&gt;&lt;code&gt;note:   conversion of argument 2 would be ill-formed:
inet/common/TLVOption.cc:103:27: error: invalid initialization of non-const reference of type 'char&amp;amp;' from an rvalue of type 'char'
 doParsimUnpacking(b, s);
&lt;/code&gt;&lt;/pre&gt;
&lt;p&gt;There are some more errors in TVLOption, but I don't think, that there is a problem in the code, because if I install inet over "Help -&gt; Install Simulation Models..." everything works fine. &lt;/p&gt;
&lt;p&gt;Do you have any clue, where I might have done something wrong? (I used "tar xvfz inet-version-src.tgz" to extract inet, so that shouldn't be the problem)&lt;/p&gt;
&lt;p&gt;Thank you for the effort!&lt;/p&gt;</t>
  </si>
  <si>
    <t>2017-10-24 10:54:06.750000+00:00</t>
  </si>
  <si>
    <t>2017-10-26 08:18:15.203000+00:00</t>
  </si>
  <si>
    <t>2017-10-26 08:09:46.647000+00:00</t>
  </si>
  <si>
    <t>omnet++|inet</t>
  </si>
  <si>
    <t>Creating list in View to add to Model's ICollection property</t>
  </si>
  <si>
    <t>&lt;p&gt;I am trying to create a website that allows user to upload recipe&lt;/p&gt;
&lt;p&gt;So I have a model class called Recipe and it looks like following&lt;/p&gt;
&lt;pre&gt;&lt;code&gt;[Table("Recipe")]
public class Recipe
{
    public int ImageMimeType { get; set; }
    public byte[] Thumbnail { get; set; }
    [Key]
    [DatabaseGeneratedAttribute(DatabaseGeneratedOption.Identity)]
    public int RecipeID { get; set; }
    public string BakeryName { get; set; }
    public string Description { get; set; }
    public byte[] ImageData { get; set; }
    public int EndorsementCount { get; set; }
    public DateTime LastModified { get; set; }
    [Required]
    public int UserId { get; set; }
    public virtual ICollection&amp;lt;Ingredient&amp;gt; Ingredients { get; set; }
    public virtual ICollection&amp;lt;Method&amp;gt; Methods { get; set; }
}
&lt;/code&gt;&lt;/pre&gt;
&lt;p&gt;and my Ingredient class looks like follow:&lt;/p&gt;
&lt;pre&gt;&lt;code&gt;[Table("Ingredient")]
public class Ingredient
{
    [Key]
    public int IngredientID { get; set; }
    [Required]
    public int RecipeID { get; set; }
    public string ItemName { get; set; }
    public int Measurement { get; set; }
    public string MeasurementUnit { get; set; }
}
&lt;/code&gt;&lt;/pre&gt;
&lt;p&gt;And in my View I want to add ingredient dynamically: User click an 'add' button to add another ingredient when she wants to.&lt;/p&gt;
&lt;p&gt;My questions are:
How should I create a list in my View for the ingredients and pass it to my Controller's Create method when I submit my form? &lt;/p&gt;
&lt;p&gt;And the problem is, as the RecipeID is Autogenerated, I don't know what my RecipeID is going to be while in the View until I save my Recipe in the database table. But how to I pass this RecipeID to each of my Ingredients?&lt;/p&gt;
&lt;p&gt;Any help will be very much appreciated!&lt;/p&gt;</t>
  </si>
  <si>
    <t>2014-12-07 15:20:44.800000+00:00</t>
  </si>
  <si>
    <t>asp.net-mvc|entity-framework-6</t>
  </si>
  <si>
    <t>OnLine vs RealTime</t>
  </si>
  <si>
    <t>&lt;p&gt;What is the different between OnLine and RealTime? Is OnLine = RealTime, but RealTime != Online, or else?&lt;/p&gt;
&lt;p&gt;thank you.&lt;/p&gt;</t>
  </si>
  <si>
    <t>2011-06-10 09:58:34.313000+00:00</t>
  </si>
  <si>
    <t>2011-06-10 10:05:16.660000+00:00</t>
  </si>
  <si>
    <t>real-time</t>
  </si>
  <si>
    <t>Removing navigation view top padding in Android N Multi-Window mode</t>
  </si>
  <si>
    <t>&lt;p&gt;I would like to remove &lt;code&gt;paddingTop&lt;/code&gt;/&lt;code&gt;marginTop&lt;/code&gt; from the navigation view in Multi-Window mode of Android N. Like Gmail already does. 
If you see the image below, I'm talking about the normal padding with size equals to the status bar at the beginning of the navigation view.&lt;/p&gt;
&lt;p&gt;&lt;a href="https://i.stack.imgur.com/SJnvP.png" rel="nofollow noreferrer"&gt;&lt;img src="https://i.stack.imgur.com/SJnvP.png" alt="enter image description here"&gt;&lt;/a&gt;&lt;/p&gt;
&lt;p&gt;So basically in Multi-Window mode (see the image below) I have to remove that padding when my app is in the second part of the screen.&lt;/p&gt;
&lt;p&gt;&lt;a href="https://i.stack.imgur.com/w7TCS.png" rel="nofollow noreferrer"&gt;&lt;img src="https://i.stack.imgur.com/w7TCS.png" alt="enter image description here"&gt;&lt;/a&gt;&lt;/p&gt;
&lt;p&gt;Unfortunately from the new api 24 you have &lt;code&gt;isInMultiWindowMode()&lt;/code&gt; but it's not possible to know in which part of the screen is your app.&lt;/p&gt;</t>
  </si>
  <si>
    <t>2016-08-25 14:11:53.277000+00:00</t>
  </si>
  <si>
    <t>2017-02-04 04:55:09.217000+00:00</t>
  </si>
  <si>
    <t>2016-08-25 21:45:08.483000+00:00</t>
  </si>
  <si>
    <t>android|android-navigationview|android-statusbar|android-7.0-nougat</t>
  </si>
  <si>
    <t>Which is the Best database for Rails application?</t>
  </si>
  <si>
    <t>&lt;p&gt;I am developing a Rails application that will access a lot of RSS feeds or crawl sites for data (mostly news). It will be something like Google News but with a different approach, so I'll store a lot of news (or news summaries), classify them in different categories and use ranking and recommendation techniques.&lt;/p&gt;
&lt;ul&gt;
&lt;li&gt;&lt;p&gt;Should I go with MySQL?&lt;/p&gt;&lt;/li&gt;
&lt;li&gt;&lt;p&gt;Is it worthwhile using IBM DB2
purexml to store the doucuments?
Also Ruby search implementations
(Ferret, Ultrasphinx and others) are
not needed If I choose DB2. Is that correct?&lt;/p&gt;&lt;/li&gt;
&lt;li&gt;&lt;p&gt;What are the advantages of
PostreSQL in this?&lt;/p&gt;&lt;/li&gt;
&lt;li&gt;&lt;p&gt;Does it makes sense to use Couch DB in
this scenario?&lt;/p&gt;&lt;/li&gt;
&lt;/ul&gt;
&lt;p&gt;I'd like to choose the best option but without over-complicating the solution. So I discarded the idea to use two different storage solutions (one for the news documents and other for the rest of the data). I'm also considering only "free" options, so I didn't look at Oracle or MS SQL Server.&lt;/p&gt;
&lt;p&gt;Thanks in advance.&lt;/p&gt;</t>
  </si>
  <si>
    <t>2008-11-19 15:03:00.340000+00:00</t>
  </si>
  <si>
    <t>2013-09-19 09:12:51.940000+00:00</t>
  </si>
  <si>
    <t>agaelebe</t>
  </si>
  <si>
    <t>mysql|ruby-on-rails|database|postgresql|db2</t>
  </si>
  <si>
    <t>SQLite vs multiple text files</t>
  </si>
  <si>
    <t>&lt;p&gt;I have a multi-language php application, and all the language data is currently stored in hundreds of small text files. Each text file is formatted like this:&lt;/p&gt;
&lt;pre&gt;&lt;code&gt;en-US: hello
zh-CN: ������
xx-YY: arbassdgtr
&lt;/code&gt;&lt;/pre&gt;
&lt;p&gt;To output a page, the application reads multiple files. There is some caching (a script will avoid reading the same file twice), yet it looks pretty barbaric to me.&lt;/p&gt;
&lt;p&gt;Wouldn't a SQLite DB be way faster and perhaps even less CPU intensive?
Consider the application serves about 300 concurrent users, so there are literally thousands of text files being read at any given time.&lt;/p&gt;
&lt;p&gt;Shouldn't be difficult. Just looking for best practice suggestions before getting the job done.&lt;/p&gt;</t>
  </si>
  <si>
    <t>2015-03-25 10:44:41.923000+00:00</t>
  </si>
  <si>
    <t>2015-03-26 08:02:04.287000+00:00</t>
  </si>
  <si>
    <t>php|sqlite|text</t>
  </si>
  <si>
    <t>Adding a word into a custom Dictionary from a SpellCheckerService</t>
  </si>
  <si>
    <t>&lt;p&gt;I am implementing an IME with a customized dictionary and Id like to create a SpellCheckerService as well. The integration is trivial however I cannot seem to find any documentation on how to add non existant words to my dictionary. The button is there, but upon click it sends me to the devices custom words list which I do not want to do. I want to add the word into my structures. I dont see any overridable methods that would do this in SpellCheckerService nor the Session class.&lt;/p&gt;
&lt;p&gt;Is there any way to achieve this?&lt;/p&gt;
&lt;p&gt;EDIT: added a picture of what I want to override for clarification&lt;/p&gt;
&lt;p&gt;&lt;img src="https://i.stack.imgur.com/iERWX.png" alt="enter image description here"&gt;&lt;/p&gt;</t>
  </si>
  <si>
    <t>2013-05-04 10:33:43.373000+00:00</t>
  </si>
  <si>
    <t>2013-05-09 16:58:43.810000+00:00</t>
  </si>
  <si>
    <t>2013-05-04 10:43:22.287000+00:00</t>
  </si>
  <si>
    <t>java|android|dictionary|spell-checking|ime</t>
  </si>
  <si>
    <t>Login System &amp; Storage</t>
  </si>
  <si>
    <t>&lt;p&gt;I'm writing a simple asp.net application with the entity framework and mvc.&lt;/p&gt;
&lt;p&gt;I started with a template which actually includes a simple account creation and login system. However I wish to store account details in a database.&lt;/p&gt;
&lt;pre&gt;&lt;code&gt;var user = new ApplicationUser() { UserName = model.UserName };
var result = await UserManager.CreateAsync(user);
if (result.Succeeded)
{
    result = await UserManager.AddLoginAsync(user.Id, info.Login);
&lt;/code&gt;&lt;/pre&gt;
&lt;p&gt;I want to ask these two things&lt;/p&gt;
&lt;ol&gt;
&lt;li&gt;Can I use the UserManager class to store and manage users in my own database structure?&lt;/li&gt;
&lt;li&gt;Where is the example (default .net mvc application) storing username / password?&lt;/li&gt;
&lt;/ol&gt;</t>
  </si>
  <si>
    <t>2014-06-05 11:41:38.940000+00:00</t>
  </si>
  <si>
    <t>2014-06-06 19:32:13.937000+00:00</t>
  </si>
  <si>
    <t>2014-06-05 11:47:53.663000+00:00</t>
  </si>
  <si>
    <t>user3611023</t>
  </si>
  <si>
    <t>c#|asp.net|asp.net-mvc|user-management</t>
  </si>
  <si>
    <t>Microsoft outlook and PHP email fail to be a valid email it goes straight to the junk box if i change email contents to hello world works. rubish err</t>
  </si>
  <si>
    <t>&lt;p&gt;&lt;strong&gt;Nightmare Episode 1&lt;/strong&gt;&lt;/p&gt;
&lt;p&gt;I put 21 hours today to solve this. But i failed, asking experts to have a look, checked almost &lt;strong&gt;PEAR&lt;/strong&gt; all possibilities but this Microsoft Outlook never gives up. What is this secret ?&lt;/p&gt;
&lt;p&gt;&lt;strong&gt;Microsoft Outlook 2010&lt;/strong&gt; as receives as &lt;strong&gt;junk email&lt;/strong&gt; when i put junk filter to "High". If i send another email with my same account from Google it goes to Inbox. 
What is the problem with this Outlook ? I tried to follow multipart/alternative or multipart/mixed or multipart/relative but all Same.&lt;/p&gt;
&lt;p&gt;My server log shows: 100% ok no spam not blacklist, all clear
Dec  8 15:42:30 www postfix/smtp[15250]: C99908162: to=, relay=mail.andmylab.com[01.01.01.01]:25, delay=0.25, delays=0.07/0.01/0.08/0.09, dsn=2.0.0, status=sent (250 OK id=1PQQqL-0001b6-TA)&lt;/p&gt;
&lt;p&gt;My blacklist: www.whatismyipaddress.com shows no black list all green
- I can send to Google or to my own domain and other domain without any problems. &lt;/p&gt;
&lt;p&gt;My code: its generating exactly multipart/alternative where i am following RFC standards&lt;/p&gt;
&lt;pre&gt;&lt;code&gt;  /* DB details */
  $config = new Zend_Config_Ini(APPLICATION_PATH . '/configs/cloude.ini', 'production');
  define("DBHOST",     $config-&amp;gt;resources-&amp;gt;db-&amp;gt;params-&amp;gt;host);
  define("DBUSER",     $config-&amp;gt;resources-&amp;gt;db-&amp;gt;params-&amp;gt;username);
  define("DBPASS",     $config-&amp;gt;resources-&amp;gt;db-&amp;gt;params-&amp;gt;password);
  define("DEFAULT_DB", $config-&amp;gt;resources-&amp;gt;db-&amp;gt;params-&amp;gt;dbname);
  define("MAILER_TABLE", "mail_queue");
  /* 1 --------------------- PEAR!! */
  require_once "Mail/Queue.php";
  require_once 'Mail/mime.php';
  require_once 'Mail/mimePart.php';
  /* 2 --------------------- DB */
  $db_options['type']       = 'db';
  $db_options['dsn']        = 'mysql://' . DBUSER . ":" . DBPASS . "@" . DBHOST . "/" . DEFAULT_DB;
  $db_options['mail_table'] = MAILER_TABLE;
  $mail_options['driver']   = 'mail';
  /* Step ------------------ 1 */
  $mail_queue =&amp;amp; new Mail_Queue($db_options, $mail_options);
  $from = "validguy@lul.be";
  /* Step ------------------ 2 */
  $mime =&amp;amp; new Mail_mime($crlf = "\n");
  $mail =&amp;amp; Mail::factory($mail_options['driver']); 
  /* Step ------------------ 3 Plain text and Html  */
  $data-&amp;gt;mode = 'html';
  if ($data-&amp;gt;mode=='html') 
  { 
      /* A &amp;lt;--------------- part */
      $params['content_type'] = 'multipart/alternative';
      $email = new Mail_mimePart('', $params);
      /* B &amp;lt;--------------- part */
      $email = $email-&amp;gt;encode();
      $email['headers']['Mime-Version']   = '1.0';
      $email['headers']['Subject']        =  $fix;                
      $email['headers']['From']           =  $from; 
      //Zend_Debug::dump($email);
      // exit;
      /* C &amp;lt;--------------- part */
      $mime-&amp;gt;setTXTBody('Test');
      $mime-&amp;gt;setHTMLBody($txt2);
      /* D &amp;lt;--------------- part */
      $body = $mime-&amp;gt;get();
      $hdrs = $mime-&amp;gt;headers($email['headers']);                  
  } else if($data-&amp;gt;mode=='both') {
    // later... for multipart/relative
  } else {
    // later... for inline    
  }
  /* Step 4 - done */
  $mailResult = $mail_queue-&amp;gt;put($from, $row-&amp;gt;email, $hdrs, $body, 0,true,$nres[0]['id']);
  //$mailResult = $mail_queue-&amp;gt;put($from, $row-&amp;gt;email, $email['headers'], $email['body'], 0,true,$nres[0]['id']);
  if(!PEAR::isError($mailResult)){ $m++; } else {   $n++; }
}
}
/* Relax........ */
echo "Records transfered: " . $m . "&amp;lt;br/&amp;gt;";
echo "Records failed to transfer: " . $n . "&amp;lt;br/&amp;gt;";
&lt;/code&gt;&lt;/pre&gt;
&lt;p&gt;&lt;strong&gt;Nightmare Episode 1 (FOLLOW UP)&lt;/strong&gt;&lt;/p&gt;
&lt;blockquote&gt;
  &lt;p&gt;SPF fix (zone file setting, required)
  - Go to all SPF testing sites, and check what there wizard saying&lt;/p&gt;
  &lt;p&gt;Fix PTR (zone file setting, required)&lt;/p&gt;
  &lt;p&gt;Dkim proxy (zone file setting, required)&lt;/p&gt;
  &lt;p&gt;Prepare two version Plain text and Html&lt;/p&gt;
  &lt;p&gt;Check message headers from working emails that arrives without any problem to your inbox like (Google/Yahoo and others top companies), and compare that towards yours&lt;/p&gt;
  &lt;p&gt;Do not trust Microsoft Outlook 2010 or Old version, because in junk filter (high) its also written similar, &lt;strong&gt;it may not be a spam&lt;/strong&gt; that must be a business issue, to make us stupid. And put us in nightmare to solve those issues.&lt;/p&gt;
&lt;/blockquote&gt;
&lt;ul&gt;
&lt;li&gt;If you don't agree in those &lt;strong&gt;TOP reasons&lt;/strong&gt;, please advise and bit it, this is what i learned and trying to share, because its very annoying as a developer, if you don't have any answer for this &lt;strong&gt;RUBISH EROR&lt;/strong&gt;, caused by Microsoft Outlook 2010.&lt;/li&gt;
&lt;/ul&gt;</t>
  </si>
  <si>
    <t>2010-12-08 21:30:58.500000+00:00</t>
  </si>
  <si>
    <t>2015-11-09 01:50:18.780000+00:00</t>
  </si>
  <si>
    <t>php|zend-framework|pear</t>
  </si>
  <si>
    <t>Replace redundant emails as unique in sql server</t>
  </si>
  <si>
    <t>&lt;p&gt;I have some redundant email addresses in my SQL Server table with the same name appearing in multiple rows.&lt;/p&gt;
&lt;p&gt;I want to append a digit in the email so that their emails become different.&lt;/p&gt;
&lt;p&gt;How can I do this?&lt;/p&gt;</t>
  </si>
  <si>
    <t>2015-03-26 11:32:35+00:00</t>
  </si>
  <si>
    <t>2015-04-30 09:26:57.123000+00:00</t>
  </si>
  <si>
    <t>2015-03-26 11:50:20.467000+00:00</t>
  </si>
  <si>
    <t>Submitting form containing &lt;keygen&gt; using POST in AngularJS</t>
  </si>
  <si>
    <t>&lt;p&gt;For the first time I have oi submit a form in AngularJS using POST Http Request, in particular this form contains a keygen element that generates a key as follows: &lt;/p&gt;
&lt;pre&gt;&lt;code&gt;&amp;lt;keygen id="spkac" name="spkac" challenge="randomchars" keytype="rsa" hidden&amp;gt;
&lt;/code&gt;&lt;/pre&gt;
&lt;p&gt;The spkac element gets to the server always empty, plus I think I am not passing the data from the form to the POST in the correct way, so my questions are:&lt;/p&gt;
&lt;ol&gt;
&lt;li&gt;How to set spkac as parameter part of the form?&lt;/li&gt;
&lt;li&gt;Is this the correct way to pass the data to the POST in AngularJS?&lt;/li&gt;
&lt;/ol&gt;
&lt;p&gt;&lt;strong&gt;EDIT&lt;/strong&gt; &lt;strong&gt;Form:&lt;/strong&gt; &lt;/p&gt;
&lt;pre&gt;&lt;code&gt;    &amp;lt;form name="signupForm" id="signupForm" method="POST" ng-submit="create()"&amp;gt;
                &amp;lt;input type="hidden" name="username" id="username" value="mtest"&amp;gt;
                &amp;lt;input type="text" placeholder="Account name" name="webid" ng-model="account.webid" ng-focus="isFocused" ng-blur="isFocused = false"&amp;gt;&amp;lt;br&amp;gt;
                &amp;lt;input type="text" placeholder="Full name" name="name" ng-model="account.name"&amp;gt;&amp;lt;br&amp;gt;
                &amp;lt;input type="text" placeholder="Email" name="email" ng-model="account.email"&amp;gt;&amp;lt;br&amp;gt;
                &amp;lt;input type="text" placeholder="Picture URL" name="pictureURL" ng-model="account.pictureURL"&amp;gt;&amp;lt;br&amp;gt;
                &amp;lt;keygen id="spkac" name="spkac" challenge="randomchars" keytype="rsa" hidden&amp;gt;
                &amp;lt;input type="submit" id="submit" value="Submit"&amp;gt;
            &amp;lt;/form&amp;gt;
&lt;/code&gt;&lt;/pre&gt;
&lt;p&gt;&lt;strong&gt;EDIT&lt;/strong&gt; &lt;strong&gt;HTTP Request:&lt;/strong&gt;&lt;/p&gt;
&lt;pre&gt;&lt;code&gt;$scope.signupForm = {};
$scope.create = function () {
        document.getElementById("submit").value = "Creating...";
        var uri = "https://" + "...";
        //setting spkac part of the form's parameters
        $scope.account.spkac = document.getElementById("spkac");
        $http({
          method: 'POST', 
          url: uri,
          data: $.param($scope.account),
          headers: {
            'Content-Type': 'application/x-www-form-urlencoded',
            'Accept': 'application/x-x509-user-cert'
          },
          withCredentials: true
        }).
        success(function(data, status, headers) {
          if (status == 200 || status == 201) {
              //Account created 
          }
        }).
&lt;/code&gt;&lt;/pre&gt;
&lt;p&gt;&lt;strong&gt;EDIT 2&lt;/strong&gt;&lt;/p&gt;
&lt;p&gt;&lt;a href="https://i.stack.imgur.com/XrDiL.jpg" rel="nofollow noreferrer"&gt;&lt;img src="https://i.stack.imgur.com/XrDiL.jpg" alt="enter image description here"&gt;&lt;/a&gt;&lt;/p&gt;</t>
  </si>
  <si>
    <t>2015-12-09 07:10:58.390000+00:00</t>
  </si>
  <si>
    <t>2015-12-10 10:26:54.897000+00:00</t>
  </si>
  <si>
    <t>2015-12-09 09:24:04.480000+00:00</t>
  </si>
  <si>
    <t>angularjs|forms|http-post|spkac</t>
  </si>
  <si>
    <t>PHP - Final input-validate</t>
  </si>
  <si>
    <t>&lt;p&gt;i am validating three types of input(string,email,url):&lt;/p&gt;
&lt;p&gt;string-validating:&lt;/p&gt;
&lt;pre&gt;&lt;code&gt;    if ($_POST['string'] != "") {
        $string = filter_var($_POST['string'], FILTER_SANITIZE_STRING);
        if ($string != "") {
            // valid
        } else {
            // not valid
        }
    } else {
        // empty
    }
&lt;/code&gt;&lt;/pre&gt;
&lt;p&gt;email-validating:&lt;/p&gt;
&lt;pre&gt;&lt;code&gt;    if ($_POST['email'] != "") {
        $email = filter_var($_POST['email'], FILTER_SANITIZE_EMAIL);
        if (filter_var($email, FILTER_VALIDATE_EMAIL)) {
            // valid
        } else {
            // not valid
    } else {
        // empty
    }
&lt;/code&gt;&lt;/pre&gt;
&lt;p&gt;url-validating:&lt;/p&gt;
&lt;pre&gt;&lt;code&gt;    if ($_POST['url'] != "") {
        $url = filter_var($_POST['url'], FILTER_SANITIZE_URL);
        if (filter_var($url, FILTER_VALIDATE_URL)) {
            // valid
        } else {
            // not valid
        }
    } else {
        // empty
    }
&lt;/code&gt;&lt;/pre&gt;
&lt;p&gt;After doing this checks i use PDO - Prepared statements to inserate in database.&lt;/p&gt;
&lt;p&gt;You think this is secure enough or did i missed some points?&lt;/p&gt;
&lt;p&gt;Hope for your answers, thanks and greetings!&lt;/p&gt;</t>
  </si>
  <si>
    <t>2014-04-28 16:56:04.933000+00:00</t>
  </si>
  <si>
    <t>php|security|validation|sanitize</t>
  </si>
  <si>
    <t>send async with slow consumer</t>
  </si>
  <si>
    <t>&lt;p&gt;In a non-blocking socket mode when a server sent data synchronously, if a client processed tcp buffer slower than the sender, &lt;code&gt;send()&lt;/code&gt; will begin to block/timeout.&lt;/p&gt;
&lt;p&gt;Is it the case when server send the data asynchronously ? (for instance with boost asio method &lt;code&gt;async_send&lt;/code&gt;)&lt;/p&gt;</t>
  </si>
  <si>
    <t>2015-07-17 13:43:09.130000+00:00</t>
  </si>
  <si>
    <t>2015-07-17 16:28:19.470000+00:00</t>
  </si>
  <si>
    <t>c++|networking|boost|boost-asio</t>
  </si>
  <si>
    <t>Trouble grouping by date when counting rows in R</t>
  </si>
  <si>
    <t>&lt;p&gt;I am using a public dataset of Donald Trump tweets, which can be found here:
&lt;a href="https://www.kaggle.com/kingburrito666/better-donald-trump-tweets" rel="nofollow noreferrer"&gt;https://www.kaggle.com/kingburrito666/better-donald-trump-tweets&lt;/a&gt;&lt;/p&gt;
&lt;p&gt;After doing so I am trying to group it by date in R. Firstly, I would like to count the number of tweets pr. day and secondly I would like to Summarise the "Favourites" and "Retweets" pr. day.&lt;/p&gt;
&lt;p&gt;I have written the following code, but it gives me errors all the time... Can you help me?&lt;/p&gt;
&lt;p&gt;Thanks in advance!&lt;/p&gt;
&lt;pre&gt;&lt;code&gt; Donald &amp;lt;- read_csv(file="Donald-Tweets!.csv")
Donald
#Grouped
G_filter &amp;lt;- Donald %&amp;gt;%
  select(Date,twt_favourites_IS_THIS_LIKE_QUESTION_MARK, Retweets) %&amp;gt;% 
  rename( Favourites = twt_favourites_IS_THIS_LIKE_QUESTION_MARK) %&amp;gt;% 
  group_by(as.Date.date(Date)) %&amp;gt;% 
summarise(Total = sum(Favourites+Retweets), count(n))
View(G_filter)
&lt;/code&gt;&lt;/pre&gt;</t>
  </si>
  <si>
    <t>2018-09-12 07:44:14.607000+00:00</t>
  </si>
  <si>
    <t>2018-09-12 08:02:27.450000+00:00</t>
  </si>
  <si>
    <t>r|date|dataframe|dplyr|grouping</t>
  </si>
  <si>
    <t>How to do transpose for tptrs in blas?</t>
  </si>
  <si>
    <t>&lt;p&gt;How to do transpose for tptrs in blas?&lt;/p&gt;
&lt;p&gt;I want to solve:&lt;/p&gt;
&lt;pre&gt;&lt;code&gt;XA = B
&lt;/code&gt;&lt;/pre&gt;
&lt;p&gt;But it seems that tptrs only lets me solve:&lt;/p&gt;
&lt;pre&gt;&lt;code&gt;AX = B
&lt;/code&gt;&lt;/pre&gt;
&lt;p&gt;Or, using the 'transpose' flag, in tptrs:&lt;/p&gt;
&lt;pre&gt;&lt;code&gt;A'X = B
&lt;/code&gt;&lt;/pre&gt;
&lt;p&gt;which, rearranging is:&lt;/p&gt;
&lt;pre&gt;&lt;code&gt;(A'X)' = B'
X'A = B'
&lt;/code&gt;&lt;/pre&gt;
&lt;p&gt;So, I can use it to solve XA = B, but I have to first transpose B manually myself, and then, again, transpose the answer.  Am I missing some trick to avoid having to do the transpose?&lt;/p&gt;</t>
  </si>
  <si>
    <t>2013-06-17 23:04:53.920000+00:00</t>
  </si>
  <si>
    <t>2013-06-29 14:33:11.530000+00:00</t>
  </si>
  <si>
    <t>c|matrix|fortran|blas</t>
  </si>
  <si>
    <t>Symbol's function definition is void: yas/initialize (emacs yasnippet)</t>
  </si>
  <si>
    <t>&lt;p&gt;I am trying to configure Emacs with &lt;a href="https://github.com/capitaomorte/yasnippet" rel="nofollow"&gt;&lt;code&gt;yasnippet&lt;/code&gt;&lt;/a&gt; and a few templates for JavaScript according to &lt;a href="http://blog.deadpansincerity.com/2011/05/setting-up-emacs-as-a-javascript-editing-environment-for-fun-and-profit/" rel="nofollow"&gt;this&lt;/a&gt; tutorial .&lt;/p&gt;
&lt;p&gt;I am new to Emacs and I can't figure out why the &lt;code&gt;yas&lt;/code&gt; function doesn't exist. The error I get is:&lt;/p&gt;
&lt;blockquote&gt;
  &lt;p&gt;Symbol's function definition is void: yas/initialize&lt;/p&gt;
&lt;/blockquote&gt;
&lt;p&gt;These are the contents of my init file:&lt;/p&gt;
&lt;pre class="lang-lisp prettyprint-override"&gt;&lt;code&gt;(add-to-list 'load-path "~/.emacs.d/yasnippet")
(require 'yasnippet)
(yas-global-mode 1)
(yas/initialize)
;; Load the snippet files themselves
(yas/load-directory "~/.emacs.d/yasnippet/snippets/text-mode")
;; Let's have snippets in the auto-complete dropdown
(add-to-list 'ac-sources 'ac-source-yasnippet)
&lt;/code&gt;&lt;/pre&gt;</t>
  </si>
  <si>
    <t>2014-03-13 21:57:12.237000+00:00</t>
  </si>
  <si>
    <t>2014-06-14 00:04:54.880000+00:00</t>
  </si>
  <si>
    <t>javascript|emacs|yasnippet</t>
  </si>
  <si>
    <t>use conditional inside style inside render</t>
  </si>
  <si>
    <t>&lt;p&gt;I have this render and I have notification.isError in props, but I don't know how to use conditional to print a value inside background value, to get different colors accord to the property is Error.&lt;/p&gt;
&lt;p&gt;I get "Unexpected token"&lt;/p&gt;
&lt;pre&gt;&lt;code&gt;  render() {
    return (
      &amp;lt;div style={{ padding: '4px 10px 1px 10px',
        fontSize: '16px',
        backgroundColor: {return (this.props.notification.isError?'red':'black')},
      }}
      &amp;gt;
&lt;/code&gt;&lt;/pre&gt;
&lt;p&gt;I've tried this too:&lt;/p&gt;
&lt;pre&gt;&lt;code&gt;const bgcolor = (this.props.notification.isError?'red':'black');
return (
  &amp;lt;div style={{ padding: '4px 10px 1px 10px',
    backgroundColor: {bgcolor},
  }}
&lt;/code&gt;&lt;/pre&gt;
&lt;p&gt;but backgroundColor is not showed on the browser; it's like react don't like the way to send the value&lt;/p&gt;</t>
  </si>
  <si>
    <t>2017-10-27 16:44:15.070000+00:00</t>
  </si>
  <si>
    <t>2017-10-27 16:47:09.590000+00:00</t>
  </si>
  <si>
    <t>Merge rows in mdx</t>
  </si>
  <si>
    <t>&lt;p&gt;I have some MDX:&lt;/p&gt;
&lt;pre&gt;&lt;code&gt;SELECT
NON EMPTY {
[Dim Investigation Report].[ID].children * 
[Dim Energy Object Full].[Name].children} ON ROWS,
NON EMPTY {[Measures].[ID Distinct Count]} ON COLUMNS 
FROM [acts]
&lt;/code&gt;&lt;/pre&gt;
&lt;p&gt;It returns:&lt;/p&gt;
&lt;pre&gt;&lt;code&gt;003022 2604171226005 Object1 1   
003022 2604171226005 Object2 1
&lt;/code&gt;&lt;/pre&gt;
&lt;p&gt;How can I change the request to have result like this:&lt;/p&gt;
&lt;pre&gt;&lt;code&gt;003022 2604171226005 Object1 Object2 1
&lt;/code&gt;&lt;/pre&gt;
&lt;p&gt;Thank you.&lt;/p&gt;</t>
  </si>
  <si>
    <t>2017-08-02 12:55:45.153000+00:00</t>
  </si>
  <si>
    <t>2017-08-04 21:10:40.403000+00:00</t>
  </si>
  <si>
    <t>mdx|olap-cube</t>
  </si>
  <si>
    <t>MySQL Multiple Insert Query Where Not Exists</t>
  </si>
  <si>
    <t>&lt;p&gt;UPDATE &amp;amp; Answer thanks and credit to @ypercube&lt;/p&gt;
&lt;p&gt;THe Answer is below and I have taken the liberty of posting it as it appears in my PHP has a helper, I am using PDO&lt;/p&gt;
&lt;pre&gt;&lt;code&gt;    INSERT INTO `users_relationship` (`profile_1_id`, `profile_2_id` ,`request_date`,`auth_token`,`status`, `updated`, `deleted`)
    VALUES
        (:uid, :fid, '$now', '$fToken', 0, '$now',0),
        (:fid, :uid, '$now', '$fToken', 0, '$now',0)
    ON DUPLICATE KEY UPDATE request_date = VALUES(request_date), auth_token = VALUES(auth_token), updated = VALUES(updated), deleted = VALUES (deleted);
&lt;/code&gt;&lt;/pre&gt;
&lt;hr&gt;
&lt;p&gt;I have a MySQL query which is puzzling me, the requirement is that I need to create to rows in a table at one time however there maybe a possibility that these rows already exist and so I will need to update some of the columns in this row rather than insert duplicates.&lt;/p&gt;
&lt;p&gt;Example&lt;/p&gt;
&lt;p&gt;Justin (2) is related to Ben (5), the relationship is then terminated by updating the rows in the database where profile_1_id is 2 or 5 and inserting a flag into the deleted column. Ben then try's to rekindle the relationship and therefore we need to update the rows again and remove the deleted flag and update request_date, auth_token &amp;amp; updated with new values.&lt;/p&gt;
&lt;p&gt;I have written the following but it is not firing the error being:&lt;/p&gt;
&lt;blockquote&gt;
  &lt;p&gt;Duplicate column name '2012-09-05 10:13:06'&lt;/p&gt;
&lt;/blockquote&gt;
&lt;pre&gt;&lt;code&gt;INSERT INTO `users_relationship` (`profile_1_id`, `profile_2_id`,`request_date`,`auth_token`,`status`, `updated`, `deleted`)
    SELECT * FROM 
        (SELECT 2, 5, '2012-09-05 10:13:06', 'SQLTEST', 0, '2012-09-05 10:13:06', 0) AS faTmp,
        (SELECT 5, 2, '2012-09-05 10:13:06', 'SQLTEST', 0, '2012-09-05 10:13:06', 0) AS fTmp
    WHERE NOT EXISTS 
        (SELECT  * FROM `users_relationship`WHERE `profile_1_id`=2 AND `profile_2_id` =5) OR 
        (SELECT  * FROM `users_relationship`WHERE `profile_1_id`=5 AND `profile_2_id` =2) LIMIT 1
&lt;/code&gt;&lt;/pre&gt;
&lt;p&gt;Am I on the right path or is there a better way of doing this?&lt;/p&gt;
&lt;p&gt;Thanks&lt;/p&gt;
&lt;p&gt;Justin&lt;/p&gt;</t>
  </si>
  <si>
    <t>2012-09-05 10:02:53.730000+00:00</t>
  </si>
  <si>
    <t>2012-09-05 10:39:19.407000+00:00</t>
  </si>
  <si>
    <t>mysql|sql|entity-relationship</t>
  </si>
  <si>
    <t>How to place the Cross mark Button perfectly on a window</t>
  </si>
  <si>
    <t>&lt;p&gt;I have a close  mark Image (Cross Mark button) to close the pop up window .&lt;/p&gt;
&lt;pre&gt;&lt;code&gt;&amp;lt;a href="javascript: window.close()"&amp;gt;&amp;lt;img src="/" width="?" height="?" border="0" title="Click image to close this window"&amp;gt;&amp;lt;/a&amp;gt;
&lt;/code&gt;&lt;/pre&gt;
&lt;p&gt;When i use this code the Cross Button Image is coming on the starting of the row , how can i place it at the end of the row ??&lt;/p&gt;
&lt;p&gt;Please suggest &lt;/p&gt;</t>
  </si>
  <si>
    <t>2011-05-02 09:59:44.343000+00:00</t>
  </si>
  <si>
    <t>2011-05-02 11:15:23.387000+00:00</t>
  </si>
  <si>
    <t>Systemverilog elaboration phase info print?</t>
  </si>
  <si>
    <t>&lt;p&gt;Does anyone know a way to make Systemverilog print something I want one time at the elaboration phase? &lt;/p&gt;
&lt;p&gt;I know you can use new $error() system call to print errors at the elaboration phase, but I just want to print info there (not an error) one time. Is it possible to do with $info() call, or is there another way? &lt;/p&gt;
&lt;p&gt;Also, preferably the info would print before the errors.&lt;/p&gt;</t>
  </si>
  <si>
    <t>2016-03-11 14:42:35.143000+00:00</t>
  </si>
  <si>
    <t>2016-03-11 14:56:35.093000+00:00</t>
  </si>
  <si>
    <t>verilog|system-verilog|elaboration</t>
  </si>
  <si>
    <t>Stop video autoplay on mobile</t>
  </si>
  <si>
    <t>&lt;p&gt;If you go to my site:&lt;/p&gt;
&lt;pre&gt;&lt;code&gt;http://www.crookedfoothuntclub...
&lt;/code&gt;&lt;/pre&gt;
&lt;p&gt;On mobile you will here the video play in the background. I have set the visibility to false on bigger screen-sizes and I was hoping that this would not only hide the video but prevent it from loading all together hence saving the end user bandwidth and load time. (Please keep this in mind on the primary objective I would like to accomplish).&lt;/p&gt;
&lt;p&gt;As a stop gap I have tried to at least prevent the autoplay of the video by adding some custom JS.&lt;/p&gt;
&lt;p&gt;The class name of the video on my home page is:&lt;/p&gt;
&lt;pre&gt;&lt;code&gt;home-video
&lt;/code&gt;&lt;/pre&gt;
&lt;p&gt;Here is the script I'm trying to use:&lt;/p&gt;
&lt;pre&gt;&lt;code&gt;&amp;lt;script&amp;gt;
if($(window).width() &amp;gt;= 786){
    var vid = document.getElementsByClassName("home-video");
    vid.autoplay = false;
    vid.load();
}
&amp;lt;/script&amp;gt;
&lt;/code&gt;&lt;/pre&gt;
&lt;p&gt;Currently the effect I'm going for is not happening and I need some help getting this to work. 
If you know a better way to achieve the effect I'm asking about please consider me open to that approach in correcting the current situation.&lt;/p&gt;
&lt;p&gt;Thank you for the help in advance.&lt;/p&gt;</t>
  </si>
  <si>
    <t>2018-03-15 10:33:14.617000+00:00</t>
  </si>
  <si>
    <t>2018-03-16 12:39:18.230000+00:00</t>
  </si>
  <si>
    <t>javascript|html5|mobile|html5-video|autoplay</t>
  </si>
  <si>
    <t>Calling c# asmx web service from Jquery with Response.Write JSON output</t>
  </si>
  <si>
    <t>&lt;p&gt;I have a c# asmx web service code like below.&lt;/p&gt;
&lt;pre&gt;&lt;code&gt;[WebMethod]
    [ScriptMethod(UseHttpGet = true, ResponseFormat = ResponseFormat.Json)]
    public void getPolicyDetails(string CustId, string PolicyType)
    {
        JavaScriptSerializer js = new JavaScriptSerializer();
        Context.Response.Clear();
        Context.Response.ContentType = "application/json";
        clsPolicy data = new clsPolicy();
        try
        {
            string policyTxt = "";
            //get PolicyTxt from Database
            data.Message = policyTxt.ToString();
        }
        catch (Exception ex)
        {
        }
        Context.Response.Write(js.Serialize(data));
    }
&lt;/code&gt;&lt;/pre&gt;
&lt;p&gt;Now, I am trying to consume this web service in asp.net. This web-service is already being used in my android project successfully.&lt;/p&gt;
&lt;p&gt;When I try to use call it via javascript, it gives me a 500 - Internal server error. Below is my Javascript code.&lt;/p&gt;
&lt;p&gt;&lt;div class="snippet" data-lang="js" data-hide="false" data-console="true" data-babel="false"&gt;_x000D_
&lt;div class="snippet-code"&gt;_x000D_
&lt;pre class="snippet-code-js lang-js prettyprint-override"&gt;&lt;code&gt; function getPolicy(policyType) {_x000D_
            $.ajax({_x000D_
                type: "POST",_x000D_
                url: "http://myurl/productsearch.asmx/getPolicyDetails",_x000D_
                data: '{CustId: 106206,PolicyType: "' + policyType + '" }',_x000D_
                contentType: "application/json; charset=utf-8",_x000D_
                dataType: "json",_x000D_
                success: OnSuccess,_x000D_
                failure: function (response) {_x000D_
                    alert(response.d);_x000D_
                }_x000D_
            });_x000D_
        }_x000D_
        function OnSuccess(response) {_x000D_
            alert(response.d);_x000D_
        }&lt;/code&gt;&lt;/pre&gt;_x000D_
&lt;/div&gt;_x000D_
&lt;/div&gt;_x000D_
&lt;/p&gt;
&lt;p&gt;What could be the problem?&lt;/p&gt;</t>
  </si>
  <si>
    <t>2016-11-22 05:09:24.517000+00:00</t>
  </si>
  <si>
    <t>2016-11-22 10:48:10.110000+00:00</t>
  </si>
  <si>
    <t>javascript|c#|asp.net|web-services</t>
  </si>
  <si>
    <t>why objectValueForTableColumn is called so many times for outlineView?</t>
  </si>
  <si>
    <t>&lt;p&gt;I'm learning outline view of cocoa by Apple OS x developer library. The example source is like this:&lt;/p&gt;
&lt;pre&gt;&lt;code&gt;- (id)outlineView:(NSOutlineView *)outlineView child:(NSInteger)index ofItem:(id)item {
    return (item == nil) ? [FileSystemItem rootItem] : [(FileSystemItem *)item       childAtIndex:index];
}
- (BOOL)outlineView:(NSOutlineView *)outlineView isItemExpandable:(id)item {
    return (item == nil) ? YES : ([item numberOfChildren] != -1);
}
- (NSInteger)outlineView:(NSOutlineView *)outlineView numberOfChildrenOfItem:(id)item {
    return (item == nil) ? 1 : [item numberOfChildren];
}
- (id)outlineView:(NSOutlineView *)outlineView objectValueForTableColumn:(NSTableColumn *)tableColumn byItem:(id)item {
    return (item == nil) ? @"/" : [item relativePath];
}
&lt;/code&gt;&lt;/pre&gt;
&lt;p&gt;This will list all files in my system like a tree.
The question is:&lt;br&gt;
1. if there are 32 files under the "/", the method  &lt;/p&gt;
&lt;pre&gt;&lt;code&gt;- (id)outlineView:(NSOutlineView *)outlineView objectValueForTableColumn:(NSTableColumn *)tableColumn byItem:(id)item 
&lt;/code&gt;&lt;/pre&gt;
&lt;p&gt;will be called 62 times, I don't know why?&lt;br&gt;
2. the method  &lt;/p&gt;
&lt;pre&gt;&lt;code&gt;- (id)outlineView:(NSOutlineView *)outlineView objectValueForTableColumn:(NSTableColumn *)tableColumn byItem:(id)item 
&lt;/code&gt;&lt;/pre&gt;
&lt;p&gt;doesn't have a parameter about the row, then how the cocoa to determine which row the item should be displayed?&lt;/p&gt;</t>
  </si>
  <si>
    <t>2012-07-09 08:40:51.907000+00:00</t>
  </si>
  <si>
    <t>2012-07-11 07:14:09.070000+00:00</t>
  </si>
  <si>
    <t>objective-c|cocoa</t>
  </si>
  <si>
    <t>Access angularj form object via ng-click without passing model name</t>
  </si>
  <si>
    <t>&lt;p&gt;In my app I have multiple forms with different names.&lt;/p&gt;
&lt;p&gt;I need to access angular form object in my function called from ng-click event&lt;/p&gt;
&lt;p&gt;Example:&lt;/p&gt;
&lt;p&gt;&lt;a href="https://jsfiddle.net/EvgeniiMalikov/fpt5kcba/" rel="nofollow"&gt;https://jsfiddle.net/EvgeniiMalikov/fpt5kcba/&lt;/a&gt;&lt;/p&gt;
&lt;p&gt;For some reasons every ng-click attr should look the same all times, so I can't just write &lt;code&gt;&amp;lt;a ng-click="model.func(form.name)"&amp;gt;&lt;/code&gt;
Is there a way to do this without passing form model to a function? maybe access form via event or pass something like &lt;code&gt;$this.form&lt;/code&gt; to function.&lt;/p&gt;
&lt;p&gt;please note: In example I have one form, in real app - &lt;strong&gt;many forms with different names&lt;/strong&gt;&lt;/p&gt;</t>
  </si>
  <si>
    <t>2015-11-19 15:14:17.213000+00:00</t>
  </si>
  <si>
    <t>2015-11-19 17:39:15.943000+00:00</t>
  </si>
  <si>
    <t>2015-11-19 15:36:01.113000+00:00</t>
  </si>
  <si>
    <t>java find a list element by its class</t>
  </si>
  <si>
    <t>&lt;p&gt;i'm using soot to analyse Java-Code. Because Soot still got no full Java 8-Support im working with Java 7.
I need to get the first element of the class LinkedRValueBox.&lt;/p&gt;
&lt;p&gt;My actual list looks like this:&lt;/p&gt;
&lt;blockquote&gt;
  &lt;p&gt;[ImmediateBox(0), ImmediateBox(1), LinkedRValueBox(0 + 1)]&lt;/p&gt;
&lt;/blockquote&gt;
&lt;p&gt;Of course i could iterate the list and proof every Element with &lt;code&gt;instanceof&lt;/code&gt;.
I couldn't find any solution for this issue. &lt;/p&gt;</t>
  </si>
  <si>
    <t>2017-03-03 15:41:46.717000+00:00</t>
  </si>
  <si>
    <t>2017-03-31 16:23:00.963000+00:00</t>
  </si>
  <si>
    <t>2017-03-03 15:45:14.187000+00:00</t>
  </si>
  <si>
    <t>java|list|java-7</t>
  </si>
  <si>
    <t>how to detect a duplicate element between two json object in php</t>
  </si>
  <si>
    <t>&lt;p&gt;i trying to detect a different element between 2 json objects like this;&lt;/p&gt;
&lt;pre&gt;&lt;code&gt;//Json1    
    [
        {"file":"arrowssss.png"},
        {"file":"arrows.png"},
        {"file":"logo.png"}
    ]
//Json1    
    [
        {"file":"arrows.png"},
        {"file":"logo.png"}
    ]
&lt;/code&gt;&lt;/pre&gt;
&lt;p&gt;I need return Arrowsss.png.&lt;/p&gt;
&lt;p&gt;Any Suggestion?&lt;/p&gt;</t>
  </si>
  <si>
    <t>2014-08-14 18:46:18.897000+00:00</t>
  </si>
  <si>
    <t>2014-08-14 19:04:34.310000+00:00</t>
  </si>
  <si>
    <t>How to send Active Directory Group SID in SAML response from OKTA?</t>
  </si>
  <si>
    <t>&lt;p&gt;&lt;strong&gt;Is it possible to send AD Group SID in SAML response?&lt;/strong&gt; If yes, how can that be achieved so that we can process that SID value in our SP?&lt;/p&gt;
&lt;p&gt;However we were able to send AD User SID in SAML response after doing profile mapping of appuser.objectSid to user.manager(as we didn't find user.objectSid) and adding it to attribute statements.&lt;/p&gt;
&lt;p&gt;&lt;a href="https://i.stack.imgur.com/LECQe.png" rel="nofollow noreferrer"&gt;&lt;img src="https://i.stack.imgur.com/LECQe.png" alt="enter image description here"&gt;&lt;/a&gt; &lt;/p&gt;
&lt;p&gt;&lt;strong&gt;Is there any other/better way to obtain AD User SID in SAML response or above is the only way to do it?&lt;/strong&gt; &lt;/p&gt;</t>
  </si>
  <si>
    <t>2015-12-04 11:19:43.923000+00:00</t>
  </si>
  <si>
    <t>2015-12-30 04:32:56.053000+00:00</t>
  </si>
  <si>
    <t>response|saml|okta</t>
  </si>
  <si>
    <t>Populating Gridview inside Listview ItemTemplate On Web User Control from Code Behind</t>
  </si>
  <si>
    <t>&lt;p&gt;I have what I think is a simple question, however it might be more complex..&lt;/p&gt;
&lt;p&gt;I have spent a few days looking for the answer on google and various questions on this site but cannot seem to come right. &lt;/p&gt;
&lt;p&gt;What I am trying to do is to bind to a Gridview on the User Control ascx page from the Default.aspx.cs on the Page Load event.&lt;/p&gt;
&lt;p&gt;User Control markup is as follows:&lt;/p&gt;
&lt;pre&gt;&lt;code&gt;&amp;lt;%@ Control Language="C#" AutoEventWireup="true" CodeBehind="VulnerabilityExternalIP.ascx.cs" Inherits="VulnerabilityAssesment.Controls.VulnerabilityExternalIP" %&amp;gt;
&amp;lt;asp:Table runat="server" CellPadding="1" CellSpacing="2"&amp;gt;
&amp;lt;asp:TableRow&amp;gt;
    &amp;lt;asp:TableCell&amp;gt;
        &amp;lt;asp:Label ID="lblVulnerabilityName" runat="server" Text="Vulnerability Name:" CssClass="itemName"&amp;gt;&amp;lt;/asp:Label&amp;gt;
    &amp;lt;/asp:TableCell&amp;gt;
    &amp;lt;asp:TableCell&amp;gt;
        &amp;lt;asp:Label ID="lblVulnerabilityNameText" runat="server" Text='&amp;lt;%# Eval("MainVulnerabilityName") %&amp;gt;'&amp;gt;&amp;lt;/asp:Label&amp;gt;
    &amp;lt;/asp:TableCell&amp;gt;
&amp;lt;/asp:TableRow&amp;gt;
&amp;lt;asp:TableRow&amp;gt;
    &amp;lt;asp:TableCell&amp;gt;
        &amp;lt;asp:Label ID="lblVulnerabilityCategory" runat="server" Text="Category:" CssClass="itemName"&amp;gt;&amp;lt;/asp:Label&amp;gt;
    &amp;lt;/asp:TableCell&amp;gt;
    &amp;lt;asp:TableCell&amp;gt;
        &amp;lt;asp:Label ID="lblVulnerabilityCategoryText" runat="server" Text='&amp;lt;%# Eval("Category") %&amp;gt;'&amp;gt;&amp;lt;/asp:Label&amp;gt;
    &amp;lt;/asp:TableCell&amp;gt;
&amp;lt;/asp:TableRow&amp;gt;
&amp;lt;asp:TableRow&amp;gt;
    &amp;lt;asp:TableCell&amp;gt;
        &amp;lt;asp:Label ID="lblVulnerabilityPopularity" runat="server" Text="Popularity:" CssClass="itemName"&amp;gt;&amp;lt;/asp:Label&amp;gt;
    &amp;lt;/asp:TableCell&amp;gt;
    &amp;lt;asp:TableCell&amp;gt;
        &amp;lt;asp:Label ID="lblVulnerabilityPopularityText" runat="server" Text='&amp;lt;%# Eval("Popularity") %&amp;gt;'&amp;gt;&amp;lt;/asp:Label&amp;gt;
    &amp;lt;/asp:TableCell&amp;gt;
&amp;lt;/asp:TableRow&amp;gt;
&amp;lt;asp:TableRow&amp;gt;
    &amp;lt;asp:TableCell&amp;gt;
        &amp;lt;asp:Label ID="lblVulnerabilityRisk" runat="server" Text="Risk:" CssClass="itemName"&amp;gt;&amp;lt;/asp:Label&amp;gt;
    &amp;lt;/asp:TableCell&amp;gt;
    &amp;lt;asp:TableCell&amp;gt;
        &amp;lt;asp:Label ID="blVulnerabilityRiskText" runat="server" Text='&amp;lt;%# Eval("RiskFactor") %&amp;gt;'&amp;gt;&amp;lt;/asp:Label&amp;gt;
    &amp;lt;/asp:TableCell&amp;gt;
&amp;lt;/asp:TableRow&amp;gt;
&amp;lt;/asp:Table&amp;gt;
    &amp;lt;br /&amp;gt;
&amp;lt;asp:Label ID="lblHostsAffected" runat="server" Text="Hosts Affected:" CssClass="itemName"&amp;gt;&amp;lt;/asp:Label&amp;gt;
&amp;lt;br /&amp;gt;
    &amp;lt;asp:TextBox ID="txtHostsAffected" runat="server" TextMode="MultiLine" Width="700px" ReadOnly="true" BroderWidth="0px" Text='&amp;lt;%# Eval("HostNamePort") %&amp;gt;'&amp;gt;&amp;lt;/asp:TextBox&amp;gt;
&amp;lt;asp:GridView ID="gvHostsAffected" runat="server" AutoGenerateColumns="False" AutoGenerateEditButton="True"&amp;gt;
&amp;lt;/asp:GridView&amp;gt;
&lt;/code&gt;&lt;/pre&gt;
&lt;p&gt;I am referencing the User Control on the Default.aspx as follows:&lt;/p&gt;
&lt;pre&gt;&lt;code&gt;&amp;lt;%@ Register Src="~/Controls/VulnerabilityExternalIP.ascx" TagName="VulnerabilityExternalIP" TagPrefix="uc1" %&amp;gt;
&lt;/code&gt;&lt;/pre&gt;
&lt;p&gt;Within the default.asxp I have the following defined:&lt;/p&gt;
&lt;pre&gt;&lt;code&gt;&amp;lt;asp:Content ID="BodyContent" ContentPlaceHolderID="MainContent" runat="server"&amp;gt;
    &amp;lt;asp:ListView ID="lvVulnerabilityExternalIP" runat="server"&amp;gt;
        &amp;lt;ItemTemplate&amp;gt;
            &amp;lt;uc1:VulnerabilityExternalIP Template="&amp;lt;%# Container.DataItem %&amp;gt;" runat="server" ID="vulnerabilityExtIP" name="vulnext" /&amp;gt;
        &amp;lt;/ItemTemplate&amp;gt;
    &amp;lt;/asp:ListView&amp;gt;
&amp;lt;/asp:Content&amp;gt;
&lt;/code&gt;&lt;/pre&gt;
&lt;p&gt;The code behind on Default.aspx.cs is as follows:&lt;/p&gt;
&lt;pre&gt;&lt;code&gt;namespace VulnerabilityAssesment
{
public partial class _Default : Page
{
    protected void Page_Load(object sender, EventArgs e)
    {
        string HostNamePort = "";
        string VulnerabilityDesc = "";
        string VulnerabilitySummary = "";
        string VulnerabilitySolution = "";
        string VulnerabilityCVE = "";
        string VulnerbilityLink = "";
       // Use connection string from Web.Config
        string connection = ConfigurationManager.ConnectionStrings["csVulnerabilityAssesment"].ConnectionString;
        //Create new SQL Connection
       SqlConnection conn = new SqlConnection(connection);
        //Create Stored Procedure Command and Declare Parameters
       SqlCommand vulnerabilityHeader = new SqlCommand("[dbo].[_spGet_VulnerabilityHeader]", conn);
        vulnerabilityHeader.CommandType = CommandType.StoredProcedure;
        vulnerabilityHeader.Parameters.Add("@VulnerabilityReport", SqlDbType.VarChar).Value = "External IP Ranges";
        //Create Data Adapter and Data Set
        SqlDataAdapter sdaVulnerabilityHeader = new SqlDataAdapter(vulnerabilityHeader);
        DataSet dsVulnerabilityHeader = new DataSet();
        //Open Connection
        conn.Open();
        //Fill Data Adapter
        sdaVulnerabilityHeader.Fill(dsVulnerabilityHeader);
        //Fill in template
        List&amp;lt;VulnerabilityTemplate&amp;gt; Template = new List&amp;lt;VulnerabilityTemplate&amp;gt;();
        if (dsVulnerabilityHeader.Tables != null)
            if (dsVulnerabilityHeader.Tables[0].Rows.Count == 0)
            {
            }
            else
            if (dsVulnerabilityHeader.Tables.Count &amp;gt; 0)
            {
                foreach (DataRow dr in dsVulnerabilityHeader.Tables[0].Rows)
                {
                    string GroupID = dr["GroupSequence"].ToString();
                    //Declare Stored Procedue for Vulnerability Details and set Parameters
                   SqlCommand vulnerabilityDetail = new SqlCommand("[dbo].[_spGet_VulnerabilityDetail]", conn);
                    vulnerabilityDetail.CommandType = CommandType.StoredProcedure;
                    vulnerabilityDetail.Parameters.Add("@VulnerabilityReport", SqlDbType.VarChar).Value = "External IP Ranges";
                    vulnerabilityDetail.Parameters.Add("@GroupSequence", SqlDbType.VarChar).Value = GroupID;
                   // Declare SQL Data Adapter for Vulnerability Detail
                   SqlDataAdapter sdaVulnerabilityDetail = new SqlDataAdapter(vulnerabilityDetail);
                    DataSet dsVulnerabilityDetail = new DataSet();
                   // Fill Data Adapter
                    sdaVulnerabilityDetail.Fill(dsVulnerabilityDetail);
                   // Declare Stored Procedure for Vulnerability Summary and Set Paramters
                   SqlCommand vulnerabilitySummary = new SqlCommand("[dbo].[_spGet_VulnerabilitySummary]", conn);
                    vulnerabilitySummary.CommandType = CommandType.StoredProcedure;
                    vulnerabilitySummary.Parameters.Add("@VulnerabilityReport", SqlDbType.VarChar).Value = "External IP Ranges";
                    vulnerabilitySummary.Parameters.Add("@GroupSequence", SqlDbType.VarChar).Value = GroupID;
                   // Declare SQL Data Adapter for Vulnerability Detail
                   SqlDataAdapter sdaVulnerabilitySummary = new SqlDataAdapter(vulnerabilitySummary);
                    DataSet dsVulnerabilitySummary = new DataSet();
                   // Fill Data Adapter
                    sdaVulnerabilityDetail.Fill(dsVulnerabilityDetail);
                    sdaVulnerabilitySummary.Fill(dsVulnerabilitySummary);
                    foreach (DataRow row in dsVulnerabilityDetail.Tables[0].Rows)
                    {
                        if (HostNamePort != "")
                            HostNamePort += Environment.NewLine;
                        HostNamePort += row["HostnamePort"].ToString();
                    }
                    foreach (DataRow vulnerabilitySummaryRow in dsVulnerabilitySummary.Tables[0].Rows)
                    {
                        VulnerabilityDesc += vulnerabilitySummaryRow["VulnerabilityDesc"].ToString();
                        VulnerabilitySummary += vulnerabilitySummaryRow["VulnerabilitySummary"].ToString();
                        VulnerabilitySolution += vulnerabilitySummaryRow["VulnerabilitySolution"].ToString();
                    }
                    //myGrid.DataSource = dsVulnerabilityDetail.Tables[0];
                    //GridView myGrid = (GridView)lvVulnerabilityExternalIP.Items.FindControl("gvHostsAffected");
                    // Always returns null :(
                    GridView myGrid = (GridView)lvVulnerabilityExternalIP.FindControl("gvHostsAffected");
                    Template.Add(new VulnerabilityTemplate
                    {
                        MainVulnerabilityName = dr["MainVulnerabilityName"].ToString(),
                        Category = dr["Category"].ToString(),
                        Popularity = dr["Popularity"].ToString(),
                        Riskfactor = dr["RiskFactor"].ToString(),
                        HostNamePort = HostNamePort
                        //VulnerabilityDesc = VulnerabilityDesc,
                        //VulnerabilitySolution = VulnerabilitySolution,
                        //VulnerabilitySummary = VulnerabilitySummary
                    }
                     );
                    myGrid.DataBind();
                }
            }
        lvVulnerabilityExternalIP.DataSource = Template;
        lvVulnerabilityExternalIP.DataBind();
        conn.Close();
    }
    // Below Does not work
    protected void ListView_ItemDataBound(object sender, ListViewItemEventArgs e)
    {
        if (e.Item.ItemType == ListViewItemType.DataItem)
        {
            DataTable table = (DataTable)e.Item.DataItem;
            GridView myGrid = (GridView)e.Item.FindControl("gvHostsAffected");
            myGrid.DataSource = table;
            myGrid.DataBind();
        }
    }
}
}
&lt;/code&gt;&lt;/pre&gt;
&lt;p&gt;I cannot seem to find the gvHostsAffected grid view to bind it to the dsVulnerabilityDetail.Tables[0] value (which should be a single column called HostsAffected, this result could return 1 or more rows.&lt;/p&gt;
&lt;p&gt;I have included two things that I have tried denoted by the comment //Below does not work.&lt;/p&gt;
&lt;p&gt;The Template.Add method does work and it populates necessary information on the user control.&lt;/p&gt;
&lt;p&gt;Is there any way I can find the Gridview control during the iteration and populate it with the results from the dsVulnerabilityDetail data set?&lt;/p&gt;
&lt;p&gt;Thank you in advance.&lt;/p&gt;
&lt;p&gt;Update 10 April 2017&lt;/p&gt;
&lt;p&gt;Below is the Code Behind for the WebControl, I see I forgot to include it in the original Question.&lt;/p&gt;
&lt;pre&gt;&lt;code&gt;    namespace VulnerabilityAssesment.Controls
{
public partial class VulnerabilityExternalIP : System.Web.UI.UserControl
{
    protected void Page_Load(object sender, EventArgs e)
    {
    }
    public GridView myGridView
    {
        get
        {
            return gvHostsAffected;
        }
        set
        {
           gvHostsAffected = value;
        }
    }
}
&lt;/code&gt;&lt;/pre&gt;
&lt;p&gt;}&lt;/p&gt;
&lt;p&gt;The markup for Web Control include the answer by VDWWD.&lt;/p&gt;</t>
  </si>
  <si>
    <t>2017-04-07 10:01:57.690000+00:00</t>
  </si>
  <si>
    <t>2017-04-10 08:51:39.220000+00:00</t>
  </si>
  <si>
    <t>c#|asp.net|listview|gridview</t>
  </si>
  <si>
    <t>Select columns that don't contain any NA value in R</t>
  </si>
  <si>
    <t>&lt;p&gt;How to select columns that don't contain any &lt;code&gt;NA&lt;/code&gt; values in R? As long as a column contains at least one &lt;code&gt;NA&lt;/code&gt;, I want to exclude it. What's the best way to do it? I am trying to use &lt;code&gt;sum(is.na(x))&lt;/code&gt; to achieve this, but haven't been successful. &lt;/p&gt;
&lt;p&gt;Also, another R question. Is it possible to use commands to exclude columns that contain all same values? For example,&lt;/p&gt;
&lt;pre&gt;&lt;code&gt;  column1  column2
row1   a        b  
row2   a        c
row3   a        c
&lt;/code&gt;&lt;/pre&gt;
&lt;p&gt;My purpose is to exclude &lt;code&gt;column1&lt;/code&gt; from my matrix so the final result is:&lt;/p&gt;
&lt;pre&gt;&lt;code&gt;   column2
row1   b  
row2   c
row3   c
&lt;/code&gt;&lt;/pre&gt;</t>
  </si>
  <si>
    <t>2014-06-13 04:40:27.240000+00:00</t>
  </si>
  <si>
    <t>2015-07-30 18:13:50.703000+00:00</t>
  </si>
  <si>
    <t>Moved a WordPress install from an old directory into root directory</t>
  </si>
  <si>
    <t>&lt;p&gt;I have a Wordpress site that was installed in a /wordpress/ folder, so when you try to access the website it will look like www.example-domain.com/wordpress/&lt;/p&gt;
&lt;p&gt;The problem is recently  I decided to move it to the root directory so that the site can be accessed by just going to the www.example-domain.com&lt;/p&gt;
&lt;p&gt;So what I did first is download SQL dump, then delete the old installation of WordPress, installed a fresh one and overwrite the Database using SQL dump.
Everything went well, but when I tried to view the site this came up.&lt;/p&gt;
&lt;p&gt;&lt;img src="https://i.stack.imgur.com/tnMJL.png" alt="The styling is gone"&gt;&lt;/p&gt;
&lt;p&gt;And I also noticed that whenever I tried to access to the dashboard through www.example-domain.com/wp-login.php&lt;/p&gt;
&lt;p&gt;It will say that it is missing &lt;/p&gt;
&lt;blockquote&gt;
  &lt;p&gt;The requested URL /wordpress/wp-login.php was not found on this
  server.&lt;/p&gt;
&lt;/blockquote&gt;
&lt;p&gt;So I am under the impression that it still points to the old installation.&lt;/p&gt;
&lt;p&gt;How can I fix this?&lt;/p&gt;</t>
  </si>
  <si>
    <t>2013-09-03 09:48:40.240000+00:00</t>
  </si>
  <si>
    <t>2015-04-05 06:09:39.520000+00:00</t>
  </si>
  <si>
    <t>wordpress</t>
  </si>
  <si>
    <t>MVC 4 Authorize and Login usage</t>
  </si>
  <si>
    <t>&lt;p&gt;I'm unexperienced with MVC, and I'm trying to create a project with a main index page and various subpages, all of which requires the user to be logged, and a login/register page that is the entry point for everyone.&lt;/p&gt;
&lt;p&gt;I was looking for how to check and redirect the user to the login page when they try to access the other pages directly, or when the session variable expires, and I'm doing this:&lt;/p&gt;
&lt;pre&gt;&lt;code&gt;[Authorize]
public class HomeController : Controller
{
}
&lt;/code&gt;&lt;/pre&gt;
&lt;p&gt;Web.config:&lt;/p&gt;
&lt;pre&gt;&lt;code&gt;&amp;lt;system.web&amp;gt;
    &amp;lt;authentication mode="Forms"&amp;gt;
        &amp;lt;forms loginUrl="~/Home/Login" timeout="2880" /&amp;gt;
    &amp;lt;/authentication&amp;gt;
&amp;lt;/system.web&amp;gt;
&lt;/code&gt;&lt;/pre&gt;
&lt;p&gt;And I'm expecting that, if the user isn't logged in, they're redirected to &lt;code&gt;~/Home/Login&lt;/code&gt;, but I don't think this is happening and I'm getting errors in these pages since I'm trying to use the Session variable for displaying their username in the page etc&lt;/p&gt;
&lt;p&gt;In the login code, I have:&lt;/p&gt;
&lt;pre&gt;&lt;code&gt;//after I found the user in my database and confirmed his password
FormsAuthentication.SetAuthCookie(user.userName, false);
Session["User"] = user;
return View("Index");
&lt;/code&gt;&lt;/pre&gt;
&lt;p&gt;I've found various solutions on how to implement custom authorizations, logins and such, but I don't know if those solutions are already available on this MVC version (I'm using 4.0) and I'd like to keep it to the simplest way possible since I'm still learning.&lt;/p&gt;
&lt;p&gt;So basically I want to do a check if the user is logged on all pages but the login one, and if he isn't, redirect him to the login page.&lt;/p&gt;
&lt;p&gt;How can I accomplish this using the MVC features?&lt;/p&gt;</t>
  </si>
  <si>
    <t>2014-10-16 17:18:35.877000+00:00</t>
  </si>
  <si>
    <t>2014-10-16 17:23:02.817000+00:00</t>
  </si>
  <si>
    <t>asp.net-mvc|asp.net-mvc-4|login</t>
  </si>
  <si>
    <t>HTML Input Radio Value="false" Posts NULL</t>
  </si>
  <si>
    <t>&lt;p&gt;In FireFox, I have a radio input with it's value set to the string "false" (not sure if there's any possible distinction from boolean false).  &lt;/p&gt;
&lt;pre&gt;&lt;code&gt;&amp;lt;input name="test_1" type="radio" value="false" /&amp;gt;
&lt;/code&gt;&lt;/pre&gt;
&lt;p&gt;When I post the form, I get:&lt;/p&gt;
&lt;pre&gt;&lt;code&gt;print_r($_POST["test_1"]);
Array
(
    [test_1] =&amp;gt;
)
&lt;/code&gt;&lt;/pre&gt;
&lt;p&gt;Which suggests that the browser casts the string "false" to Boolean FALSE or NULL.&lt;/p&gt;
&lt;ol&gt;
&lt;li&gt;&lt;p&gt;What is the expected behavior?&lt;/p&gt;&lt;/li&gt;
&lt;li&gt;&lt;p&gt;What if I specifically want the string "false" to be returned?&lt;/p&gt;&lt;/li&gt;
&lt;/ol&gt;</t>
  </si>
  <si>
    <t>2011-06-01 22:14:48.150000+00:00</t>
  </si>
  <si>
    <t>2011-06-01 22:26:33.887000+00:00</t>
  </si>
  <si>
    <t>html|forms|post|input|types</t>
  </si>
  <si>
    <t>Is LIMIT x, y absolutely equivalent to OFFSET x LIMIT y in MySQL?</t>
  </si>
  <si>
    <t>&lt;p&gt;I'm mostly posting this question as a resource for others as I couldn't find anything explicitly answering it online: Is the &lt;code&gt;LIMIT x,y&lt;/code&gt; syntax performatively equivalent to &lt;code&gt;OFFSET x, LIMIT y&lt;/code&gt;?&lt;/p&gt;
&lt;p&gt;According to official &lt;a href="http://dev.mysql.com/doc/refman/5.6/en/select.html" rel="nofollow"&gt;MySQL docs&lt;/a&gt;:&lt;/p&gt;
&lt;blockquote&gt;
  &lt;p&gt;For compatibility with PostgreSQL, MySQL also supports the LIMIT row_count OFFSET offset syntax.&lt;/p&gt;
&lt;/blockquote&gt;
&lt;p&gt;This implies to me that they are absolutely equivalent.&lt;/p&gt;
&lt;p&gt;But I can't find any official doc saying so explicitly. So I'm 99% sure there aren't any low level differences, but would love that official stamp of approval and peace of mind. Thanks.&lt;/p&gt;</t>
  </si>
  <si>
    <t>2013-02-07 04:01:57.437000+00:00</t>
  </si>
  <si>
    <t>2013-02-07 04:09:08.903000+00:00</t>
  </si>
  <si>
    <t>Which matrix stack must be set as target when loading MVP matrix with glLoadMatrix</t>
  </si>
  <si>
    <t>&lt;p&gt;Suppose I use the following code taken from GLM website to set the camera :&lt;/p&gt;
&lt;pre&gt;&lt;code&gt;   glm::mat4 camera(float Translate, glm::vec2 const &amp;amp; Rotate)
   {
       glm::mat4 Projection = glm::perspective(glm::radians(60.0f),float(width())/float(height()), 0.1f, 100.f);
       glm::mat4 View = glm::translate(glm::mat4(1.0f), glm::vec3(0.0f, 0.0f, -Translate));
       View = glm::rotate(View, Rotate.y, glm::vec3(-1.0f, 0.0f, 0.0f));
       View = glm::rotate(View, Rotate.x, glm::vec3(0.0f, 1.0f, 0.0f));
       glm::mat4 Model = glm::scale(glm::mat4(1.0f), glm::vec3(0.5f));
       return Projection * View * Model;
   }
&lt;/code&gt;&lt;/pre&gt;
&lt;p&gt;which matrix stack I must target  when I use the matrix resulting from the above function? Should I use&lt;/p&gt;
&lt;pre&gt;&lt;code&gt;glMatrixMode(GL_PROJECTION);
&lt;/code&gt;&lt;/pre&gt;
&lt;p&gt;or&lt;/p&gt;
&lt;pre&gt;&lt;code&gt;glMatrixMode(GL_MODELVIEW);
&lt;/code&gt;&lt;/pre&gt;
&lt;p&gt;or should I just load the resulting matrix ?&lt;/p&gt;</t>
  </si>
  <si>
    <t>2017-04-19 19:01:33.033000+00:00</t>
  </si>
  <si>
    <t>2018-08-20 05:05:49.747000+00:00</t>
  </si>
  <si>
    <t>opengl|matrix|camera</t>
  </si>
  <si>
    <t>Crystal report dynamic formula name</t>
  </si>
  <si>
    <t>&lt;p&gt;Here is what I have.  I have 15 unique formulas named Week1, Week2, ... Week15.  I would like to be able to take a parameter name, MYCount, and use that to loop through the records and sum them.  So if MyCount is equal to 3, the loop would sum Week1 + Week2 + Week3.  I know how to create a loop, but I cannot figure out how to build the formula name dynamically. Here is what I have so far: (I am using Crystal Xi)&lt;/p&gt;
&lt;pre&gt;&lt;code&gt; Whileprintingrecords;
 local NumberVar i := {?MyCount}
 For i := 1 To (MyCount-1) Do (
    i = {@Week &amp;amp; "i"} + i
 );
 x
&lt;/code&gt;&lt;/pre&gt;</t>
  </si>
  <si>
    <t>2012-04-27 12:31:49.550000+00:00</t>
  </si>
  <si>
    <t>2012-04-30 05:38:31.210000+00:00</t>
  </si>
  <si>
    <t>2012-04-27 12:41:48.157000+00:00</t>
  </si>
  <si>
    <t>crystal-reports|crystal-reports-2010</t>
  </si>
  <si>
    <t>react native map method not rendering</t>
  </si>
  <si>
    <t>&lt;p&gt;I'm doing a simple cryptocurrency app to display daily price and change. When rendering the view with 0 index with the info for the first coin the data is displayed, but when using the map method, nothing is displayed... here is the code for the view:&lt;/p&gt;
&lt;pre&gt;&lt;code&gt;              &amp;lt;View style={styles.container}&amp;gt;
               &amp;lt;ScrollView contenContainerStyle={styles.coinList}&amp;gt;
                {this.state.coinList.map((coin, index) =&amp;gt; {
                  alert (coin.symbol + ': ' + coin.price);
                  &amp;lt;CoinInfo
                    key={index}
                    symbol={coin.symbol}
                    name={coin.name}
                    price={coin.price}
                    change={coin.change}
                    active={false}
                    onPress={this.fonPress}
                  /&amp;gt;;
                })}
              &amp;lt;/ScrollView&amp;gt;
            &amp;lt;View/&amp;gt;
const styles = StyleSheet.create({
  container: {
    flex: 62,
    backgroundColor: '#40137A',
    alignItems: 'center',
    justifyContent: 'center',
  },
  loading: {
    justifyContent: 'center',
  },
  coinList: {
    flex: 1,
    flexDirection: 'row',
    flexWrap: 'wrap',
    justifyContent: 'space-around',
  }
});
&lt;/code&gt;&lt;/pre&gt;
&lt;p&gt;I used an alert to see if the map is working and it alerts me 7 of the 8 coins i had in the array...&lt;/p&gt;
&lt;p&gt;Thanx for your help&lt;/p&gt;</t>
  </si>
  <si>
    <t>2018-03-04 00:09:50.320000+00:00</t>
  </si>
  <si>
    <t>2018-03-04 02:07:21.573000+00:00</t>
  </si>
  <si>
    <t>javascript|arrays|reactjs|native</t>
  </si>
  <si>
    <t>What kind of, does there exist a, data framework like this?</t>
  </si>
  <si>
    <t>&lt;p&gt;What I want to do is:&lt;/p&gt;
&lt;ul&gt;
&lt;li&gt;Load values for a program from a file.&lt;/li&gt;
&lt;li&gt;Read/Add/Change those values.&lt;/li&gt;
&lt;li&gt;Save those values back to the file&lt;/li&gt;
&lt;li&gt;I would like to be able to have a database be the file&lt;/li&gt;
&lt;li&gt;I want as much of the data as possible to stay in memory, so I'm not hammering the file&lt;/li&gt;
&lt;li&gt;I would like to query using Linq or be able to use a Standard Query Language&lt;/li&gt;
&lt;li&gt;I want the data returned as arrays of objects&lt;/li&gt;
&lt;/ul&gt;
&lt;p&gt;I figure there has be to something like this out there. Sort of like the backed of the GAE but for C# and local applications.&lt;/p&gt;
&lt;p&gt;I'm looking for names for this kind of data interaction and projects, preferably free with non infectious and crushing licensing, to help build my understanding and use of the concept.&lt;/p&gt;</t>
  </si>
  <si>
    <t>2010-07-27 16:17:45.423000+00:00</t>
  </si>
  <si>
    <t>2010-07-30 18:13:32.570000+00:00</t>
  </si>
  <si>
    <t>2010-07-27 16:20:46.990000+00:00</t>
  </si>
  <si>
    <t>c#|database|linq</t>
  </si>
  <si>
    <t>how to find search results using selenium webdriver</t>
  </si>
  <si>
    <t>&lt;p&gt;I am setting up a test to perform a search and after the search is complete, i want to     capture the results line that says "About xxx results (x.xx seconds)".  I can get this to     work using the firefox webdriver, but it does not work when I use IE or Chrome driver.  I     need help determining what is wrong with my code.  Here is the code snippet:&lt;/p&gt;
&lt;pre&gt;&lt;code&gt;public void runSearch(WebDriver driver) {
    WebElement element = driver.findElement(By.name("search"));
    element.sendKeys("Kearney");
    element.sendKeys(Keys.RETURN);
    String itext = driver.findElement( By.cssSelector("div#resInfo-0")).getText();
    System.out.println("Search returned '" + itext + "'.");
}
&lt;/code&gt;&lt;/pre&gt;
&lt;p&gt;Here is the html of my page after the search has been made:&lt;/p&gt;
&lt;p&gt;&lt;/p&gt;
&lt;p&gt;&lt;/p&gt;
&lt;pre&gt;&lt;code&gt;&amp;lt;head&amp;gt;&amp;lt;/head&amp;gt;
&amp;lt;body&amp;gt;
    &amp;lt;header id="main_header_iphone"&amp;gt;&amp;lt;/header&amp;gt;
    &amp;lt;div class="clear"&amp;gt;&amp;lt;/div&amp;gt;
    &amp;lt;header id="main-header"&amp;gt;&amp;lt;/header&amp;gt;
    &amp;lt;section&amp;gt;
        &amp;lt;div class="content_nn"&amp;gt;
            &amp;lt;div class="subnav"&amp;gt;
                &amp;lt;!--
                &amp;lt;div class="bannerBox"&amp;gt;
                 &amp;lt;div class="btn_events"&amp;gt;&amp;lt;���
                --&amp;gt;
                &amp;lt;div class="logo"&amp;gt;&amp;lt;/div&amp;gt;
                &amp;lt;!--
                START Search
                --&amp;gt;
                &amp;lt;div class="search_container"&amp;gt;
                    &amp;lt;div id="cse" style="width:100%;"&amp;gt;
                        &amp;lt;div class="gsc-control-cse gsc-control-cse-en"&amp;gt;
                            &amp;lt;div class="gsc-control-wrapper-cse" dir="ltr"&amp;gt;
                                &amp;lt;form class="gsc-search-box" accept-charset="utf-8"&amp;gt;&amp;lt;/form&amp;gt;
                                &amp;lt;div class="gsc-results-wrapper-nooverlay gsc-results-wrapper-visible"&amp;gt;
                                    &amp;lt;div class="gsc-tabsAreaInvisible"&amp;gt;&amp;lt;/div&amp;gt;
                                    &amp;lt;div class="gsc-tabsAreaInvisible"&amp;gt;&amp;lt;/div&amp;gt;
                                    &amp;lt;div class="gsc-above-wrapper-area"&amp;gt;
                                        &amp;lt;table class="gsc-above-wrapper-area-container" cellspacing="0" cellpadding="0"&amp;gt;
                                            &amp;lt;tbody&amp;gt;
                                                &amp;lt;tr&amp;gt;
                                                    &amp;lt;td class="gsc-result-info-container"&amp;gt;
                                                        &amp;lt;div id="resInfo-0" class="gsc-result-info"&amp;gt;
                                                            About 31 results (0.11 seconds)
                                                        &amp;lt;/div&amp;gt;
                                                    &amp;lt;/td&amp;gt;
                                                &amp;lt;/tr&amp;gt;
                                            &amp;lt;/tbody&amp;gt;
                                        &amp;lt;/table&amp;gt;
                                    &amp;lt;/div&amp;gt;
                                    &amp;lt;div class="gsc-adBlockNoHeight" style="height: 0px; font-weight: normal; text-align: center;"&amp;gt;&amp;lt;/div&amp;gt;
                                    &amp;lt;div class="gsc-wrapper"&amp;gt;&amp;lt;/div&amp;gt;
                                &amp;lt;/div&amp;gt;
                            &amp;lt;/div&amp;gt;
                        &amp;lt;/div&amp;gt;
                    &amp;lt;/div&amp;gt;
                    &amp;lt;script type="text/javascript" src="http://www.google.com/jsapi"&amp;gt;&amp;lt;/script&amp;gt;
                    &amp;lt;script type="text/javascript"&amp;gt;&amp;lt;/script&amp;gt;
                    &amp;lt;script type="text/javascript" src="http://www.google.com/uds/?file=search&amp;amp;v=1&amp;amp;hl=en"&amp;gt;&amp;lt;/script&amp;gt;
                    &amp;lt;link rel="stylesheet" type="text/css" href="http://www.google.com/uds/api/search/1.0/65b21018ad4df09e3eb5a21326b72d0b/default+en.css"&amp;gt;&amp;lt;/link&amp;gt;
                    &amp;lt;script type="text/javascript" src="http://www.google.com/uds/api/search/1.0/65b21018ad4df09e3eb5a21326b72d0b/default+en.I.js"&amp;gt;&amp;lt;/script&amp;gt;
                    &amp;lt;!--
                    END Search
                    --&amp;gt;
                &amp;lt;/div&amp;gt;
                &amp;lt;div class="text_rural_h2" style="float:left; width:100%"&amp;gt;&amp;lt;/div&amp;gt;
                &amp;lt;div class="index_page_heading" style="float:left;"&amp;gt;&amp;lt;/div&amp;gt;
                &amp;lt;div class="letest_news2" style="float:left;"&amp;gt;&amp;lt;/div&amp;gt;
            &amp;lt;/div&amp;gt;
            &amp;lt;footer id="footer"&amp;gt;&amp;lt;/footer&amp;gt;
        &amp;lt;/div&amp;gt;
    &amp;lt;/section&amp;gt;
    &amp;lt;div id="topcontrol" style="position: fixed; bottom: 25px; right: 10px; opacity: 0; cursor: pointer;" title="Scroll Back to Top"&amp;gt;&amp;lt;/div&amp;gt;
    &amp;lt;table class="gstl_50 gssb_c" cellspacing="0" cellpadding="0" style="width: 137px; display: none; top: 153px; position: absolute; left: 97px;"&amp;gt;&amp;lt;/table&amp;gt;
    &amp;lt;div style="display:none"&amp;gt;&amp;lt;/div&amp;gt;
&amp;lt;/body&amp;gt;
&lt;/code&gt;&lt;/pre&gt;
&lt;p&gt;&lt;/p&gt;</t>
  </si>
  <si>
    <t>2013-12-28 19:02:19.240000+00:00</t>
  </si>
  <si>
    <t>2013-12-28 20:51:29.803000+00:00</t>
  </si>
  <si>
    <t>java|selenium</t>
  </si>
  <si>
    <t>custom border frame for GalleryView</t>
  </si>
  <si>
    <t>&lt;p&gt;I have created the Gallery view. but i want the border around the currently selected Gallery item can you anyone help me for this&lt;/p&gt;
&lt;p&gt;Thanks
Raj.&lt;/p&gt;</t>
  </si>
  <si>
    <t>2011-09-15 05:10:23.437000+00:00</t>
  </si>
  <si>
    <t>2011-09-15 06:29:42.647000+00:00</t>
  </si>
  <si>
    <t>Jquery JQGrid - How to set alignment of grid header cells?</t>
  </si>
  <si>
    <t>&lt;p&gt;Is it possible to align grid column headers in jqgrid?  eg align left right or center?&lt;/p&gt;
&lt;p&gt;In the jqrid documents &lt;a href="http://www.trirand.com/jqgridwiki/doku.php?id=wiki:colmodel_options" rel="noreferrer"&gt;http://www.trirand.com/jqgridwiki/doku.php?id=wiki:colmodel_options&lt;/a&gt; it says:&lt;/p&gt;
&lt;pre&gt;&lt;code&gt;align: Defines the alignment of the cell in the Body layer, not in header cell. 
Possible values: left, center, right.
&lt;/code&gt;&lt;/pre&gt;
&lt;p&gt;Note that it says "not in the header cell".  How can I do this for the header cell (grid title cell)?  The documentation fails to mention this little detail....&lt;/p&gt;</t>
  </si>
  <si>
    <t>2010-06-09 05:02:09.630000+00:00</t>
  </si>
  <si>
    <t>2017-03-14 13:39:46.123000+00:00</t>
  </si>
  <si>
    <t>2011-01-25 09:09:03.267000+00:00</t>
  </si>
  <si>
    <t>MRI and YARV Ruby implementations - what happened in Ruby 1.9?</t>
  </si>
  <si>
    <t>&lt;p&gt;As I understand it, prior to Ruby 1.9, MRI and YARV were two separate implementations of the Ruby programming language.&lt;/p&gt;
&lt;p&gt;What exactly changed in Ruby version 1.9? Was MRI abandoned in favour of YARV? Or were the two codebases merged in some way?&lt;/p&gt;
&lt;p&gt;I have seen versions of Ruby later than 1.9 referred to as both "MRI" and "YARV" - which of these names is correct (or are they both)?&lt;/p&gt;</t>
  </si>
  <si>
    <t>2017-06-16 14:09:02.683000+00:00</t>
  </si>
  <si>
    <t>2017-06-16 23:33:03.233000+00:00</t>
  </si>
  <si>
    <t>ruby|terminology|mri|yarv</t>
  </si>
  <si>
    <t>carry value from a dropdown to database</t>
  </si>
  <si>
    <t>&lt;p&gt;i have a dropdown in my html form through which i need to insert values in the database. the form is like this&lt;/p&gt;
&lt;pre&gt;&lt;code&gt;&amp;lt;form action="add_country.php" method="post"&amp;gt;
    &amp;lt;label&amp;gt;Category&amp;lt;/label&amp;gt;
        &amp;lt;select name="countryname"&amp;gt;
        &amp;lt;?php
            require 'connection.php';
                $sql = "SELECT * FROM country";
                $result = mysqli_query($con, $sql);
                if (mysqli_num_rows($result) &amp;gt; 0) {
                    while($row = mysqli_fetch_assoc($result)) 
                        {
                            $countryname=$row["countryname"];
        ?&amp;gt;
            &amp;lt;option value="&amp;lt;? echo $countryname;?&amp;gt;"&amp;gt;&amp;lt;? echo $countryname;?&amp;gt;&amp;lt;/option&amp;gt;
                        &amp;lt;?}
                }?&amp;gt;
        &amp;lt;/select&amp;gt;
&amp;lt;/form&amp;gt; 
&lt;/code&gt;&lt;/pre&gt;
&lt;p&gt;the back end of the form i.e add_country.php ontains the following code,&lt;/p&gt;
&lt;pre&gt;&lt;code&gt;$countryname = mysqli_real_escape_string($con, $_POST['countryname']);
echo $countryname;
$sql = "SELECT * FROM country where countryname='".$countryname."'";
    $result = mysqli_query($con, $sql);
    if (mysqli_num_rows($result) &amp;gt; 0) {
        while($row = mysqli_fetch_assoc($result)) {
            $countryid=$row["id"];
            echo $countryid;
        }
    } 
&lt;/code&gt;&lt;/pre&gt;
&lt;p&gt;but i am not able to fetch the countryid using the countryname (nothing gets displayed). for testing purpose when i tried to echo the countryname i got output as&lt;/p&gt;
&lt;pre&gt;&lt;code&gt;africa\r\n
&lt;/code&gt;&lt;/pre&gt;
&lt;p&gt;maybe coz of it, i am not able to match the data, however i am not so sure. can anyone tell how i can fetch the value&lt;/p&gt;</t>
  </si>
  <si>
    <t>2015-03-11 07:44:04.583000+00:00</t>
  </si>
  <si>
    <t>2015-03-13 04:10:53.027000+00:00</t>
  </si>
  <si>
    <t>php|mysql|sql|mysqli</t>
  </si>
  <si>
    <t>How to print Function's I/P parameter as variable in C</t>
  </si>
  <si>
    <t>&lt;p&gt;Suppose I have:&lt;/p&gt;
&lt;pre&gt;&lt;code&gt;func1()
{
    int var = something;
    func2(var);  /* Call func2() with var as I/P parameter */
    ......
    ......
}
func2 (int var)
{
   .....
}
&lt;/code&gt;&lt;/pre&gt;
&lt;p&gt;We can use &lt;code&gt;__FUNC__&lt;/code&gt; to print the name of &lt;code&gt;func2&lt;/code&gt; in traces.&lt;/p&gt;
&lt;p&gt;But is there any way to print &lt;code&gt;(inside f2())&lt;/code&gt; the variable NAME used in the calling function (i.e. &lt;code&gt;f1()&lt;/code&gt;) to call this function:&lt;/p&gt;
&lt;p&gt;Something in traces (inside &lt;code&gt;f2()&lt;/code&gt;) like:    &lt;/p&gt;
&lt;pre&gt;&lt;code&gt;func2(var)
&lt;/code&gt;&lt;/pre&gt;</t>
  </si>
  <si>
    <t>2011-12-14 12:18:53.623000+00:00</t>
  </si>
  <si>
    <t>2011-12-14 12:45:27.300000+00:00</t>
  </si>
  <si>
    <t>2011-12-14 12:22:30.293000+00:00</t>
  </si>
  <si>
    <t>c|function</t>
  </si>
  <si>
    <t>Horizontal listview in android</t>
  </si>
  <si>
    <t>&lt;p&gt;HI I am New to the Android.I parsed data from Xml file,now what i want is i have to show the parsed data  into a tabbed structure,which should be scrollable.&lt;/p&gt;
&lt;p&gt;&lt;strong&gt;My design should be like this:&lt;/strong&gt;&lt;/p&gt;
&lt;pre&gt;&lt;code&gt; Sports  Movies  International Technology ......
&lt;/code&gt;&lt;/pre&gt;
&lt;p&gt;I looked for horizontal listview ,but i came to a conclusion that horizontal listview is not possible.So please give some idea how can i display this,also give some reference link to know about the UI deigns in android. Thanks in Advance&lt;/p&gt;</t>
  </si>
  <si>
    <t>2012-11-08 04:20:17.920000+00:00</t>
  </si>
  <si>
    <t>2016-12-04 01:15:52.227000+00:00</t>
  </si>
  <si>
    <t>2012-11-08 04:26:50.133000+00:00</t>
  </si>
  <si>
    <t>android|listview</t>
  </si>
  <si>
    <t>Cannot find class [com.seerlabs.sonic.api.components.DaoManager] for bean with name 'daoManager'</t>
  </si>
  <si>
    <t>&lt;p&gt;&lt;strong&gt;The Problem:&lt;/strong&gt;&lt;/p&gt;
&lt;p&gt;My friends and I have been working on a Spring project with multiple Git branches. As a rule of thumb, nobody touches a branch that isn't his. We can pull other's branch as a local branch, but we never push from it.&lt;/p&gt;
&lt;p&gt;Most of it has been setup already and is up and running, &lt;code&gt;root-context.xml&lt;/code&gt;, &lt;code&gt;servlet-context.xml&lt;/code&gt;, etc.&lt;/p&gt;
&lt;p&gt;Suddenly, this happens:&lt;/p&gt;
&lt;pre&gt;&lt;code&gt;WARN : org.springframework.web.context.support.XmlWebApplicationContext - Exception encountered during context initialization - cancelling refresh attempt
org.springframework.beans.factory.BeanCreationException: Error creating bean with name 'org.springframework.web.servlet.mvc.method.annotation.RequestMappingHandlerMapping#0': Invocation of init method failed; nested exception is org.springframework.beans.factory.CannotLoadBeanClassException: Cannot find class [com.seerlabs.sonic.api.components.DaoManager] for bean with name 'daoManager' defined in ServletContext resource [/WEB-INF/spring/appServlet/servlet-context.xml]; nested exception is java.lang.ClassNotFoundException: com.seerlabs.sonic.api.components.DaoManager
Related cause: org.springframework.beans.factory.CannotLoadBeanClassException: Cannot find class [com.seerlabs.sonic.api.components.DaoManager] for bean with name 'daoManager' defined in ServletContext resource [/WEB-INF/spring/appServlet/servlet-context.xml]; nested exception is java.lang.ClassNotFoundException: com.seerlabs.sonic.api.components.DaoManager
    at org.springframework.beans.factory.support.AbstractAutowireCapableBeanFactory.initializeBean(AbstractAutowireCapableBeanFactory.java:1578)
    at org.springframework.beans.factory.support.AbstractAutowireCapableBeanFactory.doCreateBean(AbstractAutowireCapableBeanFactory.java:545)
    at org.springframework.beans.factory.support.AbstractAutowireCapableBeanFactory.createBean(AbstractAutowireCapableBeanFactory.java:482)
    at org.springframework.beans.factory.support.AbstractBeanFactory$1.getObject(AbstractBeanFactory.java:305)
    at org.springframework.beans.factory.support.DefaultSingletonBeanRegistry.getSingleton(DefaultSingletonBeanRegistry.java:230)
    at org.springframework.beans.factory.support.AbstractBeanFactory.doGetBean(AbstractBeanFactory.java:301)
    at org.springframework.beans.factory.support.AbstractBeanFactory.getBean(AbstractBeanFactory.java:196)
    at org.springframework.beans.factory.support.DefaultListableBeanFactory.preInstantiateSingletons(DefaultListableBeanFactory.java:772)
    at org.springframework.context.support.AbstractApplicationContext.finishBeanFactoryInitialization(AbstractApplicationContext.java:834)
    at org.springframework.context.support.AbstractApplicationContext.refresh(AbstractApplicationContext.java:537)
    at org.springframework.web.servlet.FrameworkServlet.configureAndRefreshWebApplicationContext(FrameworkServlet.java:667)
    at org.springframework.web.servlet.FrameworkServlet.createWebApplicationContext(FrameworkServlet.java:633)
    at org.springframework.web.servlet.FrameworkServlet.createWebApplicationContext(FrameworkServlet.java:681)
    at org.springframework.web.servlet.FrameworkServlet.initWebApplicationContext(FrameworkServlet.java:552)
    at org.springframework.web.servlet.FrameworkServlet.initServletBean(FrameworkServlet.java:493)
    at org.springframework.web.servlet.HttpServletBean.init(HttpServletBean.java:136)
    at javax.servlet.GenericServlet.init(GenericServlet.java:158)
    at org.apache.catalina.core.StandardWrapper.initServlet(StandardWrapper.java:1231)
    at org.apache.catalina.core.StandardWrapper.loadServlet(StandardWrapper.java:1144)
    at org.apache.catalina.core.StandardWrapper.load(StandardWrapper.java:1031)
    at org.apache.catalina.core.StandardContext.loadOnStartup(StandardContext.java:4914)
    at org.apache.catalina.core.StandardContext.startInternal(StandardContext.java:5201)
    at org.apache.catalina.util.LifecycleBase.start(LifecycleBase.java:150)
    at org.apache.catalina.core.ContainerBase.addChildInternal(ContainerBase.java:725)
    at org.apache.catalina.core.ContainerBase.addChild(ContainerBase.java:701)
    at org.apache.catalina.core.StandardHost.addChild(StandardHost.java:717)
    at org.apache.catalina.startup.HostConfig.deployDirectory(HostConfig.java:1101)
    at org.apache.catalina.startup.HostConfig$DeployDirectory.run(HostConfig.java:1786)
    at java.util.concurrent.Executors$RunnableAdapter.call(Executors.java:511)
    at java.util.concurrent.FutureTask.run(FutureTask.java:266)
    at java.util.concurrent.ThreadPoolExecutor.runWorker(ThreadPoolExecutor.java:1142)
    at java.util.concurrent.ThreadPoolExecutor$Worker.run(ThreadPoolExecutor.java:617)
    at java.lang.Thread.run(Thread.java:745)
&lt;/code&gt;&lt;/pre&gt;
&lt;p&gt;I've never touched any of those files. &lt;code&gt;servlet-context.xml&lt;/code&gt; is saying the class doesn't exist, but it's right there:&lt;/p&gt;
&lt;p&gt;&lt;a href="https://i.stack.imgur.com/BVnJi.png" rel="nofollow noreferrer"&gt;&lt;img src="https://i.stack.imgur.com/BVnJi.png" alt="enter image description here"&gt;&lt;/a&gt; &lt;/p&gt;
&lt;p&gt;As a matter of fact, command+clicking (I'm on a Mac) that very line takes me the DaoManager class itself.&lt;/p&gt;
&lt;p&gt;&lt;strong&gt;What I tried:&lt;/strong&gt;&lt;/p&gt;
&lt;p&gt;Only what I know. Since I never messed with that code, I'm assuming it has something to do with branch switching, or something. So I tried:&lt;/p&gt;
&lt;ul&gt;
&lt;li&gt;Cleaning up the project, via -&gt; Project -&gt; Clean&lt;/li&gt;
&lt;li&gt;Closing and opening the project&lt;/li&gt;
&lt;li&gt;Pulling from the main repo&lt;/li&gt;
&lt;li&gt;Switching to other local branches&lt;/li&gt;
&lt;/ul&gt;
&lt;p&gt;Of note is that after doing the latter, the error spread to the other local branches! Yikes!&lt;/p&gt;
&lt;p&gt;And of course, doing the above to the branches does nothing either.&lt;/p&gt;
&lt;p&gt;Any ideas? Anything else I can provide?&lt;/p&gt;</t>
  </si>
  <si>
    <t>2015-10-14 12:48:10.080000+00:00</t>
  </si>
  <si>
    <t>2015-10-14 17:17:07.993000+00:00</t>
  </si>
  <si>
    <t>java|spring|git|spring-mvc</t>
  </si>
  <si>
    <t>Process single Thymeleaf fragment with Spring Boot</t>
  </si>
  <si>
    <t>&lt;p&gt;In my Spring Boot application, I need to process a single Thymeleaf Fragment to get its rendered HTML output.&lt;/p&gt;
&lt;p&gt;I'm injecting&lt;/p&gt;
&lt;pre&gt;&lt;code&gt;@Autowired
private SpringTemplateEngine templateEngine;
&lt;/code&gt;&lt;/pre&gt;
&lt;p&gt;and then try to&lt;/p&gt;
&lt;pre&gt;&lt;code&gt;Context context = new Context();
context.setVariable("key", value);
String html = this.templateEngine.process("fragments/foo :: bar(key=${key})", context);
&lt;/code&gt;&lt;/pre&gt;
&lt;p&gt;with &lt;code&gt;foo.html&lt;/code&gt; located in &lt;code&gt;src/main/resources/templates/fragments&lt;/code&gt;:&lt;/p&gt;
&lt;pre&gt;&lt;code&gt;&amp;lt;!DOCTYPE html&amp;gt;
&amp;lt;html xmlns="http://www.w3.org/1999/xhtml"
    xmlns:th="http://www.thymeleaf.org"
    xmlns:layout="http://www.ultraq.net.nz/thymeleaf/layout"&amp;gt;
&amp;lt;head&amp;gt;&amp;lt;/head&amp;gt;
&amp;lt;body&amp;gt;
...
&amp;lt;th:block th:fragment="bar(key)"&amp;gt;
    &amp;lt;!-- doing fancy stuff with key... --&amp;gt;
&amp;lt;/th:block&amp;gt;
...
&amp;lt;/body&amp;gt;
&amp;lt;/html&amp;gt;
&lt;/code&gt;&lt;/pre&gt;
&lt;p&gt;I didn't change any autoconfigured values of Thymeleaf.&lt;/p&gt;
&lt;p&gt;Running this code, I get the following exception:&lt;/p&gt;
&lt;pre&gt;&lt;code&gt;org.thymeleaf.exceptions.TemplateInputException: Error resolving template "fragments/foo :: bar(key=${key})", template might not exist or might not be accessible by any of the configured Template Resolvers
    at org.thymeleaf.TemplateRepository.getTemplate(TemplateRepository.java:246) ~[thymeleaf-2.1.4.RELEASE.jar:2.1.4.RELEASE]
    at org.thymeleaf.TemplateEngine.process(TemplateEngine.java:1104) ~[thymeleaf-2.1.4.RELEASE.jar:2.1.4.RELEASE]
    at org.thymeleaf.TemplateEngine.process(TemplateEngine.java:1060) ~[thymeleaf-2.1.4.RELEASE.jar:2.1.4.RELEASE]
    at org.thymeleaf.TemplateEngine.process(TemplateEngine.java:1011) ~[thymeleaf-2.1.4.RELEASE.jar:2.1.4.RELEASE]
    at org.thymeleaf.TemplateEngine.process(TemplateEngine.java:924) ~[thymeleaf-2.1.4.RELEASE.jar:2.1.4.RELEASE]
    at org.thymeleaf.TemplateEngine.process(TemplateEngine.java:898) ~[thymeleaf-2.1.4.RELEASE.jar:2.1.4.RELEASE]
    ...
&lt;/code&gt;&lt;/pre&gt;
&lt;p&gt;Am I doing anything wrong here? The whole stuff gets working if I create a file &lt;code&gt;src/main/resources/templates/fragments/test.html&lt;/code&gt; with simply the content&lt;/p&gt;
&lt;pre&gt;&lt;code&gt;&amp;lt;div th:replace="fragments/foo :: bar(key=${key})"&amp;gt;&amp;lt;/div&amp;gt;
&lt;/code&gt;&lt;/pre&gt;
&lt;p&gt;and process it via&lt;/p&gt;
&lt;pre&gt;&lt;code&gt;String html = this.templateEngine.process("fragments/test", context);
&lt;/code&gt;&lt;/pre&gt;
&lt;p&gt;That would be a possible solution, but seems a bit hackish to me...&lt;/p&gt;</t>
  </si>
  <si>
    <t>2016-03-16 17:24:50.973000+00:00</t>
  </si>
  <si>
    <t>2018-08-06 09:19:59.530000+00:00</t>
  </si>
  <si>
    <t>2016-03-19 22:29:00.260000+00:00</t>
  </si>
  <si>
    <t>java|spring-boot|thymeleaf</t>
  </si>
  <si>
    <t>How to delete a branch and all the objects it referenced</t>
  </si>
  <si>
    <t>&lt;p&gt;The issue is that after your delete and push branch it isn't lost forever and it is still in repository.
I've deleted branch with big amount of needless files, but as long it is still somewhere in git repository, git clone command duration is too big.&lt;/p&gt;
&lt;p&gt;For now only way I see is to delete whole repository and recreate it but without needless branch.&lt;/p&gt;</t>
  </si>
  <si>
    <t>2011-05-12 12:57:31.190000+00:00</t>
  </si>
  <si>
    <t>2011-05-12 13:35:15.947000+00:00</t>
  </si>
  <si>
    <t>2011-05-12 13:06:55.923000+00:00</t>
  </si>
  <si>
    <t>C++ custom #pragma</t>
  </si>
  <si>
    <t>&lt;p&gt;I would like to know how to make the compiler understand a customized argument for &lt;code&gt;#pragma&lt;/code&gt; macro.&lt;/p&gt;
&lt;p&gt;My goal is to execute external script using macro, I suppose using &lt;code&gt;#pragma&lt;/code&gt; is the way to go; if there are other ways to do so, please let me know. &lt;/p&gt;
&lt;p&gt;Syntax would be something like:&lt;/p&gt;
&lt;pre&gt;&lt;code&gt;#pragma add_controller(class_name, "class_alias")
&lt;/code&gt;&lt;/pre&gt;
&lt;p&gt;so that I can generate a dynamic .h file containing the following:&lt;/p&gt;
&lt;p&gt;&lt;code&gt;register_controller&amp;lt;class_name&amp;gt;("class_alias");&lt;/code&gt;&lt;/p&gt;
&lt;p&gt;and append to the end of file everytime the compiler interpret this &lt;code&gt;#pragma&lt;/code&gt;.&lt;/p&gt;</t>
  </si>
  <si>
    <t>2015-09-08 23:09:16.350000+00:00</t>
  </si>
  <si>
    <t>2015-09-09 00:14:34.213000+00:00</t>
  </si>
  <si>
    <t>2015-09-09 00:03:57.287000+00:00</t>
  </si>
  <si>
    <t>c++|macros|pragma</t>
  </si>
  <si>
    <t>AM chart not showing the date axis correctly</t>
  </si>
  <si>
    <t>&lt;p&gt;I am totally new to AM chart, trying to build bar chart and line chart with provided datasource with category axis as date and set parseDates= true. While rendering chart, months appears to be shifting. For the given data, when drilled down to months, say April bar is sitting on May grid line (as in fig), how do I shift it back in the right order, when in yearly view Dec sits on next year grid line ( Dec 2004 sits on on year 2005). Is there anyway to fix it?&lt;/p&gt;
&lt;p&gt;I have my category axis as follow&lt;/p&gt;
&lt;pre&gt;&lt;code&gt;            "categoryAxis": {
                "minPeriod": "hh",
                "parseDates": true,
                "labelRotation": 45,
               "labelOffset": 0,
              "centerLabelOnFullPeriod": false,
               "dateFormats": [ 
                               {period:'hh',format:'JJ:NN'},
                                {period:'DD',format:'MMM DD'},
                               {period:'WW',format:'MMM DD'},
                               {period:'MM',format:'MMM YYYY'},
                               { period: 'YYYY', format: 'YYYY' }],
&lt;/code&gt;&lt;/pre&gt;
&lt;p&gt;Any help on this greatly appreciated,&lt;/p&gt;
&lt;p&gt;&lt;a href="http://jsfiddle.net/jogejyothish/yqrhmje4/" rel="nofollow noreferrer"&gt;JSFiddle&lt;/a&gt; is provided &lt;/p&gt;
&lt;p&gt;&lt;img src="https://i.stack.imgur.com/9drb1.png" alt="enter image description here"&gt;&lt;/p&gt;</t>
  </si>
  <si>
    <t>2014-10-03 11:20:56.993000+00:00</t>
  </si>
  <si>
    <t>2017-11-20 14:16:40.280000+00:00</t>
  </si>
  <si>
    <t>2014-10-03 11:38:53.383000+00:00</t>
  </si>
  <si>
    <t>javascript|jquery|charts|amcharts</t>
  </si>
  <si>
    <t>Why do I have to include the font files with Font-Awesome?</t>
  </si>
  <si>
    <t>&lt;p&gt;The Font-Awesome docs do not mention anywhere that other files need to be downloaded and included within a project so why are the icons missing?&lt;/p&gt;
&lt;p&gt;I know that the font files &lt;em&gt;should&lt;/em&gt; be within the relative path so Font-Awesome can &lt;em&gt;see&lt;/em&gt; them, I understand that, but with reference to other techniques like combining and minifying css files and JavaScripts, why is it that there will more HTTP requests to get the fonts?&lt;/p&gt;
&lt;p&gt;&lt;code&gt;[Error] Failed to load resource: the server responded with a status of 404 (Not Found) (fontawesome-webfont.woff, line 0)&lt;/code&gt;&lt;/p&gt;</t>
  </si>
  <si>
    <t>2015-06-04 15:38:02.923000+00:00</t>
  </si>
  <si>
    <t>2015-06-04 16:13:30.023000+00:00</t>
  </si>
  <si>
    <t>css|font-awesome</t>
  </si>
  <si>
    <t>Logic require, structure confuse on query</t>
  </si>
  <si>
    <t>&lt;p&gt;My query is doing compare to the database data, if database content is equal or bigger than search criteria($musage) then select the data into result.&lt;/p&gt;
&lt;p&gt;*-1 is a value mean "Unlimited"&lt;/p&gt;
&lt;p&gt;the problem is when database data is -1, "in fact it smaller than every positive integer", but in my database it is bigger than every number. The select query is executed to get database's content into result, how can make a situation to control when database content is equal -1?&lt;/p&gt;
&lt;p&gt;here is my code:&lt;/p&gt;
&lt;pre&gt;&lt;code&gt;$device = $_POST['device'];
$provider1 = $_POST['provider1'];
$plantype = $_POST['plantype'];
$dusage = $_POST['dusage'];
$cusage = $_POST['cusage'];
$musage = $_POST['musage'];
//default query
$MSGQuery = " plan.`MSG` &amp;gt;= $musage ";
//when search criteria is unlimited
if( $musage == 'Unlimited' ){
    $MSGQuery = " plan.`MSG` = -1 ";
}//when search criteria is 0
else if ( $musage == 0 ){
    $MSGQuery = " plan.`MSG` &amp;gt;= -1 ";
}
else {
    $MSGQuery = " plan.`MSG` &amp;gt;= $musage ";
}
echo $planquery="
                    SELECT plan.*, details.* FROM plan
                    LEFT JOIN details ON plan.`Name` = details.`Name` 
                    WHERE plan.`Phone` = '$device'
                    AND plan.`SIMTYPE` = '$plantype'
                    AND plan.`DATA` &amp;gt;= $dusage
                    AND plan.`CALL` &amp;gt;= $cusage 
                    AND $MSGQuery ";
$planresult=mysql_query($planquery) 
    or die ("Query to get data from firsttable failed: ".mysql_error());
while ( $prow = mysql_fetch_assoc($planresult) ) {
&lt;/code&gt;&lt;/pre&gt;</t>
  </si>
  <si>
    <t>2016-09-10 04:30:09.917000+00:00</t>
  </si>
  <si>
    <t>2016-09-10 06:07:19.370000+00:00</t>
  </si>
  <si>
    <t>2016-09-10 04:37:28.010000+00:00</t>
  </si>
  <si>
    <t>Javascript error in IE7 only (jQuery / Cycle.js</t>
  </si>
  <si>
    <t>&lt;p&gt;I'm using jQuery and cycle.js to fade through some images on this site.&lt;/p&gt;
&lt;p&gt;On the first and last slides, I've put a callback function to go to the next/prev pages, however in IE7 I'm receiving a runtime javascript error (not in any other browsers). &lt;/p&gt;
&lt;p&gt;Here's the link to my javascript file: &lt;a href="http://bit.ly/dAKEof" rel="nofollow noreferrer"&gt;http://bit.ly/dAKEof&lt;/a&gt;&lt;/p&gt;
&lt;p&gt;The error I'm receiving in IE7 is: &lt;/p&gt;
&lt;p&gt;Line: 126
Char: 4
Error: Object Expected
Code: 0&lt;/p&gt;
&lt;p&gt;Here's the code I have at line 126 of the functions.js file:&lt;/p&gt;
&lt;p&gt;window.location = $('#next').find("a").attr("href");&lt;/p&gt;
&lt;p&gt;Any ideas?&lt;/p&gt;</t>
  </si>
  <si>
    <t>2010-08-21 00:44:28.797000+00:00</t>
  </si>
  <si>
    <t>2010-08-21 04:40:43.607000+00:00</t>
  </si>
  <si>
    <t>javascript|jquery|internet-explorer-7|cycle</t>
  </si>
  <si>
    <t>Writing to a file not working in Raspberry Pi using Terminal</t>
  </si>
  <si>
    <t>&lt;p&gt;I will try and keep it short
I just got a Raspberry Pi and I am trying to write to a file using Python. I wrote this small program that gets input from the user and it will be put in a text file.&lt;/p&gt;
&lt;pre&gt;&lt;code&gt;# Grabs a line from user input and saves it to a file
import sys
for line in sys.stdin:
   file = open('notes.txt', 'a')
   file.write(line)
   file.close()
&lt;/code&gt;&lt;/pre&gt;
&lt;p&gt;I tried running this in a Python shell and it works fine. But, when I tried running it in terminal, using python/python3 test.py, it didn't work.&lt;/p&gt;
&lt;p&gt;Am I doing something wrong?
Thanks&lt;/p&gt;</t>
  </si>
  <si>
    <t>2015-04-17 19:17:09.490000+00:00</t>
  </si>
  <si>
    <t>2015-04-17 19:19:12.743000+00:00</t>
  </si>
  <si>
    <t>python|raspberry-pi2</t>
  </si>
  <si>
    <t>Failed to compile or Error when running MAKE in node</t>
  </si>
  <si>
    <t>&lt;p&gt;I'm running the &lt;code&gt;make&lt;/code&gt; command in compiling my widget. My global install module is located in &lt;code&gt;/home/qa/.nvm/versions/node/v6.14.3/lib/node_modules/ntt/bin/ntt&lt;/code&gt;.&lt;/p&gt;
&lt;p&gt;I already created a symlink of the module in the directory where I will run the &lt;code&gt;make -B&lt;/code&gt; command but still I am receiving an error.&lt;/p&gt;
&lt;p&gt;here's the error I'm getting:&lt;/p&gt;
&lt;p&gt;&lt;a href="https://i.stack.imgur.com/pU7X6.jpg" rel="nofollow noreferrer"&gt;&lt;img src="https://i.stack.imgur.com/pU7X6.jpg" alt="enter image description here"&gt;&lt;/a&gt;&lt;/p&gt;
&lt;p&gt;I'm using &lt;code&gt;Linux Mint Sylvia&lt;/code&gt;&lt;/p&gt;
&lt;p&gt;Node version : v6.14.3&lt;/p&gt;
&lt;p&gt;NPM version  : 6.3.0&lt;/p&gt;</t>
  </si>
  <si>
    <t>2018-10-02 10:42:12.090000+00:00</t>
  </si>
  <si>
    <t>node.js|npm</t>
  </si>
  <si>
    <t>Getting rid of empty elements in ArrayList</t>
  </si>
  <si>
    <t>&lt;p&gt;I've been working on this question for a while and I'm still stumped.&lt;/p&gt;
&lt;p&gt;I'm supposed to write a method stutter that takes an &lt;code&gt;ArrayList&amp;lt;String&amp;gt;&lt;/code&gt; as a parameter and that replaces every string with two of that string. For example, if the list stores the values &lt;code&gt;{"how", "are", "you?"}&lt;/code&gt; before the method is called, it should store the values &lt;code&gt;{"how", "how", "are", "are", "you?", "you?"}&lt;/code&gt; after the method finishes executing.&lt;/p&gt;
&lt;p&gt;But despite my best efforts I still can't seem to get rid of the empty elements that are in my code. &lt;/p&gt;
&lt;p&gt;Any help would be greatly appreciated.&lt;/p&gt;
&lt;pre&gt;&lt;code&gt;public static ArrayList&amp;lt;String&amp;gt; stutter(ArrayList&amp;lt;String&amp;gt; lst) {
    ArrayList&amp;lt;String&amp;gt; list = new ArrayList&amp;lt;String&amp;gt;();
    int size    = lst.size();
    int intSize = lst.size();
    int inSize  = lst.size();
    int size4   = list.size();
    if (lst.size() == 0) {
       lst.clear();
    } else {
        for (int x = 0; x &amp;lt; size; x++) {
            for (int i = 0; i &amp;lt; 2; i++) {
                lst.add(lst.get(x));
            }
        }
        for (int x = 0; x &amp;lt; intSize ; x++) {
            lst.set(x,"");
        }
        for (int x = inSize - 1; x &amp;lt; size; x++) {
            String oldInfo = lst.get(x);
            list.add(oldInfo);
        }
        list.removeAll("",null);
    }
    return list; 
}
&lt;/code&gt;&lt;/pre&gt;</t>
  </si>
  <si>
    <t>2018-03-30 16:34:03.307000+00:00</t>
  </si>
  <si>
    <t>2018-03-30 17:07:27.430000+00:00</t>
  </si>
  <si>
    <t>2018-03-30 16:50:44.100000+00:00</t>
  </si>
  <si>
    <t>Remount Android file system through java</t>
  </si>
  <si>
    <t>&lt;p&gt;I need to remount android file system as read write instead of read only. I know how to do it through command prompt and also how to go about it for application development.&lt;/p&gt;
&lt;p&gt;But I am into tweaking the android source code and there if I use&lt;/p&gt;
&lt;pre&gt;&lt;code&gt;Process proc=Runtime.getRuntime.exec("su"); 
&lt;/code&gt;&lt;/pre&gt;
&lt;p&gt;it doesnot work. Therefore I need to use &lt;code&gt;android.os.process&lt;/code&gt; object for the same and I am stuck here can anybody help me with it.&lt;/p&gt;</t>
  </si>
  <si>
    <t>2012-05-10 05:37:21.303000+00:00</t>
  </si>
  <si>
    <t>2012-05-10 13:08:59.010000+00:00</t>
  </si>
  <si>
    <t>Design a file system</t>
  </si>
  <si>
    <t>&lt;p&gt;What should be the classes that one needs to create while designing a file system . What kind of of design patterns should be used in designing the file system.&lt;/p&gt;</t>
  </si>
  <si>
    <t>2011-03-21 10:04:45.863000+00:00</t>
  </si>
  <si>
    <t>2016-09-11 07:41:17.473000+00:00</t>
  </si>
  <si>
    <t>design-patterns|design|filesystems</t>
  </si>
  <si>
    <t>Sample .NET C# MVC project using Entity Framework with Database First, Multi-Tie architeture and Role-based security?</t>
  </si>
  <si>
    <t>&lt;p&gt;Is there a 'official' or 'better' way to implement a .Net C# MVC project using Entity Framework with Database First, Multi-Tie architetire and Role-Based security?&lt;/p&gt;
&lt;p&gt;I did some MVC projects using Entity Framework with Database First. Because the projects are relative simple, so whenever need to query, I create the entity in the controller, do the LINQ query directly. Now, if I want to implement multi-tie architeture, does that mean I need to refactor all these, and seperate all query codes into a service layer? even for a very simple query?&lt;/p&gt;
&lt;p&gt;As for Role-Based security, oftern time, the UI are different based on the Role. For example, for admin, all buttons should show up. but for regular user, maybe we only want to show 1 button. In this case, I usually use razor syntax in view and check role again in controller. Is this the correct way? &lt;/p&gt;
&lt;p&gt;I'm wondering whether there are some sample projects for how to in these cases. I could not find them after some search.&lt;/p&gt;
&lt;p&gt;Thanks&lt;/p&gt;</t>
  </si>
  <si>
    <t>2016-06-14 20:37:06.930000+00:00</t>
  </si>
  <si>
    <t>2016-06-14 20:58:46.513000+00:00</t>
  </si>
  <si>
    <t>c#|asp.net-mvc|entity-framework|asp.net-mvc-4</t>
  </si>
  <si>
    <t>RNFechBlob Error - java.lang.String com.facebook.react.bridge.ReadableMap.getString</t>
  </si>
  <si>
    <t>&lt;p&gt;I am reusing a code from another project where the image upload using react native fetch blob works fine.&lt;/p&gt;
&lt;p&gt;But now, when I try to upload an image I got this error:&lt;/p&gt;
&lt;p&gt;&lt;a href="https://i.stack.imgur.com/Ae7MO.png" rel="nofollow noreferrer"&gt;&lt;img src="https://i.stack.imgur.com/Ae7MO.png" alt="Error =/"&gt;&lt;/a&gt;&lt;/p&gt;
&lt;p&gt;Can anyone help me?&lt;/p&gt;
&lt;p&gt;My code follows:&lt;/p&gt;
&lt;pre&gt;&lt;code&gt;const Blob = RNFetchBlob.polyfill.Blob
        window.XMLHttpRequest = RNFetchBlob.polyfill.XMLHttpRequest
        window.Blob = Blob
        const testImageName = `${imageName}.png`
        Blob
          .build(RNFetchBlob.wrap(imageUri), { type: 'image/png' })
          .then((blob) =&amp;gt; {
            return firebase.storage()
              .ref(`photos/${uid}`)
              .child(testImageName)
              .put(blob, { contentType: 'image/png' })
              .then((snapshot) =&amp;gt; {
                const imgUrl = snapshot.metadata.downloadURLs[0]
                firebase.database().ref(`Users/${sexo}/${uid}/imagesURL`).update({
                  [imageName]: imgUrl
                })
                blob.close()
                return imgUrl
              })
              .catch((err) =&amp;gt; {
                console.log(err)
              })
          })
          .catch((err) =&amp;gt; {
            console.log(err)
          })
&lt;/code&gt;&lt;/pre&gt;</t>
  </si>
  <si>
    <t>2018-05-30 03:24:08.137000+00:00</t>
  </si>
  <si>
    <t>react-native|react-native-fetch-blob</t>
  </si>
  <si>
    <t>Cannot get posted variables to echo in the form</t>
  </si>
  <si>
    <t>&lt;p&gt;It seems my code is correct, however the posted variables in the form will not echo in the update user settings page in the form. I have echoed the posted ids from the input in the database but I cannot get the variables to show.
I have done this in Codeigniter fine but am trying to do it in pure php with my own framework.&lt;/p&gt;
&lt;p&gt;$users = new Users($db); comes from my init.php file that is called at the beginning of the file below.&lt;/p&gt;
&lt;pre&gt;&lt;code&gt;   when I 
   &amp;lt;?php var_dump($user['first_name'])?&amp;gt; 
   I get Null
   &amp;lt;input type="text" name="first_name" value="&amp;lt;?php if (isset($_POST['first_name']) )
    {echo htmlentities(strip_tags($_POST['first_name']));} else { echo
    $user['first_name']; }?&amp;gt;"&amp;gt;
&lt;/code&gt;&lt;/pre&gt;</t>
  </si>
  <si>
    <t>2014-02-17 02:39:48.330000+00:00</t>
  </si>
  <si>
    <t>2014-05-05 10:59:50.827000+00:00</t>
  </si>
  <si>
    <t>2014-02-17 05:57:59.307000+00:00</t>
  </si>
  <si>
    <t>php|forms|variables|post</t>
  </si>
  <si>
    <t>Mozilla Browser exit Observer</t>
  </si>
  <si>
    <t>&lt;p&gt;I have implement "quit-application" Observer, &lt;/p&gt;
&lt;pre&gt;&lt;code&gt;TestApp.ns(function() {
with (TestApp.Lib) {
    //Ci = Components.interfaces;
    theApp.ExitObserver = function() {},
    // Called on uninstall
    theApp.ExitObserver.prototype.observe = function(subject, topic, data){
        if (topic == "quit-application"){
            alert(" exit ");
        }
    };
    }
});
&lt;/code&gt;&lt;/pre&gt;
&lt;p&gt;Im My Main.js file i called this ExitObserver as bellow.&lt;/p&gt;
&lt;pre&gt;&lt;code&gt;theApp.exitObserver = new theApp.ExitObserver();
observerService.addObserver(theApp.exitObserver, "quit-application", false);
&lt;/code&gt;&lt;/pre&gt;
&lt;p&gt;When user exit from browser my alert not working. Is there any issue in this implementation?&lt;/p&gt;</t>
  </si>
  <si>
    <t>2010-11-29 05:20:36.420000+00:00</t>
  </si>
  <si>
    <t>2010-12-02 14:46:43.133000+00:00</t>
  </si>
  <si>
    <t>firefox-addon|mozilla|add-on</t>
  </si>
  <si>
    <t>django-social-auth : custom response during pipeline execution</t>
  </si>
  <si>
    <t>&lt;p&gt;I'm using &lt;a href="http://python-social-auth.readthedocs.io/en/latest/index.html" rel="nofollow noreferrer"&gt;social-auth-app-django&lt;/a&gt; for Google authentication process. I created a custom pipeline and I want to return a &lt;code&gt;403 Forbidden&lt;/code&gt; response under some certain conditions during the pipeline execution or somehow.
&lt;br&gt;&lt;/p&gt;
&lt;pre&gt;&lt;code&gt;from social_core.exceptions import AuthFailed
def check_condition_pipeline(strategy, backend, details, response, *args, **kwargs):
    email = details['email']
    if email == 'check_email@domail.com':
        return {'is_new': False}
    else:
        raise AuthFailed(backend)
&lt;/code&gt;&lt;/pre&gt;
&lt;p&gt;&lt;br&gt;I tried &lt;code&gt;redirect()&lt;/code&gt; method, but didn't get what I expected :( 
&lt;br&gt;&lt;br&gt;&lt;br&gt;
&lt;strong&gt;UPDATE&lt;/strong&gt;
&lt;br&gt;
  I'm including what I've done after seeing some comments.&lt;/p&gt;
&lt;p&gt;1.Changed custom pipeline function (Please look above).&lt;br&gt;
2.Added custom Middleware class. &lt;/p&gt;
&lt;pre&gt;&lt;code&gt;from social_django.middleware import SocialAuthExceptionMiddleware
from django.http import HttpResponse
class MySocialAuthExceptionMiddleware(SocialAuthExceptionMiddleware):
    def process_exception(self, request, exception):
        if hasattr(exception, 'AuthFailed'):
            return HttpResponse("Not Autherised - Custom Response")
        else:
            raise exception
&lt;/code&gt;&lt;/pre&gt;
&lt;p&gt;But, still I didn't get any &lt;code&gt;HttpResponse&lt;/code&gt; :(&lt;/p&gt;</t>
  </si>
  <si>
    <t>2017-09-01 06:19:13.867000+00:00</t>
  </si>
  <si>
    <t>2017-09-01 09:38:07.697000+00:00</t>
  </si>
  <si>
    <t>2017-09-01 08:30:41.450000+00:00</t>
  </si>
  <si>
    <t>python|django|python-social-auth|django-socialauth</t>
  </si>
  <si>
    <t>cordova admob plugin working but with uncaught reference error</t>
  </si>
  <si>
    <t>&lt;p&gt;My ionic/phonegap apps uses &lt;a href="https://github.com/floatinghotpot/cordova-admob-pro" rel="nofollow"&gt;cordova admob pro&lt;/a&gt; plugin.&lt;/p&gt;
&lt;p&gt;The &lt;code&gt;admob&lt;/code&gt; working fine on real device, but i found an error when i look the chrome's &lt;code&gt;console&lt;/code&gt; :&lt;/p&gt;
&lt;pre&gt;&lt;code&gt;Uncaught ReferenceError: AdMob is not defined
&lt;/code&gt;&lt;/pre&gt;
&lt;p&gt;This is my entire &lt;code&gt;admob&lt;/code&gt; code :&lt;/p&gt;
&lt;pre&gt;&lt;code&gt;var admobid = {};
if( /(android)/i.test(navigator.userAgent) ) {
    admobid = {
        banner: '',
        interstitial: ''
    };
}
if(( /(ipad|iphone|ipod|android|windows phone)/i.test(navigator.userAgent) )) {
    document.addEventListener('deviceready', initApp, false);
} else {
    initApp();
}
function initApp() {
    //Error here
    AdMob.createBanner( {
        adId: admobid.banner, 
        isTesting: false,
        overlap: false, 
        offsetTopBar: false, 
        position: AdMob.AD_POSITION.BOTTOM_CENTER//,
        //bgColor: 'yellow'
    } );
    //And here
    AdMob.prepareInterstitial({
        adId: admobid.interstitial,
        autoShow: true  //kalo mau bisa false, nanti panggil manual
    });
}
&lt;/code&gt;&lt;/pre&gt;
&lt;p&gt;The error goes to &lt;code&gt;AdMob.createBanner&lt;/code&gt; and &lt;code&gt;AdMob.prepareInterstitial&lt;/code&gt;.&lt;/p&gt;
&lt;p&gt;Is this error safe if i leave it to be? (because the &lt;code&gt;admob&lt;/code&gt; is working fine)&lt;/p&gt;
&lt;p&gt;Is there any way to get rid this error?&lt;/p&gt;
&lt;p&gt;Thanks a lot for your help&lt;/p&gt;</t>
  </si>
  <si>
    <t>2015-11-13 08:56:47+00:00</t>
  </si>
  <si>
    <t>2016-05-18 10:22:27.463000+00:00</t>
  </si>
  <si>
    <t>javascript|cordova|admob|ionic</t>
  </si>
  <si>
    <t>Oracle ADF and SalesForce Integration</t>
  </si>
  <si>
    <t>&lt;p&gt;I am trying to integrate &lt;strong&gt;ADF&lt;/strong&gt; application to &lt;strong&gt;SalesForce&lt;/strong&gt;. I have my enterprise URL and api-token and password. I am able to call services and get results from soapUI.&lt;/p&gt;
&lt;p&gt;Now the challenge is I'd like to integrate salesforce and get data to ADF application. I have created &lt;em&gt;datacontrol&lt;/em&gt; for SOAP web service. But this'll not work as SalesForce follows a secured approach. First we need to call &lt;strong&gt;&lt;em&gt;Login()&lt;/em&gt;&lt;/strong&gt; service which'll return a dynamic &lt;strong&gt;&lt;em&gt;serviceURL&lt;/em&gt;&lt;/strong&gt; and a &lt;strong&gt;&lt;em&gt;sessionId&lt;/em&gt;&lt;/strong&gt;. Then we need to call the desired service with serviceURL as endpoint and sessionId as one of the request attributes. How could I implement this in  declarative approach.&lt;/p&gt;
&lt;p&gt;Please do not ask me to write a java client to access SalesForce which I already aware and I am doing.&lt;/p&gt;
&lt;p&gt;-V&lt;/p&gt;</t>
  </si>
  <si>
    <t>2014-03-05 16:33:05.983000+00:00</t>
  </si>
  <si>
    <t>2015-11-01 03:45:01.857000+00:00</t>
  </si>
  <si>
    <t>salesforce|integration|oracle-adf|declarative-programming</t>
  </si>
  <si>
    <t>Move On-Screen Keyboard (osk.exe) with C# &amp; Win API</t>
  </si>
  <si>
    <t>&lt;p&gt;I've made this little &lt;code&gt;.ps1&lt;/code&gt; script as it allows me to run C# without using a compiler (directly at least). I'd like to move the "Accessibility On-Screen Keyboard" that opens with &lt;code&gt;cmd /c osk.exe&lt;/code&gt; as I can't really use &lt;code&gt;TabTip&lt;/code&gt; - the panned touchscreen keyboard on Win8+.&lt;/p&gt;
&lt;p&gt;As the On-Screen Keyboard isn't really that pretty like the panned keyboard, I'd like to &lt;em&gt;move&lt;/em&gt; the keyboard to a desired location &lt;strong&gt;and&lt;/strong&gt; resize it. I noticed the OSK has a child window (&lt;code&gt;OSKMainClass&lt;/code&gt; ��� &lt;code&gt;DirectUIHWND&lt;/code&gt;), so I went even for that, but no luck. On the other hand, the same code for a single window works for notepad and correctly places and resizes it.&lt;/p&gt;
&lt;p&gt;I put &lt;code&gt;Process.Start()&lt;/code&gt; into the if, so that it gave back some feedback, therefore I see it found the child window - that's nice. &lt;strong&gt;BUT&lt;/strong&gt;, it didn't move it.&lt;/p&gt;
&lt;p&gt;An interesting thing appeared when I pressed &lt;code&gt;Alt+Tab&lt;/code&gt; and held the &lt;code&gt;Alt&lt;/code&gt; - the OSK window appeared like a grey fullscreen one (metro-like style). I'm not sure if that's an intended behavior for a parent window or not.&lt;/p&gt;
&lt;p&gt;Also, I thought it'd be the window styles' thingy, but no, the styles are almost the same (except two unrelated styles), so I'm without any clue how to continue. Any ideas?&lt;/p&gt;
&lt;p&gt;&lt;strong&gt;Code:&lt;/strong&gt;&lt;/p&gt;
&lt;pre&gt;&lt;code&gt;$CSsource = @"
using System;
using System.Runtime.InteropServices;
using System.Diagnostics;
namespace Win {
    public static class API {
        [DllImport("user32.dll")]
        static extern IntPtr FindWindow(
            string lpClassName,
            string lpWindowName
        );
        [DllImport("user32.dll")]
        public static extern IntPtr FindWindowEx(
            IntPtr parentHwnd,
            IntPtr childAfter,
            string className,
            string windowTitle
        );
        [DllImport("user32.dll")]
        static extern bool ShowWindow(
            IntPtr hWnd,
            int nCmdShow
        );
        [DllImport("user32.dll")]
        static extern bool MoveWindow(
            IntPtr hWnd,
            int X, int Y,
            int Width, int Height,
            bool Repaint
        );
        public static void Move(
            string wClass, string wName,
            string childClass,
            int top, int left,
            int width, int height
        ) {
            IntPtr hwnd = FindWindow(wClass, wName);
            if ((int) hwnd &amp;gt; 0) {
                IntPtr subHwnd;
                if (childClass != String.Empty) {
                    subHwnd = FindWindowEx(hwnd, IntPtr.Zero, childClass, null);
                } else {
                    subHwnd = IntPtr.Zero;
                }
                if ((int) subHwnd &amp;gt; 0) {
                    MoveWindow(subHwnd, left, top, width, height + 50, true);
                    Process.Start("cmd"); //feedback from loop, heh
                } else {
                    MoveWindow(hwnd, left, top, width, height + 50, true);
                }
            }
        }
    }
}
"@
add-type -TypeDefinition $CSsource
#[Win.API]::Move('OSKMainClass', 'On-Screen Keyboard', 'DirectUIHWND', 50, 50, 200, 100)
#[Win.API]::Move('OSKMainClass', 'Accessibility On-Screen Keyboard', 'DirectUIHWND', 50, 50, 200, 100)
[Win.API]::Move('OSKMainClass', 'Accessibility On-Screen Keyboard', '', 50, 50, 200, 100)
[Win.API]::Move('Notepad', 'Untitled - Notepad', '', 50, 50, 200, 100)
&lt;/code&gt;&lt;/pre&gt;
&lt;p&gt;&lt;strong&gt;OSK window styles:&lt;/strong&gt;&lt;/p&gt;
&lt;ul&gt;
&lt;li&gt;WS_CAPTION&lt;/li&gt;
&lt;li&gt;WS_VISIBLE&lt;/li&gt;
&lt;li&gt;WS_CLIPSIBLINGS&lt;/li&gt;
&lt;li&gt;WS_CLIPCHILDREN&lt;/li&gt;
&lt;li&gt;WS_SYSMENU&lt;/li&gt;
&lt;li&gt;WS_THICKFRAME&lt;/li&gt;
&lt;li&gt;WS_OVERLAPPED&lt;/li&gt;
&lt;li&gt;WS_MINIMIZEBOX&lt;/li&gt;
&lt;li&gt;WS_EX_LEFT&lt;/li&gt;
&lt;li&gt;WS_EX_LTRREADING&lt;/li&gt;
&lt;li&gt;WS_EX_TOPMOST&lt;/li&gt;
&lt;li&gt;WS_EX_WINDOWEDGE&lt;/li&gt;
&lt;li&gt;WS_EX_APPWINDOW&lt;/li&gt;
&lt;li&gt;WS_EX_LAYERED&lt;/li&gt;
&lt;li&gt;WS_EX_NOACTIVATE&lt;/li&gt;
&lt;/ul&gt;
&lt;p&gt;&lt;strong&gt;Notepad window styles:&lt;/strong&gt;&lt;/p&gt;
&lt;p&gt;above +&lt;/p&gt;
&lt;ul&gt;
&lt;li&gt;WS_RIGHTSCROLLBAR&lt;/li&gt;
&lt;li&gt;WS_ACCEPTFILES&lt;/li&gt;
&lt;/ul&gt;</t>
  </si>
  <si>
    <t>2017-02-15 22:09:33.340000+00:00</t>
  </si>
  <si>
    <t>2017-02-16 00:40:08.473000+00:00</t>
  </si>
  <si>
    <t>2017-02-15 22:39:09.550000+00:00</t>
  </si>
  <si>
    <t>c#|windows|winapi|keyboard|on-screen-keyboard</t>
  </si>
  <si>
    <t>How can I check whether I have already enqueued a task before?</t>
  </si>
  <si>
    <t>&lt;p&gt;I'd like to add a task on the App Engine Task Queue, but only if it hasn't been enqueued before. How can I check whether its already in queue or not? Wasn't obvious from the task queue API, but maybe I missed it. They key to the task (param?) would be user_id.
Use case: I keep checking for new messages every minute. This needs to happen very frequently. However, sometimes there are other jobs in this queue (they all need to be part of the same queue because they are using an external service, Gmail API, which has a rate limit of 10 qps, which I can only guarantee by rate limiting the queue). When these heavy processes run, they backlog the queue. To avoid this, I'd like to check whether a incremental-fetch task has previously been enqueued, and only enqueue if it hasn't. What is the best practice to achieve something like this?&lt;/p&gt;</t>
  </si>
  <si>
    <t>2014-11-24 13:01:12.983000+00:00</t>
  </si>
  <si>
    <t>2014-11-24 17:08:48.583000+00:00</t>
  </si>
  <si>
    <t>google-app-engine|message-queue|task-queue</t>
  </si>
  <si>
    <t>How to set HtmlSaveOptions to save html and resources to stream using Aspose PDF</t>
  </si>
  <si>
    <t>&lt;p&gt;I am  trying to use  Aspose.PDF to load PDF from databases, convert it to HTML and render them to our web page.I want to know if we can save both the document and the resource to stream since current example in the document of Aspose.PDF saves css and images to a local path. I have tried this but the is and error that Aspose.Pdf.SaveFormat.Html is not supported.&lt;/p&gt;
&lt;p&gt;&lt;code&gt;Aspose.Pdf.Document PDFDocument = new Aspose.Pdf.Document(PDFStream);
 MemoryStream HTMLStreamFromPDF = new MemoryStream();
 PDFDocument.Save(HTMLStreamFromPDF, Aspose.Pdf.SaveFormat.Html);&lt;/code&gt;&lt;/p&gt;
&lt;p&gt;If it can be done, how to write the parameters of CustomResourceSavingStrategy, CustomCssSavingStrategy, and CustomStrategyOfCssUrlCreation of HtmlSaveOptions. I am sorry that I am not quite familiar with delegate in C#&lt;/p&gt;
&lt;p&gt;Thanks!&lt;/p&gt;</t>
  </si>
  <si>
    <t>2014-06-25 01:37:03.020000+00:00</t>
  </si>
  <si>
    <t>2014-06-26 00:16:07.863000+00:00</t>
  </si>
  <si>
    <t>aspose</t>
  </si>
  <si>
    <t>XPath testing text in child elements?</t>
  </si>
  <si>
    <t>&lt;p&gt;I have HTML with a table-like format (not &lt;code&gt;&amp;lt;table&amp;gt;&lt;/code&gt;).  I need to check if the given &lt;code&gt;row&lt;/code&gt; has all the values.&lt;/p&gt;
&lt;pre&gt;&lt;code&gt;...
&amp;lt;div id="rows"&amp;gt;
  &amp;lt;div class="row"&amp;gt;
    &amp;lt;p&amp;gt;Java&amp;lt;/p&amp;gt;
    &amp;lt;p&amp;gt;Ruby&amp;lt;/p&amp;gt;
  &amp;lt;/div&amp;gt;
  &amp;lt;div class="row"&amp;gt;
    &amp;lt;p&amp;gt;HTML&amp;lt;/p&amp;gt;
    &amp;lt;p&amp;gt;Ruby&amp;lt;/p&amp;gt;
  &amp;lt;/div&amp;gt;
&amp;lt;/div&amp;gt;
...
&lt;/code&gt;&lt;/pre&gt;
&lt;p&gt;How do I check using xpath if this has &lt;code&gt;Java AND Ruby&lt;/code&gt; within a single &lt;code&gt;row&lt;/code&gt;?&lt;/p&gt;
&lt;p&gt;I tried &lt;code&gt;//p[text()='Java' and text()='Ruby']&lt;/code&gt; but didn't quite work.  Also tried  &lt;code&gt;//div[@id='rows']//p[contains(text(),'Java') and contains(text(),'Ruby')]&lt;/code&gt;&lt;/p&gt;</t>
  </si>
  <si>
    <t>2016-08-24 11:29:34.550000+00:00</t>
  </si>
  <si>
    <t>2016-08-24 13:50:41.760000+00:00</t>
  </si>
  <si>
    <t>html|xml|xpath</t>
  </si>
  <si>
    <t>creating any object with python zeep</t>
  </si>
  <si>
    <t>&lt;p&gt;i am pretty new to zeep, and soap. i`am trying to make client request to soap ws function. wsdl of function:&lt;/p&gt;
&lt;pre&gt;&lt;code&gt;-&amp;lt;s:element name="GetRetailTransactions"&amp;gt;
    -&amp;lt;s:complexType&amp;gt;
        -&amp;lt;s:sequence&amp;gt;
            -&amp;lt;s:element name="parameters" maxOccurs="1" minOccurs="0"&amp;gt;
                -&amp;lt;s:complexType mixed="true"&amp;gt;
                      -&amp;lt;s:sequence&amp;gt;
                             &amp;lt;s:any/&amp;gt;
                       &amp;lt;/s:sequence&amp;gt;
                &amp;lt;/s:complexType&amp;gt;
           &amp;lt;/s:element&amp;gt;
       &amp;lt;/s:sequence&amp;gt;
    &amp;lt;/s:complexType&amp;gt;
&amp;lt;/s:element&amp;gt;
&lt;/code&gt;&lt;/pre&gt;
&lt;p&gt;i dont fully understand how to create object with type any in zeep. 
i have tried :&lt;/p&gt;
&lt;pre&gt;&lt;code&gt;    wsdl = 'http://domain/app.asmx?WSDL'
    client = Client(wsdl=wsdl)
    params = {
        'RetailTransactionsParameters': {
            'GetNotExportedOnly': '0',
            'GetNotRetrunsOnly': '0',
            'FromDate': '20170518',
            'ToDate': '20170518',
            'TransactionTypeFilter': {
            'TransactionType': '2'
            },
        },
    }
    parameters = client.get_element('ns0:GetRetailTransactions')
    param = xsd.AnyObject(parameters, parameters(params))
    result = client.service.GetRetailTransactions(param)
&lt;/code&gt;&lt;/pre&gt;
&lt;p&gt;but i get error:&lt;/p&gt;
&lt;pre&gt;&lt;code&gt;File "/home/user/lib/python3.6/site-packages/zeep/xsd/elements/indicators.py", line 227, in render
    if name in value:
TypeError: argument of type 'AnyObject' is not iterable
&lt;/code&gt;&lt;/pre&gt;
&lt;p&gt;on soapui i can make request and successfully get answer with :&lt;/p&gt;
&lt;pre&gt;&lt;code&gt;&amp;lt;Envelope xmlns="http://schemas.xmlsoap.org/soap/envelope/"&amp;gt;
    &amp;lt;Body&amp;gt;
        &amp;lt;GetRetailTransactions xmlns="example.com/"&amp;gt;
            &amp;lt;parameters&amp;gt;
                &amp;lt;RetailTransactionsParameters&amp;gt;
                    &amp;lt;GetNotExportedOnly&amp;gt;0&amp;lt;/GetNotExportedOnly&amp;gt;
                    &amp;lt;GetNotRetrunsOnly&amp;gt;0&amp;lt;/GetNotRetrunsOnly&amp;gt;
                    &amp;lt;FromDate&amp;gt;20170518&amp;lt;/FromDate&amp;gt;
                    &amp;lt;ToDate&amp;gt;20170518&amp;lt;/ToDate&amp;gt;
                    &amp;lt;TransactionTypeFilter&amp;gt;
                     &amp;lt;TransactionType&amp;gt;2&amp;lt;/TransactionType&amp;gt;
                    &amp;lt;/TransactionTypeFilter&amp;gt;
                &amp;lt;/RetailTransactionsParameters&amp;gt;
            &amp;lt;/parameters&amp;gt;
        &amp;lt;/GetRetailTransactions&amp;gt;
    &amp;lt;/Body&amp;gt;
&amp;lt;/Envelope&amp;gt;
&lt;/code&gt;&lt;/pre&gt;
&lt;p&gt;maybe someone can guide me how to correctly make such a request with zeep..
thanks in advance&lt;/p&gt;</t>
  </si>
  <si>
    <t>2017-10-30 15:57:47.700000+00:00</t>
  </si>
  <si>
    <t>2017-11-02 16:21:42.853000+00:00</t>
  </si>
  <si>
    <t>python-3.x|soap|wsdl|zeep</t>
  </si>
  <si>
    <t>Django PostgreSQL DatabaseError: relation "categories" does not exist</t>
  </si>
  <si>
    <t>&lt;p&gt;I am working on a Django app. Initially I was using MySQL for database. Then, I needed to deploy a demo app on heroku, which uses PostgreSQL.&lt;/p&gt;
&lt;p&gt;I am getting an error in heroku when I try to create an object, even from shell.&lt;/p&gt;
&lt;p&gt;This is what I am trying to do:&lt;/p&gt;
&lt;pre&gt;&lt;code&gt;&amp;gt;&amp;gt; from store.models import Product, Category
&amp;gt;&amp;gt; cat = Category()
&amp;gt;&amp;gt; cat.name = 'books'
&amp;gt;&amp;gt; cat.description = 'books'
&amp;gt;&amp;gt; cat.slug = 'books'
&amp;gt;&amp;gt; cat.save()
&lt;/code&gt;&lt;/pre&gt;
&lt;p&gt;I get the following error:&lt;/p&gt;
&lt;pre&gt;&lt;code&gt;......
DatabaseError: relation "categories" does not exist
&lt;/code&gt;&lt;/pre&gt;
&lt;p&gt;Here's my Category and Product models&lt;/p&gt;
&lt;pre&gt;&lt;code&gt;class Category(models.Model):
  name = models.CharField(max_length=50)
  description = models.TextField()
  slug = models.SlugField(max_length=50, unique=True)
  created_at = models.DateTimeField(auto_now_add=True)
  updated_at = models.DateTimeField(auto_now=True)
class Product(models.Model):
  name = models.CharField(max_length=100, unique=True)
  description = models.TextField()
  price = models.DecimalField(max_digits=9, decimal_places=2)
  slug = models.SlugField(max_length=50, unique=True)
  categories = models.ManyToManyField(Category)
  created_at = models.DateTimeField(auto_now_add=True)
  updated_at = models.DateTimeField(auto_now=True)
&lt;/code&gt;&lt;/pre&gt;
&lt;p&gt;It works very well with MySQL, but not with PostgreSQL.&lt;/p&gt;
&lt;p&gt;Can anyone help?&lt;/p&gt;
&lt;p&gt;Thanks.&lt;/p&gt;</t>
  </si>
  <si>
    <t>2012-07-02 13:32:28.593000+00:00</t>
  </si>
  <si>
    <t>2013-03-06 08:16:38.837000+00:00</t>
  </si>
  <si>
    <t>In FireBug, how do I make the HTML code persist (open to the ame place in the code) when I do a page reload?</t>
  </si>
  <si>
    <t>&lt;p&gt;When I refresh a page, I would like to have Firebug return to the same place in the HTML code view (code tree open)&lt;/p&gt;</t>
  </si>
  <si>
    <t>2011-08-17 13:23:08.830000+00:00</t>
  </si>
  <si>
    <t>2011-08-17 13:25:10.230000+00:00</t>
  </si>
  <si>
    <t>html|firebug|reload</t>
  </si>
  <si>
    <t>Anti aliasing on rotated image with background?</t>
  </si>
  <si>
    <t>&lt;p&gt;I created an rotated imageview with background rotation but the result is "aliased".&lt;/p&gt;
&lt;p&gt;The usual way is to create a &lt;code&gt;Paint&lt;/code&gt; with anti-alias flag then use it to draw bitmap.
However, the background is draw by the view's &lt;code&gt;draw(Canvas canvas)&lt;/code&gt; method, so i can't use a paint with &lt;code&gt;canvas.drawBitmap&lt;/code&gt; method.&lt;/p&gt;
&lt;p&gt;Here my code to rotate the imageview including the background :&lt;/p&gt;
&lt;pre&gt;&lt;code&gt;@Override
    public void draw(Canvas canvas)
    {
        canvas.save();
        canvas.rotate(mAngle%360, canvas.getClipBounds().exactCenterX(), canvas.getClipBounds().exactCenterY());
        canvas.scale(scaleWidth, scaleHeight, canvas.getClipBounds().exactCenterX(), canvas.getClipBounds().exactCenterY());
        super.draw(canvas);
        canvas.restore();
}
&lt;/code&gt;&lt;/pre&gt;
&lt;p&gt;and my onMeasure method which adapts the height and the width depending of the angle &lt;/p&gt;
&lt;pre&gt;&lt;code&gt;@Override
protected void onMeasure(int widthMeasureSpec, int heightMeasureSpec)
{
    super.onMeasure(widthMeasureSpec, heightMeasureSpec);
    int w = getDrawable().getIntrinsicWidth();
    int h = getDrawable().getIntrinsicHeight();
    double a = Math.toRadians(mAngle);
    int width = (int) (Math.abs(w * Math.cos(a)) + Math.abs(h * Math.sin(a)));
    int height = (int) (Math.abs(w * Math.sin(a)) + Math.abs(h * Math.cos(a)));
    scaleWidth = (width != 0) ? ((float) w) / width : 1;
    scaleHeight = (height != 0) ? ((float) h) / height : 1;
    setMeasuredDimension(width, height);
}
&lt;/code&gt;&lt;/pre&gt;
&lt;p&gt;So, How can i "enable" anti aliasing on this rotation?&lt;/p&gt;</t>
  </si>
  <si>
    <t>2013-02-26 19:59:39.043000+00:00</t>
  </si>
  <si>
    <t>2013-02-27 12:09:43.290000+00:00</t>
  </si>
  <si>
    <t>android|android-imageview|image-rotation</t>
  </si>
  <si>
    <t>cant pass parameter from ajax to php</t>
  </si>
  <si>
    <t>&lt;p&gt;I have used Jquery UI to update my table position.And its running fine. But now i want to pass the parameter from ajax to php to update my database using the current table position. But i am getting $('#widget').html(data.html); typeerror:data=null . And not able to pass parameter from ajax to php.In firebug i can see the parameter are passing but why i am not able to use it into my php file dont know. I even try to echo update statement but its not echoing.
Here is my code:
Js code:&lt;/p&gt;
&lt;pre&gt;&lt;code&gt; $("#widget_update").sortable({    
       update: function() {        
        var widget = $(this).sortable("serialize") + '&amp;amp;action=updatewidget';
        //var element_id1 = ui.item[0].id;
        //alert(element_id1);      
        $.ajax({
        type: "POST",
        url: "ajax/dashboard.php",
        dataType : 'json',
        cache: false,
        data: {'aktion' : 'show-widget','new_widget':widget},
        success: function(data){            
            $('#widget').html(data.html);                           
        },
        error: function(data){
            alert('Error');         
        }
        });
      }
}); 
&lt;/code&gt;&lt;/pre&gt;
&lt;p&gt;php code:&lt;/p&gt;
&lt;pre&gt;&lt;code&gt;if($param['aktion'] == 'show-widget')
{   
    $page['button'] = array(
    1 =&amp;gt; array( 'Add Widget','pfeil2r','',"'#'",'','','addwidgetId'),
    2 =&amp;gt; array( 'Remove Widget','pfeil2r','',"'#'",'','','removewidgetId'), 
    );
    $action                 = mysql_real_escape_string($_POST['action']); 
    $updateRecordsArray     = $_POST['recordsArray'];
    print_r($action);
    if ($action == "updatewidget"){
      $position = 1;
      foreach ($updateRecordsArray as $widget_id) {     
    echo $sql="Update dashboard_widget_users inner join dashboard_widget on dashboard_widget_users.dsnr_dashboard_widget=dashboard_widget.ID
               set dashboard_widget_users.position=".$position." 
               where dashboard_widget.id=".$widget_id." 
               and dashboard_widget_users.dsnr_yw_user=10";                                                                              
         $sql_update=mysql_query($sql);     
         $position = $position + 1;     
        }
    }                                   
    $html= '&amp;lt;table width="538" cellspacing="0" cellpadding="0" border="0" &amp;gt;
                                        &amp;lt;tr&amp;gt;
                                            &amp;lt;td&amp;gt;
                                          &amp;lt;table id="widget"&amp;gt;
                                                &amp;lt;td&amp;gt;
                                                &amp;lt;/td&amp;gt;
                                            &amp;lt;/table&amp;gt;
                                            &amp;lt;/td&amp;gt;
                                        &amp;lt;/tr&amp;gt;
                                        &amp;lt;tr&amp;gt;
                                            &amp;lt;td colspan="2"&amp;gt;
                                                '.CreateButton($page['button']).'
                                            &amp;lt;/td&amp;gt;
                                        &amp;lt;/tr&amp;gt;                                       
                                    &amp;lt;/table&amp;gt;';                        
    $return = array(
            'status' =&amp;gt; 1,
            'html'  =&amp;gt; $html
        );
    echo json_encode($return);
    die();
}
?&amp;gt;
&lt;/code&gt;&lt;/pre&gt;</t>
  </si>
  <si>
    <t>2014-07-07 10:01:41.737000+00:00</t>
  </si>
  <si>
    <t>2014-07-07 10:09:17.960000+00:00</t>
  </si>
  <si>
    <t>javascript|php|ajax|parameter-passing</t>
  </si>
  <si>
    <t>What expression statements in ECMAScript actually are</t>
  </si>
  <si>
    <t>&lt;p&gt;Let's say that at some point of a parsing process, I've already traversed the following grammar derivation:&lt;/p&gt;
&lt;pre&gt;&lt;code&gt;Script -&amp;gt; ScriptBody -&amp;gt; StatementList -&amp;gt; ExpressionStatement -&amp;gt; Expression
&lt;/code&gt;&lt;/pre&gt;
&lt;p&gt;Here comes the trouble. According to the spec, an &lt;code&gt;Expression&lt;/code&gt; within an &lt;code&gt;ExpressionStatement&lt;/code&gt; can only end up as an &lt;code&gt;AssignmentExpression&lt;/code&gt; or a sequence of those. However, statements like &lt;/p&gt;
&lt;pre&gt;&lt;code&gt;a;
12;
"some text";
&lt;/code&gt;&lt;/pre&gt;
&lt;p&gt;definitely are expression statements (as far as I understand), at the same time not being any of the &lt;code&gt;AssignmentExpression&lt;/code&gt;'s possible subtypes. They do not resolve to a syntax error in my browsers.&lt;/p&gt;
&lt;p&gt;Is it a particular implementation's or engine's feature that these statements return the value or am I missing something in the spec? Maybe, those are not &lt;code&gt;AssignmentExpressions&lt;/code&gt; at all and I'm mistaking them for something else?&lt;/p&gt;</t>
  </si>
  <si>
    <t>2018-09-29 02:25:31.663000+00:00</t>
  </si>
  <si>
    <t>2018-09-29 02:37:02.093000+00:00</t>
  </si>
  <si>
    <t>javascript|parsing|ecmascript-6|grammar</t>
  </si>
  <si>
    <t>Reusable asp dot net configurable menu control</t>
  </si>
  <si>
    <t>&lt;p&gt;I know this should ask to google :) but some how google is unable to search the control what i needed..
I want to downaload the menu custom control developed in asp.net which should be configurable with web application as per customization. like telerick controls. is there any link from which i can perform such control downalods (eaxcept telerik) ? &lt;/p&gt;
&lt;p&gt;Where should i can add items,Edit, remove items, add sub sub items herarchically... no need to go inside the source code , just work from UI.&lt;/p&gt;</t>
  </si>
  <si>
    <t>2011-08-05 10:57:15.547000+00:00</t>
  </si>
  <si>
    <t>2011-08-05 11:07:14+00:00</t>
  </si>
  <si>
    <t>asp.net|menu|custom-controls</t>
  </si>
  <si>
    <t>Finding a pattern and extracting it into another file using sed in BASH</t>
  </si>
  <si>
    <t>&lt;p&gt;I have a few SQL scripts which contains table creation SQL
statements. I want to remove all the statements having
foreign key mappings.&lt;/p&gt;
&lt;p&gt;For example below is one script.&lt;/p&gt;
&lt;pre&gt;&lt;code&gt;CREATE TABLE x (
    ORG_ID  NUMBER primary key,
    BILLING_doc xmltype
);
alter table x
 add (constraint fk_x foreign key
  (org_id) references organization\r
  (org_id))
/
&lt;/code&gt;&lt;/pre&gt;
&lt;p&gt;I want to remove the alter table statement referencing the
foreign key statement and put it in another file. As you see
the statement ends with a /. Some files end with a semicolon.&lt;/p&gt;
&lt;p&gt;I want to do this using &lt;a href="http://en.wikipedia.org/wiki/Sed" rel="nofollow noreferrer"&gt;sed&lt;/a&gt;. Note that the alter statement
shown here is spread across lines and is not on a single
line.&lt;/p&gt;
&lt;p&gt;Any help is appreciated.&lt;/p&gt;
&lt;p&gt;While working I found the following but it is not working for all scripts:&lt;/p&gt;
&lt;pre&gt;&lt;code&gt;sed -e '/./{H;$!d;}' -e 'x;/foreign/!d;' myfile.sql
&lt;/code&gt;&lt;/pre&gt;
&lt;p&gt;Script where the above command is not working:&lt;/p&gt;
&lt;pre&gt;&lt;code&gt;create table io_template
(
    io_template_id number,
    io_template_name varchar2(50),
    acl_id number,
    org_id number,
    is_active varchar2(1),
    xsl_template varchar2(50),
    email_body varchar2(2000),
    purpose varchar2(50) default 'CUSTOMER' not null,
    content_type varchar2(50) default 'PDF' not null
);
alter table _io_template add constraint io_template_pk
      primary key (io_template_id);
alter table _o_template add constraint io_template_acl_fk
      foreign key (acl_id) references scum_acl(acl_id);
alter table io_template add constraint io_template_org_fk
      foreign key (org_id) references scum_organization(org_id);
alter table io_template add constraint io_template_name_uk
      unique (org_id, _io_template_name);
&lt;/code&gt;&lt;/pre&gt;</t>
  </si>
  <si>
    <t>2009-10-06 10:09:39.050000+00:00</t>
  </si>
  <si>
    <t>2009-10-09 13:42:29.817000+00:00</t>
  </si>
  <si>
    <t>2009-10-06 19:57:16.103000+00:00</t>
  </si>
  <si>
    <t>bash|shell|sed</t>
  </si>
  <si>
    <t>Solution architecture - Asset download and App size on iOS ecosystem</t>
  </si>
  <si>
    <t>&lt;p&gt;I am currently architecting a solution for the iOS and am well versed with the Unity game engine. However, I have a couple of questions pertaining to Apple and hosting applications on the AppStore.&lt;/p&gt;
&lt;p&gt;1) I am planning on my application having a thin client and downloading assets and code (in Unity terms - Asset Bundles) as and when the application needs it. Do these assets and code have to be verified through Apple? Can my app download directly from my server without any Apple or AppStore intervention?&lt;/p&gt;
&lt;p&gt;2) Assuming the answer for the above questions are in affirmative, does Apple have a limit on the amount of size that an app can occupy on a device?&lt;/p&gt;
&lt;p&gt;3) How much of the above applies to the Android EcoSystem?&lt;/p&gt;
&lt;p&gt;These questions are necessary to be answered for my solution architecture.&lt;/p&gt;
&lt;p&gt;Regards,
Abhishek&lt;/p&gt;</t>
  </si>
  <si>
    <t>2012-07-24 13:58:32.937000+00:00</t>
  </si>
  <si>
    <t>2012-07-24 14:01:41.897000+00:00</t>
  </si>
  <si>
    <t>ios|streaming|unity3d</t>
  </si>
  <si>
    <t>How to add two tomcat server in Net-beans IDE?</t>
  </si>
  <si>
    <t>&lt;p&gt;Is there any possibility to run two tomcat  server  in Net-beans IDE??  with tomcat server version 7 and 8.. if yes then please give tutorial.. &lt;/p&gt;</t>
  </si>
  <si>
    <t>2017-06-01 07:22:48.830000+00:00</t>
  </si>
  <si>
    <t>2018-10-21 19:16:54.053000+00:00</t>
  </si>
  <si>
    <t>tomcat|netbeans</t>
  </si>
  <si>
    <t>SKPhysicsContact crash - Bad Access</t>
  </si>
  <si>
    <t>&lt;p&gt;Ok, so I'm quite confused. I set my viewcontroller as the delegate for the physicsworld. When my Flappy Bird collides with a coin, this method gets run:&lt;/p&gt;
&lt;pre&gt;&lt;code&gt;- (void)didBeginContact:(SKPhysicsContact *)contact {
if (contact != nil &amp;amp;&amp;amp; contact.bodyA != nil){
    if (coinsArray.count &amp;gt; 0)
    {
        if (contact.bodyA.mass == 0) {
            [contact.bodyA.node removeAllActions];
            [coinsArray removeObject:contact.bodyA.node];
            [contact.bodyA.node removeFromParent];
            savedData.coins++;
        }
    }
}}
&lt;/code&gt;&lt;/pre&gt;
&lt;p&gt;So this doesn't make sense to me because SOMETIMES I get a badaccess call when my bird touches the coin, but like 95% of the time, it works as expected. The only times that coins are being deleted from the scene is when a bird touches the coin, or when the coin.position.x &amp;lt; (0.5 * coin.size.width);&lt;/p&gt;
&lt;p&gt;Not sure why I'm getting badaccess, especially since I wrote if (contact != nil &amp;amp;&amp;amp; contact.bodyA != nil). Plus, why would I even get bad access when there is a delegate calling out to say 'Hey! run this method with this SKPhysicsContact'?&lt;/p&gt;
&lt;p&gt;Any help from anyone?&lt;/p&gt;</t>
  </si>
  <si>
    <t>2014-03-17 20:58:53.610000+00:00</t>
  </si>
  <si>
    <t>2014-03-19 09:17:27.320000+00:00</t>
  </si>
  <si>
    <t>ios|objective-c|sprite-kit|skphysicsbody|flappy-bird-clone</t>
  </si>
  <si>
    <t>object.function().function().function()....... how does this work?</t>
  </si>
  <si>
    <t>&lt;p&gt;i have a problem understanding how c++ syntax works.&lt;/p&gt;
&lt;pre&gt;&lt;code&gt;#include&amp;lt;iostream&amp;gt;
using namespace std;
class Accumulator{
private:
    int value;
public:
    Accumulator(int value){this-&amp;gt;value=value;}
    Accumulator&amp;amp; add(int n){value+=n;}
    int get(){return value;};
};
int main(int argc, char* argv[]){
    Accumulator acc(10);
    acc.add(5).add(6).add(7); //&amp;lt;-----how does this work?????
    cout&amp;lt;&amp;lt;acc.get();
    return 0;
}
&lt;/code&gt;&lt;/pre&gt;
&lt;p&gt;this line: acc.add(5).add(6).add(7);
does it work left to right or the other way
something like acc.add(5) first and then do add(6)
i dont get it.&lt;/p&gt;
&lt;p&gt;result is supposed to be 28.&lt;/p&gt;
&lt;p&gt;thanks in advance.&lt;/p&gt;
&lt;p&gt;edit:
weird, this code gets compiled successfully without any errors on g++.
i got this code from some non-english college c++ textbook. english is not my first language.&lt;/p&gt;
&lt;p&gt;2nd edit: i now get the desired warnings after using -Wall option.&lt;/p&gt;</t>
  </si>
  <si>
    <t>2015-05-11 13:56:15.343000+00:00</t>
  </si>
  <si>
    <t>2015-05-11 14:33:45.947000+00:00</t>
  </si>
  <si>
    <t>Authentication information in SOA env (Java)</t>
  </si>
  <si>
    <t>&lt;p&gt;My problem is simple.
I have a service oriented architecture where one of the servers is an auth server.
Users are authenticating with HTTPS in this server and then go to other servers with a token to get services.&lt;/p&gt;
&lt;p&gt;My solution idea was this:
The auth server will generate two cookies, one with the actual data of the user (user GUID / session expiration date and privileges)
And another cookie with an encrypted token that includes the actual data (with some salt) encrypted with a private key.&lt;/p&gt;
&lt;p&gt;Each server in the system will be able to make sure that the user is how it claims to be with the two cookies and the public key.&lt;/p&gt;
&lt;p&gt;I need an example for such a code (or maybe a better solution if I missed anything)&lt;/p&gt;</t>
  </si>
  <si>
    <t>2012-09-27 11:50:07.630000+00:00</t>
  </si>
  <si>
    <t>2013-01-17 04:36:20.980000+00:00</t>
  </si>
  <si>
    <t>java|public-key-encryption</t>
  </si>
  <si>
    <t>How to add Script tag by inLine Script in Thymeleaf?</t>
  </si>
  <si>
    <t>&lt;p&gt;I have written following code into Thymeleaf template to load jQuery from server if cdn link fail.&lt;/p&gt;
&lt;pre&gt;&lt;code&gt;&amp;lt;script src="https://ajax.googleapis.com/ajax/libs/jquery/3.2.1/jquery.min.js"&amp;gt;&amp;lt;/script&amp;gt;
&amp;lt;script&amp;gt;
    window.jQuery || document.write('&amp;lt;script src="js/vendor/jquery-3.2.1.min.js"&amp;gt;&amp;lt;\/script&amp;gt;');
&amp;lt;/script&amp;gt;
&lt;/code&gt;&lt;/pre&gt;
&lt;p&gt;Thymeleaf is interpreting &lt;code&gt;document.write('&amp;lt;script src="js/vendor/jquery-3.2.1.min.js"&amp;gt;&amp;lt;/script&amp;gt;')&lt;/code&gt; as script tag which should imterpret as a string.&lt;/p&gt;
&lt;p&gt;I'm getting following error near &lt;code&gt;&amp;lt;\/script&amp;gt;&lt;/code&gt; tag.&lt;/p&gt;
&lt;blockquote&gt;
  &lt;p&gt;org.xml.sax.SAXParseException: The content of elements must consist of
  well-formed character data or markup.&lt;/p&gt;
&lt;/blockquote&gt;
&lt;p&gt;Any solution or work around for this problem?&lt;/p&gt;
&lt;p&gt;Thanks :)&lt;/p&gt;</t>
  </si>
  <si>
    <t>2017-04-19 14:01:47.007000+00:00</t>
  </si>
  <si>
    <t>2017-04-19 14:39:23.167000+00:00</t>
  </si>
  <si>
    <t>javascript|html|spring|thymeleaf|template-engine</t>
  </si>
  <si>
    <t>get bag info from http request</t>
  </si>
  <si>
    <t>&lt;p&gt;I am trying to get product info using http requests from a user's "bag" or "cart" on a product's checkout webpage.  I added an item to the the shopping bag and then sent a request to the website's "bag" webpage; however, the request is sending back data as if nothing has been added to the bag.  The results of the http request depict a blank checkout page.  I assume the problem is that the webpage that I am trying to get data from does not recognize the http request is coming from the same origin that added an item to shopping bag.  Is there a way that I can edit the header of my http request so that the website will return the appropriate data?  Is there any other modification that I can make to my http request that will return the desired results?  Here is a basic example of code that I am running in python, which is not returning the desired results.  Eventually I want to use xmlhttprequests in javascript to perform this operation.    &lt;/p&gt;
&lt;pre&gt;&lt;code&gt;checkoutURL = "www.arbitrarycustomercheckout.com"
bagInfo = requests.get(checkoutURL).content
soup = bs4.BeautifulSoup(bagInfo)
for link in soup.findAll('htmlele'):
    print link.get("htmlAttr"), link
print
&lt;/code&gt;&lt;/pre&gt;</t>
  </si>
  <si>
    <t>2015-10-28 16:49:23.817000+00:00</t>
  </si>
  <si>
    <t>2015-10-29 10:51:37.027000+00:00</t>
  </si>
  <si>
    <t>javascript|python|https|xmlhttprequest|python-requests</t>
  </si>
  <si>
    <t>Custom Formula for Grand Total column</t>
  </si>
  <si>
    <t>&lt;p&gt;I have a frequent problem where the formula I want to use in the Values area in my Pivot-Table is different than the formula I want to use for the Grand Total column of that row. I typically want to Sum the Values but I want to average the Sums. Here is what I normally would get if I pivoted the dates on the Column Labels, Meat Type on the Row Labels, and Sum Orders in the Values. &lt;/p&gt;
&lt;pre&gt;&lt;code&gt;Row Lables | Day 1 | Day 2 | Day 3 | Grand Total
________________________________________________
Beef       |  100  |  105  |  102  |   307
Chicken    |  200  |  201  |  202  |   603
&lt;/code&gt;&lt;/pre&gt;
&lt;p&gt;I get sums by day and a sum of all of the days in the Grand Total column. Here is what I want to have:&lt;/p&gt;
&lt;pre&gt;&lt;code&gt;Row Lables | Day 1 | Day 2 | Day 3 | Grand Total (Avg of Day Totals)
________________________________________________
Beef       |  100  |  105  |  102  |   102.3
Chicken    |  200  |  201  |  202  |   201.0
&lt;/code&gt;&lt;/pre&gt;
&lt;p&gt;In this case the Orders are still summed by day but the Grand Total is now an average of the sums. What I do now is copy and paste the Pivot data onto a seperate sheet then calculate the averages. If there was a way to do this with a custom Grand Total column it would be incredible. This is one of the biggest shortcomings of Pivot Tables for me but I'm hoping it is due to my ignorance, which it often is. Thanks for the help!&lt;/p&gt;</t>
  </si>
  <si>
    <t>2012-11-01 15:39:27.560000+00:00</t>
  </si>
  <si>
    <t>2012-12-13 23:41:20.953000+00:00</t>
  </si>
  <si>
    <t>excel|excel-2010|pivot-table|powerpivot</t>
  </si>
  <si>
    <t>Good method for archiving MYSQL table data?</t>
  </si>
  <si>
    <t>&lt;p&gt;I recently inherited a website and they have a simple back-end area which was created using phpmaker. The back-end displays various MYSQL database tables.&lt;/p&gt;
&lt;p&gt;There are two tables which hold registration information related to promotions/contests the company runs online. The client wants to begin archiving the registration data monthly, but still have the data accessible for future export or review.&lt;/p&gt;
&lt;p&gt;So, can anyone tell me what the best approach would be to achieve this? I read about partitioning and &lt;a href="http://www.maatkit.org/" rel="nofollow noreferrer"&gt;Maatkit&lt;/a&gt;, but I'm not sure which - if either - would be a smart choice.&lt;/p&gt;
&lt;p&gt;I would prefer to keep the table names the same because the table name is referenced in several instances within the PHP code running the promo/contest applications. I would also like for everything to be 'automatic' or at least executed at the click of a button; though I realize that might not be completely realistic.&lt;/p&gt;
&lt;p&gt;I should note that I &lt;strong&gt;do not&lt;/strong&gt; have the phpmaker project file and have been unable to obtain it.&lt;/p&gt;
&lt;p&gt;Any help on this matter would be a great help.  &lt;/p&gt;</t>
  </si>
  <si>
    <t>2011-12-02 10:03:26.927000+00:00</t>
  </si>
  <si>
    <t>2018-06-23 10:41:02.820000+00:00</t>
  </si>
  <si>
    <t>mysql|archive|archiving</t>
  </si>
  <si>
    <t>Error in lambda function connection in an EC2 instance by ssh</t>
  </si>
  <si>
    <t>&lt;p&gt;I have a lambda function that connects in an ec2 instance by ssh. Both lambda function and instance are in the same VPC. Lambda function has IAM Role with Administrator Access (full access). When I execute the function, I get "Error: Timed out while waiting for handshake".&lt;/p&gt;
&lt;p&gt;I think I need to set security group in the instance to allow connections in port 22. But for which IPs? Do I need to configure something else to allow the ssh connection?&lt;/p&gt;</t>
  </si>
  <si>
    <t>2016-06-24 17:36:52.247000+00:00</t>
  </si>
  <si>
    <t>2016-06-24 18:40:28.160000+00:00</t>
  </si>
  <si>
    <t>amazon-web-services|aws-lambda</t>
  </si>
  <si>
    <t>How to get marker tag information on get event?</t>
  </si>
  <si>
    <t>&lt;p&gt;Using the jquery &lt;code&gt;gmap3&lt;/code&gt; plugin, I have this function, and basically when it runs, its supposed to loop through all the markers on the map, and alert their tag data. But this code isn't working... Does anyone know how to do this?&lt;/p&gt;
&lt;p&gt;This alerts &lt;code&gt;undefined&lt;/code&gt;. However the marker is being returned, I just don't know how to get its tag data.&lt;/p&gt;
&lt;p&gt;Thanks.&lt;/p&gt;
&lt;pre&gt;&lt;code&gt;function search_markers() {
    var map_id = "#my_map";
    var value = document.getElementById('tags').value;
    $(map_id).gmap3({
        get: {
            name:"marker",
            all: true,
            callback: function(objs) {
                $.each(objs, function(i, obj){
                    //obj.setIcon("http://maps.google.com/mapfiles/marker_green.png");
                    alert(obj.tag);
                });
            }
        }
    });
}
&lt;/code&gt;&lt;/pre&gt;</t>
  </si>
  <si>
    <t>2013-05-26 16:37:31.750000+00:00</t>
  </si>
  <si>
    <t>2017-09-24 02:34:03.767000+00:00</t>
  </si>
  <si>
    <t>javascript|jquery|html|jquery-gmap3</t>
  </si>
  <si>
    <t>Testing a TCP/IP connection locally</t>
  </si>
  <si>
    <t>&lt;p&gt;Currently I have an application that connects to a Terminal Server over TCP/IP using an IP address and a port. Is it possible for me to create a mock TCP/IP connection locally on my laptop so I can make the application to connect to a specific IP and port on my laptop?&lt;/p&gt;
&lt;p&gt;I am a noob at networking, so please execuse if the question isn't clear.&lt;/p&gt;
&lt;p&gt;The reason I am trying to do this is, the application is listening to a specific port on a TCP/IP connection on the terminal server and I remotely send some data using VB macros to the same port. I would like to test the same locally in absence of a terminal server (just using my laptop) but when I run the application it can only connect using a TCP/IP connection. &lt;/p&gt;
&lt;p&gt;The application is written in Java and can be run locally by providing an IP address and port to connect to, so I would like to see if I can make the application connect to my laptop as a TCP/IP connection.&lt;/p&gt;
&lt;p&gt;Any inputs are appreciated.&lt;/p&gt;</t>
  </si>
  <si>
    <t>2012-06-12 18:38:22.303000+00:00</t>
  </si>
  <si>
    <t>2012-09-20 19:04:28.667000+00:00</t>
  </si>
  <si>
    <t>java|tcp-ip</t>
  </si>
  <si>
    <t>Print lines that have more than 2 items</t>
  </si>
  <si>
    <t>&lt;p&gt;what is the &lt;code&gt;unix&lt;/code&gt; command that prints the lines of a file that have more than 2 items
For example a file that has in each line has items separated by tabs.&lt;/p&gt;
&lt;pre&gt;&lt;code&gt;dog elephant 
fox dog monkey
bear bird 
fish puppy 
&lt;/code&gt;&lt;/pre&gt;
&lt;p&gt;In the above file the output will be &lt;code&gt;fox dog monkey&lt;/code&gt;.&lt;/p&gt;
&lt;p&gt;In python it would be: &lt;/p&gt;
&lt;pre&gt;&lt;code&gt;if len(line)&amp;gt; 2: 
print line
&lt;/code&gt;&lt;/pre&gt;</t>
  </si>
  <si>
    <t>2013-08-10 17:49:10.650000+00:00</t>
  </si>
  <si>
    <t>2013-08-10 18:10:43.140000+00:00</t>
  </si>
  <si>
    <t>MongoDB insert Error: pymongo.errors.ServerSelectionTimeoutError: connection closed</t>
  </si>
  <si>
    <t>&lt;p&gt;Using Python 3 and MongoDB 2.6 and trying to insert some data into my collection, here is the sample code:&lt;/p&gt;
&lt;pre&gt;&lt;code&gt;from urllib.parse import urlparse
from bs4 import BeautifulSoup
import requests
from pymongo import MongoClient
urlList = ['http://....'] #bunch of URLs
jsArray = []
cssArray = []
client = MongoClient('127.0.0.1', 28017)
db = client.tagFinderProject  # Getting the DB
collection = db.tegFinder     # Getting the Collection
for url in urlList:
    parsed_uri = urlparse(url)
    domain = '{uri.scheme}://{uri.netloc}/'.format(uri=parsed_uri)
    r = requests.get(url)
    data = r.text
    soup = BeautifulSoup(data)
    for lines in soup.find_all('script'):
        if lines.get('src') is not None and '.js' in lines.get('src') and 'http' in lines.get('src'):
            jsArray.append(lines.get('src'))
        elif str(lines.get('src')).startswith('//'):
            jsArray.append('http:' + lines.get('src'))
        elif lines.get('src') is not None and '.js' in lines.get('src') and 'http' not in lines.get('src'):
            jsArray.append(domain + lines.get('src'))
for lines in soup.find_all('link'):
    if lines.get('href') is not None and (lines.get('href')).endswith('.css') and 'http' in lines.get('href'):
        cssArray.append(lines.get('href'))
    elif lines.get('href') is not None and (lines.get('href')).endswith('.css') and 'http' not in lines.get('href'):
        cssArray.append(domain + lines.get('href'))
uniqueJS = list(set(jsArray))
uniqueCSS = list(set(cssArray))
for js in uniqueJS:
    collection.insert('JS: ', js)
for css in uniqueCSS:
    collection.insert('CSS: ', css)
&lt;/code&gt;&lt;/pre&gt;
&lt;p&gt;Ofcourse before I run this I start my MongoDB server and here what it says:&lt;/p&gt;
&lt;pre&gt;&lt;code&gt;2015-05-13T11:25:03.942-0500 [initandlisten] options: { net: { http: { RESTInterfaceEnabled: true, enabled: true } }, storage: { dbPath: "D:\Projects\mongoDB" } }
2015-05-13T11:25:03.944-0500 [initandlisten] journal dir=D:\Projects\mongoDB\journal
2015-05-13T11:25:03.944-0500 [initandlisten] recover : no journal files present, no recovery needed
2015-05-13T11:25:04.045-0500 [initandlisten] waiting for connections on port 27017
2015-05-13T11:25:04.045-0500 [websvr] admin web console waiting for connections on port 28017
&lt;/code&gt;&lt;/pre&gt;
&lt;p&gt;I run the above Python code and I get :&lt;/p&gt;
&lt;pre&gt;&lt;code&gt;  File ".../TagFinder/tagFinder.py", line 91, in &amp;lt;module&amp;gt;
    collection.insert('JS: ', js)
  File "C:\Python34\lib\site-packages\pymongo\collection.py", line 1924, in insert
    with self._socket_for_writes() as sock_info:
  File "C:\Python34\lib\contextlib.py", line 59, in __enter__
    return next(self.gen)
  File "C:\Python34\lib\site-packages\pymongo\mongo_client.py", line 663, in _get_socket
    server = self._get_topology().select_server(selector)
  File "C:\Python34\lib\site-packages\pymongo\topology.py", line 121, in select_server
    address))
  File "C:\Python34\lib\site-packages\pymongo\topology.py", line 97, in select_servers
    self._error_message(selector))
pymongo.errors.ServerSelectionTimeoutError: connection closed
&lt;/code&gt;&lt;/pre&gt;
&lt;p&gt;Can't find why I'm getting this. I can insert data via using the cmd promt and I can display it at &lt;code&gt;127.0.0.1/tagFinderProject/tagFinder/&lt;/code&gt;&lt;/p&gt;
&lt;p&gt;Can anyone point me to the right direction?&lt;/p&gt;
&lt;p&gt;&lt;strong&gt;EDIT 1:&lt;/strong&gt;&lt;/p&gt;
&lt;p&gt;If I change the &lt;code&gt;client = MongoClient('127.0.0.1', 28017)&lt;/code&gt; to &lt;code&gt;client = MongoClient('mongodb://127.0.0.1:27017/')&lt;/code&gt; &lt;/p&gt;
&lt;p&gt;I get:&lt;/p&gt;
&lt;pre&gt;&lt;code&gt;TypeError: 'str' object does not support item assignment
&lt;/code&gt;&lt;/pre&gt;
&lt;p&gt;Referring to: &lt;code&gt;collection.insert('JS: ', js)&lt;/code&gt;  &lt;/p&gt;</t>
  </si>
  <si>
    <t>2015-05-13 16:31:29.313000+00:00</t>
  </si>
  <si>
    <t>2015-05-13 17:57:33.273000+00:00</t>
  </si>
  <si>
    <t>2015-05-13 17:18:02.730000+00:00</t>
  </si>
  <si>
    <t>pipe : write to front of pipe</t>
  </si>
  <si>
    <t>&lt;p&gt;I came across &lt;code&gt;TIMM_OSAL_WriteToFrontOfPipe&lt;/code&gt; and &lt;code&gt;TIMM_OSAL_WriteToPipe&lt;/code&gt; in the &lt;a href="http://security.nknu.edu.tw/AOSP/Android6/hardware/ti/omap4-aah/domx/mm_osal/src/timm_osal_pipes.c" rel="nofollow"&gt;link&lt;/a&gt;&lt;/p&gt;
&lt;p&gt;In &lt;code&gt;TIMM_OSAL_WriteToPipe&lt;/code&gt; looks like, data is simply written to write end of pipe. 
where as,
In &lt;code&gt;TIMM_OSAL_WriteToFrontOfPipe&lt;/code&gt;, data is written at the write end, then again read and again written.&lt;/p&gt;
&lt;p&gt;I tried to reproduce the same using a sample program below. But could not understand the point of reading and writing again. Could someone please throw some light on it ?&lt;/p&gt;
&lt;pre&gt;&lt;code&gt;int main(void)
{
int fd[2];
int status = pipe (fd);
if (status) {
    fprintf(stderr, "** pipe create failed");
    return 0;
}
status = fork();
if (status &amp;lt; 0)
    fprintf (stderr, "** fork failure!");
if (status == 0){
    //close (fd[1]);
    char buf[5] = {0,};
    int ret_size;
    fprintf(stderr, "child going to sleep...\n");
    sleep (10);
    fprintf(stderr, "\nchild woken up...\n");
    ret_size = read (fd[0], buf, 5);
    fprintf (stderr, "child printing ...\n");
    fprintf (stderr, "%s\n", buf);
} else {
    char buf[5] = {0};
    int read_sz;
    int write_sz;
    //close (fd[0]);
    strcpy(buf,"1");
    write_sz = write (fd[1], buf, 1);
    strcpy(buf,"2");
    write_sz = write (fd[1], buf, 1);
    strcpy(buf,"3");
            write_sz = write (fd[1], buf, 1);
    strcpy(buf,"4");
    write_sz = write (fd[1], buf, 1);
    if (write_sz &amp;lt; 0)
        fprintf (stderr, "write failed");
    else
        fprintf(stderr, "written 1234\n");
    memset(buf, 0, sizeof(buf));
    strcpy(buf,"5");
    write(fd[1], buf, 1);
    memset(buf, 0, sizeof(buf));
    read_sz =  read (fd[0], buf, 5);
    if (read_sz &amp;gt; 0)
        fprintf(stderr, "read data :\n%s\n", buf);
    //write back to pipe
    write (fd[1], buf, 5);
}
return 0;
}
&lt;/code&gt;&lt;/pre&gt;
&lt;p&gt;Output:&lt;/p&gt;
&lt;pre&gt;&lt;code&gt;written 1234
read data :
12345
child going to sleep...
child woken up...
child printing ...
12345
&lt;/code&gt;&lt;/pre&gt;
&lt;p&gt;I also tried by not &lt;code&gt;fork&lt;/code&gt;ing and reading and writing in the same process.&lt;/p&gt;</t>
  </si>
  <si>
    <t>2016-07-31 06:59:51.317000+00:00</t>
  </si>
  <si>
    <t>2016-07-31 07:50:44.717000+00:00</t>
  </si>
  <si>
    <t>2016-07-31 07:07:59.563000+00:00</t>
  </si>
  <si>
    <t>c|linux|pipe</t>
  </si>
  <si>
    <t>FileNotFoundException encountered when trying to send JSON over network</t>
  </si>
  <si>
    <t>&lt;p&gt;My code to that sends JSON over the network works until &lt;code&gt;OutputStream&lt;/code&gt; is invoked, but when I try actually sending the data, I get the following exception. Can anyone help me figure it out?&lt;/p&gt;
&lt;blockquote&gt;
  &lt;p&gt;&lt;strong&gt;java.io.FileNotFoundException&lt;/strong&gt;: &lt;a href="http://hmkcode.appspot.com/jsonservlet" rel="nofollow noreferrer"&gt;http://hmkcode.appspot.com/jsonservlet&lt;/a&gt;
  at
  com.android.okhttp.internal.huc.HttpURLConnectionImpl.getInputStream(HttpURLConnectionImpl.java:238)
  at app.test.testapp2.MainActivity$HttpAsyncTask.doInBackground(MainActivity.java:84)&lt;/p&gt;
&lt;/blockquote&gt;
&lt;pre&gt;&lt;code&gt;        @Override
        protected void onCreate(Bundle savedInstanceState) {
            super.onCreate(savedInstanceState);
            setContentView(R.layout.activity_main);
            button = (Button) findViewById(R.id.accept);
            textView = (TextView) findViewById(R.id.textView);
            editName = (EditText) findViewById(R.id.editName);
            editCountry = (EditText) findViewById(R.id.editCountry);
            editTwitter = (EditText) findViewById(R.id.editTwitter);
            button.setOnClickListener(new View.OnClickListener() {
                @Override
                public void onClick(View view) {
                    HttpAsyncTask httpAsyncTask = new HttpAsyncTask(MainActivity.this);
                    httpAsyncTask.execute("http://hmkcode.appspot.com/jsonservlet", editName.getText().toString(), editCountry.getText().toString(), editTwitter.getText().toString());
                }
            });
        }
        private class HttpAsyncTask extends AsyncTask&amp;lt;String, Void, String&amp;gt; {
            private MainActivity mainActivity;
            String result = "";
            HttpAsyncTask(MainActivity mainActivity) {
                this.mainActivity = mainActivity;
            }
            @Override
            protected String doInBackground(String... strings) {
                Person person = new Person();
                person.setName(strings[1]);
                person.setCountry(strings[2]);
                person.setTwitter(strings[3]);
                try {
                    URL url = new URL(strings[0]);
                    HttpURLConnection httpURLConnection = (HttpURLConnection) url.openConnection();
                    String json = "";
                    JSONObject jsonObject = new JSONObject();
                    jsonObject.accumulate("name", "!!!");
                    jsonObject.accumulate("country", "@@@");
                    jsonObject.accumulate("twitter", "####");
                    json = jsonObject.toString();
                    httpURLConnection.setRequestMethod("POST");
                    httpURLConnection.setDoOutput(true);
                    httpURLConnection.setDoInput(true);
                    httpURLConnection.setRequestProperty("Accept", "application/json");
                    httpURLConnection.setRequestProperty("content-type", "application/json");
                    InputStream is = httpURLConnection.getInputStream();
                    OutputStream os = httpURLConnection.getOutputStream();
                    os.write(json.getBytes("utf-8"));
                    os.flush();
                    BufferedReader bufferedReader = new BufferedReader(new InputStreamReader(is));
                    String line = "";
                    while ((line = bufferedReader.readLine()) != null) {
                        result += line;
                    }
                    is.close();
                } catch (FileNotFoundException e) {
                    e.printStackTrace();
                } catch (Exception e) {
                    e.printStackTrace();
                }
                return result;
            }
            @Override
            protected void onPostExecute(String result) {
                str = result;
                mainActivity.runOnUiThread(new Runnable() {
                    @Override
                    public void run() {
                        try {
                            JSONArray jsonArray = new JSONArray(str);
                            mainActivity.textView.setText(jsonArray.toString());
                        } catch (Exception e) {
                            e.printStackTrace();
                        }
                    }
                });
            }
        }
    }
W/System.err: java.io.FileNotFoundException: http://hmkcode.appspot.com/jsonservlet
W/System.err:     at com.android.okhttp.internal.huc.HttpURLConnectionImpl.getInputStream(HttpURLConnectionImpl.java:238)
W/System.err:     at app.test.testapp2.MainActivity$HttpAsyncTask.doInBackground(MainActivity.java:84)
.....
&lt;/code&gt;&lt;/pre&gt;</t>
  </si>
  <si>
    <t>2017-01-10 23:33:52.593000+00:00</t>
  </si>
  <si>
    <t>2017-01-11 06:06:21.903000+00:00</t>
  </si>
  <si>
    <t>java|android|filenotfoundexception</t>
  </si>
  <si>
    <t>Creating a method in Ruby that takes in an array and returns a string</t>
  </si>
  <si>
    <t>&lt;p&gt;How would you solve this problem in Ruby. "Define a method called yeller that takes in an array of characters and returns a string with an ALLCAPS version of the input. Verify that yeller([���o���, ���l���, ���d���]) returns "OLD". Combine the .join, .map, .upcase methods." &lt;/p&gt;
&lt;p&gt;So far I have:&lt;/p&gt;
&lt;pre&gt;&lt;code&gt;def yeller(x) 
  x.map do |y|  
  y.upcase.join     
    puts y
  end
end
yeller(['o', 'l', 'd'])
&lt;/code&gt;&lt;/pre&gt;</t>
  </si>
  <si>
    <t>2016-11-11 20:57:31.993000+00:00</t>
  </si>
  <si>
    <t>2018-05-15 07:23:20.933000+00:00</t>
  </si>
  <si>
    <t>2016-11-11 21:11:34.553000+00:00</t>
  </si>
  <si>
    <t>RandomAccessFile to read files in a Jar file</t>
  </si>
  <si>
    <t>&lt;p&gt;I am having problem to use &lt;code&gt;JWNL&lt;/code&gt; wordnet in a Jar file.&lt;/p&gt;
&lt;p&gt;&lt;code&gt;JWNL&lt;/code&gt; uses RandomAccessFile to read wordnet dictionary files. In order to create a Jar file, wordnet dictionary files are put in resources/wordnet folder. As resources is in my Build Path, I have no problem to run the application I created in Eclipse. However, when I use another application to run the created jar file, I get the following error:&lt;/p&gt;
&lt;blockquote&gt;
  &lt;p&gt;java.io.FileNotFoundException: resources/wordnet/data.noun (No such file or directory) &lt;/p&gt;
&lt;/blockquote&gt;
&lt;p&gt;from the following code:&lt;/p&gt;
&lt;pre&gt;&lt;code&gt;RandomAccess _file = new RandomAccessFile(path, _permissions);
&lt;/code&gt;&lt;/pre&gt;
&lt;p&gt;I use the following code to check the current working directory: &lt;/p&gt;
&lt;pre&gt;&lt;code&gt;URL location = PrincetonRandomAccessDictionaryFile.class.getProtectionDomain().getCodeSource().getLocation();
System.out.println(location.getFile());
&lt;/code&gt;&lt;/pre&gt;
&lt;p&gt;It seems both situation have the same location: &lt;code&gt;/project/bin/&lt;/code&gt;&lt;/p&gt;
&lt;p&gt;How should I fix the problem? Thank you&lt;/p&gt;</t>
  </si>
  <si>
    <t>2014-05-02 04:53:24.333000+00:00</t>
  </si>
  <si>
    <t>2014-05-02 06:49:12.197000+00:00</t>
  </si>
  <si>
    <t>2014-05-02 06:28:34.960000+00:00</t>
  </si>
  <si>
    <t>java|eclipse-plugin</t>
  </si>
  <si>
    <t>MS Access Group ID with parent and children</t>
  </si>
  <si>
    <t>&lt;p&gt;I have a question regarding MS ACCESS. 
I have a table with multiple columns and about 1600 records.
The first two columns are sort of the names of the record.
They can be exactly the same or they can be different. However I need to group them with a GroupID. 
The grouping should give the same GroupID to the same family. a goes with b then all the names which goes with b are also in the same group as a and so on...
I try to illustrate it in the below table&lt;/p&gt;
&lt;pre&gt;&lt;code&gt;GroupID      NAme1    Name2    Varia 
               aaa     aaa      lkj
              aaa      aaa      kjkjl
               aaa     bbb      lkjlkj
              ccc      ccc      kljlkjl
              ddd      ccc      kajlsjf
              bbb      eee      ljlkjlj
              eee      eee      lkjlkj
              fff      fff       kljl
              fff      ggg      jlkjlj
              iii      ccc      jlkjlkj
              jjj      jjj       alsjlfj
&lt;/code&gt;&lt;/pre&gt;
&lt;p&gt;This would have the following ids&lt;/p&gt;
&lt;pre&gt;&lt;code&gt;GroupID      NAme1    Name2    Varia
1             aaa      aaa      lkj
1             aaa      aaa      kjkjl
1             aaa      bbb      lkjlkj
2             ccc      ccc      kljlkjl
2             ddd      ccc      kajlsjf
1             bbb      eee      ljlkjlj
1             eee      eee      lkjlkj
3             fff      fff       kljl
3             fff      ggg      jlkjlj
2             iii      ccc      jlkjlkj
4             jjj      jjj       alsjlfj
&lt;/code&gt;&lt;/pre&gt;</t>
  </si>
  <si>
    <t>2016-07-20 17:30:18.960000+00:00</t>
  </si>
  <si>
    <t>2016-07-20 17:31:52.113000+00:00</t>
  </si>
  <si>
    <t>Is it possible to use POD(plain old documentation) with Python?</t>
  </si>
  <si>
    <t>&lt;p&gt;I was wondering if it is possible to use POD(plain old documentation) with Python? And how should I do it?&lt;/p&gt;</t>
  </si>
  <si>
    <t>2012-08-20 08:36:08.410000+00:00</t>
  </si>
  <si>
    <t>2015-03-03 20:39:20.803000+00:00</t>
  </si>
  <si>
    <t>python|perl-pod</t>
  </si>
  <si>
    <t>FCM Node.js server issue android</t>
  </si>
  <si>
    <t>&lt;p&gt;For sending FCM upstream messages through my app I followed this tutorial &lt;a href="https://firebase.googleblog.com/2016/08/sending-notifications-between-android.html" rel="nofollow noreferrer"&gt;Sending Notifications with Firebase&lt;/a&gt;&lt;/p&gt;
&lt;p&gt;My working code is below:&lt;/p&gt;
&lt;pre&gt;&lt;code&gt;var firebase = require('firebase-admin');
var request = require('request');
const functions = require('firebase-functions');
firebase.initializeApp(functions.config().firebase);
var API_KEY = "my api key"; // Your Firebase Cloud Messaging Server API key
// Fetch the service account key JSON file contents
//var serviceAccount = require("serviceAccountKey.json");
// Initialize the app with a service account, granting admin privileges
//firebase.initializeApp({
//  credential: firebase.credential.cert(serviceAccount),
//  databaseURL: "https://-----.firebaseio.com"
//});
exports.listenForNotificationRequests = functions.database.ref('/notificationRequests')
    .onWrite(event =&amp;gt; {
       const request = event.data.val();
              sendNotificationToUser(
                    request.username,
                    request.message,
                    function() {
                      console.error("success");
                    }
                  );
    });
function sendNotificationToUser(username, message, onSuccess) {
  request({
    url: 'https://fcm.googleapis.com/fcm/send',
    method: 'POST',
    headers: {
      'Content-Type' :' application/json',
      'Authorization': 'key='+API_KEY
    },
    body: JSON.stringify({
       notification: {
       title: message, //title of notification
       body: message
        },
      to : usertoken //a static registered user token
    })
  }, function(error, response, body) {
    if (error) { console.error(error); }
    else if (response.statusCode &amp;gt;= 400) {
      console.error('HTTP Error: '+response.statusCode+' - '+response.statusMessage);
    }
    else {
      onSuccess();
    }
  });
}
&lt;/code&gt;&lt;/pre&gt;
&lt;p&gt;On running this code I am receiving &lt;code&gt;RemoteMessage&lt;/code&gt; in my &lt;code&gt;MyFirebaseMessagingService&lt;/code&gt; 's &lt;code&gt;onMessageReceived&lt;/code&gt; , but this message return null notification or data. So notification does not appear in app. Can any body here help me what I am doing wrong?&lt;/p&gt;
&lt;p&gt;&lt;a href="https://firebase.google.com/docs/cloud-messaging/admin/send-messages" rel="nofollow noreferrer"&gt;admin.messaging()&lt;/a&gt; worked!!&lt;/p&gt;</t>
  </si>
  <si>
    <t>2017-05-03 13:57:14.203000+00:00</t>
  </si>
  <si>
    <t>2017-07-03 10:12:10.420000+00:00</t>
  </si>
  <si>
    <t>2017-05-04 02:59:24.683000+00:00</t>
  </si>
  <si>
    <t>android|node.js|firebase|firebase-cloud-messaging|google-cloud-functions</t>
  </si>
  <si>
    <t>Bootstrap Table Toggle View with Checkbox</t>
  </si>
  <si>
    <t>&lt;p&gt;I am using &lt;a href="https://github.com/wenzhixin/bootstrap-table" rel="nofollow noreferrer"&gt;Bootstrap Table&lt;/a&gt;. My problem is that when there are checkboxes in my table, table toggle view will be ugly(please see the red rectangle), looks like the second picture below. Can anyone help me how to fix this? Thank you!&lt;/p&gt;
&lt;p&gt;&lt;a href="https://i.stack.imgur.com/ydHXN.png" rel="nofollow noreferrer"&gt;&lt;img src="https://i.stack.imgur.com/ydHXN.png" alt="Bootstrap Table"&gt;&lt;/a&gt;
&lt;a href="https://i.stack.imgur.com/s1GXb.png" rel="nofollow noreferrer"&gt;&lt;img src="https://i.stack.imgur.com/s1GXb.png" alt="Bootstrap Table Toggle View"&gt;&lt;/a&gt;&lt;/p&gt;</t>
  </si>
  <si>
    <t>2016-12-27 10:02:42.580000+00:00</t>
  </si>
  <si>
    <t>2017-03-31 09:21:47.320000+00:00</t>
  </si>
  <si>
    <t>2016-12-27 11:03:53.910000+00:00</t>
  </si>
  <si>
    <t>jquery|twitter-bootstrap|twitter-bootstrap-3|bootstrap-table</t>
  </si>
  <si>
    <t>How to access the data contained within a serialized object in javascript</t>
  </si>
  <si>
    <t>&lt;p&gt;i have an object which holds a user name and job count, which then is inserted into a list. (from a datatable)&lt;/p&gt;
&lt;p&gt;Assuming the code below is the right way to go about this, how do i access these data elements in javascript? &lt;/p&gt;
&lt;p&gt;class:&lt;/p&gt;
&lt;pre&gt;&lt;code&gt;public class thePeople
{
    public string Name { get; set; }
    public string Calls { get; set; }
    public thePeople(string n, string c)
    {
        Name = n;
        Calls = c;
    }
}
&lt;/code&gt;&lt;/pre&gt;
&lt;p&gt;then the code using the class:&lt;/p&gt;
&lt;pre&gt;&lt;code&gt;        var thosePeople = new List&amp;lt;thePeople&amp;gt;();
        StringBuilder Qry = new StringBuilder();
        Qry.Append("SELECT Count(Job_Id) as TotalJobs, User_Name,User_Id, jobstatus ");
        Qry.Append("FROM Jobs, Users ");
        Qry.Append("WHERE Jobs.jobstatus like 'o' AND Users.deleted = '0' AND Jobs.Next_User_Id = Users.User_Id ");
        Qry.Append("GROUP BY User_Name");
        DataTable dt = new DataTable();
        dt = OMALibrary.OMADAL.Execute.PerCustomer.Query(Qry.ToString(), OMALibrary.OMADAL.Enumerators.TypeOfServers.Helpdesk, theCustomer);
        for (int x = 0; x &amp;lt;= dt.Rows.Count - 1; x++)
        {
            thosePeople.Add(new thePeople(dt.Rows[x]["User_Name"].ToString(), dt.Rows[x]["Total_Jobs"].ToString()));
        }
        return JsonConvert.SerializeObject(thosePeople);
&lt;/code&gt;&lt;/pre&gt;
&lt;p&gt;When i did this before for a "single row" object, I'd just use:&lt;/p&gt;
&lt;pre&gt;&lt;code&gt;var users = jQuery.parseJSON(response.d)
&lt;/code&gt;&lt;/pre&gt;
&lt;p&gt;then just access it by typing:&lt;/p&gt;
&lt;pre&gt;&lt;code&gt;users.Name; users.Calls;
&lt;/code&gt;&lt;/pre&gt;</t>
  </si>
  <si>
    <t>2012-01-24 14:49:13.880000+00:00</t>
  </si>
  <si>
    <t>2012-01-24 14:52:37.760000+00:00</t>
  </si>
  <si>
    <t>javascript|jquery|json|serialization</t>
  </si>
  <si>
    <t>Limit number suggestions display in typeahead.js</t>
  </si>
  <si>
    <t>&lt;p&gt;As the title, I want to ask: "Is it possible to limit the suggestions displayed in typeahead?"&lt;/p&gt;
&lt;p&gt;For example, I have 3 datasets, each dataset has 10000 results (from the query). And a subject started with character &lt;code&gt;t&lt;/code&gt; is about 3000 results or may be more.&lt;/p&gt;
&lt;p&gt;What will happened if I type &lt;code&gt;t&lt;/code&gt; in the input ? 3000 result display or ... ?&lt;/p&gt;
&lt;p&gt;Or is there any way to force user type specific characters then display suggestions ? (Like I must type &lt;code&gt;tem&lt;/code&gt;, single character like &lt;code&gt;t&lt;/code&gt; will not be accpeted)&lt;/p&gt;</t>
  </si>
  <si>
    <t>2013-07-28 20:13:27.963000+00:00</t>
  </si>
  <si>
    <t>2016-01-08 23:14:31.857000+00:00</t>
  </si>
  <si>
    <t>typeahead.js</t>
  </si>
  <si>
    <t>Using LibUsbDotNet for ASP.NET Core application running under Linux - libusb-1.0 library not found</t>
  </si>
  <si>
    <t>&lt;p&gt;I've developed an ASP.NET Core application that involves communicating with a USB device. It uses version 2.2.8-r101 of the &lt;a href="https://www.nuget.org/packages/CoreCompat.LibUsbDotNet/2.2.8-r101" rel="nofollow"&gt;CoreCompat.LibUsbDotNet&lt;/a&gt; library for this, which is a port of LibUsbDotNet that targets .NET Standard 1.5.&lt;/p&gt;
&lt;p&gt;When I host the server on Windows (using IIS Express), everything works fine - I'm able to communicate with the USB device with no issues. However, I have also tried hosting the server on two Linux devices:&lt;/p&gt;
&lt;ul&gt;
&lt;li&gt;a VMware virtual machine running Ubuntu 16.04&lt;/li&gt;
&lt;li&gt;a docker container built based on the official ASP.NET Core docker image (&lt;code&gt;microsoft/aspnetcore:1.0.1&lt;/code&gt;)&lt;/li&gt;
&lt;/ul&gt;
&lt;p&gt;In both these cases, my server launches successfully but when I try to initiate communication with the USB device (by clicking a "start" button in the webpage), I see the following error displayed in the browser console:&lt;/p&gt;
&lt;pre&gt;&lt;code&gt;[09:57:03 GMT+0100 (GMT Standard Time)] SignalR: communicationshub.StartComms failed to execute. Error: libusb-1.0 library not found.  This is often an indication that libusb-1.0 was installed to '/usr/local/lib' and mono.net is not looking for it there. To resolve this, add the path '/usr/local/lib' to '/etc/ld.so.conf' and run 'ldconfig' as root. (http://www.mono-project.com/DllNotFoundException)
&lt;/code&gt;&lt;/pre&gt;
&lt;p&gt;In both cases, I configure the Linux devices using the following set of commands:&lt;/p&gt;
&lt;pre&gt;&lt;code&gt;$ apt-get update &amp;amp;&amp;amp; apt-get install -y libusb-1.0-0-dev usbutils
&lt;/code&gt;&lt;/pre&gt;
&lt;p&gt;In the case of the docker container, I run it in privileged mode and with both that and the VMware machine I can see my USB device is connected using &lt;code&gt;lsusb&lt;/code&gt;.&lt;/p&gt;
&lt;p&gt;I have also been able to communicate with this device on both Windows and Linux using previously-built applications targeting the .NET Framework and using LibUsbDotNet version 2.2.8 (in the case of Linux, this was done by compiling on Windows, copying the binaries to a Linux VM and running with &lt;code&gt;mono&lt;/code&gt;).&lt;/p&gt;
&lt;p&gt;This is the output from my running docker container after installing libusb:&lt;/p&gt;
&lt;pre&gt;&lt;code&gt;root@fdf333675857:/app# apt-cache search libusb
libusbhid-common - Common files for the USB HID devices FreeBSD library
libhidapi-libusb0 - Multi-Platform library for communication with HID devices (libusb backend)
libhidapi-libusb0-dbg - Debugging symbols for libhidapi-libusb0
libdevice-usb-perl - Perl module to access USB devices using libusb
libgusb-dev - GLib wrapper around libusb1 - development files
libgusb-doc - GLib wrapper around libusb1 - documentation
libgusb2 - GLib wrapper around libusb1
libusb++-0.1-4c2 - userspace C++ USB programming library
libusb++-dev - userspace C++ USB programming library development files
libusb-0.1-4 - userspace USB programming library
libusb-dev - userspace USB programming library development files
libusb-1.0-0 - userspace USB programming library
libusb-1.0-0-dbg - userspace USB programming library development files
libusb-1.0-0-dev - userspace USB programming library development files
libusb-1.0-doc - documentation for userspace USB programming
libusb-java - Java wrapper for libusb
libusb-java-dbg - debug information for libusb java wrapper
libusb-java-doc - javadoc documentation for libusb-java
libusb-java-lib - C part of Java wrapper for libusb
libusbmuxd-dev - USB multiplexor daemon for iPhone and iPod Touch devices - devel
libusbmuxd-tools - USB multiplexor daemon for iPhone and iPod Touch devices - tools
libusbmuxd2 - USB multiplexor daemon for iPhone and iPod Touch devices - library
libusbmuxd2-dbg - USB multiplexor daemon for iPhone and iPod Touch devices - debug
libusbtc08-1 - Hardware interface library for PicoTech USB TC08 Thermocouple sensor
libusbtc08-dev - Development files for PicoTech USB TC08
libusbip-dev - USB device sharing system over IP network (development files)
libusb-ocaml - OCaml bindings to libusb-1.0 (runtime)
libusb-ocaml-dev - OCaml bindings to libusb-1.0
libusbprog-dev - Development files for libusbprog
libusbprog0 - Library for programming the USBprog hardware
libusbredirhost-dev - implementing the usb-host (*) side of a usbredir connection (development)
libusbredirhost1 - Implementing the usb-host (*) side of a usbredir connection (runtime)
libusbredirparser-dev - Parser for the usbredir protocol (development)
libusbredirparser1 - Parser for the usbredir protocol (runtime)
python-usbtc08 - Python wrapper for libusbtc08
&lt;/code&gt;&lt;/pre&gt;
&lt;p&gt;&lt;code&gt;whereis&lt;/code&gt;:&lt;/p&gt;
&lt;pre&gt;&lt;code&gt;root@fdf333675857:/app# whereis libusb-1.0
libusb-1: /usr/include/libusb-1.0
&lt;/code&gt;&lt;/pre&gt;
&lt;p&gt;&lt;code&gt;/lib&lt;/code&gt;:&lt;/p&gt;
&lt;pre&gt;&lt;code&gt;root@fdf333675857:/app# ls -la /lib
total 36
drwxr-xr-x 11 root root 4096 Sep 30 09:00 .
drwxr-xr-x 48 root root 4096 Sep 30 09:01 ..
drwxr-xr-x  2 root root 4096 Sep 23 17:25 init
drwxr-xr-x  3 root root 4096 Sep 23 17:25 lsb
drwxr-xr-x  2 root root 4096 Sep 23 17:25 startpar
drwxr-xr-x  8 root root 4096 Sep 23 17:25 systemd
drwxr-xr-x 15 root root 4096 Sep 17  2014 terminfo
drwxr-xr-x  4 root root 4096 Sep 23 17:26 udev
drwxr-xr-x  3 root root 4096 Sep 30 09:00 x86_64-linux-gnu
&lt;/code&gt;&lt;/pre&gt;
&lt;p&gt;&lt;code&gt;/usr/lib&lt;/code&gt;:&lt;/p&gt;
&lt;pre&gt;&lt;code&gt;root@fdf333675857:/app# ls -la /usr/lib
total 92
drwxr-xr-x 24 root root 4096 Sep 30 09:00 .
drwxr-xr-x 24 root root 4096 Sep 30 09:00 ..
drwxr-xr-x  4 root root 4096 Sep 23 17:26 apt
drwxr-xr-x  2 root root 4096 Sep  2 22:02 binfmt.d
drwxr-xr-x  2 root root 4096 Sep 23 17:25 coreutils
drwxr-xr-x  3 root root 4096 Sep 23 17:26 dpkg
drwxr-xr-x  3 root root 4096 Dec 19  2014 gcc
drwxr-xr-x  2 root root 4096 Sep 23 17:26 gnupg
drwxr-xr-x  3 root root 4096 Sep  5 06:10 locale
drwxr-xr-x  3 root root 4096 Jun  6  2013 mime
drwxr-xr-x  2 root root 4096 Sep  2 22:02 modules-load.d
-rw-r--r--  1 root root  232 Sep 12 04:09 os-release
drwxr-xr-x  2 root root 4096 Aug 15  2014 perl5
drwxr-xr-x  3 root root 4096 Mar 19  2015 python2.7
drwxr-xr-x  3 root root 4096 Mar 19  2015 python3
drwxr-xr-x  2 root root 4096 Sep 25  2015 sasl2
drwxr-xr-x  3 root root 4096 Sep 29 22:14 ssl
drwxr-xr-x  2 root root 4096 Sep  2 22:02 sysctl.d
drwxr-xr-x  7 root root 4096 Sep  2 22:02 systemd
drwxr-xr-x  2 root root 4096 Nov  8  2014 tar
drwxr-xr-x  2 root root 4096 Sep 23 17:26 tc
drwxr-xr-x  2 root root 4096 Sep 23 17:25 tmpfiles.d
drwxr-xr-x 10 root root 4096 Sep 30 09:00 x86_64-linux-gnu
&lt;/code&gt;&lt;/pre&gt;
&lt;p&gt;&lt;code&gt;/usr/local/lib&lt;/code&gt;:&lt;/p&gt;
&lt;pre&gt;&lt;code&gt;root@fdf333675857:/app# ls -la /usr/local/lib
total 8
drwxrwsr-x  2 root staff 4096 Sep 23 17:25 .
drwxrwsr-x 11 root staff 4096 Sep 29 22:13 ..
&lt;/code&gt;&lt;/pre&gt;
&lt;p&gt;&lt;strong&gt;Update 1&lt;/strong&gt;&lt;/p&gt;
&lt;p&gt;Here's my &lt;code&gt;project.json&lt;/code&gt;:&lt;/p&gt;
&lt;pre&gt;&lt;code&gt;{
  "version": "0.1.1-*",
  "description": "Provides a testbed for validating the behaviour of &amp;lt;&amp;lt;Company&amp;gt;&amp;gt; .NET Communication Services",
  "authors": [
    "&amp;lt;&amp;lt;Author&amp;gt;&amp;gt;"
  ],
  "buildOptions": {
    "emitEntryPoint": true,
    "preserveCompilationContext": true,
    "debugType": "portable"
  },
  "dependencies": {
    "&amp;lt;&amp;lt;Company&amp;gt;&amp;gt;.Communications.Core": "0.4.3",
    "&amp;lt;&amp;lt;Company&amp;gt;&amp;gt;.Communications.&amp;lt;&amp;lt;Product&amp;gt;&amp;gt;Usb": "0.4.6",
    "BundlerMinifier.Core": "2.2.281",
    "Microsoft.ApplicationInsights.AspNetCore": "1.0.1",
    "Microsoft.AspNetCore.Diagnostics": "1.0.0",
    "Microsoft.AspNetCore.Mvc": "1.0.1",
    "Microsoft.AspNetCore.Razor.Tools": {
      "version": "1.0.0-preview2-final",
      "type": "build"
    },
    "Microsoft.AspNetCore.Routing": "1.0.1",
    "Microsoft.AspNetCore.Server.IISIntegration": "1.0.0",
    "Microsoft.AspNetCore.Server.Kestrel": "1.0.1",
    "Microsoft.AspNetCore.SignalR.Server": "0.1.0",
    "Microsoft.AspNetCore.StaticFiles": "1.0.0",
    "Microsoft.AspNetCore.WebSockets.Server": "0.1.0",
    "Microsoft.Composition": "1.0.30",
    "Microsoft.Extensions.Configuration.EnvironmentVariables": "1.0.0",
    "Microsoft.Extensions.Configuration.Json": "1.0.0",
    "Microsoft.Extensions.Logging": "1.0.0",
    "Microsoft.Extensions.Logging.Console": "1.0.0",
    "Microsoft.Extensions.Logging.Debug": "1.0.0",
    "Microsoft.Extensions.Options.ConfigurationExtensions": "1.0.0",
    "Microsoft.NETCore.App": {
      "version": "1.0.1",
      "type": "platform"
    },
    "Microsoft.VisualStudio.Web.BrowserLink.Loader": "14.0.0",
    "System.Reactive": "3.1.0-rc"
  },
  "packOptions": {
    "owners": [
      "&amp;lt;&amp;lt;Company&amp;gt;&amp;gt;"
    ],
    "repository": {
      "type": "git",
      "url": "https://bitbucket.org/&amp;lt;&amp;lt;Company&amp;gt;&amp;gt;-dev/communications-testbed"
    }
  },
  "frameworks": {
    "netcoreapp1.0": {
      "imports": [
        "dotnet5.6",
        "portable-net45+win8"
      ]
    }
  },
  "publishOptions": {
    "include": [
      "wwwroot",
      "**/*.cshtml",
      "appsettings.json",
      "web.config",
      "docker-compose.yml",
      "Dockerfile",
      ".dockerignore"
    ]
  },
  "runtimeOptions": {
    "configProperties": {
      "System.GC.Server": true
    }
  },
  "scripts": {
    "prepublish": [
      "bower install",
      "dotnet bundle"
    ],
    "postpublish": [
      "dotnet publish-iis --publish-folder %publish:OutputPath% --framework %publish:FullTargetFramework%"
    ]
  },
  "tools": {
    "BundlerMinifier.Core": "2.0.238",
    "Microsoft.AspNetCore.Razor.Tools": "1.0.0-preview2-final",
    "Microsoft.AspNetCore.Server.IISIntegration.Tools": "1.0.0-preview2-final"
  }
}
&lt;/code&gt;&lt;/pre&gt;
&lt;p&gt;The idea with this application is that it serves as a communication service testbed that will scan its dependencies for MEF exports of &lt;code&gt;ICommunicationService&lt;/code&gt; and allow them to be tested. This means it doesn't directly use LibUsbDotNet but instead references a project that does. This is the &lt;code&gt;project.json&lt;/code&gt; for that:&lt;/p&gt;
&lt;pre&gt;&lt;code&gt;{
  "version": "0.4.6-*",
  "description": "Provides a type of communication service that facilitates communication between .NET applications and &amp;lt;&amp;lt;Product&amp;gt;&amp;gt; over USB.",
  "authors": ["&amp;lt;&amp;lt;Author&amp;gt;&amp;gt;],
  "dependencies": {
    "NETStandard.Library": "1.6.0",
    "Microsoft.Composition": "1.0.30",
    "Microsoft.NETCore.Portable.Compatibility": "1.0.1-rc2-24027",
    "&amp;lt;&amp;lt;Company&amp;gt;&amp;gt;.Message": "0.4.2",
    "&amp;lt;&amp;lt;Company&amp;gt;&amp;gt;.Communications.Core": "0.4.3",
    "Thrower": "3.0.4",
    "CoreCompat.LibUsbDotNet": "2.2.8-r101",
    "Common.Logging.Portable": "3.3.1"
  },
  "packOptions": {
    "owners": ["&amp;lt;&amp;lt;Company&amp;gt;&amp;gt;"],
    "repository": {
      "type": "git",
      "url": "https://bitbucket.org/&amp;lt;&amp;lt;Company&amp;gt;&amp;gt;-dev/&amp;lt;&amp;lt;Product&amp;gt;&amp;gt;usb"
    }
  },
  "frameworks": {
    "netstandard1.6": {
      "imports": [ "dnxcore50", "portable-net45+win8" ]
    }
  },
  "buildOptions": {
    "xmlDoc": true
  }
}
&lt;/code&gt;&lt;/pre&gt;</t>
  </si>
  <si>
    <t>2016-09-30 09:30:16.257000+00:00</t>
  </si>
  <si>
    <t>2016-09-30 10:20:19.620000+00:00</t>
  </si>
  <si>
    <t>linux|asp.net-core|usb|libusb|libusbdotnet</t>
  </si>
  <si>
    <t>golang cross compilation on mac for windows</t>
  </si>
  <si>
    <t>&lt;p&gt;I am writing a go program to parse csv files and upload them to a postgres database in the Heroku cloud.  The program works fine on my mac laptop.  Eventual target platform for deploying the code is Windows though.  I did some research and found that the following command creates a Windows executable on my Mac.&lt;/p&gt;
&lt;pre&gt;&lt;code&gt; env GOOS=windows GOARCH=386 go build -v main.go
&lt;/code&gt;&lt;/pre&gt;
&lt;p&gt;This produced an executable called main.exe when I had just one file called main.go.  The program has grown since then and I have it now split into three source files:&lt;/p&gt;
&lt;pre&gt;&lt;code&gt;main.go
common.go
specific.go
&lt;/code&gt;&lt;/pre&gt;
&lt;p&gt;They are all in the same source directory though.  Moreover, since the program is relatively small, I have all functions in the 'main' package.  What is the command now to cross-compile on mac for windows for multiple source files belonging to the same package?  The previous command did not work since the other two file common.go and specific.go are not included.  Also, I would like to know how to rename the Windows 'exe' file to something else than main.exe, e.g., upload.exe?  I am using go version go1.5 darwin/amd64&lt;/p&gt;</t>
  </si>
  <si>
    <t>2016-01-29 14:20:45.643000+00:00</t>
  </si>
  <si>
    <t>windows|macos|go|cross-compiling</t>
  </si>
  <si>
    <t>remove Bootable CD from VM programatically</t>
  </si>
  <si>
    <t>&lt;p&gt;I am doing automation of installation of OS(Custom Linux) on a VM on ESXi by plugging in bootable iso of the OS. After the installation of the OS is done, a restart is required of the VM to proceed with the normal OS launch.&lt;/p&gt;
&lt;p&gt;I need to automate this. The problem is if the bootable CD is plugged in, instead of booting from the HDD, the system boots from the CD. Is there any way to eject the CD from the VM programatically? or is there any other way?&lt;/p&gt;</t>
  </si>
  <si>
    <t>2017-01-15 14:15:12.267000+00:00</t>
  </si>
  <si>
    <t>2017-05-03 15:58:46.297000+00:00</t>
  </si>
  <si>
    <t>automation|esx</t>
  </si>
  <si>
    <t>how to include jquery from node_modules in angular1</t>
  </si>
  <si>
    <t>&lt;p&gt;Here this is my HTML:&lt;/p&gt;
&lt;pre&gt;&lt;code&gt;&amp;lt;!DOCTYPE html&amp;gt;
&amp;lt;html&amp;gt;
&amp;lt;head&amp;gt;&amp;lt;% include ./header %&amp;gt;
&amp;lt;link type="text/javascript" src="loginScript" &amp;gt;&amp;lt;/head&amp;gt;
&amp;lt;body class='home-page' ng-app="loginApp" ng-controller="LoginCtrl"&amp;gt; &amp;lt;/body&amp;gt;&amp;lt;/html&amp;gt;
&lt;/code&gt;&lt;/pre&gt;
&lt;p&gt;&lt;strong&gt;header.ejs&lt;/strong&gt;
     My application&lt;/p&gt;
&lt;pre&gt;&lt;code&gt; &amp;lt;script type="text/javascript" src="/node_modules/jquery/dist/jquery.min.js"&amp;gt; 
 &amp;lt;/script&amp;gt; 
&lt;/code&gt;&lt;/pre&gt;
&lt;p&gt;&lt;strong&gt;server.js&lt;/strong&gt;   &lt;/p&gt;
&lt;pre&gt;&lt;code&gt;      var express = require('express');
      var app = express();
      var mysql = require('mysql');
      var path = require('path');
      var http = require('http');
      var fs = require('fs');
      var bodyParser = require('body-parser');
      app.set('view engine','ejs');
      app.get('/',(req,res) =&amp;gt;{
         res.render('./login_page');
      });
      app.use(express.static(path.join(__dirname, 'public')));
      var server = http.createServer();
      app.listen(8081); 
&lt;/code&gt;&lt;/pre&gt;
&lt;p&gt;While running node &lt;code&gt;server.js&lt;/code&gt; the following error is displayed:
    localhost/:12 GET 
    &lt;a href="http://localhost:8081/node_modules/jquery/dist/jquery.min.js" rel="nofollow noreferrer"&gt;http://localhost:8081/node_modules/jquery/dist/jquery.min.js&lt;/a&gt; 404 (Not Found)&lt;/p&gt;
&lt;pre&gt;&lt;code&gt;localhost/:1 Refused to execute script from 
'http://localhost:8081/node_modules/jquery/dist/jquery.min.js' because 
its MIME type ('text/html') is not executable, and strict MIME type 
checking is enabled.
&lt;/code&gt;&lt;/pre&gt;
&lt;p&gt;I have &lt;code&gt;node_modules/jquery/dist/jquery.min.js&lt;/code&gt; but i don't know why i am getting this error.&lt;/p&gt;</t>
  </si>
  <si>
    <t>2018-07-11 13:01:00.500000+00:00</t>
  </si>
  <si>
    <t>2018-07-11 14:42:21.170000+00:00</t>
  </si>
  <si>
    <t>2018-07-11 13:26:18.177000+00:00</t>
  </si>
  <si>
    <t>jquery|angularjs</t>
  </si>
  <si>
    <t>In Android, how to launch third party installed applications from my application using localactivitymanager?</t>
  </si>
  <si>
    <t>&lt;p&gt;I have an application that needs to launch calculator application in resized window on demand and then be able to close the calculator application using close button in my app. &lt;/p&gt;
&lt;p&gt;How can this be done?&lt;/p&gt;</t>
  </si>
  <si>
    <t>2011-09-15 11:15:30.313000+00:00</t>
  </si>
  <si>
    <t>2011-09-15 13:05:51.770000+00:00</t>
  </si>
  <si>
    <t>Iterating through a Numpy array of plots and using element methods</t>
  </si>
  <si>
    <t>&lt;p&gt;In trying to do some &lt;a href="https://en.wikipedia.org/wiki/Small_multiple" rel="nofollow"&gt;small multiple&lt;/a&gt; stuff, I want to make a bunch of subplots with Matplotlib and toss in varying data to each.  &lt;code&gt;pyplot.subplots()&lt;/code&gt;  gives me a &lt;code&gt;Figure&lt;/code&gt; and Numpy array of &lt;code&gt;Axes&lt;/code&gt;, but in trying to iterate over the axes, I am stumped on how to actually get at them.&lt;/p&gt;
&lt;p&gt;I'm trying something akin to:&lt;/p&gt;
&lt;pre&gt;&lt;code&gt;import numpy as np
import matplotlib.pyplot as plt
f, axs = plt.subplots(2,2)
for ax in np.nditer(axs, flags=['refs_ok']):
    ax.plot([1,2],[3,4])
&lt;/code&gt;&lt;/pre&gt;
&lt;p&gt;However, the type of &lt;code&gt;ax&lt;/code&gt; in each iteration is not an &lt;code&gt;Axes&lt;/code&gt;, but rather an &lt;code&gt;ndarray&lt;/code&gt;, so attempting to plot fails with:&lt;/p&gt;
&lt;pre&gt;&lt;code&gt;AttributeError: 'numpy.ndarray' object has no attribute 'plot'
&lt;/code&gt;&lt;/pre&gt;
&lt;p&gt;How can I loop over my axes?&lt;/p&gt;</t>
  </si>
  <si>
    <t>2014-01-14 22:44:39.260000+00:00</t>
  </si>
  <si>
    <t>2014-01-14 22:52:41.847000+00:00</t>
  </si>
  <si>
    <t>python|numpy|matplotlib</t>
  </si>
  <si>
    <t>implementing socket.io on existing application</t>
  </si>
  <si>
    <t>&lt;p&gt;My current application poll using MEAN stack and in controller I have a function vote() and API route defined as follow:&lt;/p&gt;
&lt;p&gt;"/api/polls/pollID/pollChoiceID"&lt;/p&gt;
&lt;p&gt;(ex. &lt;a href="http://localhost:3001/api/polls/5587ad060a9e110816f9f1a8/5587ad060a9e110816f9f1a9" rel="nofollow"&gt;http://localhost:3001/api/polls/5587ad060a9e110816f9f1a8/5587ad060a9e110816f9f1a9&lt;/a&gt;)&lt;/p&gt;
&lt;p&gt;I have the app working fine as it's but now I'm looking to implement socket.io on this app so that when client #2 connected and vote the voting result graph of client #1 will update in real time. I did some research about socket.io but I'm still stuck on implementing it.&lt;/p&gt;
&lt;p&gt;For instance, in controller.js and inside the vote() I need to add:&lt;/p&gt;
&lt;p&gt;socket.emit('send:vote', poll);&lt;/p&gt;
&lt;p&gt;and over the routes/index.js I'll need to handle the socket.emit from controller so I wrap existing router.post codes with socket.on :&lt;/p&gt;
&lt;pre&gt;&lt;code&gt;socket.on('send:vote', function(data){
    router.post('/api/polls/:poll_id2/:poll_choice2', function(req, res)
        {
            //existing code here
        }
}
&lt;/code&gt;&lt;/pre&gt;
&lt;p&gt;However, Ii'm not sure if I'm taking the right steps so that they will work with my existing API route. Any inputs would be great! Thanks&lt;/p&gt;
&lt;pre&gt;&lt;code&gt;/*
  controller.js
*/
var voteObj = { poll_id1: pollSelected, choice1: pollChoiceSelected };
$scope.votedPollID = voteObj.poll_id1;
$scope.votedPollChoiceID = voteObj.choice1;
$scope.vote = function()
{
   $http.post('/api/polls/' + $scope.votedPollID + '/' + $scope.votedPollChoiceID)
            .success(function (data) 
            {
                console.log(data);
                $scope.poll = data;
            })
            .error(function(data) {
                console.log('Error: ' + data);
            })
/*
 routes/index.js
*/
router.post('/api/polls/:poll_id2/:poll_choice2', function(req, res)
        {
                var testpollid = req.params.poll_id2;
                var testpollchoiceid = req.params.poll_choice2;
                var ipCounter = 0;
                PollModel.findById({_id: req.params.poll_id2}, function(err, poll)
                {
                    if(poll)
                    {
                        var choice = poll.choices.id(testpollchoiceid);
                        choice.votes.push({ ip: ip });
                        var ipCounter = ipCounter++;
                        poll.save(function(err, doc)
                        {
                            if(err)
                            {
                                return (err);
                            }
                            else 
                            {
                                var theDoc = {
                                    question: doc.question, id: doc._id, choices: doc.choices,
                                    userVoted: false, totalVotes: 0
                                };
                                for(var i = 0, ln = doc.choices.length; i&amp;lt; ln; i++)
                                {
                                    var choice = doc.choices[i];
                                    for(var j= 0, jLn = choice.votes.length; j&amp;lt; jLn; j++)
                                    {
                                        var vote = choice.votes[j];
                                        theDoc.totalVotes++;
                                        theDoc.ip = ip;
                                        if(vote.ip === ip)
                                        {
                                            theDoc.userVoted = true;
                                            theDoc.userChoice = { _id: choice._id, text: choice.text };
                                        }
                                    }
                                }
                                poll.userVoted = theDoc.userVoted;
                            }                       
                        });     
                            return res.json(poll);
                    }
                    else 
                    {
                        return res.json({error:true});
                    }
                });
        });
    });
});
&lt;/code&gt;&lt;/pre&gt;</t>
  </si>
  <si>
    <t>2015-07-09 03:29:42.400000+00:00</t>
  </si>
  <si>
    <t>2015-07-09 03:32:28.557000+00:00</t>
  </si>
  <si>
    <t>angularjs|node.js|express|socket.io</t>
  </si>
  <si>
    <t>Javascript audio pause button works, but does not resume again</t>
  </si>
  <si>
    <t>&lt;p&gt;I am trying to build a Swing Era jukebox on Javascript. Just about everything works except for the 'needle'.  I hope I am not the only one here who still uses vinyl!  Suffice it to say that the pause button should be able to resume from the spot where the audio was paused, much like lifting the needle and dropping it in the same spot.  It can only pause as of now.  &lt;/p&gt;
&lt;p&gt;Here is the JS code, or what I think is the relevant extract:&lt;/p&gt;
&lt;pre&gt;&lt;code&gt;  var playtext = $("div#play").text()
  var playing = false
  function Jukebox(){
    this.tune = $("audio")[0];
    Jukebox.prototype.play = function(){ 
      this.tune.play();
      playing = true;
    }
    Jukebox.prototype.pause = function(){
      this.tune.pause(); //Apparently, pause is a built-in function?!
      playing = false;
    }
    Jukebox.prototype.needle = function(){
      if (playing = true) {
        this.tune.pause();
        playing = false; 
      }
      if (playing = false) {
        this.tune.play();
        playing = true; //After it is paused, it cannot play again?!  Why?
      }
    }
&lt;/code&gt;&lt;/pre&gt;</t>
  </si>
  <si>
    <t>2016-09-12 14:47:04.967000+00:00</t>
  </si>
  <si>
    <t>2016-09-19 13:40:14.227000+00:00</t>
  </si>
  <si>
    <t>javascript|audio|playback</t>
  </si>
  <si>
    <t>convert string object to list object in python</t>
  </si>
  <si>
    <t>&lt;p&gt;Let's say I have a string like &lt;code&gt;'banana'&lt;/code&gt; and I'd to convert it into a list &lt;code&gt;['banana']&lt;/code&gt;, in python.
I tried &lt;code&gt;''.join(list('banana'))&lt;/code&gt; and other tricks, and I'm still back to square one! Thanks&lt;/p&gt;</t>
  </si>
  <si>
    <t>2012-10-01 00:55:11.220000+00:00</t>
  </si>
  <si>
    <t>2012-10-01 01:11:11.830000+00:00</t>
  </si>
  <si>
    <t>implicit parameter in implicit conversion</t>
  </si>
  <si>
    <t>&lt;pre&gt;&lt;code&gt;#include &amp;lt;iostream&amp;gt;
using namespace std;
struct From{
    int i;
    From(){}
};
struct By{
    By(const From&amp;amp; f){}
};
struct To{
    To(const By&amp;amp; b){}
};
int main() {
    From f;
    To to = f;  // error: conversion from 'From' to non-scalar type 'To' requested
    // By by = f;
    // To to = by;
    return 0;
}
&lt;/code&gt;&lt;/pre&gt;
&lt;p&gt;Is there any way to make this work without modifying &lt;code&gt;By&lt;/code&gt; and &lt;code&gt;To&lt;/code&gt; ?
And also without doing this :&lt;/p&gt;
&lt;pre&gt;&lt;code&gt; By by = f;
 To to = by;
&lt;/code&gt;&lt;/pre&gt;</t>
  </si>
  <si>
    <t>2015-07-01 13:15:00.613000+00:00</t>
  </si>
  <si>
    <t>2015-07-01 14:06:02.103000+00:00</t>
  </si>
  <si>
    <t>2015-07-01 13:24:34.580000+00:00</t>
  </si>
  <si>
    <t>Using JQuery and Rails to generate preview of link</t>
  </si>
  <si>
    <t>&lt;p&gt;what I am interested in doing is implementing a basic version of a link preview tool in JQuery and RoR (similar to what Facebook has). A user types a url in an input field. A jquery function monitors what is typed (using keyup), and when a valid url is typed (without the user submitting anything), the jquery function calls a rails function, which uses the Nokogiri gem to search and return preview content (such as title, any images, etc). That content is then returned to the jquery function and displayed below the input box. &lt;/p&gt;
&lt;p&gt;What I am unclear about in all this is how data is passed from the jquery function to the rails one and back. &lt;/p&gt;
&lt;p&gt;To make things concrete, let's say I just want to retrieve the title of the url being typed.&lt;/p&gt;
&lt;p&gt;In my JQuery function I am using keyup to monitor for things like spaces, returns, etc. At this point I am not validating the typed url (I can do that later)&lt;/p&gt;
&lt;pre&gt;&lt;code&gt;var text; 
$("#text").keyup(function(e) {
    if(e.which == 13 || e.which == 32 || e.which == 17 || ) {
        text = $("text").val();
        $.get('/linkPreview', {text: text}, function(answer) {
            $("previewTitle").html(answer);
        }           
            )
    }
&lt;/code&gt;&lt;/pre&gt;
&lt;p&gt;This is where I am unsure how to proceed. I am using the .get Jquery method (is this the right one?) to call the rails function, and passing the text as the typed url. &lt;/p&gt;
&lt;p&gt;I then match the '/linkPreview' to the linkPreview action in my pages controller, in my routes file:&lt;/p&gt;
&lt;pre&gt;&lt;code&gt;match '/linkPreview', :to =&amp;gt; 'pages#linkPreview'
&lt;/code&gt;&lt;/pre&gt;
&lt;p&gt;I am also unsure about reading and passing JSON data in a rails function. I am trying to use respond_to and respond_with functions, but am not sure if this is correct (I use Nokogiri gem to extract title from the url's html):&lt;/p&gt;
&lt;pre&gt;&lt;code&gt;def linkPreview
    respond_to :json
@url = params[:text]
doc = Nokogiri::HTML(open(@url))
@title = doc.css(title)
respond_with(@title)
end
&lt;/code&gt;&lt;/pre&gt;
&lt;p&gt;As I am new to RoR and JQuery, I would greatly appreciate any help with regards to the proper way of calling a rails function from JQuery, passing JSON data from one to the other, and any other resources that my address these topics! I was also wondering if there's any recommended way of debugging a flawed script (my code obviously doesn't work, but I'm not sure where to start in looking for the mistakes). &lt;/p&gt;
&lt;p&gt;Thanks a ton! &lt;/p&gt;</t>
  </si>
  <si>
    <t>2012-08-07 22:12:50.567000+00:00</t>
  </si>
  <si>
    <t>2014-04-21 18:25:02.493000+00:00</t>
  </si>
  <si>
    <t>jquery|ruby-on-rails|json|respond-with</t>
  </si>
  <si>
    <t>Why is InputStream.read() blocking here?</t>
  </si>
  <si>
    <t>&lt;p&gt;I am supposed to develop a simple SFTP.&lt;br&gt;
Things were going fine until my &lt;code&gt;ByteArrayOutputStream&lt;/code&gt; (in this case, &lt;code&gt;baos&lt;/code&gt;) was not writing all of the &lt;code&gt;arrayByte&lt;/code&gt;. Can some please explain to me, why the system hangs on me?&lt;/p&gt;
&lt;h2&gt;Server Side:&lt;/h2&gt;
&lt;pre&gt;&lt;code&gt;public static void main (String[] args)
{
        int portTexto = 5656;
        String comando;
        String regexGet = "\\s*(get)\\s[A-z0-9]*\\.[A-z0-9]*\\s*";
        String regexPut = "\\s*(put)\\s[A-z0-9]*\\.[A-z0-9]*\\s*";
        try{
            ServerSocket servSockTexto = new ServerSocket(portTexto);
            // pegar IP de servidor.
            try {
                  InetAddress addr = InetAddress.getLocalHost();            
                  System.out.println(addr.getHostAddress());
            } 
            catch (UnknownHostException e) {
            }
            System.out.println("Aguardando conex��o com Servidor de Texto...");
            Socket sock = servSockTexto.accept(); 
            System.out.println("Conex��o com Servidor estabelecida.");
            //BufferedOutputStream paraCliente = new BufferedOutputStream(sock.getOutputStream());
            DataInputStream inputServ = new DataInputStream(sock.getInputStream());
            DataOutputStream outputServ = new DataOutputStream(sock.getOutputStream());
            BufferedOutputStream paraCliente = new BufferedOutputStream(sock.getOutputStream());
            //1
            outputServ.writeUTF("Conex��o com Servidor estabelecida.");
            do
            {
                //3
                comando = inputServ.readUTF();
                if(comando.matches(regexGet))
                {
                    String[] aux = comando.split("\\s");
                    String nomeArq = aux[1];
                    File arqGet = new File(nomeArq);
                    //4
                    outputServ.writeUTF(arqGet.getName());
                    byte[] arrayByte = new byte[(int) arqGet.length()];
                    FileInputStream fInput = new FileInputStream(arqGet);
                    BufferedInputStream bInput = new BufferedInputStream(fInput);
                    bInput.read(arrayByte, 0, arrayByte.length);
                    //5
                    paraCliente.write(arrayByte.length);
                    //6
                    paraCliente.write(arrayByte, 0, arrayByte.length);
                    paraCliente.flush();
                    bInput.close();
                    fInput.close();
                }
                else if(comando.matches(regexPut))
                {
                }
                else if (!comando.equals("sair"))
                {
                    //4
                    outputServ.writeUTF("Comando n��o existente.");
                }
            }
            while(!comando.equals("sair"));
            servSockTexto.close();
            sock.close();
            inputServ.close();
            outputServ.close();
            paraCliente.close();
        }
        catch (Exception ex)
        {
            System.out.println("Erro: " + ex);
        }
    }
&lt;/code&gt;&lt;/pre&gt;
&lt;h2&gt;Client Side:&lt;/h2&gt;
&lt;pre&gt;&lt;code&gt;    public static void main (String[] args)
    {
        String IP = "localhost";
        String comando;
        String regexGet = "\\s*(get)\\s[A-z0-9]*\\.[A-z0-9]*\\s*";
        String regexPut = "\\s*(put)\\s[A-z0-9]*\\.[A-z0-9]*\\s*";
        int portTexto = 5656;
        Scanner scan = new Scanner(System.in);
        try{
            Socket sock = new Socket (IP,portTexto); 
            //BufferedInputStream is = new BufferedInputStream(sock.getInputStream());
            DataInputStream inputCli = new DataInputStream(sock.getInputStream());
            DataOutputStream outputCli = new DataOutputStream(sock.getOutputStream());
            InputStream is = sock.getInputStream();
            //BufferedInputStream is = new BufferedInputStream(sock.getInputStream());
            //1
            System.out.println(inputCli.readUTF());
            do
            {
                System.out.println("Digite um comando:");
                comando = scan.nextLine();
                //3
                outputCli.writeUTF(comando);
                if(comando.matches(regexGet))
                {
                    //4
                    String arqTeste = "C:\\Users\\Frederico\\Desktop\\Download SFTP\\" + inputCli.readUTF();
                    int bytesRead;
        ByteArrayOutputStream baos = new      ByteArrayOutputStream();                         FileOutputStream fos = new FileOutputStream( arqTeste );
                  BufferedOutputStream bos = new BufferedOutputStream(fos);
                    //5
                    byte[] aByte = new byte[1];
                    //6
                    bytesRead = is.read(aByte, 0, aByte.length);
                     // MY SYSTEM STAYS INSIDE THIS DO AND I CANT SOLVE THIS!!!  
                    do 
                    {
                            baos.write(aByte);
                            bytesRead = is.read(aByte);
                    } 
                    while (bytesRead != -1);
                    //is.close();
                    bos.write(baos.toByteArray());
                    bos.flush();
                    bos.close();
                }
                else if(comando.matches(regexPut))
                {}
                else if (!comando.equals("sair"))
                {
                    //4
                    System.out.println(inputCli.readUTF());
                }
            }
            while(!comando.equals("sair"));
            is.close();
            sock.close();
            inputCli.close();
            outputCli.close();
            System.out.println("Conex��o com servidor encerrada.");
        }
        catch (Exception ex)
        {
            System.out.println("Erro: " + ex);
        }
    }
&lt;/code&gt;&lt;/pre&gt;</t>
  </si>
  <si>
    <t>2013-05-23 19:24:32.273000+00:00</t>
  </si>
  <si>
    <t>2013-05-24 01:33:21.647000+00:00</t>
  </si>
  <si>
    <t>java|sftp|bytearrayoutputstream</t>
  </si>
  <si>
    <t>Getting last entered text from summernote</t>
  </si>
  <si>
    <t>&lt;p&gt;I want to know the last word written or pasted on summernote, below is the code I am using for the same&lt;/p&gt;
&lt;pre&gt;&lt;code&gt;onkeyup: function (e) {
              //  CurrentContent = $('#summernote').code();
                var CurrentContent = $('#summernote').code().replace(/(&amp;lt;([^&amp;gt;]+)&amp;gt;);/ig, "");
                if (e.keyCode == 32) {
                    PrevContent = CurrentContent.replace(PrevContent, "");
                    $('#content').text(PrevContent);
                    PrevContent = CurrentContent;
                }
                console.log('Key is released:', e.keyCode);
            }
&amp;lt;div id="summernote"&amp;gt;&amp;lt;/div&amp;gt;
 &amp;lt;h1&amp;gt;Latest word:&amp;lt;/h1&amp;gt;
&amp;lt;div id="content"&amp;gt; &amp;lt;/div&amp;gt;
&lt;/code&gt;&lt;/pre&gt;
&lt;p&gt;This is not giving me correct result; instead it is giving me something like this when I am typing "Test "&lt;/p&gt;
&lt;pre&gt;&lt;code&gt;&amp;lt;p&amp;gt;Test&amp;amp;nbsp;&amp;lt;/p&amp;gt;
&lt;/code&gt;&lt;/pre&gt;
&lt;p&gt;How can i fix it? sorry for my bad english&lt;/p&gt;</t>
  </si>
  <si>
    <t>2014-09-05 14:51:08.807000+00:00</t>
  </si>
  <si>
    <t>2014-09-05 15:07:30.430000+00:00</t>
  </si>
  <si>
    <t>jquery|onkeyup|summernote</t>
  </si>
  <si>
    <t>Move or Copy Excel Sheet to Another Workbook (Destination workbook is named using variable)</t>
  </si>
  <si>
    <t>&lt;p&gt;I am trying to copy an excel worksheet into another excel workbook.  This generally wouldn't be too difficult, except I am moving my worksheet into a workbook that is saved using variables. &lt;/p&gt;
&lt;p&gt;Here is a bit of my code:&lt;/p&gt;
&lt;pre&gt;&lt;code&gt;Sheets.Add After:=Sheets(Sheets.Count)
ActiveCell.FormulaR1C1 = "a"
Sheets("Policy Search").Move After:=Workbooks(fname).Sheets(SheetName)
&lt;/code&gt;&lt;/pre&gt;
&lt;p&gt;"policy search" will always be named the same, and this is the workbook I am trying to move.  However, I am trying to move it to a file that is dynamically saved using the variable "fname", and the sheet name "SheetName".&lt;/p&gt;
&lt;p&gt;Every time I try and run this bit of code, I am getting a Subscript out of range error.  Any ideas on how to fix this?&lt;/p&gt;
&lt;p&gt;Thanks!&lt;/p&gt;</t>
  </si>
  <si>
    <t>2016-08-30 20:31:42.200000+00:00</t>
  </si>
  <si>
    <t>2016-08-30 20:44:34.093000+00:00</t>
  </si>
  <si>
    <t>How to set FPS in sprite kit</t>
  </si>
  <si>
    <t>&lt;p&gt;I run my game on iphone simulator, the FPS is 30, and I run it on my real device, it is 60.
why they are different, how to set FPS in sprite kit?&lt;/p&gt;
&lt;pre&gt;&lt;code&gt;      skView.showsFPS = YES; 
  skView.showsNodeCount = YES; 
&lt;/code&gt;&lt;/pre&gt;
&lt;p&gt;Thanks.&lt;/p&gt;</t>
  </si>
  <si>
    <t>2014-10-05 05:18:39.147000+00:00</t>
  </si>
  <si>
    <t>2014-10-05 05:22:53.427000+00:00</t>
  </si>
  <si>
    <t>ios|sprite-kit|frame-rate</t>
  </si>
  <si>
    <t>How can I get a python code to run over and over again?</t>
  </si>
  <si>
    <t>&lt;p&gt;I have a scraper that scrapes data from a website, then saves the data in .csv files. What I am looking for is a way to run this code every 10 minutes, without using a loop. I have very little knowledge on how to do this. What approach would you use?&lt;/p&gt;</t>
  </si>
  <si>
    <t>2016-10-10 17:23:22.983000+00:00</t>
  </si>
  <si>
    <t>2016-10-10 17:36:30.650000+00:00</t>
  </si>
  <si>
    <t>python|web-scraping</t>
  </si>
  <si>
    <t>I want to read autosearch drop down list to an array and then search through it using c# how can i do it?</t>
  </si>
  <si>
    <t>&lt;pre&gt;&lt;code&gt;       string[] valueArray = new string[50];
        int numberOfValues = valueArray.GetLength();
        for (int i = 0; i &amp;lt; numberOfValues; i++)
        {
            if (valueArray[i] == "bangalore")
            {
                valueArray[i].Click();
            }
        }
&lt;/code&gt;&lt;/pre&gt;</t>
  </si>
  <si>
    <t>2018-07-19 05:07:06.930000+00:00</t>
  </si>
  <si>
    <t>2018-07-19 05:16:40.357000+00:00</t>
  </si>
  <si>
    <t>c#|selenium-webdriver</t>
  </si>
  <si>
    <t>Error while consuming one WCF Service (hosted on Windows Service) from another WCF Service (self hosted)</t>
  </si>
  <si>
    <t>&lt;p&gt;I am hosting a WCF service on Windows Service (let's call it WCF B) and then trying to consume it from another WCF service (which is self hosted) (let's call it WCF A).&lt;/p&gt;
&lt;p&gt;&lt;img src="https://i.stack.imgur.com/nceZs.png" alt="enter image description here"&gt;&lt;/p&gt;
&lt;p&gt;I am able to add service reference perfectly, end points are getting auto generated properly. But when I am trying to instantiate the client object. &lt;/p&gt;
&lt;p&gt;I am communicating over TCP. I am getting following error.&lt;/p&gt;
&lt;p&gt;&lt;img src="https://i.stack.imgur.com/cvr7v.png" alt="Error Message, when I try to instantiate the client service object"&gt;&lt;/p&gt;
&lt;p&gt;Configuration Code of WCF B is as below&lt;/p&gt;
&lt;p&gt;&lt;img src="https://i.stack.imgur.com/NxDMX.png" alt="enter image description here"&gt;&lt;/p&gt;
&lt;p&gt;Auto generated Endpoint details(After adding Service Reference) in WCF A web.config are as below.&lt;/p&gt;
&lt;p&gt;&lt;img src="https://i.stack.imgur.com/nygwz.png" alt="enter image description here"&gt;&lt;/p&gt;</t>
  </si>
  <si>
    <t>2014-08-11 12:07:22.200000+00:00</t>
  </si>
  <si>
    <t>2015-12-14 22:13:33.450000+00:00</t>
  </si>
  <si>
    <t>c#|.net|wcf|service|wcf-hosting</t>
  </si>
  <si>
    <t>Pass variable in GET method to PHP file on server</t>
  </si>
  <si>
    <t>&lt;p&gt;From my Android App I use HTTP GET to access a Php file on my server.&lt;/p&gt;
&lt;p&gt;The Php file contains a MySQL query to select data from my MySQL database.&lt;/p&gt;
&lt;p&gt;I want my App to pass a variable to the Php file. To select a specific row, and &lt;/p&gt;
&lt;p&gt;only get the data from that row.&lt;/p&gt;
&lt;p&gt;How can I do this? &lt;/p&gt;</t>
  </si>
  <si>
    <t>2015-01-21 17:53:05.407000+00:00</t>
  </si>
  <si>
    <t>2015-01-21 18:47:41.867000+00:00</t>
  </si>
  <si>
    <t>php|android|mysql|get</t>
  </si>
  <si>
    <t>Can arguments be passed just by reference to function in javascript</t>
  </si>
  <si>
    <t>&lt;p&gt;Look at this:&lt;/p&gt;
&lt;pre&gt;&lt;code&gt;addEventListener("mouseover", function(e){..code..},false);
&lt;/code&gt;&lt;/pre&gt;
&lt;p&gt;can be written as&lt;/p&gt;
&lt;pre&gt;&lt;code&gt;function mouseover(e){ ... }
addEventListener('mouseover', mouseover, false);
&lt;/code&gt;&lt;/pre&gt;
&lt;p&gt;so here mouseover function receives event object even though it was just referenced and not passed any parameters. I'd think that maybe addeventlistener function executes all functions referenced/anonymous like this:&lt;/p&gt;
&lt;pre&gt;&lt;code&gt;....
suppose like this
function addeventlistner (a,b,c){
b(e);
}
&lt;/code&gt;&lt;/pre&gt;
&lt;p&gt;Why I am asking this?&lt;/p&gt;
&lt;p&gt;I can't understand where e come from in addeventlistner function &lt;code&gt;function (e) {...code...}&lt;/code&gt;
.&lt;/p&gt;
&lt;p&gt;As I understand this second parameter of addeventlistner can be either target object or function. Which is passed an event object. It makes sense that function can do something with object passed to it, what does the object would do with this passed event object.&lt;/p&gt;
&lt;p&gt;the reason for this is that I was trying to understand in some example codes that function took e from addeventlistner, similar to one above, and used properties like e.msg, e.data, and e.cmd.....which I have no clue where they are coming from.&lt;/p&gt;
&lt;p&gt;Are they properties of Event object? I can't find them!&lt;/p&gt;</t>
  </si>
  <si>
    <t>2013-06-17 17:55:45.757000+00:00</t>
  </si>
  <si>
    <t>2013-12-07 17:11:39.453000+00:00</t>
  </si>
  <si>
    <t>javascript-events</t>
  </si>
  <si>
    <t>What's the difference between TMU and openGL's GL_TEXTUREn?</t>
  </si>
  <si>
    <t>&lt;p&gt;I can't quite understand what's the difference.
I know TMU is a texture mapping unit on GPU, and in opengl, we can have many texture units.I used to think they're the same, that if I got n TMU, then I can have n GL_TEXTURE to use, but I found that this may not be true.
Recently, I was working on an android game, targetting a platform using the Mali 400MP GPU.According to the document, it has only one TMU, I thought that I can use only one texture at a time.But suprisingly, I can use at least 4 textures without trouble.Why is this?
Is the hardware or driver level doing something like swap different textures in/out automatically for me? If so, is it supposed to cause a lot of cache miss?&lt;/p&gt;</t>
  </si>
  <si>
    <t>2014-04-27 16:18:49.307000+00:00</t>
  </si>
  <si>
    <t>2014-04-27 21:39:13.040000+00:00</t>
  </si>
  <si>
    <t>mobile|opengl-es|opengl-es-2.0|texture-mapping</t>
  </si>
  <si>
    <t>Creating a page for date entry for Roku?</t>
  </si>
  <si>
    <t>&lt;p&gt;I'm working on a Roku app and we want the user's date of birth.  Trying not to get too complex on the parsing end (so would prefer to not just have a text box where the user can enter whatever they want). I looked into using a &lt;code&gt;roPinEntryDialog&lt;/code&gt;, but that unfortunately I think is only meant for entering payment information. I see that &lt;code&gt;roDateTime&lt;/code&gt; is a thing, but that seems to only get the current date, and not have any types of inputs for it.&lt;/p&gt;
&lt;p&gt;Any ideas or help?&lt;/p&gt;
&lt;p&gt;Thanks!&lt;/p&gt;</t>
  </si>
  <si>
    <t>2017-06-09 23:01:56.900000+00:00</t>
  </si>
  <si>
    <t>2017-07-28 03:26:23.823000+00:00</t>
  </si>
  <si>
    <t>roku|brightscript</t>
  </si>
  <si>
    <t>R - How to improve this recursion for running mean?</t>
  </si>
  <si>
    <t>&lt;p&gt;I wrote a function that calculates a simple running mean, per the weighted average recurrence formula, as follows:&lt;/p&gt;
&lt;pre&gt;&lt;code&gt;cumulative_mean &amp;lt;- function(prev_step=c(1, 0), new_data=c())
{
  # easy sample data argument: new_data=sample(0:100,100,replace=T)
  if (length(new_data) == 0)
  {
    return("done!")
  }
  else
  {
    #prev_step[1] = current time tick step
    #prev_step[2] = previous mean
    new_mean &amp;lt;- ((prev_step[1] - 1) / prev_step[1] * prev_step[2]) + ((1/prev_step[1]) * new_data[1])
    new_tick &amp;lt;- prev_step[1] + 1
    result &amp;lt;- c(prev_step[1], new_data[1], new_mean)
    print(result)
    return(cumulative_mean(c(new_tick, new_mean), new_data[-1]))
  }
}
&lt;/code&gt;&lt;/pre&gt;
&lt;p&gt;This seems to work well enough, except for choking, with a stack overflow error for data that is around 4000 in length.&lt;/p&gt;
&lt;p&gt;I'm trying to think of a way I can pass less data to the next recursion loop, but not coming up with anything. My system memory never spikes, so I conclude the overflow is from R specifically.&lt;/p&gt;
&lt;p&gt;How can this be restructured so as to make less of a hit on R's nesting/function call capabilities?&lt;/p&gt;</t>
  </si>
  <si>
    <t>2017-07-07 05:48:07.507000+00:00</t>
  </si>
  <si>
    <t>2018-05-31 02:26:33.517000+00:00</t>
  </si>
  <si>
    <t>r|recursion</t>
  </si>
  <si>
    <t>dynamically getIdByName</t>
  </si>
  <si>
    <t>&lt;p&gt;I have a series of 20 pictures showing on my page all with unique ids and values. each picture is contained in a td. I want to get the value of the td that was clicked. I have tried everything but it doesn't work the way it should. The value is always undefined.Why? Here is a sample code:&lt;/p&gt;
&lt;pre&gt;&lt;code&gt;&amp;lt;?php
$html='';
for($i=0; $i &amp;lt; 20; $i++){
$html .= "&amp;lt;td id='tdName' value='$i'&amp;gt;&amp;lt;/td&amp;gt;";
}
?&amp;gt;
&amp;lt;html&amp;gt;
&amp;lt;body&amp;gt;
&amp;lt;table&amp;gt;&amp;lt;tr&amp;gt;
 &amp;lt;?php echo $html; ?&amp;gt;
&amp;lt;/tr&amp;gt;
&amp;lt;/table&amp;gt;
  &amp;lt;script src="https://ajax.googleapis.com/ajax/libs/jquery/1.10.2/jquery.min.js"&amp;gt;
&amp;lt;/script&amp;gt;
&amp;lt;script&amp;gt;
$('#tdName').on('click', function() {
     tdValue =  document.getElementById('tdName').value;
alert(tdValue);
});
&amp;lt;/script&amp;gt;
&amp;lt;/body&amp;gt;
&amp;lt;/html&amp;gt;
&lt;/code&gt;&lt;/pre&gt;
&lt;p&gt;How do I get the unique value each time the user clicks a td? I don't want to have 20 click functions either.&lt;/p&gt;</t>
  </si>
  <si>
    <t>2013-12-13 05:57:09.550000+00:00</t>
  </si>
  <si>
    <t>2013-12-14 04:29:25.507000+00:00</t>
  </si>
  <si>
    <t>dynamic|getelementbyid</t>
  </si>
  <si>
    <t>how to use CSS in JavaScript</t>
  </si>
  <si>
    <t>&lt;p&gt;I want to show a cursor not allowed option on a button. 
I want to do this with using CSS in javascript when my if-condition is met. &lt;/p&gt;
&lt;p&gt;My button code is like this:&lt;/p&gt;
&lt;pre&gt;&lt;code&gt;&amp;lt;button type="button" id="myBtn" class="btn btn-success" title=""&amp;gt;&amp;lt;/button&amp;gt;
&lt;/code&gt;&lt;/pre&gt;
&lt;p&gt;this is my if condition:&lt;/p&gt;
&lt;pre&gt;&lt;code&gt;if (percent &amp;lt;= 99) 
{
//using class name:
document.getElementsByClassName("btn").style.cursor = "not-allowed";
}
else 
{
//using id:  
document.getElementsById("mybtn").style.cursor = "allowed";
}
&lt;/code&gt;&lt;/pre&gt;</t>
  </si>
  <si>
    <t>2017-05-26 05:57:18.097000+00:00</t>
  </si>
  <si>
    <t>2017-05-26 08:17:36.923000+00:00</t>
  </si>
  <si>
    <t>Dynamically looping through magic comments with Webpack</t>
  </si>
  <si>
    <t>&lt;p&gt;So the problem I am having is writing this repeated code 30+ times in my entry files and it makes my entry file pretty big.&lt;/p&gt;
&lt;p&gt;Example:&lt;/p&gt;
&lt;pre&gt;&lt;code&gt;const component = document.querySelector('[data-component]');
if (component !== null) {
  import(/* webpackChunkName: "component" */ 'path/to/component').then(componentModule =&amp;gt;{
 componentModule.default.init();
})
    .catch(err =&amp;gt; console.error(`Error in: Samples - ${err}`));
}
&lt;/code&gt;&lt;/pre&gt;
&lt;p&gt;And that fine, my webpack bundle creates &lt;code&gt;component.bundle.js&lt;/code&gt; but when I tried to implement this for looping I could not get it working. Here is my approach:&lt;/p&gt;
&lt;pre&gt;&lt;code&gt;const components = {
  component1: {
    el: document.querySelector('[data-component]'),
    fileName: 'component',
    path: '/path/to/'
  }
};
function importModule(el, fileName, path) {
  if (el !== null) {
      import(/* webpackChunkName: "[request]" */ '${path}${fileName}').then(componentModule =&amp;gt;{
        componentModule.default.init();
      })
        .catch(err =&amp;gt; console.error(`Error in: ${fileName} - ${err}`));
  }
}
Object.keys(components).forEach(key =&amp;gt; {
  const { el, fileName, path } = component[key];
  importModule(el, fileName, path);
});
&lt;/code&gt;&lt;/pre&gt;
&lt;p&gt;The first error I get is the file extension. I have a cshtml file named the same as my component for consistency and it loads that in instead of my js file. This works fine when I am not using a template string. &lt;/p&gt;
&lt;p&gt;The second one webpack does not know what bundle file to generate because it is in a loop. &lt;/p&gt;
&lt;p&gt;is this possible? My bundle would end up being about 3kb if it could be possible therefore making a performance improvement. &lt;/p&gt;</t>
  </si>
  <si>
    <t>2018-11-06 09:38:22.913000+00:00</t>
  </si>
  <si>
    <t>webpack|webpack-4</t>
  </si>
  <si>
    <t>Split html string by tags without losing split character</t>
  </si>
  <si>
    <t>&lt;p&gt;How do I split a string like &lt;/p&gt;
&lt;pre&gt;&lt;code&gt;var htmlstring = "&amp;lt;html&amp;gt;&amp;lt;body&amp;gt;&amp;lt;div&amp;gt;&amp;lt;p&amp;gt;this is &amp;lt;span&amp;gt; example &amp;lt;/span&amp;gt;text&amp;lt;/p&amp;gt;&amp;lt;/div&amp;gt;&amp;lt;/body&amp;gt; &amp;lt;/html&amp;gt;"
var output=htmlstring.split(solution);
// output should be 
[ "&amp;lt;html&amp;gt;&amp;lt;body&amp;gt;&amp;lt;div&amp;gt;&amp;lt;p&amp;gt;", "this is", "&amp;lt;span&amp;gt;", "example", "&amp;lt;/span&amp;gt;", "text", "&amp;lt;/p&amp;gt;&amp;lt;/div&amp;gt;&amp;lt;/body&amp;gt; &amp;lt;/html&amp;gt;"]
&lt;/code&gt;&lt;/pre&gt;
&lt;p&gt;The solution should work for any string of html no matter how long or complicated it is &lt;/p&gt;
&lt;p&gt;Solution does not have to be regex that is just what I have used so far &lt;/p&gt;
&lt;p&gt;Any function that is better is fine as well&lt;/p&gt;
&lt;p&gt;I know match() can be used&lt;/p&gt;
&lt;p&gt;Have found regex to separate without losing seperator using dummy variable in replace function but does not separate the plain text into separate indexes &lt;/p&gt;
&lt;p&gt;I have it now in separated by tags and text &lt;/p&gt;</t>
  </si>
  <si>
    <t>2016-05-19 16:15:12.863000+00:00</t>
  </si>
  <si>
    <t>2016-05-20 20:52:31.127000+00:00</t>
  </si>
  <si>
    <t>2016-05-20 20:50:30.023000+00:00</t>
  </si>
  <si>
    <t>How do I redirect a directory keeping URL parameters?</t>
  </si>
  <si>
    <t>&lt;p&gt;I have a site with a URL parameter as such: &lt;a href="http://example.com/decision.php?id=1" rel="nofollow noreferrer"&gt;http://example.com/decision.php?id=1&lt;/a&gt;&lt;/p&gt;
&lt;p&gt;I have now rewritten the site and have moved all .php files to a subfolder called "new".  How do I have .htaccess (or another way) redirect the first URL to 
&lt;a href="http://example.com/new/decision.php?id=1" rel="nofollow noreferrer"&gt;http://example.com/new/decision.php?id=1&lt;/a&gt;
All while keeping any URL parameters?&lt;/p&gt;</t>
  </si>
  <si>
    <t>2018-10-17 19:09:55.740000+00:00</t>
  </si>
  <si>
    <t>2018-10-17 19:23:18.377000+00:00</t>
  </si>
  <si>
    <t>php|.htaccess|url-rewriting</t>
  </si>
  <si>
    <t>ActiveSheet.PasteSpecial Paste:=xlPasteValues not working</t>
  </si>
  <si>
    <t>&lt;p&gt;I want to create a macro which copy some datas from another sheet and paste them (with a paste special value) to the final row of my range (from column I) of my active sheet (Sheet1). However, when I try to execute my macro, the last line of my macro is not read properly and it returns the error message "run time error 1004: application defined or object defined error"
If someone can help me to fix this issue, that would be super.
Many thanks.
Xavier&lt;/p&gt;
&lt;p&gt;Please find my VBA code below:&lt;/p&gt;
&lt;pre&gt;&lt;code&gt;Sub insertfinalrow()
Worksheets("instructions macros").Activate
Range("N18:S18").Copy
Worksheets("Sheet1").Activate
Range("I" &amp;amp; Rows.Count).End(xlUp).Select
ActiveCell.Offset(1, 0).Select
ActiveSheet.PasteSpecial Paste:=xlPasteValues��
End Sub
&lt;/code&gt;&lt;/pre&gt;</t>
  </si>
  <si>
    <t>2018-11-07 10:45:12.690000+00:00</t>
  </si>
  <si>
    <t>2018-11-07 10:50:49.573000+00:00</t>
  </si>
  <si>
    <t>2018-11-07 10:47:42.690000+00:00</t>
  </si>
  <si>
    <t>excel|vba|excel-vba|copy-paste</t>
  </si>
  <si>
    <t>How to calculate logarithm in Java ME?</t>
  </si>
  <si>
    <t>&lt;p&gt;How can I calculate logarithm in Java ME? There isn't any method in Java ME's &lt;a href="http://java.sun.com/javame/reference/apis/jsr139/java/lang/Math.html" rel="noreferrer"&gt;&lt;code&gt;Math&lt;/code&gt;&lt;/a&gt; class for it, but it is &lt;a href="http://java.sun.com/javase/6/docs/api/java/lang/Math.html#log%28double%29" rel="noreferrer"&gt;available&lt;/a&gt; in the Java SE's &lt;a href="http://java.sun.com/javase/6/docs/api/java/lang/Math.html" rel="noreferrer"&gt;&lt;code&gt;Math&lt;/code&gt;&lt;/a&gt; class.&lt;/p&gt;</t>
  </si>
  <si>
    <t>2010-06-28 12:04:49.397000+00:00</t>
  </si>
  <si>
    <t>2010-06-28 13:50:42.070000+00:00</t>
  </si>
  <si>
    <t>2010-06-28 12:07:38.733000+00:00</t>
  </si>
  <si>
    <t>java|java-me</t>
  </si>
  <si>
    <t>GWT CellTable Header Column with Filter does not accept space (keycode=32)</t>
  </si>
  <si>
    <t>&lt;p&gt;I have created a custom CellTable header as described in this thread:
&lt;a href="https://stackoverflow.com/questions/6422896/celltable-with-custom-header-containing-searchbox-and-focus-problem"&gt;CellTable with custom Header containing SearchBox and Focus Problem&lt;/a&gt;&lt;/p&gt;
&lt;p&gt;To go around the focus problem, i use the change event instead of the keyup event to trigger the filtering, so filter is now triggered only when the filter box looses its focus or Enter key is pressed.&lt;/p&gt;
&lt;p&gt;The only problem I encountered is the filter box does not accept spaces (keycode=32).
Anyone experiencing this? &lt;/p&gt;</t>
  </si>
  <si>
    <t>2012-05-02 07:23:28.363000+00:00</t>
  </si>
  <si>
    <t>2015-10-28 13:36:40.573000+00:00</t>
  </si>
  <si>
    <t>2017-05-23 11:44:54.217000+00:00</t>
  </si>
  <si>
    <t>gwt|gwt-celltable</t>
  </si>
  <si>
    <t>Firebase Query Chaining?</t>
  </si>
  <si>
    <t>&lt;p&gt;&lt;br&gt;
How would a Query, where I want to check if a Person Already Created a (not Running)Game look like?&lt;br&gt;I know how to make a simple Query, but it isn't possible to chain Query's right?&lt;br&gt;&lt;/p&gt;
&lt;p&gt;&lt;strong&gt;const-ID = "some id"&lt;/strong&gt;&lt;br&gt;&lt;/p&gt;
&lt;pre&gt;&lt;code&gt;if(creator.displayName == const-ID &amp;amp;&amp;amp; state == 1) return true
else return false
&lt;/code&gt;&lt;/pre&gt;
&lt;p&gt;&lt;a href="https://i.stack.imgur.com/1qLVW.png" rel="nofollow noreferrer"&gt;&lt;img src="https://i.stack.imgur.com/1qLVW.png" alt="enter image description here"&gt;&lt;/a&gt;&lt;/p&gt;</t>
  </si>
  <si>
    <t>2017-07-11 10:06:17.190000+00:00</t>
  </si>
  <si>
    <t>2017-07-11 13:41:08.977000+00:00</t>
  </si>
  <si>
    <t>javascript|firebase|firebase-realtime-database</t>
  </si>
  <si>
    <t>Bisection Method: Unable to use functions and how to handle multiple function inputs</t>
  </si>
  <si>
    <t>&lt;p&gt;I had a working bisection method but I need to implement it in a function that will take three arguments: f the function being used, xL the left side of the boundary, and xR the right side of the boundary. Furthermore it has to have the ability to change the function based on the value of x (if the function was f(x) for example). if x is less than  or equal zero, f(x) will be x^3 + 3x + 1, if x is greater that zero then f(x) will be 1 + sin(x). The function needs to output the root and the number of iterations performed&lt;/p&gt;
&lt;p&gt;How can I pass a function for f is the function arguments, and then how can I find the value of x to determine which function to use? &lt;/p&gt;
&lt;p&gt;Here are the errors I am getting along with the console input:&lt;/p&gt;
&lt;pre&gt;&lt;code&gt;&amp;gt;&amp;gt; f = inline('x^3 + 3x + 1', 'x')
f =
 Inline function:
 f(x) = x^3 + 3x + 1
&amp;gt;&amp;gt; bisectionF(f,-2,0.1)
Undefined function or variable 'bisectionF'.
&amp;gt;&amp;gt; bisectionF(f,-2,0.1)
Undefined function or variable 'B'.
Error in bisectionF (line 3)
maxIters = 20;B
&amp;gt;&amp;gt; bisectionF(f,-2,0.1)
Error using inlineeval (line 14)
Error in inline expression ==&amp;gt; x^3 + 3x + 1
Error: Unexpected MATLAB expression.
Error in inline/feval (line 33)
    INLINE_OUT_ = inlineeval(INLINE_INPUTS_, INLINE_OBJ_.inputExpr,     INLINE_OBJ_.expr);
Error in bisectionF (line 7)
fM = feval(f,xM);
&amp;gt;&amp;gt; y = bisectionF('f1',-2,0.1)
Error using feval
Undefined function 'f1' for input arguments of type 'double'.
Error in bisectionF (line 9)
fM = feval(f,xM);
&amp;gt;&amp;gt; f1 = inline('x^3 + 3x + 1', 'x');
&amp;gt;&amp;gt; root = bisectionF(f1,-2,0.1)
Error using inlineeval (line 14)
Error in inline expression ==&amp;gt; x^3 + 3x + 1
Error: Unexpected MATLAB expression.
Error in inline/feval (line 33)
    INLINE_OUT_ = inlineeval(INLINE_INPUTS_, INLINE_OBJ_.inputExpr,   INLINE_OBJ_.expr);
Error in bisectionF (line 9)
fM = feval(f,xM);
&lt;/code&gt;&lt;/pre&gt;
&lt;p&gt;Here is my code:&lt;/p&gt;
&lt;pre&gt;&lt;code&gt;function[r, iters] = bisectionF(f,xL,xR)
%f1 = inline('x^3 + 3x + 1', 'x');
%f2 = inline('1+sin(x)','x');
maxIters = 20;
precision = 10^(-5);
for j = 1:maxIters
    xM=(xL + xR)/ 2; 
    fM = feval(f,xM);
    fL = feval(f,xL);
    fR = feval(f,xR);
    if fM * fL &amp;lt; 0
       xR = xM
    elseif fM * fR &amp;lt; 0
       xL = xM;
    end
    if abs(fM) &amp;lt; precision
       disp(['Iterations performed: ', num2str(j)])
       disp('Convergence was reached')
    elseif(j==20)
       disp('The maximum number of iterations were performed')
    end
    r = xM;
    iters = j;
end
&lt;/code&gt;&lt;/pre&gt;</t>
  </si>
  <si>
    <t>2016-02-11 16:03:22.133000+00:00</t>
  </si>
  <si>
    <t>2016-03-12 19:41:26.907000+00:00</t>
  </si>
  <si>
    <t>matlab|function|numerical-methods|approximation</t>
  </si>
  <si>
    <t>Cascading Dropdown Error ASP.Net Core 2.0</t>
  </si>
  <si>
    <t>&lt;p&gt;I am trying to create a cascading dropdown for City based on the Province using &lt;code&gt;jQuery&lt;/code&gt; but I keep receiving the error:&lt;br&gt;&lt;/p&gt;
&lt;blockquote&gt;
  &lt;p&gt;Failed to load resource: net::ERR_SPDY_PROTOCOL_ERROR&lt;br&gt;&lt;/p&gt;
&lt;/blockquote&gt;
&lt;p&gt;My Javascript is firing.&lt;br&gt;&lt;/p&gt;
&lt;pre&gt;&lt;code&gt;$(function () {
    $('#provinceList').change(function () {
        var url = '@Url.Content("~/")' + "Cities/GetCityByProvince";
        var ddlSource = "#provinceList";
        $.getJSON(url, { provID: $(ddlSource).val() }, function () {
            $("#cityList").append("&amp;lt;option value=1&amp;gt; Hi + &amp;lt;/option&amp;gt;")
            // });
            //$("#cityList").html(items);
        })
    });
});
&lt;/code&gt;&lt;/pre&gt;
&lt;p&gt;And the return object from my class is populated correctly&lt;br&gt;&lt;/p&gt;
&lt;pre&gt;&lt;code&gt;public ActionResult GetCityByProvince(int provID)
{
    List&amp;lt;City&amp;gt; cities = new List&amp;lt;City&amp;gt;();
    cities = _context.Cities.Where(m =&amp;gt; m.ProvinceId == provID).ToList();
    cities.Insert(0, new City { ID = 0, CityName = "Please select your nearest city" });
    var x = Json(new SelectList(cities, "Id", "CityName"));
    return Json(x);
}
&lt;/code&gt;&lt;/pre&gt;
&lt;p&gt;However I am still getting this error.&lt;/p&gt;</t>
  </si>
  <si>
    <t>2018-04-29 21:08:52.540000+00:00</t>
  </si>
  <si>
    <t>2018-04-30 07:05:29.303000+00:00</t>
  </si>
  <si>
    <t>2018-04-29 21:13:41.727000+00:00</t>
  </si>
  <si>
    <t>javascript|c#|jquery|asp.net-mvc|asp.net-core</t>
  </si>
  <si>
    <t>NVD3 sunburst chart not working</t>
  </si>
  <si>
    <t>&lt;p&gt;I try to use the nvd3 sunburst charts. Therefore I wanted to try to place the example in my website first. Unfortunately it doesn't render even if the data is there.&lt;/p&gt;
&lt;p&gt;Here is my HTML content:&lt;/p&gt;
&lt;pre&gt;&lt;code&gt;&amp;lt;div class="container-fluid full-height" ng-controller="sunburstChartController"&amp;gt;
    &amp;lt;h1&amp;gt;OVERVIEW&amp;lt;/h1&amp;gt;
    &amp;lt;nvd3 options="options" data="burstdata" class="with-3d-shadow with-transitions"&amp;gt;&amp;lt;/nvd3&amp;gt;
&amp;lt;/div&amp;gt;
&lt;/code&gt;&lt;/pre&gt;
&lt;p&gt;My controller:&lt;/p&gt;
&lt;pre&gt;&lt;code&gt;angular.module('my-controllers').controller('sunburstChartController', ['$scope', function ($scope) {
    $scope.options = {
        chart: {
            type: 'sunburstChart',
            height: 450,
            color: d3.scale.category20c(),
            duration: 250
        }
    };
    console.log($scope.options);
    $scope.burstdata = [{
        "name": "flare",
        "children": [
            {
                "name": "analytics",
                "children": [
                    {
                        "name": "cluster",
                        "children": [
                            {"name": "AgglomerativeCluster", "size": 3938},
                            {"name": "CommunityStructure", "size": 3812},
                            {"name": "HierarchicalCluster", "size": 6714},
                            {"name": "MergeEdge", "size": 743}
                        ]
                    },
                    {
                        "name": "graph",
                        "children": [
                            {"name": "BetweennessCentrality", "size": 3534},
                            {"name": "LinkDistance", "size": 5731},
                            {"name": "MaxFlowMinCut", "size": 7840},
                            {"name": "ShortestPaths", "size": 5914},
                            {"name": "SpanningTree", "size": 3416}
                        ]
                    },
                    {
                        "name": "optimization",
                        "children": [
                            {"name": "AspectRatioBanker", "size": 7074}
                        ]
                    }
                ]
            },
            {
                "name": "animate",
                "children": [
                    {"name": "Easing", "size": 17010},
                    {"name": "FunctionSequence", "size": 5842},
                    {
                        "name": "interpolate",
                        "children": [
                            {"name": "ArrayInterpolator", "size": 1983},
                            {"name": "ColorInterpolator", "size": 2047},
                            {"name": "DateInterpolator", "size": 1375},
                            {"name": "Interpolator", "size": 8746},
                            {"name": "MatrixInterpolator", "size": 2202},
                            {"name": "NumberInterpolator", "size": 1382},
                            {"name": "ObjectInterpolator", "size": 1629},
                            {"name": "PointInterpolator", "size": 1675},
                            {"name": "RectangleInterpolator", "size": 2042}
                        ]
                    },
                    {"name": "ISchedulable", "size": 1041},
                    {"name": "Parallel", "size": 5176},
                    {"name": "Pause", "size": 449},
                    {"name": "Scheduler", "size": 5593},
                    {"name": "Sequence", "size": 5534},
                    {"name": "Transition", "size": 9201},
                    {"name": "Transitioner", "size": 19975},
                    {"name": "TransitionEvent", "size": 1116},
                    {"name": "Tween", "size": 6006}
                ]
            },
            {
                "name": "data",
                "children": [
                    {
                        "name": "converters",
                        "children": [
                            {"name": "Converters", "size": 721},
                            {"name": "DelimitedTextConverter", "size": 4294},
                            {"name": "GraphMLConverter", "size": 9800},
                            {"name": "IDataConverter", "size": 1314},
                            {"name": "JSONConverter", "size": 2220}
                        ]
                    },
                    {"name": "DataField", "size": 1759},
                    {"name": "DataSchema", "size": 2165},
                    {"name": "DataSet", "size": 586},
                    {"name": "DataSource", "size": 3331},
                    {"name": "DataTable", "size": 772},
                    {"name": "DataUtil", "size": 3322}
                ]
            },
            {
                "name": "display",
                "children": [
                    {"name": "DirtySprite", "size": 8833},
                    {"name": "LineSprite", "size": 1732},
                    {"name": "RectSprite", "size": 3623},
                    {"name": "TextSprite", "size": 10066}
                ]
            },
            {
                "name": "flex",
                "children": [
                    {"name": "FlareVis", "size": 4116}
                ]
            },
            {
                "name": "physics",
                "children": [
                    {"name": "DragForce", "size": 1082},
                    {"name": "GravityForce", "size": 1336},
                    {"name": "IForce", "size": 319},
                    {"name": "NBodyForce", "size": 10498},
                    {"name": "Particle", "size": 2822},
                    {"name": "Simulation", "size": 9983},
                    {"name": "Spring", "size": 2213},
                    {"name": "SpringForce", "size": 1681}
                ]
            },
            {
                "name": "query",
                "children": [
                    {"name": "AggregateExpression", "size": 1616},
                    {"name": "And", "size": 1027},
                    {"name": "Arithmetic", "size": 3891},
                    {"name": "Average", "size": 891},
                    {"name": "BinaryExpression", "size": 2893},
                    {"name": "Comparison", "size": 5103},
                    {"name": "CompositeExpression", "size": 3677},
                    {"name": "Count", "size": 781},
                    {"name": "DateUtil", "size": 4141},
                    {"name": "Distinct", "size": 933},
                    {"name": "Expression", "size": 5130},
                    {"name": "ExpressionIterator", "size": 3617},
                    {"name": "Fn", "size": 3240},
                    {"name": "If", "size": 2732},
                    {"name": "IsA", "size": 2039},
                    {"name": "Literal", "size": 1214},
                    {"name": "Match", "size": 3748},
                    {"name": "Maximum", "size": 843},
                    {
                        "name": "methods",
                        "children": [
                            {"name": "add", "size": 593},
                            {"name": "and", "size": 330},
                            {"name": "average", "size": 287},
                            {"name": "count", "size": 277},
                            {"name": "distinct", "size": 292},
                            {"name": "div", "size": 595},
                            {"name": "eq", "size": 594},
                            {"name": "fn", "size": 460},
                            {"name": "gt", "size": 603},
                            {"name": "gte", "size": 625},
                            {"name": "iff", "size": 748},
                            {"name": "isa", "size": 461},
                            {"name": "lt", "size": 597},
                            {"name": "lte", "size": 619},
                            {"name": "max", "size": 283},
                            {"name": "min", "size": 283},
                            {"name": "mod", "size": 591},
                            {"name": "mul", "size": 603},
                            {"name": "neq", "size": 599},
                            {"name": "not", "size": 386},
                            {"name": "or", "size": 323},
                            {"name": "orderby", "size": 307},
                            {"name": "range", "size": 772},
                            {"name": "select", "size": 296},
                            {"name": "stddev", "size": 363},
                            {"name": "sub", "size": 600},
                            {"name": "sum", "size": 280},
                            {"name": "update", "size": 307},
                            {"name": "variance", "size": 335},
                            {"name": "where", "size": 299},
                            {"name": "xor", "size": 354},
                            {"name": "_", "size": 264}
                        ]
                    },
                    {"name": "Minimum", "size": 843},
                    {"name": "Not", "size": 1554},
                    {"name": "Or", "size": 970},
                    {"name": "Query", "size": 13896},
                    {"name": "Range", "size": 1594},
                    {"name": "StringUtil", "size": 4130},
                    {"name": "Sum", "size": 791},
                    {"name": "Variable", "size": 1124},
                    {"name": "Variance", "size": 1876},
                    {"name": "Xor", "size": 1101}
                ]
            },
            {
                "name": "scale",
                "children": [
                    {"name": "IScaleMap", "size": 2105},
                    {"name": "LinearScale", "size": 1316},
                    {"name": "LogScale", "size": 3151},
                    {"name": "OrdinalScale", "size": 3770},
                    {"name": "QuantileScale", "size": 2435},
                    {"name": "QuantitativeScale", "size": 4839},
                    {"name": "RootScale", "size": 1756},
                    {"name": "Scale", "size": 4268},
                    {"name": "ScaleType", "size": 1821},
                    {"name": "TimeScale", "size": 5833}
                ]
            },
            {
                "name": "util",
                "children": [
                    {"name": "Arrays", "size": 8258},
                    {"name": "Colors", "size": 10001},
                    {"name": "Dates", "size": 8217},
                    {"name": "Displays", "size": 12555},
                    {"name": "Filter", "size": 2324},
                    {"name": "Geometry", "size": 10993},
                    {
                        "name": "heap",
                        "children": [
                            {"name": "FibonacciHeap", "size": 9354},
                            {"name": "HeapNode", "size": 1233}
                        ]
                    },
                    {"name": "IEvaluable", "size": 335},
                    {"name": "IPredicate", "size": 383},
                    {"name": "IValueProxy", "size": 874},
                    {
                        "name": "math",
                        "children": [
                            {"name": "DenseMatrix", "size": 3165},
                            {"name": "IMatrix", "size": 2815},
                            {"name": "SparseMatrix", "size": 3366}
                        ]
                    },
                    {"name": "Maths", "size": 17705},
                    {"name": "Orientation", "size": 1486},
                    {
                        "name": "palette",
                        "children": [
                            {"name": "ColorPalette", "size": 6367},
                            {"name": "Palette", "size": 1229},
                            {"name": "ShapePalette", "size": 2059},
                            {"name": "SizePalette", "size": 2291}
                        ]
                    },
                    {"name": "Property", "size": 5559},
                    {"name": "Shapes", "size": 19118},
                    {"name": "Sort", "size": 6887},
                    {"name": "Stats", "size": 6557},
                    {"name": "Strings", "size": 22026}
                ]
            },
            {
                "name": "vis",
                "children": [
                    {
                        "name": "axis",
                        "children": [
                            {"name": "Axes", "size": 1302},
                            {"name": "Axis", "size": 24593},
                            {"name": "AxisGridLine", "size": 652},
                            {"name": "AxisLabel", "size": 636},
                            {"name": "CartesianAxes", "size": 6703}
                        ]
                    },
                    {
                        "name": "controls",
                        "children": [
                            {"name": "AnchorControl", "size": 2138},
                            {"name": "ClickControl", "size": 3824},
                            {"name": "Control", "size": 1353},
                            {"name": "ControlList", "size": 4665},
                            {"name": "DragControl", "size": 2649},
                            {"name": "ExpandControl", "size": 2832},
                            {"name": "HoverControl", "size": 4896},
                            {"name": "IControl", "size": 763},
                            {"name": "PanZoomControl", "size": 5222},
                            {"name": "SelectionControl", "size": 7862},
                            {"name": "TooltipControl", "size": 8435}
                        ]
                    },
                    {
                        "name": "data",
                        "children": [
                            {"name": "Data", "size": 20544},
                            {"name": "DataList", "size": 19788},
                            {"name": "DataSprite", "size": 10349},
                            {"name": "EdgeSprite", "size": 3301},
                            {"name": "NodeSprite", "size": 19382},
                            {
                                "name": "render",
                                "children": [
                                    {"name": "ArrowType", "size": 698},
                                    {"name": "EdgeRenderer", "size": 5569},
                                    {"name": "IRenderer", "size": 353},
                                    {"name": "ShapeRenderer", "size": 2247}
                                ]
                            },
                            {"name": "ScaleBinding", "size": 11275},
                            {"name": "Tree", "size": 7147},
                            {"name": "TreeBuilder", "size": 9930}
                        ]
                    },
                    {
                        "name": "events",
                        "children": [
                            {"name": "DataEvent", "size": 2313},
                            {"name": "SelectionEvent", "size": 1880},
                            {"name": "TooltipEvent", "size": 1701},
                            {"name": "VisualizationEvent", "size": 1117}
                        ]
                    },
                    {
                        "name": "legend",
                        "children": [
                            {"name": "Legend", "size": 20859},
                            {"name": "LegendItem", "size": 4614},
                            {"name": "LegendRange", "size": 10530}
                        ]
                    },
                    {
                        "name": "operator",
                        "children": [
                            {
                                "name": "distortion",
                                "children": [
                                    {"name": "BifocalDistortion", "size": 4461},
                                    {"name": "Distortion", "size": 6314},
                                    {"name": "FisheyeDistortion", "size": 3444}
                                ]
                            },
                            {
                                "name": "encoder",
                                "children": [
                                    {"name": "ColorEncoder", "size": 3179},
                                    {"name": "Encoder", "size": 4060},
                                    {"name": "PropertyEncoder", "size": 4138},
                                    {"name": "ShapeEncoder", "size": 1690},
                                    {"name": "SizeEncoder", "size": 1830}
                                ]
                            },
                            {
                                "name": "filter",
                                "children": [
                                    {"name": "FisheyeTreeFilter", "size": 5219},
                                    {"name": "GraphDistanceFilter", "size": 3165},
                                    {"name": "VisibilityFilter", "size": 3509}
                                ]
                            },
                            {"name": "IOperator", "size": 1286},
                            {
                                "name": "label",
                                "children": [
                                    {"name": "Labeler", "size": 9956},
                                    {"name": "RadialLabeler", "size": 3899},
                                    {"name": "StackedAreaLabeler", "size": 3202}
                                ]
                            },
                            {
                                "name": "layout",
                                "children": [
                                    {"name": "AxisLayout", "size": 6725},
                                    {"name": "BundledEdgeRouter", "size": 3727},
                                    {"name": "CircleLayout", "size": 9317},
                                    {"name": "CirclePackingLayout", "size": 12003},
                                    {"name": "DendrogramLayout", "size": 4853},
                                    {"name": "ForceDirectedLayout", "size": 8411},
                                    {"name": "IcicleTreeLayout", "size": 4864},
                                    {"name": "IndentedTreeLayout", "size": 3174},
                                    {"name": "Layout", "size": 7881},
                                    {"name": "NodeLinkTreeLayout", "size": 12870},
                                    {"name": "PieLayout", "size": 2728},
                                    {"name": "RadialTreeLayout", "size": 12348},
                                    {"name": "RandomLayout", "size": 870},
                                    {"name": "StackedAreaLayout", "size": 9121},
                                    {"name": "TreeMapLayout", "size": 9191}
                                ]
                            },
                            {"name": "Operator", "size": 2490},
                            {"name": "OperatorList", "size": 5248},
                            {"name": "OperatorSequence", "size": 4190},
                            {"name": "OperatorSwitch", "size": 2581},
                            {"name": "SortOperator", "size": 2023}
                        ]
                    },
                    {"name": "Visualization", "size": 16540}
                ]
            }
        ]
    }];
}]
);
&lt;/code&gt;&lt;/pre&gt;
&lt;p&gt;The console log here, displays the options in the console correctly and there are no dependency errors, therefore I conclude it can't be any issue with dependencies.&lt;/p&gt;
&lt;p&gt;For completeness, here the index.html:&lt;/p&gt;
&lt;pre&gt;&lt;code&gt;    &amp;lt;html ng-app="seriesAnalyzer"&amp;gt;
    &amp;lt;head&amp;gt;
        &amp;lt;meta charset="utf8"/&amp;gt;
        &amp;lt;title&amp;gt;Series Analyzer&amp;lt;/title&amp;gt;
        &amp;lt;script src="bower_components/angular/angular.js"&amp;gt;&amp;lt;/script&amp;gt;
        &amp;lt;script src="bower_components/d3/d3.js"&amp;gt;&amp;lt;/script&amp;gt;
        &amp;lt;script src="bower_components/nvd3/build/nv.d3.js"&amp;gt;&amp;lt;/script&amp;gt; &amp;lt;!-- or use another assembly --&amp;gt;
        &amp;lt;script src="https://code.jquery.com/jquery-3.1.0.min.js"
                integrity="sha256-cCueBR6CsyA4/9szpPfrX3s49M9vUU5BgtiJj06wt/s=" crossorigin="anonymous"&amp;gt;&amp;lt;/script&amp;gt;
        &amp;lt;script src="bower_components/angular-nvd3/dist/angular-nvd3.js"&amp;gt;&amp;lt;/script&amp;gt;
        &amp;lt;!-- Latest compiled and minified CSS --&amp;gt;
        &amp;lt;link rel="stylesheet" href="https://maxcdn.bootstrapcdn.com/bootstrap/3.3.7/css/bootstrap.min.css"
              integrity="sha384-BVYiiSIFeK1dGmJRAkycuHAHRg32OmUcww7on3RYdg4Va+PmSTsz/K68vbdEjh4u" crossorigin="anonymous"&amp;gt;
    &amp;lt;!-- Latest compiled and minified JavaScript --&amp;gt;
    &amp;lt;script src="https://maxcdn.bootstrapcdn.com/bootstrap/3.3.7/js/bootstrap.min.js"
            integrity="sha384-Tc5IQib027qvyjSMfHjOMaLkfuWVxZxUPnCJA7l2mCWNIpG9mGCD8wGNIcPD7Txa"
            crossorigin="anonymous"&amp;gt;&amp;lt;/script&amp;gt;
    &amp;lt;!--&amp;lt;link rel="stylesheet" href="bower_components/nvd3/build/nv.d3.css"&amp;gt;--&amp;gt;
    &amp;lt;link rel="stylesheet" href="https://cdnjs.cloudflare.com/ajax/libs/nvd3/1.8.2/nv.d3.min.css"&amp;gt;
    &amp;lt;link rel="stylesheet" type="text/css" href="assets/css/appstyle.css"&amp;gt;
    &amp;lt;link rel="stylesheet" type="text/css" href="assets/css/login.css"&amp;gt;
    &amp;lt;link rel="stylesheet" type="text/css" href="assets/css/search.css"&amp;gt;
    &amp;lt;link rel="stylesheet" type="text/css" href="assets/css/x-search.css"&amp;gt;
    &amp;lt;link rel="stylesheet" type="text/css" href="assets/css/orders.css"&amp;gt;
    &amp;lt;link rel="stylesheet" type="text/css" href="assets/css/admin.css"&amp;gt;
    &amp;lt;link rel="stylesheet" type="text/css" href="assets/css/edit.css"&amp;gt;
    &amp;lt;link rel="stylesheet" type="text/css" href="assets/css/main.css"&amp;gt;
    &amp;lt;/head&amp;gt;
    &amp;lt;body&amp;gt;
    &amp;lt;nav class="navbar navbar-default navbar-fixed-top"&amp;gt;
        &amp;lt;div class="container-fluid"&amp;gt;
            &amp;lt;div class="navbar-header"&amp;gt;
                &amp;lt;button type="button" class="navbar-toggle collapsed" data-toggle="collapse" data-target="#navbar"
                        aria-expanded="false" aria-controls="navbar"&amp;gt;
                    &amp;lt;span class="sr-only"&amp;gt;Toggle navigation&amp;lt;/span&amp;gt;
                    &amp;lt;span class="icon-bar"&amp;gt;&amp;lt;/span&amp;gt;
                    &amp;lt;span class="icon-bar"&amp;gt;&amp;lt;/span&amp;gt;
                    &amp;lt;span class="icon-bar"&amp;gt;&amp;lt;/span&amp;gt;
                &amp;lt;/button&amp;gt;
                &amp;lt;a class="navbar-brand navbar-project-name"&amp;gt;
                    &amp;lt;div&amp;gt;T&amp;lt;span&amp;gt;he&amp;lt;/span&amp;gt; B&amp;lt;span&amp;gt;ig&amp;lt;/span&amp;gt; B&amp;lt;span&amp;gt;ang&amp;lt;/span&amp;gt; T&amp;lt;span&amp;gt;heory &amp;lt;/span&amp;gt;A&amp;lt;span&amp;gt;nalyzed&amp;lt;/span&amp;gt;&amp;lt;/div&amp;gt;
                &amp;lt;/a&amp;gt;
            &amp;lt;/div&amp;gt;
            &amp;lt;div class="collapse navbar-collapse" ng-controller="navbarCtrl" id="navbar"&amp;gt;
                &amp;lt;ul class="nav navbar-nav"&amp;gt;
                    &amp;lt;li class="dropdown"&amp;gt;
                   &amp;lt;a class="dropdown-toggle" data-toggle="dropdown" role="button" aria-haspopup="true"
                       aria-expanded="false"&amp;gt;Overview &amp;lt;span class="caret"&amp;gt;&amp;lt;/span&amp;gt;&amp;lt;/a&amp;gt;
                    &amp;lt;ul class="dropdown-menu"&amp;gt;
                        &amp;lt;li&amp;gt;&amp;lt;a href="#overview"&amp;gt;Action&amp;lt;/a&amp;gt;&amp;lt;/li&amp;gt;
                    &amp;lt;/ul&amp;gt;
                &amp;lt;/li&amp;gt;
                &amp;lt;li class="dropdown"&amp;gt;
                    &amp;lt;a class="dropdown-toggle" data-toggle="dropdown" role="button" aria-haspopup="true"
                       aria-expanded="false"&amp;gt;Configuration Tables &amp;lt;span class="caret"&amp;gt;&amp;lt;/span&amp;gt;&amp;lt;/a&amp;gt;
                    &amp;lt;ul class="dropdown-menu"&amp;gt;
                        &amp;lt;li&amp;gt;&amp;lt;a href="#/full-config-tables"&amp;gt;Overall&amp;lt;/a&amp;gt;&amp;lt;/li&amp;gt;
                        &amp;lt;li&amp;gt;&amp;lt;a href="#/season-config-tables"&amp;gt;Seasons&amp;lt;/a&amp;gt;&amp;lt;/li&amp;gt;
                        &amp;lt;li&amp;gt;&amp;lt;a href="#/episode-config-tables"&amp;gt;Episoden&amp;lt;/a&amp;gt;&amp;lt;/li&amp;gt;
                    &amp;lt;/ul&amp;gt;
                &amp;lt;/li&amp;gt;
                &amp;lt;li class="dropdown"&amp;gt;
                    &amp;lt;a class="dropdown-toggle" data-toggle="dropdown" role="button" aria-haspopup="true"
                       aria-expanded="false"&amp;gt;Speakers &amp;lt;span class="caret"&amp;gt;&amp;lt;/span&amp;gt;&amp;lt;/a&amp;gt;
                    &amp;lt;ul class="dropdown-menu"&amp;gt;
                        &amp;lt;li&amp;gt;&amp;lt;a href="#/speaker-overview-table"&amp;gt;Overview Table&amp;lt;/a&amp;gt;&amp;lt;/li&amp;gt;
                        &amp;lt;li&amp;gt;&amp;lt;a href="#/speaker-single-view"&amp;gt;Single Speakers&amp;lt;/a&amp;gt;&amp;lt;/li&amp;gt;
                    &amp;lt;/ul&amp;gt;
                &amp;lt;/li&amp;gt;
            &amp;lt;/ul&amp;gt;
        &amp;lt;/div&amp;gt;
    &amp;lt;/div&amp;gt;
&amp;lt;/nav&amp;gt;
    &amp;lt;div ng-view&amp;gt;
        Test
    &amp;lt;/div&amp;gt;
    &amp;lt;!--Angular--&amp;gt;
    &amp;lt;script src="assets/libs/angular-route.min.js"&amp;gt;&amp;lt;/script&amp;gt;
    &amp;lt;script src="assets/libs/angular-cookies.min.js"&amp;gt;&amp;lt;/script&amp;gt;
    &amp;lt;script src="bower_components/angular-smart-table/dist/smart-table.js"&amp;gt;&amp;lt;/script&amp;gt;
    &amp;lt;!--Libs--&amp;gt;
    &amp;lt;script src="assets/libs/ui-bootstrap-tpls-1.1.2.min.js"&amp;gt;&amp;lt;/script&amp;gt;
    &amp;lt;script src="assets/libs/angular-file-saver.bundle.js"&amp;gt;&amp;lt;/script&amp;gt;
    &amp;lt;!--App--&amp;gt;
    &amp;lt;script src="app/app.js"&amp;gt;&amp;lt;/script&amp;gt;
    &amp;lt;!--Controllers--&amp;gt;
    &amp;lt;script src="app/controllers/mainController.js"&amp;gt;&amp;lt;/script&amp;gt;
    &amp;lt;script src="app/controllers/configTableController.js"&amp;gt;&amp;lt;/script&amp;gt;
    &amp;lt;script src="app/controllers/speakerTableController.js"&amp;gt;&amp;lt;/script&amp;gt;
    &amp;lt;script src="app/controllers/speakerSingleViewController.js"&amp;gt;&amp;lt;/script&amp;gt;
    &amp;lt;script src="app/controllers/navbarCtrl.js"&amp;gt;&amp;lt;/script&amp;gt;
    &amp;lt;script src="app/controllers/controllers.js"&amp;gt;&amp;lt;/script&amp;gt;
    &amp;lt;script src="app/controllers/sunburstChartController.js"&amp;gt;&amp;lt;/script&amp;gt;
    &amp;lt;!--Directives--&amp;gt;
    &amp;lt;script src="app/directives/routes.js"&amp;gt;&amp;lt;/script&amp;gt;
    &amp;lt;script src="app/directives/directives.js"&amp;gt;&amp;lt;/script&amp;gt;
    &amp;lt;script src="app/directives/d3BarDirective.js"&amp;gt;&amp;lt;/script&amp;gt;
    &amp;lt;!--Services--&amp;gt;
    &amp;lt;script src="app/services/services.js"&amp;gt;&amp;lt;/script&amp;gt;
    &amp;lt;script src="app/services/tabService.js"&amp;gt;&amp;lt;/script&amp;gt;
    &amp;lt;script src="app/services/userService.js"&amp;gt;&amp;lt;/script&amp;gt;
    &amp;lt;script src="app/services/d3Service.js"&amp;gt;&amp;lt;/script&amp;gt;
    &amp;lt;script src="app/services/currentSelectedSpeakerService.js"&amp;gt;&amp;lt;/script&amp;gt;
    &amp;lt;/body&amp;gt;
    &amp;lt;/html&amp;gt;
&lt;/code&gt;&lt;/pre&gt;</t>
  </si>
  <si>
    <t>2016-08-03 07:28:07.770000+00:00</t>
  </si>
  <si>
    <t>2016-08-04 09:16:55.273000+00:00</t>
  </si>
  <si>
    <t>angularjs|rendering|nvd3.js|sunburst-diagram</t>
  </si>
  <si>
    <t>How do I attach a .txt file to an email?</t>
  </si>
  <si>
    <t>&lt;p&gt;I am fairly new to android and I am having a problem with the email. I am trying to attach a text file to an email and send it, but when I do I get a "File too large" error. This is my first time setting up email within an application, can someone please help?&lt;/p&gt;
&lt;p&gt;Code:&lt;/p&gt;
&lt;pre&gt;&lt;code&gt;    File myFile = new File(Environment.getExternalStorageDirectory() + "/test.txt");
    Uri uri = Uri.fromFile(myFile);
    Intent emailIntent = new Intent(android.content.Intent.ACTION_SEND);  
    String aEmailList[] = { "person@gmail.com" };    
    emailIntent.putExtra(android.content.Intent.EXTRA_EMAIL, aEmailList);     
    emailIntent.putExtra(android.content.Intent.EXTRA_SUBJECT, "Test");  
    emailIntent.setType("plain/text");  
    emailIntent.putExtra(android.content.Intent.EXTRA_TEXT, "This is a test.");
    emailIntent.putExtra(Intent.EXTRA_STREAM, uri);
    startActivity(emailIntent);   
&lt;/code&gt;&lt;/pre&gt;</t>
  </si>
  <si>
    <t>2012-08-17 13:44:19.640000+00:00</t>
  </si>
  <si>
    <t>2015-08-19 05:11:38.480000+00:00</t>
  </si>
  <si>
    <t>2012-08-17 15:26:09.420000+00:00</t>
  </si>
  <si>
    <t>android|email</t>
  </si>
  <si>
    <t>JAX-WS web service and spring security</t>
  </si>
  <si>
    <t>&lt;p&gt;I'm trying to develop web servces for application that is secured with Spring Security. Everything works fine except one thing: my web service should be unsecured and wsdl should be served without any authentication/autorisation. So I've add appropriate intercept-url pattern. However, I cannot get to the wsdl page. I'm being redirected to the login page. After passing good login/password I can get to wsdl, but without them I can't. I've tried many patterns and evething failed. Maybe some advices :) ?&lt;/p&gt;
&lt;p&gt;My Spring Security code(with current intercept-url):&lt;/p&gt;
&lt;pre&gt;&lt;code&gt;&amp;lt;?xml version="1.0" encoding="UTF-8"?&amp;gt;
&amp;lt;beans:beans xmlns="http://www.springframework.org/schema/security"
             xmlns:beans="http://www.springframework.org/schema/beans"
             xmlns:xsi="http://www.w3.org/2001/XMLSchema-instance"
             xsi:schemaLocation="http://www.springframework.org/schema/beans
        http://www.springframework.org/schema/beans/spring-beans-3.1.xsd
        http://www.springframework.org/schema/security 
        http://www.springframework.org/schema/security/spring-security-3.1.xsd"&amp;gt;
    &amp;lt;http pattern="/resources/*" security="none" /&amp;gt;
    &amp;lt;http auto-config="true" use-expressions="true"&amp;gt;
        &amp;lt;intercept-url pattern="/auth/login" access="permitAll" /&amp;gt;
        &amp;lt;intercept-url pattern="/auth/logout" access="permitAll" /&amp;gt;
        &amp;lt;intercept-url pattern="/auth/denied" access="permitAll" /&amp;gt;
        &amp;lt;intercept-url pattern="/**SampleInputImpl?wsdl**" access="permitAll" /&amp;gt;
        &amp;lt;intercept-url pattern="/user" access="hasRole('ROLE_USER')" /&amp;gt;
        &amp;lt;intercept-url pattern="/admin" access="hasRole('ROLE_ADMIN')" /&amp;gt;
        &amp;lt;intercept-url pattern="/*" access="isAuthenticated()" /&amp;gt;
        &amp;lt;form-login login-page="/auth/login" authentication-failure-url="/auth/login?error=true"
            default-target-url="/" /&amp;gt;
        &amp;lt;access-denied-handler error-page="/auth/denied" /&amp;gt;
        &amp;lt;logout invalidate-session="true" logout-success-url="/auth/login?logout=true" /&amp;gt;
    &amp;lt;/http&amp;gt;
    &amp;lt;authentication-manager&amp;gt;
        &amp;lt;authentication-provider user-service-ref="userDetailsService"&amp;gt;
            &amp;lt;password-encoder hash="md5" /&amp;gt;
        &amp;lt;/authentication-provider&amp;gt;
    &amp;lt;/authentication-manager&amp;gt;
&amp;lt;/beans:beans&amp;gt;
&lt;/code&gt;&lt;/pre&gt;</t>
  </si>
  <si>
    <t>2013-01-29 17:28:53.850000+00:00</t>
  </si>
  <si>
    <t>2013-01-29 17:38:47.360000+00:00</t>
  </si>
  <si>
    <t>java|web-services|spring-security|jax-ws</t>
  </si>
  <si>
    <t>python string replace conditional</t>
  </si>
  <si>
    <t>&lt;p&gt;I used a lot of stata but on my new job they won't shell out a license for me and excel is not enough to do a good job.&lt;/p&gt;
&lt;p&gt;I want to know how to replace values in a column using a condition (a DataFrame in Pandas).&lt;/p&gt;
&lt;p&gt;I've tried:&lt;/p&gt;
&lt;pre&gt;&lt;code&gt;spot['tipo'] = np.where(['programa']=='CLASSIFICADOES' &amp;amp; ['espec']=='', 'N')
&lt;/code&gt;&lt;/pre&gt;
&lt;p&gt;which gives me &lt;/p&gt;
&lt;pre&gt;&lt;code&gt;TypeError: unsupported operand type(s) for &amp;amp;: 'str' and 'list'
&lt;/code&gt;&lt;/pre&gt;
&lt;p&gt;and tried:&lt;/p&gt;
&lt;pre&gt;&lt;code&gt;spot.ix('programa'=='CLASSIFICADOES' &amp;amp; ['espec']=='', 'tipo') = 'N'
&lt;/code&gt;&lt;/pre&gt;
&lt;p&gt;Which gives me:&lt;/p&gt;
&lt;pre&gt;&lt;code&gt;SyntaxError: can't assign to function call
&lt;/code&gt;&lt;/pre&gt;
&lt;p&gt;and:&lt;/p&gt;
&lt;pre&gt;&lt;code&gt;spot.replace(['tipo'],['N']) if spot['programa'] == 'CLASSIFICADOES' &amp;amp; ['espec']==''
&lt;/code&gt;&lt;/pre&gt;
&lt;p&gt;Which is an invalid syntax. (and this one is much more alike what I would do on stata)
I'm having loads of problems dealing with strings, the numeric parts i can usually find some solution on web. &lt;/p&gt;
&lt;pre&gt;&lt;code&gt;In [79]: spot.dtypes
Out[79]: 
marca        object
data         object
rede         object
tipo         object
programa     object
titulo       object
valor       float64
cm            int64
col           int64
area          int64
descr        object
espec        object
dtype: object
&lt;/code&gt;&lt;/pre&gt;</t>
  </si>
  <si>
    <t>2014-12-04 15:09:40.623000+00:00</t>
  </si>
  <si>
    <t>2014-12-04 15:46:48.017000+00:00</t>
  </si>
  <si>
    <t>python|string|numpy|pandas</t>
  </si>
  <si>
    <t>How to link MySQL to html</t>
  </si>
  <si>
    <t>&lt;p&gt;I am trying to create a website using html in gedit, and i need to be able to log in or register at the homepage which then takes the user to their page on the website, where they are able to input a message, i need the message to go into a database, and to be able to show it at another page on the website. I am confused on how to link html to MySQL when information is created using a form.
I would appreciate if anyone can help me please,
Thanks in advance.&lt;/p&gt;</t>
  </si>
  <si>
    <t>2012-02-29 05:55:30.297000+00:00</t>
  </si>
  <si>
    <t>2018-05-18 21:59:18.963000+00:00</t>
  </si>
  <si>
    <t>javascript|mysql|html|sql|gedit</t>
  </si>
  <si>
    <t>How to integrate Appium with C#?</t>
  </si>
  <si>
    <t>&lt;p&gt;I am unable to find a single post where i can automate mobile testing with appium in C#.&lt;/p&gt;
&lt;p&gt;I have written my Website automation code in the specflow. Can I also Reuse it ?&lt;/p&gt;</t>
  </si>
  <si>
    <t>2015-02-20 20:41:58.220000+00:00</t>
  </si>
  <si>
    <t>2018-06-28 19:39:15.040000+00:00</t>
  </si>
  <si>
    <t>c#|selenium-webdriver|appium|specflow</t>
  </si>
  <si>
    <t>Neo4j data is not showing in Admin console</t>
  </si>
  <si>
    <t>&lt;p&gt;I have created a small java application that use neo4j. Application is running successfully and when I open the neo4j admin console its not showing the data. Here are the steps that I followed.&lt;/p&gt;
&lt;p&gt;MainApp.java&lt;/p&gt;
&lt;pre&gt;&lt;code&gt;GraphDatabaseFactory dbFactory = new GraphDatabaseFactory();
        GraphDatabaseService db = dbFactory.newEmbeddedDatabase(new File("&amp;lt;location&amp;gt;/lang.db"));
        Transaction tx = db.beginTx();
        Node javaNode = db.createNode(Tutorials.JAVA);
        javaNode.setProperty("TutorialID", "JAVA001");
        javaNode.setProperty("Title", "Learn Java");
        javaNode.setProperty("NoOfChapters", "25");
        javaNode.setProperty("Status", "Completed");
        Node scalaNode = db.createNode(Tutorials.SCALA);
        scalaNode.setProperty("TutorialID", "SCALA001");
        scalaNode.setProperty("Title", "Learn Scala");
        scalaNode.setProperty("NoOfChapters", "20");
        scalaNode.setProperty("Status", "Completed");
        Relationship relationship = javaNode.createRelationshipTo
                (scalaNode, TutorialRelationships.JVM_LANGIAGES);
        relationship.setProperty("Id", "1234");
        relationship.setProperty("OOPS", "YES");
        relationship.setProperty("FP", "YES");
        tx.success();
        System.out.println("Done successfully");
        db.shutdown();
        System.out.println("DB Shut down");
public enum Tutorials implements Label {
        JAVA,SCALA,SQL,NEO4J;
    }
    public enum TutorialRelationships implements RelationshipType{
        JVM_LANGIAGES,NON_JVM_LANGIAGES;
    }
&lt;/code&gt;&lt;/pre&gt;
&lt;p&gt;When I run this it create files in lang.db folder. (Several files)&lt;/p&gt;
&lt;p&gt;Then I start the Neo4j Community Edition runner and set the path to lang.db. It started successfully. 
When I navigate to &lt;a href="http://localhost:7474/" rel="nofollow"&gt;http://localhost:7474/&lt;/a&gt; first it ask to logged in (neo4j/neo4j) and change the password.&lt;/p&gt;
&lt;p&gt;When I looked at the Database Information I can see the property keys but not Relationship Types. Even the DB location is correctly configured.&lt;/p&gt;
&lt;p&gt;But when I try running some command &lt;code&gt;MATCH (n) RETURN n LIMIT 100&lt;/code&gt; it says no rows. Am I doing anything wrong here ?&lt;/p&gt;</t>
  </si>
  <si>
    <t>2016-02-03 06:29:45.423000+00:00</t>
  </si>
  <si>
    <t>2016-02-03 07:01:38.563000+00:00</t>
  </si>
  <si>
    <t>java|neo4j</t>
  </si>
  <si>
    <t>PostgreSQL refusing connection</t>
  </si>
  <si>
    <t>&lt;p&gt;I hava a PostgreSQL database on my PC. The Postgres server is running on port 5432. When I go on another PC and type in &lt;code&gt;telnet server.ip 5432&lt;/code&gt;, I manage to connect. However when I try to connect using Java:&lt;/p&gt;
&lt;pre&gt;&lt;code&gt;connection = DriverManager.getConnection("Jdbc:postgresql:mydb://server.ip:5432/", "user", "pass");
&lt;/code&gt;&lt;/pre&gt;
&lt;p&gt;I get the following error: &lt;code&gt;Connection refused. Check that the hostname and port are correct and that the postmaster is accepting TCP/IP connections.&lt;/code&gt; Can someone tell me what the problem might be?&lt;/p&gt;
&lt;p&gt;&lt;strong&gt;UPDATE:&lt;/strong&gt;&lt;/p&gt;
&lt;p&gt;I changed the connection string to:&lt;/p&gt;
&lt;pre&gt;&lt;code&gt;connection = DriverManager.getConnection("jdbc:postgresql://server.ip:5432/mydb", "user", "pass");
&lt;/code&gt;&lt;/pre&gt;
&lt;p&gt;and now I am getting the error &lt;code&gt;FATAL: no pg_hba.conf entry for host "client.ip", user "user", database "mydb", SSL off&lt;/code&gt;&lt;/p&gt;</t>
  </si>
  <si>
    <t>2013-04-28 17:41:37.173000+00:00</t>
  </si>
  <si>
    <t>2013-04-28 18:49:41.923000+00:00</t>
  </si>
  <si>
    <t>postgresql|port</t>
  </si>
  <si>
    <t>calling an anonymous function stored in a class variable</t>
  </si>
  <si>
    <t>&lt;p&gt;Ran into this oddity&lt;/p&gt;
&lt;pre&gt;&lt;code&gt;class my_class {
    public $error_handler;
    public function __construct($error_handler = NULL) {
        $this-&amp;gt;error_handler = $error_handler;
    }
    public function error($description) {    //&amp;lt;- calling this breaks PHP
        if ($this-&amp;gt;error_handler === NULL) die($description);   
        $this-&amp;gt;error_handler($description);
    }
    public function error2($description) {    //&amp;lt;- calling this works fine
        if ($this-&amp;gt;error_handler === NULL) die($description);
        $handler = $this-&amp;gt;error_handler;
        $handler($description);
    }
    public function spawn_error() {
        $this-&amp;gt;error("I'm a feature, not a bug.");  
    }
}
$special_error_handler = function($description) {
    die("special handling for $description");   
};
$my_obj = new my_class($special_error_handler);
$my_obj-&amp;gt;spawn_error();
&lt;/code&gt;&lt;/pre&gt;
&lt;p&gt;When calling my_class::error, it throws an undefined method error, calling my_class::error2 works fine. I mean.. technically its correct that my_class doesn't have a method named error_handler but it does have a variable storing an anonymous function, why doesn't it look there? &lt;/p&gt;
&lt;p&gt;Other than using a temporary variable, is there a special way to call anonymous functions stored in class variables?&lt;/p&gt;</t>
  </si>
  <si>
    <t>2018-09-09 23:20:48.933000+00:00</t>
  </si>
  <si>
    <t>GCC: compiling an application without linking any library</t>
  </si>
  <si>
    <t>&lt;p&gt;I know how to compile a C application without linking any library using GCC in bare metal embedded application just setting up the startup function(s) and eventually the assembly startup.s file.&lt;/p&gt;
&lt;p&gt;Instead, I am not able to do the same thing in Windows (I am using MINGW32 GCC). Seems that linking with -nostdlib removes also everything needed to be executed before main, so I should write a specific startup but I did not find any doc about that.&lt;/p&gt;
&lt;p&gt;The reason because I need to compile without C std lib is that I am writing a rduced C std lib for little 32 bits microcontrollers and I would like to test and unit test this library using GCC under Windows. So, if there is an alternative simplest way it is OK for me.&lt;/p&gt;
&lt;p&gt;Thanks.&lt;/p&gt;</t>
  </si>
  <si>
    <t>2018-01-15 02:13:44.790000+00:00</t>
  </si>
  <si>
    <t>2018-01-18 10:52:11.593000+00:00</t>
  </si>
  <si>
    <t>2018-01-15 08:35:13.383000+00:00</t>
  </si>
  <si>
    <t>c|windows|gcc|libc</t>
  </si>
  <si>
    <t>compare two string variables ignoring case</t>
  </si>
  <si>
    <t>&lt;p&gt;I need to compare 2 variable in an If statement but i still want it to refurn true if everything is the same except the cases. I know  can't write this but here is a sense of what I am looking to do:&lt;/p&gt;
&lt;pre&gt;&lt;code&gt;If (str1=str2 matchcase:=false) then
&lt;/code&gt;&lt;/pre&gt;
&lt;p&gt;Any ideas?
Thanks&lt;/p&gt;</t>
  </si>
  <si>
    <t>2013-09-30 16:15:17.173000+00:00</t>
  </si>
  <si>
    <t>2013-09-30 18:27:21.530000+00:00</t>
  </si>
  <si>
    <t>2013-09-30 16:21:02.307000+00:00</t>
  </si>
  <si>
    <t>OAuth 2.0 google plus log in implementation</t>
  </si>
  <si>
    <t>&lt;p&gt;I have been searching all over the internet and count find a step by step oauth 2 google plus authentication implementation. Since also I am a beginner to android development some of the tutorials were a bit too much for me. I am using a webview to log in my users to google plus. Can anybody please provide me or redirect me to a detailed step by step implementation of the OAuth 2 in android. Thank you.&lt;/p&gt;</t>
  </si>
  <si>
    <t>2014-02-05 18:20:12.403000+00:00</t>
  </si>
  <si>
    <t>android|authentication|webview|google-oauth</t>
  </si>
  <si>
    <t>What should I use instead of isinstance()</t>
  </si>
  <si>
    <t>&lt;p&gt;I have to parse some object that is composed of lists. But it can have list within list within list : &lt;code&gt;obj=[[smth1],[[smth2],[smth3]]]&lt;/code&gt; each &lt;code&gt;smthX&lt;/code&gt; can be a list aswell.&lt;/p&gt;
&lt;p&gt;I'm looking for a value that I know is in a "second layer list".  In my example, it could be in  &lt;code&gt;[[smth2],[smth3]]&lt;/code&gt;    &lt;/p&gt;
&lt;p&gt;What i'm doing right now is iterarating on my object, and testing if what i'm iterating on is a list awell. if it is, I look for my value.&lt;/p&gt;
&lt;pre&gt;&lt;code&gt;  for list in obj :
    if isinstance(list, obj) :
      for souslist in list :
        I LOOK FOR MY VALUE
&lt;/code&gt;&lt;/pre&gt;
&lt;p&gt;But I'm reading everywhere (&lt;a href="http://canonical.org/~kragen/isinstance/" rel="nofollow"&gt;http://canonical.org/~kragen/isinstance/&lt;/a&gt; a lot of stackoverflow thread) that the use of &lt;code&gt;isinstance()&lt;/code&gt; is only for special occasion (and my use doesn't look like a special occasion)&lt;/p&gt;
&lt;p&gt;Before using &lt;code&gt;isinstance()&lt;/code&gt; I was testing what list[0] returned me in a try/except but it felt even wronger. Any alternate way to achieve this in a clean way ? (I don't have any power over the format of my &lt;code&gt;obj&lt;/code&gt; I have to work on it)&lt;/p&gt;</t>
  </si>
  <si>
    <t>2016-05-18 14:38:18.743000+00:00</t>
  </si>
  <si>
    <t>2016-05-18 14:57:57.937000+00:00</t>
  </si>
  <si>
    <t>Dynamically Populate Drop Down List inside Multifield in AEM</t>
  </si>
  <si>
    <t>&lt;p&gt;I have two tabs in my dialog.First Tab is having a pathfield and second tab is having a multifield inside that only one widget of xtype selection(drop down) exist.I want to send the pathfield path as a query parameter to a servlet and want to populate json in the list. &lt;/p&gt;
&lt;p&gt;I have done this by having a listener under drop-down widget.
i am using property render and its value:&lt;/p&gt;
&lt;pre&gt;&lt;code&gt;function(){ 
    var dialog = this.findParentByType('dialog');
    var path=dialog.findById('path'); 
    $.getJSON('/bin/demo?path=' + path.value,
       function(jsonData){ 
         this.setOptions(jsonData);
         this.doLayout(false,false); 
       }
    );
}
&lt;/code&gt;&lt;/pre&gt;
&lt;p&gt;My JSON response is coming but &lt;code&gt;setOptions is not a function error&lt;/code&gt; is coming.
Please Help!!!!&lt;/p&gt;</t>
  </si>
  <si>
    <t>2016-06-06 10:05:05.753000+00:00</t>
  </si>
  <si>
    <t>2016-06-07 06:10:43.600000+00:00</t>
  </si>
  <si>
    <t>2016-06-06 10:29:59.543000+00:00</t>
  </si>
  <si>
    <t>extjs|cq5|aem</t>
  </si>
  <si>
    <t>When I push an object in array it remains empty</t>
  </si>
  <si>
    <t>&lt;p&gt;Whenever my form is submitted nothing happens and when I check my array on
the console it remains empty. In order to target values of input I need to put it in a function I also use return in function but nothing happens. Actually I want user data collected in object and push into array whenever I click on submit button...&lt;/p&gt;
&lt;p&gt;&lt;div class="snippet" data-lang="js" data-hide="false" data-console="true" data-babel="false"&gt;_x000D_
&lt;div class="snippet-code"&gt;_x000D_
&lt;pre class="snippet-code-js lang-js prettyprint-override"&gt;&lt;code&gt;var labelsarray = document.getElementsByTagName("label");_x000D_
var inputsarray = document.getElementsByTagName("input");_x000D_
var array = [];_x000D_
function subm() {_x000D_
    var users = {_x000D_
        FirstName: inputsarray[0].value,_x000D_
        LastName: inputsarray[1].value,_x000D_
        UserName: inputsarray[2].value,_x000D_
        Password: ���inputsarray[3].value,_x000D_
        DateofBirth: inputsarray[4].value,_x000D_
        Age: inputsarray[5].value,_x000D_
        Gender: inputsarray[6, 7].checked,_x000D_
        Purpose: inputsarray[8, 9, 10].checked_x000D_
    };_x000D_
    array.push(users);_x000D_
}&lt;/code&gt;&lt;/pre&gt;_x000D_
&lt;pre class="snippet-code-html lang-html prettyprint-override"&gt;&lt;code&gt;&amp;lt;div&amp;gt;_x000D_
    &amp;lt;center&amp;gt;_x000D_
        &amp;lt;form method="post" onsubmit="subm();"&amp;gt;_x000D_
            &amp;lt;label for="fname"&amp;gt;First Name:&amp;lt;/label&amp;gt;&amp;amp;emsp;_x000D_
            &amp;lt;input type="text" id="fname" /&amp;gt;_x000D_
            &amp;lt;br/&amp;gt;_x000D_
            &amp;lt;label for="lname"&amp;gt;Last Name:&amp;lt;/label&amp;gt;&amp;amp;emsp;_x000D_
            &amp;lt;input type="text" id="lname" /&amp;gt;_x000D_
            &amp;lt;br/&amp;gt;_x000D_
            &amp;lt;label for="uname"&amp;gt;User Name:&amp;lt;/label&amp;gt;&amp;amp;emsp;_x000D_
            &amp;lt;input type="text" id="uname" /&amp;gt;_x000D_
            &amp;lt;br/&amp;gt;_x000D_
            &amp;lt;label for="pass"&amp;gt;Password:&amp;lt;/label&amp;gt;&amp;amp;emsp;&amp;amp;ensp;&amp;amp;nbsp;_x000D_
            &amp;lt;input type="text" id="pass" /&amp;gt;_x000D_
            &amp;lt;br/&amp;gt;_x000D_
            &amp;lt;label for="dob"&amp;gt;Date of Birth:&amp;lt;/label&amp;gt;&amp;amp;emsp;&amp;amp;emsp;&amp;amp;nbsp;_x000D_
            &amp;lt;input type="date" id="dob" /&amp;gt;_x000D_
            &amp;lt;br/&amp;gt;_x000D_
            &amp;lt;label&amp;gt;Age:&amp;lt;/label&amp;gt;&amp;amp;emsp;&amp;amp;emsp;&amp;amp;emsp;&amp;amp;emsp;&amp;amp;emsp;_x000D_
            &amp;lt;input type="text" id="age" /&amp;gt;_x000D_
            &amp;lt;br/&amp;gt;_x000D_
            &amp;lt;span&amp;gt;Gender:&amp;lt;/span&amp;gt;&amp;amp;emsp;&amp;amp;emsp;&amp;amp;emsp;&amp;amp;emsp;&amp;amp;ensp;_x000D_
            &amp;lt;input type="radio" name="gender" id="male" /&amp;gt;_x000D_
            &amp;lt;label for="male"&amp;gt;Male&amp;lt;/label&amp;gt;_x000D_
            &amp;lt;input type="radio" name="gender" id="female" /&amp;gt;_x000D_
            &amp;lt;label for="female"&amp;gt;Female&amp;lt;/label&amp;gt;_x000D_
            &amp;lt;br/&amp;gt;_x000D_
            &amp;lt;p&amp;gt;For what purpose(s) you are making account?&amp;lt;/p&amp;gt;_x000D_
            &amp;lt;input type="checkbox" id="app" name="purpose" value="storingapps" /&amp;gt;_x000D_
            &amp;lt;label for="app"&amp;gt;Storing Apps&amp;lt;/label&amp;gt;_x000D_
            &amp;lt;input type="checkbox" id="site" name="purpose" value="storingsites" /&amp;gt;_x000D_
            &amp;lt;label for="site"&amp;gt;Storing Sites&amp;lt;/label&amp;gt;_x000D_
            &amp;lt;input type="checkbox" id="fun" name="purpose" value="fun" /&amp;gt;_x000D_
            &amp;lt;label for="fun"&amp;gt;Fun&amp;lt;/label&amp;gt;_x000D_
            &amp;lt;br/&amp;gt;_x000D_
            &amp;lt;input type="submit" value="Submit"  class="button" /&amp;gt;_x000D_
        &amp;lt;/form&amp;gt;_x000D_
    &amp;lt;/center&amp;gt;_x000D_
&amp;lt;/div&amp;gt;&lt;/code&gt;&lt;/pre&gt;_x000D_
&lt;/div&gt;_x000D_
&lt;/div&gt;_x000D_
&lt;/p&gt;</t>
  </si>
  <si>
    <t>2018-04-03 12:46:49.313000+00:00</t>
  </si>
  <si>
    <t>2018-04-03 13:56:39.403000+00:00</t>
  </si>
  <si>
    <t>Disable home_url rewrite with WPML plugin</t>
  </si>
  <si>
    <t>&lt;p&gt;I'm using the &lt;a href="http://wpml.org/" rel="nofollow"&gt;WPML&lt;/a&gt; Wordpress plugin to translate my website. My default language is French. When I'm in a translated page, the &lt;code&gt;home_url()&lt;/code&gt; is rewrite with the current language. How can I disable this rewrite so my &lt;code&gt;home_url()&lt;/code&gt; always redirect to the french homepage?&lt;/p&gt;
&lt;p&gt;Translate page url : &lt;a href="http://www.mydomain.com/en/test/" rel="nofollow"&gt;http://www.mydomain.com/en/test/&lt;/a&gt;&lt;/p&gt;
&lt;p&gt;Actual &lt;code&gt;home_url()&lt;/code&gt; : &lt;a href="http://www.mydomain.com/en/" rel="nofollow"&gt;http://www.mydomain.com/en/&lt;/a&gt;&lt;/p&gt;
&lt;p&gt;Desired &lt;code&gt;home_url()&lt;/code&gt; : &lt;a href="http://www.mydomain.com/" rel="nofollow"&gt;http://www.mydomain.com/&lt;/a&gt;&lt;/p&gt;
&lt;p&gt;I've already tried these solutions :&lt;/p&gt;
&lt;p&gt;&lt;a href="http://wpml.org/forums/topic/wpml-overwrites-home_url-to-append-language-suffix/" rel="nofollow"&gt;http://wpml.org/forums/topic/wpml-overwrites-home_url-to-append-language-suffix/&lt;/a&gt;
&lt;a href="http://wpml.org/documentation/support/creating-multilingual-wordpress-themes/home-page-link/" rel="nofollow"&gt;http://wpml.org/documentation/support/creating-multilingual-wordpress-themes/home-page-link/&lt;/a&gt;
&lt;a href="http://wpml.org/forums/topic/wpml-changed-my-default-home-url/" rel="nofollow"&gt;http://wpml.org/forums/topic/wpml-changed-my-default-home-url/&lt;/a&gt;&lt;/p&gt;
&lt;p&gt;Sorry for my poor english and thanks for the help!
Let me know if I need to provide any other information.&lt;/p&gt;</t>
  </si>
  <si>
    <t>2013-10-02 15:22:42.690000+00:00</t>
  </si>
  <si>
    <t>2013-10-02 16:23:36.437000+00:00</t>
  </si>
  <si>
    <t>wordpress|plugins|wpml</t>
  </si>
  <si>
    <t>R // Recognizing variables in a data frame</t>
  </si>
  <si>
    <t>&lt;p&gt;Yesterday I wrote a syntax for R using the following:&lt;/p&gt;
&lt;pre&gt;&lt;code&gt;attach(stage)
eleven$stage[stadpt == 6 &amp;amp; stadpn == 0 &amp;amp; stadpm == 0] &amp;lt;-0
&lt;/code&gt;&lt;/pre&gt;
&lt;p&gt;I have a data frame with merged data frames and everything worked very well.
However today I did exactly the same with an addition:&lt;/p&gt;
&lt;pre&gt;&lt;code&gt;attach(stage)
eleven$stage[locprim &amp;lt; 9 &amp;amp; stadpt == 6 &amp;amp; stadpn == 0 &amp;amp; stadpm == 0] &amp;lt;-0
&lt;/code&gt;&lt;/pre&gt;
&lt;p&gt;But now it doesn't work.. I now get errors that it doesn't recognize the variables anymore&lt;/p&gt;
&lt;pre&gt;&lt;code&gt;&amp;gt; attach(stage)
Error in attach(stage) : object 'stage' not found
&amp;gt; eleven$stage[locprim &amp;lt; 9 &amp;amp; stadpt == 6 &amp;amp; stadpn == 0 &amp;amp; stadpm == 0] &amp;lt;-0
Error in eleven$stage[locprim &amp;lt; 9 &amp;amp; stadpt == 6 &amp;amp; stadpn == 0 &amp;amp; stadpm ==  : 
  object 'locprim' not found
&lt;/code&gt;&lt;/pre&gt;
&lt;p&gt;I know I can solve this by entering &lt;code&gt;eleven$&lt;/code&gt; before every variable (and leave out &lt;code&gt;attach(stage)&lt;/code&gt; )but it doesn't make sense (and I have a very long code so I would have to do this suddenly a lot of times..). Yesterday it worked perfectly.
Do you have any idea why this is the case?&lt;/p&gt;
&lt;p&gt;Thank you a lot in advance!!&lt;/p&gt;
&lt;p&gt;Best wishes,
Anne&lt;/p&gt;</t>
  </si>
  <si>
    <t>2016-05-11 08:36:21.543000+00:00</t>
  </si>
  <si>
    <t>2016-05-11 09:34:09.617000+00:00</t>
  </si>
  <si>
    <t>PHP Composer Won't install Drush with php 5.6: phpunit/phpunit 4.8.x requires ext-dom</t>
  </si>
  <si>
    <t>&lt;p&gt;so I'm working on CentOs 7 and I have been attempting to create a working Drupal Composer template (&lt;a href="https://github.com/drupal-composer/drupal-project" rel="nofollow noreferrer"&gt;https://github.com/drupal-composer/drupal-project&lt;/a&gt;) that includes a site-local Drush install (&lt;a href="http://docs.drush.org/en/master/install/" rel="nofollow noreferrer"&gt;http://docs.drush.org/en/master/install/&lt;/a&gt;). For our project we need to use PHP 5.6 and Drupal 8.2. &lt;/p&gt;
&lt;p&gt;Per the instructions above I have done the following on my clean virtualbox install of CentOS: &lt;/p&gt;
&lt;p&gt;Installed git.&lt;/p&gt;
&lt;p&gt;Installed php 5.6:&lt;/p&gt;
&lt;pre&gt;&lt;code&gt;rpm -Uvh https://dl.fedoraproject.org/pub/epel/epel-release-latest-7.noarch.rpm 
rpm -Uvh https://mirror.webtatic.com/yum/el7/webtatic-release.rpm 
yum install php56w php56w-opcache
&lt;/code&gt;&lt;/pre&gt;
&lt;p&gt;Now I download composer and install globally:&lt;/p&gt;
&lt;pre&gt;&lt;code&gt;php -r "copy('https://getcomposer.org/installer', 'composer-setup.php');" 
php -r "if (hash_file('SHA384', 'composer-setup.php') === '669656bab3166a7aff8a7506b8cb2d1c292f042046c5a994c43155c0be6190fa0355160742ab2e1c88d40d5be660b410') { echo 'Installer verified'; } else { echo 'Installer corrupt'; unlink('composer-setup.php'); } echo PHP_EOL;" 
php composer-setup.php 
mv composer.phar /usr/local/bin/compose
&lt;/code&gt;&lt;/pre&gt;
&lt;p&gt;I can run composer and it seems to work fine.&lt;/p&gt;
&lt;p&gt;Now per the instructions from Drupal Composer we can create our drupal project with composer using: &lt;/p&gt;
&lt;pre&gt;&lt;code&gt;composer create-project drupal-composer/drupal-project:8.x-dev some-dir --stability dev --no-interaction
&lt;/code&gt;&lt;/pre&gt;
&lt;p&gt;The project template builds. &lt;/p&gt;
&lt;p&gt;However, my problem is that I cannot run &lt;/p&gt;
&lt;pre&gt;&lt;code&gt;composer require drush/drush
&lt;/code&gt;&lt;/pre&gt;
&lt;p&gt;or&lt;/p&gt;
&lt;pre&gt;&lt;code&gt;composer update
&lt;/code&gt;&lt;/pre&gt;
&lt;p&gt;because I get these errors:   &lt;/p&gt;
&lt;pre&gt;&lt;code&gt;  Your requirements could not be resolved to an installable set of packages.
Problem 1
  - phpunit/phpunit 4.8.x-dev requires ext-dom * -&amp;gt; the requested PHP extension dom is missing from your system.
  - phpunit/phpunit 4.8.9 requires ext-dom * -&amp;gt; the requested PHP extension dom is missing from your system.
  - phpunit/phpunit 4.8.8 requires ext-dom * -&amp;gt; the requested PHP extension dom is missing from your system.
  - phpunit/phpunit 4.8.7 requires ext-dom * -&amp;gt; the requested PHP extension dom is missing from your system.
  - phpunit/phpunit 4.8.6 requires ext-dom * -&amp;gt; the requested PHP extension dom is missing from your system.
  - phpunit/phpunit 4.8.5 requires ext-dom * -&amp;gt; the requested PHP extension dom is missing from your system.
  - phpunit/phpunit 4.8.4 requires ext-dom * -&amp;gt; the requested PHP extension dom is missing from your system.
  - phpunit/phpunit 4.8.35 requires ext-dom * -&amp;gt; the requested PHP extension dom is missing from your system.
  - phpunit/phpunit 4.8.34 requires ext-dom * -&amp;gt; the requested PHP extension dom is missing from your system.
  - phpunit/phpunit 4.8.33 requires ext-dom * -&amp;gt; the requested PHP extension dom is missing from your system.
  - phpunit/phpunit 4.8.32 requires ext-dom * -&amp;gt; the requested PHP extension dom is missing from your system.
  - phpunit/phpunit 4.8.31 requires ext-dom * -&amp;gt; the requested PHP extension dom is missing from your system.
  - phpunit/phpunit 4.8.30 requires ext-dom * -&amp;gt; the requested PHP extension dom is missing from your system.
  - phpunit/phpunit 4.8.3 requires ext-dom * -&amp;gt; the requested PHP extension dom is missing from your system.
  - phpunit/phpunit 4.8.29 requires ext-dom * -&amp;gt; the requested PHP extension dom is missing from your system.
  - phpunit/phpunit 4.8.28 requires ext-dom * -&amp;gt; the requested PHP extension dom is missing from your system.
  - phpunit/phpunit 4.8.27 requires ext-dom * -&amp;gt; the requested PHP extension dom is missing from your system.
  - phpunit/phpunit 4.8.26 requires ext-dom * -&amp;gt; the requested PHP extension dom is missing from your system.
  - phpunit/phpunit 4.8.25 requires ext-dom * -&amp;gt; the requested PHP extension dom is missing from your system.
  - phpunit/phpunit 4.8.24 requires ext-dom * -&amp;gt; the requested PHP extension dom is missing from your system.
  - phpunit/phpunit 4.8.23 requires ext-dom * -&amp;gt; the requested PHP extension dom is missing from your system.
  - phpunit/phpunit 4.8.22 requires ext-dom * -&amp;gt; the requested PHP extension dom is missing from your system.
  - phpunit/phpunit 4.8.21 requires ext-dom * -&amp;gt; the requested PHP extension dom is missing from your system.
  - phpunit/phpunit 4.8.20 requires ext-dom * -&amp;gt; the requested PHP extension dom is missing from your system.
  - phpunit/phpunit 4.8.2 requires ext-dom * -&amp;gt; the requested PHP extension dom is missing from your system.
  - phpunit/phpunit 4.8.19 requires ext-dom * -&amp;gt; the requested PHP extension dom is missing from your system.
  - phpunit/phpunit 4.8.18 requires ext-dom * -&amp;gt; the requested PHP extension dom is missing from your system.
  - phpunit/phpunit 4.8.17 requires ext-dom * -&amp;gt; the requested PHP extension dom is missing from your system.
  - phpunit/phpunit 4.8.16 requires ext-dom * -&amp;gt; the requested PHP extension dom is missing from your system.
  - phpunit/phpunit 4.8.15 requires ext-dom * -&amp;gt; the requested PHP extension dom is missing from your system.
  - phpunit/phpunit 4.8.14 requires ext-dom * -&amp;gt; the requested PHP extension dom is missing from your system.
  - phpunit/phpunit 4.8.13 requires ext-dom * -&amp;gt; the requested PHP extension dom is missing from your system.
  - phpunit/phpunit 4.8.12 requires ext-dom * -&amp;gt; the requested PHP extension dom is missing from your system.
  - phpunit/phpunit 4.8.11 requires ext-dom * -&amp;gt; the requested PHP extension dom is missing from your system.
  - phpunit/phpunit 4.8.10 requires ext-dom * -&amp;gt; the requested PHP extension dom is missing from your system.
  - phpunit/phpunit 4.8.1 requires ext-dom * -&amp;gt; the requested PHP extension dom is missing from your system.
  - phpunit/phpunit 4.8.0 requires ext-dom * -&amp;gt; the requested PHP extension dom is missing from your system.
  - Installation request for phpunit/phpunit ~4.8 -&amp;gt; satisfiable by phpunit/phpunit[4.8.0, 4.8.1, 4.8.10, 4.8.11, 4.8.12, 4.8.13, 4.8.14, 4.8.15, 4.8.16, 4.8.17, 4.8.18, 4.8.19, 4.8.2, 4.8.20, 4.8.21, 4.8.22, 4.8.23, 4.8.24, 4.8.25, 4.8.26, 4.8.27, 4.8.28, 4.8.29, 4.8.3, 4.8.30, 4.8.31, 4.8.32, 4.8.33, 4.8.34, 4.8.35, 4.8.4, 4.8.5, 4.8.6, 4.8.7, 4.8.8, 4.8.9, 4.8.x-dev].
To enable extensions, verify that they are enabled in your .ini files:
  - /etc/php.ini
  - /etc/php.d/bz2.ini
  - /etc/php.d/calendar.ini
  - /etc/php.d/ctype.ini
  - /etc/php.d/curl.ini
  - /etc/php.d/exif.ini
  - /etc/php.d/fileinfo.ini
  - /etc/php.d/ftp.ini
  - /etc/php.d/gettext.ini
  - /etc/php.d/gmp.ini
  - /etc/php.d/iconv.ini
  - /etc/php.d/json.ini
  - /etc/php.d/opcache.ini
  - /etc/php.d/phar.ini
  - /etc/php.d/shmop.ini
  - /etc/php.d/simplexml.ini
  - /etc/php.d/sockets.ini
  - /etc/php.d/tokenizer.ini
  - /etc/php.d/xml.ini
  - /etc/php.d/zip.ini
You can also run `php --ini` inside terminal to see which files are used by PHP in CLI mode.
&lt;/code&gt;&lt;/pre&gt;
&lt;p&gt;Composer refuses to update.
After a few days of googling, I seem to be at a loss. I don't know what exactly I need to change in those files, and I don't see anyone having the same error with their composer downloads (and most posts seem outdated by years). &lt;/p&gt;
&lt;p&gt;Can anyone offer any insight at all as to what I am missing here?&lt;/p&gt;
&lt;p&gt;Thank you.&lt;/p&gt;
&lt;p&gt;EDIT: Thanks to @Oliver I found out the issue was I needed php-xml which I installed for php5.6 using:&lt;/p&gt;
&lt;pre&gt;&lt;code&gt;sudo yum install php56w-xml
&lt;/code&gt;&lt;/pre&gt;
&lt;p&gt;Extensions can be found in the link in his comment.&lt;/p&gt;
&lt;p&gt;Now I am figuring out what to do as I do not see drupal/core or easyrdf listed on that site. My new error is here: &lt;/p&gt;
&lt;pre&gt;&lt;code&gt;  DrupalProject\composer\ScriptHandler::checkComposerVersion
  Loading composer repositories with package information
  Updating dependencies (including require-dev)
  Your requirements could not be resolved to an installable set of packages.
Problem 1
  - drupal/core 8.0.0 requires easyrdf/easyrdf 0.9.* -&amp;gt; satisfiable by easyrdf/easyrdf[0.9.0, 0.9.0-rc.1, 0.9.0-rc.2, 0.9.0-rc.3, 0.9.0-rc.4, 0.9.0-rc.5, 0.9.1, 0.9.x-dev].
  - drupal/core 8.0.0-beta10 requires easyrdf/easyrdf 0.9.* -&amp;gt; satisfiable by easyrdf/easyrdf[0.9.0, 0.9.0-rc.1, 0.9.0-rc.2, 0.9.0-rc.3, 0.9.0-rc.4, 0.9.0-rc.5, 0.9.1, 0.9.x-dev].
  - drupal/core 8.0.0-beta11 requires easyrdf/easyrdf 0.9.* -&amp;gt; satisfiable by easyrdf/easyrdf[0.9.0, 0.9.0-rc.1, 0.9.0-rc.2, 0.9.0-rc.3, 0.9.0-rc.4, 0.9.0-rc.5, 0.9.1, 0.9.x-dev].
  - drupal/core 8.0.0-beta12 requires easyrdf/easyrdf 0.9.* -&amp;gt; satisfiable by easyrdf/easyrdf[0.9.0, 0.9.0-rc.1, 0.9.0-rc.2, 0.9.0-rc.3, 0.9.0-rc.4, 0.9.0-rc.5, 0.9.1, 0.9.x-dev].
  - drupal/core 8.0.0-beta13 requires easyrdf/easyrdf 0.9.* -&amp;gt; satisfiable by easyrdf/easyrdf[0.9.0, 0.9.0-rc.1, 0.9.0-rc.2, 0.9.0-rc.3, 0.9.0-rc.4, 0.9.0-rc.5, 0.9.1, 0.9.x-dev].
  - drupal/core 8.0.0-beta14 requires easyrdf/easyrdf 0.9.* -&amp;gt; satisfiable by easyrdf/easyrdf[0.9.0, 0.9.0-rc.1, 0.9.0-rc.2, 0.9.0-rc.3, 0.9.0-rc.4, 0.9.0-rc.5, 0.9.1, 0.9.x-dev].
  - drupal/core 8.0.0-beta15 requires easyrdf/easyrdf 0.9.* -&amp;gt; satisfiable by easyrdf/easyrdf[0.9.0, 0.9.0-rc.1, 0.9.0-rc.2, 0.9.0-rc.3, 0.9.0-rc.4, 0.9.0-rc.5, 0.9.1, 0.9.x-dev].
  - drupal/core 8.0.0-beta16 requires easyrdf/easyrdf 0.9.* -&amp;gt; satisfiable by easyrdf/easyrdf[0.9.0, 0.9.0-rc.1, 0.9.0-rc.2, 0.9.0-rc.3, 0.9.0-rc.4, 0.9.0-rc.5, 0.9.1, 0.9.x-dev].
  - drupal/core 8.0.0-beta6 requires easyrdf/easyrdf 0.9.* -&amp;gt; satisfiable by easyrdf/easyrdf[0.9.0, 0.9.0-rc.1, 0.9.0-rc.2, 0.9.0-rc.3, 0.9.0-rc.4, 0.9.0-rc.5, 0.9.1, 0.9.x-dev].
  - drupal/core 8.0.0-beta7 requires easyrdf/easyrdf 0.9.* -&amp;gt; satisfiable by easyrdf/easyrdf[0.9.0, 0.9.0-rc.1, 0.9.0-rc.2, 0.9.0-rc.3, 0.9.0-rc.4, 0.9.0-rc.5, 0.9.1, 0.9.x-dev].
  - drupal/core 8.0.0-beta8 requires easyrdf/easyrdf 0.9.* -&amp;gt; satisfiable by easyrdf/easyrdf[0.9.0, 0.9.0-rc.1, 0.9.0-rc.2, 0.9.0-rc.3, 0.9.0-rc.4, 0.9.0-rc.5, 0.9.1, 0.9.x-dev].
  - drupal/core 8.0.0-beta9 requires easyrdf/easyrdf 0.9.* -&amp;gt; satisfiable by easyrdf/easyrdf[0.9.0, 0.9.0-rc.1, 0.9.0-rc.2, 0.9.0-rc.3, 0.9.0-rc.4, 0.9.0-rc.5, 0.9.1, 0.9.x-dev].
  - drupal/core 8.0.0-rc1 requires easyrdf/easyrdf 0.9.* -&amp;gt; satisfiable by easyrdf/easyrdf[0.9.0, 0.9.0-rc.1, 0.9.0-rc.2, 0.9.0-rc.3, 0.9.0-rc.4, 0.9.0-rc.5, 0.9.1, 0.9.x-dev].
  - drupal/core 8.0.0-rc2 requires easyrdf/easyrdf 0.9.* -&amp;gt; satisfiable by easyrdf/easyrdf[0.9.0, 0.9.0-rc.1, 0.9.0-rc.2, 0.9.0-rc.3, 0.9.0-rc.4, 0.9.0-rc.5, 0.9.1, 0.9.x-dev].
  - drupal/core 8.0.0-rc3 requires easyrdf/easyrdf 0.9.* -&amp;gt; satisfiable by easyrdf/easyrdf[0.9.0, 0.9.0-rc.1, 0.9.0-rc.2, 0.9.0-rc.3, 0.9.0-rc.4, 0.9.0-rc.5, 0.9.1, 0.9.x-dev].
  - drupal/core 8.0.0-rc4 requires easyrdf/easyrdf 0.9.* -&amp;gt; satisfiable by easyrdf/easyrdf[0.9.0, 0.9.0-rc.1, 0.9.0-rc.2, 0.9.0-rc.3, 0.9.0-rc.4, 0.9.0-rc.5, 0.9.1, 0.9.x-dev].
  - drupal/core 8.0.1 requires easyrdf/easyrdf 0.9.* -&amp;gt; satisfiable by easyrdf/easyrdf[0.9.0, 0.9.0-rc.1, 0.9.0-rc.2, 0.9.0-rc.3, 0.9.0-rc.4, 0.9.0-rc.5, 0.9.1, 0.9.x-dev].
  - drupal/core 8.0.2 requires easyrdf/easyrdf 0.9.* -&amp;gt; satisfiable by easyrdf/easyrdf[0.9.0, 0.9.0-rc.1, 0.9.0-rc.2, 0.9.0-rc.3, 0.9.0-rc.4, 0.9.0-rc.5, 0.9.1, 0.9.x-dev].
  - drupal/core 8.0.3 requires easyrdf/easyrdf 0.9.* -&amp;gt; satisfiable by easyrdf/easyrdf[0.9.0, 0.9.0-rc.1, 0.9.0-rc.2, 0.9.0-rc.3, 0.9.0-rc.4, 0.9.0-rc.5, 0.9.1, 0.9.x-dev].
  - drupal/core 8.0.4 requires easyrdf/easyrdf 0.9.* -&amp;gt; satisfiable by easyrdf/easyrdf[0.9.0, 0.9.0-rc.1, 0.9.0-rc.2, 0.9.0-rc.3, 0.9.0-rc.4, 0.9.0-rc.5, 0.9.1, 0.9.x-dev].
  - drupal/core 8.0.5 requires easyrdf/easyrdf 0.9.* -&amp;gt; satisfiable by easyrdf/easyrdf[0.9.0, 0.9.0-rc.1, 0.9.0-rc.2, 0.9.0-rc.3, 0.9.0-rc.4, 0.9.0-rc.5, 0.9.1, 0.9.x-dev].
  - drupal/core 8.0.6 requires easyrdf/easyrdf 0.9.* -&amp;gt; satisfiable by easyrdf/easyrdf[0.9.0, 0.9.0-rc.1, 0.9.0-rc.2, 0.9.0-rc.3, 0.9.0-rc.4, 0.9.0-rc.5, 0.9.1, 0.9.x-dev].
  - drupal/core 8.0.x-dev requires easyrdf/easyrdf 0.9.* -&amp;gt; satisfiable by easyrdf/easyrdf[0.9.0, 0.9.0-rc.1, 0.9.0-rc.2, 0.9.0-rc.3, 0.9.0-rc.4, 0.9.0-rc.5, 0.9.1, 0.9.x-dev].
  - drupal/core 8.1.0 requires easyrdf/easyrdf 0.9.* -&amp;gt; satisfiable by easyrdf/easyrdf[0.9.0, 0.9.0-rc.1, 0.9.0-rc.2, 0.9.0-rc.3, 0.9.0-rc.4, 0.9.0-rc.5, 0.9.1, 0.9.x-dev].
  - drupal/core 8.1.0-beta1 requires easyrdf/easyrdf 0.9.* -&amp;gt; satisfiable by easyrdf/easyrdf[0.9.0, 0.9.0-rc.1, 0.9.0-rc.2, 0.9.0-rc.3, 0.9.0-rc.4, 0.9.0-rc.5, 0.9.1, 0.9.x-dev].
  - drupal/core 8.1.0-beta2 requires easyrdf/easyrdf 0.9.* -&amp;gt; satisfiable by easyrdf/easyrdf[0.9.0, 0.9.0-rc.1, 0.9.0-rc.2, 0.9.0-rc.3, 0.9.0-rc.4, 0.9.0-rc.5, 0.9.1, 0.9.x-dev].
  - drupal/core 8.1.0-rc1 requires easyrdf/easyrdf 0.9.* -&amp;gt; satisfiable by easyrdf/easyrdf[0.9.0, 0.9.0-rc.1, 0.9.0-rc.2, 0.9.0-rc.3, 0.9.0-rc.4, 0.9.0-rc.5, 0.9.1, 0.9.x-dev].
  - drupal/core 8.1.1 requires easyrdf/easyrdf 0.9.* -&amp;gt; satisfiable by easyrdf/easyrdf[0.9.0, 0.9.0-rc.1, 0.9.0-rc.2, 0.9.0-rc.3, 0.9.0-rc.4, 0.9.0-rc.5, 0.9.1, 0.9.x-dev].
  - drupal/core 8.1.10 requires easyrdf/easyrdf 0.9.* -&amp;gt; satisfiable by easyrdf/easyrdf[0.9.0, 0.9.0-rc.1, 0.9.0-rc.2, 0.9.0-rc.3, 0.9.0-rc.4, 0.9.0-rc.5, 0.9.1, 0.9.x-dev].
  - drupal/core 8.1.2 requires easyrdf/easyrdf 0.9.* -&amp;gt; satisfiable by easyrdf/easyrdf[0.9.0, 0.9.0-rc.1, 0.9.0-rc.2, 0.9.0-rc.3, 0.9.0-rc.4, 0.9.0-rc.5, 0.9.1, 0.9.x-dev].
  - drupal/core 8.1.3 requires easyrdf/easyrdf 0.9.* -&amp;gt; satisfiable by easyrdf/easyrdf[0.9.0, 0.9.0-rc.1, 0.9.0-rc.2, 0.9.0-rc.3, 0.9.0-rc.4, 0.9.0-rc.5, 0.9.1, 0.9.x-dev].
  - drupal/core 8.1.4 requires easyrdf/easyrdf 0.9.* -&amp;gt; satisfiable by easyrdf/easyrdf[0.9.0, 0.9.0-rc.1, 0.9.0-rc.2, 0.9.0-rc.3, 0.9.0-rc.4, 0.9.0-rc.5, 0.9.1, 0.9.x-dev].
  - drupal/core 8.1.5 requires easyrdf/easyrdf 0.9.* -&amp;gt; satisfiable by easyrdf/easyrdf[0.9.0, 0.9.0-rc.1, 0.9.0-rc.2, 0.9.0-rc.3, 0.9.0-rc.4, 0.9.0-rc.5, 0.9.1, 0.9.x-dev].
  - drupal/core 8.1.6 requires easyrdf/easyrdf 0.9.* -&amp;gt; satisfiable by easyrdf/easyrdf[0.9.0, 0.9.0-rc.1, 0.9.0-rc.2, 0.9.0-rc.3, 0.9.0-rc.4, 0.9.0-rc.5, 0.9.1, 0.9.x-dev].
  - drupal/core 8.1.7 requires easyrdf/easyrdf 0.9.* -&amp;gt; satisfiable by easyrdf/easyrdf[0.9.0, 0.9.0-rc.1, 0.9.0-rc.2, 0.9.0-rc.3, 0.9.0-rc.4, 0.9.0-rc.5, 0.9.1, 0.9.x-dev].
  - drupal/core 8.1.8 requires easyrdf/easyrdf 0.9.* -&amp;gt; satisfiable by easyrdf/easyrdf[0.9.0, 0.9.0-rc.1, 0.9.0-rc.2, 0.9.0-rc.3, 0.9.0-rc.4, 0.9.0-rc.5, 0.9.1, 0.9.x-dev].
  - drupal/core 8.1.9 requires easyrdf/easyrdf 0.9.* -&amp;gt; satisfiable by easyrdf/easyrdf[0.9.0, 0.9.0-rc.1, 0.9.0-rc.2, 0.9.0-rc.3, 0.9.0-rc.4, 0.9.0-rc.5, 0.9.1, 0.9.x-dev].
  - drupal/core 8.1.x-dev requires easyrdf/easyrdf 0.9.* -&amp;gt; satisfiable by easyrdf/easyrdf[0.9.0, 0.9.0-rc.1, 0.9.0-rc.2, 0.9.0-rc.3, 0.9.0-rc.4, 0.9.0-rc.5, 0.9.1, 0.9.x-dev].
  - drupal/core 8.2.0 requires easyrdf/easyrdf 0.9.* -&amp;gt; satisfiable by easyrdf/easyrdf[0.9.0, 0.9.0-rc.1, 0.9.0-rc.2, 0.9.0-rc.3, 0.9.0-rc.4, 0.9.0-rc.5, 0.9.1, 0.9.x-dev].
  - drupal/core 8.2.0-beta1 requires easyrdf/easyrdf 0.9.* -&amp;gt; satisfiable by easyrdf/easyrdf[0.9.0, 0.9.0-rc.1, 0.9.0-rc.2, 0.9.0-rc.3, 0.9.0-rc.4, 0.9.0-rc.5, 0.9.1, 0.9.x-dev].
  - drupal/core 8.2.0-beta2 requires easyrdf/easyrdf 0.9.* -&amp;gt; satisfiable by easyrdf/easyrdf[0.9.0, 0.9.0-rc.1, 0.9.0-rc.2, 0.9.0-rc.3, 0.9.0-rc.4, 0.9.0-rc.5, 0.9.1, 0.9.x-dev].
  - drupal/core 8.2.0-beta3 requires easyrdf/easyrdf 0.9.* -&amp;gt; satisfiable by easyrdf/easyrdf[0.9.0, 0.9.0-rc.1, 0.9.0-rc.2, 0.9.0-rc.3, 0.9.0-rc.4, 0.9.0-rc.5, 0.9.1, 0.9.x-dev].
  - drupal/core 8.2.0-rc1 requires easyrdf/easyrdf 0.9.* -&amp;gt; satisfiable by easyrdf/easyrdf[0.9.0, 0.9.0-rc.1, 0.9.0-rc.2, 0.9.0-rc.3, 0.9.0-rc.4, 0.9.0-rc.5, 0.9.1, 0.9.x-dev].
  - drupal/core 8.2.0-rc2 requires easyrdf/easyrdf 0.9.* -&amp;gt; satisfiable by easyrdf/easyrdf[0.9.0, 0.9.0-rc.1, 0.9.0-rc.2, 0.9.0-rc.3, 0.9.0-rc.4, 0.9.0-rc.5, 0.9.1, 0.9.x-dev].
  - drupal/core 8.2.1 requires easyrdf/easyrdf 0.9.* -&amp;gt; satisfiable by easyrdf/easyrdf[0.9.0, 0.9.0-rc.1, 0.9.0-rc.2, 0.9.0-rc.3, 0.9.0-rc.4, 0.9.0-rc.5, 0.9.1, 0.9.x-dev].
  - drupal/core 8.2.2 requires easyrdf/easyrdf 0.9.* -&amp;gt; satisfiable by easyrdf/easyrdf[0.9.0, 0.9.0-rc.1, 0.9.0-rc.2, 0.9.0-rc.3, 0.9.0-rc.4, 0.9.0-rc.5, 0.9.1, 0.9.x-dev].
  - drupal/core 8.2.3 requires easyrdf/easyrdf 0.9.* -&amp;gt; satisfiable by easyrdf/easyrdf[0.9.0, 0.9.0-rc.1, 0.9.0-rc.2, 0.9.0-rc.3, 0.9.0-rc.4, 0.9.0-rc.5, 0.9.1, 0.9.x-dev].
  - drupal/core 8.2.4 requires easyrdf/easyrdf 0.9.* -&amp;gt; satisfiable by easyrdf/easyrdf[0.9.0, 0.9.0-rc.1, 0.9.0-rc.2, 0.9.0-rc.3, 0.9.0-rc.4, 0.9.0-rc.5, 0.9.1, 0.9.x-dev].
  - drupal/core 8.2.5 requires easyrdf/easyrdf 0.9.* -&amp;gt; satisfiable by easyrdf/easyrdf[0.9.0, 0.9.0-rc.1, 0.9.0-rc.2, 0.9.0-rc.3, 0.9.0-rc.4, 0.9.0-rc.5, 0.9.1, 0.9.x-dev].
  - drupal/core 8.2.6 requires easyrdf/easyrdf 0.9.* -&amp;gt; satisfiable by easyrdf/easyrdf[0.9.0, 0.9.0-rc.1, 0.9.0-rc.2, 0.9.0-rc.3, 0.9.0-rc.4, 0.9.0-rc.5, 0.9.1, 0.9.x-dev].
  - drupal/core 8.2.7 requires easyrdf/easyrdf 0.9.* -&amp;gt; satisfiable by easyrdf/easyrdf[0.9.0, 0.9.0-rc.1, 0.9.0-rc.2, 0.9.0-rc.3, 0.9.0-rc.4, 0.9.0-rc.5, 0.9.1, 0.9.x-dev].
  - drupal/core 8.2.x-dev requires easyrdf/easyrdf 0.9.* -&amp;gt; satisfiable by easyrdf/easyrdf[0.9.0, 0.9.0-rc.1, 0.9.0-rc.2, 0.9.0-rc.3, 0.9.0-rc.4, 0.9.0-rc.5, 0.9.1, 0.9.x-dev].
  - drupal/core 8.3.0-alpha1 requires easyrdf/easyrdf 0.9.* -&amp;gt; satisfiable by easyrdf/easyrdf[0.9.0, 0.9.0-rc.1, 0.9.0-rc.2, 0.9.0-rc.3, 0.9.0-rc.4, 0.9.0-rc.5, 0.9.1, 0.9.x-dev].
  - drupal/core 8.3.0-beta1 requires easyrdf/easyrdf 0.9.* -&amp;gt; satisfiable by easyrdf/easyrdf[0.9.0, 0.9.0-rc.1, 0.9.0-rc.2, 0.9.0-rc.3, 0.9.0-rc.4, 0.9.0-rc.5, 0.9.1, 0.9.x-dev].
  - drupal/core 8.3.0-rc1 requires easyrdf/easyrdf 0.9.* -&amp;gt; satisfiable by easyrdf/easyrdf[0.9.0, 0.9.0-rc.1, 0.9.0-rc.2, 0.9.0-rc.3, 0.9.0-rc.4, 0.9.0-rc.5, 0.9.1, 0.9.x-dev].
  - drupal/core 8.3.0-rc2 requires easyrdf/easyrdf 0.9.* -&amp;gt; satisfiable by easyrdf/easyrdf[0.9.0, 0.9.0-rc.1, 0.9.0-rc.2, 0.9.0-rc.3, 0.9.0-rc.4, 0.9.0-rc.5, 0.9.1, 0.9.x-dev].
  - drupal/core 8.3.x-dev requires easyrdf/easyrdf 0.9.* -&amp;gt; satisfiable by easyrdf/easyrdf[0.9.0, 0.9.0-rc.1, 0.9.0-rc.2, 0.9.0-rc.3, 0.9.0-rc.4, 0.9.0-rc.5, 0.9.1, 0.9.x-dev].
  - drupal/core 8.4.x-dev requires easyrdf/easyrdf 0.9.* -&amp;gt; satisfiable by easyrdf/easyrdf[0.9.0, 0.9.0-rc.1, 0.9.0-rc.2, 0.9.0-rc.3, 0.9.0-rc.4, 0.9.0-rc.5, 0.9.1, 0.9.x-dev].
  - easyrdf/easyrdf 0.9.x-dev requires ext-mbstring * -&amp;gt; the requested PHP extension mbstring is missing from your system.
  - easyrdf/easyrdf 0.9.1 requires ext-mbstring * -&amp;gt; the requested PHP extension mbstring is missing from your system.
  - easyrdf/easyrdf 0.9.0-rc.5 requires ext-mbstring * -&amp;gt; the requested PHP extension mbstring is missing from your system.
  - easyrdf/easyrdf 0.9.0-rc.4 requires ext-mbstring * -&amp;gt; the requested PHP extension mbstring is missing from your system.
  - easyrdf/easyrdf 0.9.0-rc.3 requires ext-mbstring * -&amp;gt; the requested PHP extension mbstring is missing from your system.
  - easyrdf/easyrdf 0.9.0-rc.2 requires ext-mbstring * -&amp;gt; the requested PHP extension mbstring is missing from your system.
  - easyrdf/easyrdf 0.9.0-rc.1 requires ext-mbstring * -&amp;gt; the requested PHP extension mbstring is missing from your system.
  - easyrdf/easyrdf 0.9.0 requires ext-mbstring * -&amp;gt; the requested PHP extension mbstring is missing from your system.
  - Installation request for drupal/core ~8.0 -&amp;gt; satisfiable by drupal/core[8.0.0, 8.0.0-beta10, 8.0.0-beta11, 8.0.0-beta12, 8.0.0-beta13, 8.0.0-beta14, 8.0.0-beta15, 8.0.0-beta16, 8.0.0-beta6, 8.0.0-beta7, 8.0.0-beta8, 8.0.0-beta9, 8.0.0-rc1, 8.0.0-rc2, 8.0.0-rc3, 8.0.0-rc4, 8.0.1, 8.0.2, 8.0.3, 8.0.4, 8.0.5, 8.0.6, 8.0.x-dev, 8.1.0, 8.1.0-beta1, 8.1.0-beta2, 8.1.0-rc1, 8.1.1, 8.1.10, 8.1.2, 8.1.3, 8.1.4, 8.1.5, 8.1.6, 8.1.7, 8.1.8, 8.1.9, 8.1.x-dev, 8.2.0, 8.2.0-beta1, 8.2.0-beta2, 8.2.0-beta3, 8.2.0-rc1, 8.2.0-rc2, 8.2.1, 8.2.2, 8.2.3, 8.2.4, 8.2.5, 8.2.6, 8.2.7, 8.2.x-dev, 8.3.0-alpha1, 8.3.0-beta1, 8.3.0-rc1, 8.3.0-rc2, 8.3.x-dev, 8.4.x-dev].
To enable extensions, verify that they are enabled in your .ini files:
  - /etc/php.ini
  - /etc/php.d/bz2.ini
  - /etc/php.d/calendar.ini
  - /etc/php.d/ctype.ini
  - /etc/php.d/curl.ini
  - /etc/php.d/dom.ini
  - /etc/php.d/exif.ini
  - /etc/php.d/fileinfo.ini
  - /etc/php.d/ftp.ini
  - /etc/php.d/gettext.ini
  - /etc/php.d/gmp.ini
  - /etc/php.d/iconv.ini
  - /etc/php.d/json.ini
  - /etc/php.d/opcache.ini
  - /etc/php.d/phar.ini
  - /etc/php.d/shmop.ini
  - /etc/php.d/simplexml.ini
  - /etc/php.d/sockets.ini
  - /etc/php.d/tokenizer.ini
  - /etc/php.d/xml.ini
  - /etc/php.d/xml_wddx.ini
  - /etc/php.d/xmlreader.ini
  - /etc/php.d/xmlwriter.ini
  - /etc/php.d/xsl.ini
  - /etc/php.d/zip.ini
You can also run `php --ini` inside terminal to see which files are used by PHP in CLI mode.
&lt;/code&gt;&lt;/pre&gt;
&lt;p&gt;Will post update when if is figured out.&lt;/p&gt;
&lt;p&gt;FINAL EDIT: Figured out that easyrdf needs ext-mbstring and ext-pcre. ext-pcre comes installed with the common php package, so all I needed was ext-mbstring:&lt;/p&gt;
&lt;pre&gt;&lt;code&gt;sudo yum install php56w-mbstring
&lt;/code&gt;&lt;/pre&gt;
&lt;p&gt;Now when calling composer update all my dependencies were downloaded! Now I can run vender/bin/drush and the command works, confirming my local install is completed!&lt;/p&gt;</t>
  </si>
  <si>
    <t>2017-03-16 15:06:20.340000+00:00</t>
  </si>
  <si>
    <t>2017-03-16 17:48:58.027000+00:00</t>
  </si>
  <si>
    <t>php|dom|drupal|composer-php|drush</t>
  </si>
  <si>
    <t>Retention policy to aggregate several metrics with regular expression in graphite</t>
  </si>
  <si>
    <t>&lt;p&gt;We are storing metrics having build number in the metric name. Here is the format of the metric in graphite.&lt;/p&gt;
&lt;pre&gt;&lt;code&gt;latency.&amp;lt;host&amp;gt;.&amp;lt;request&amp;gt;.&amp;lt;buildNumber&amp;gt;.average
&lt;/code&gt;&lt;/pre&gt;
&lt;p&gt;Issue with above format is that buildNumber is ever changing value and in our case it changes every week because of the release cycle. This results in new storage file(.wsp) every week and since whisper allocates space upfront, we never fully utilized the space because of changing build number.&lt;/p&gt;
&lt;p&gt;I know disk space is cheap resource but still at some point I think we will have lot of unused space. &lt;/p&gt;
&lt;p&gt;For e.g if each metric file is 10MB large and if we are sending 5000 different metrics for latency then for a particular build number we will use up 50GB. Now if every week we are sending a new build number then 1TB of disk space will get filled in 20 weeks which is roughly 5 months.(1TB = 1000GB)/(50GB per week) = 20 weeks&lt;/p&gt;
&lt;p&gt;Above problem could be solved if we can aggregate multiple metrics in one of last month. Is there any way of specifying a retention policy where multiple metrics are merged in one using some aggregation method?&lt;/p&gt;
&lt;p&gt;Or is there any way for tackling this kind of problem in graphite?&lt;/p&gt;</t>
  </si>
  <si>
    <t>2014-04-04 05:00:53.777000+00:00</t>
  </si>
  <si>
    <t>2014-04-08 22:49:02.793000+00:00</t>
  </si>
  <si>
    <t>time-series|graphite|retention</t>
  </si>
  <si>
    <t>Python dual install</t>
  </si>
  <si>
    <t>&lt;p&gt;How do I set permanent paths for both Python 2 and 3 in command prompt such that I can invoke either every time I open the command window ie 'python2' for python 2 interpreter or 'python3' for python 3 interpreter&lt;/p&gt;</t>
  </si>
  <si>
    <t>2014-10-21 21:19:31.390000+00:00</t>
  </si>
  <si>
    <t>2014-10-22 10:13:50.573000+00:00</t>
  </si>
  <si>
    <t>windows|python-2.7|python-3.x</t>
  </si>
  <si>
    <t>Safari back-page (back button) issue</t>
  </si>
  <si>
    <t>&lt;p&gt;&lt;strong&gt;I am using the functionality below on a drop-down menu:&lt;/strong&gt;&lt;/p&gt;
&lt;ul&gt;
&lt;li&gt;The drop down menu changes the used currency and therefore changes a
price of items into that currency.&lt;/li&gt;
&lt;li&gt;&lt;p&gt;When the drop-down is used, the code below also adds the    content from the "title" tag of the
selected currency into a Text    Area (id="showTitle").&lt;/p&gt;&lt;/li&gt;
&lt;li&gt;&lt;p&gt;&lt;a href="https://developer.mozilla.org/en-US/docs/Web/API/Window/sessionStorage" rel="nofollow"&gt;SessionStorage&lt;/a&gt; is used because the    drop-down refreshes the
page in a new currency and without    sessionStorage the text area on
the new page would be empty.&lt;/p&gt;&lt;/li&gt;
&lt;li&gt;&lt;p&gt;SessionStorage reloads the exact same content back into the text area
everytime the page is refreshed. The only way to change the content&lt;br&gt;
is through use of the dropdown.&lt;/p&gt;&lt;/li&gt;
&lt;/ul&gt;
&lt;p&gt;&lt;strong&gt;So far all is well.
But now for the problem.&lt;/strong&gt;&lt;/p&gt;
&lt;p&gt;With Safari (mac) as the browser:
if the user changes currency (let's say from Euro to US Dollars) and then uses the page back function of the browser, the price is changed back to the previous price in Euro, but the text area still shows "US Dollars", because it is loaded by sessionStorage. This only seems to occur with Safari. Has anybody got a way to solve this?&lt;/p&gt;
&lt;pre&gt;&lt;code&gt;&amp;lt;html&amp;gt;
&amp;lt;head&amp;gt;
&amp;lt;script src="https://ajax.googleapis.com/ajax/libs/jquery/1.12.0/jquery.min.js"&amp;gt;&amp;lt;/script&amp;gt;
&amp;lt;/head&amp;gt;
&amp;lt;body&amp;gt;
&amp;lt;form name="currency select" title="Currency Selector"&amp;gt;
    &amp;lt;select name="currency" id="currencyList"  value="GO"&amp;gt;
        &amp;lt;option value="" disabled="disabled" selected="selected" none=""&amp;gt;$ ��� ��&amp;lt;/option&amp;gt; 
        &amp;lt;option value="/session/currency/usd/" title="US Dollar"&amp;gt;USD&amp;lt;/option&amp;gt;
        &amp;lt;option value="/session/currency/eur/" title="EURO"&amp;gt;EUR&amp;lt;/option&amp;gt;
    &amp;lt;/select&amp;gt;
    &amp;lt;textarea id="showTitle"&amp;gt;&amp;lt;/textarea&amp;gt;
&amp;lt;/form&amp;gt;
&amp;lt;script&amp;gt;
   $(document).ready(function(){
    var field = document.getElementById("showTitle");
    var savedValue = sessionStorage.getItem("autosave");
    // See if we have an autosave value
    // (this will only happen if the page is accidentally refreshed)
    if (savedValue) {
    // Restore the contents of the text field
        field.value = savedValue;
        //set dropdown to session value
        $('#currencyList option[title="'+ savedValue + '"]').prop('selected', true);
    }
    // Listen for changes in the text field
    field.addEventListener("input", function() {
        // And save the results into the session storage object
        sessionStorage.setItem("autosave", this.value);
    });
   $(document).on('change','#currencyList',function(){
        //get text
       var result = $("option:selected",this).attr('title');
       //set field
       $(field).val(result);
       //set session storage item
        sessionStorage.setItem("autosave", result);
        //redirect
       window.document.location.href=this.options[this.selectedIndex].value;
    });
   });
&amp;lt;/script&amp;gt;
&amp;lt;/body&amp;gt;
&amp;lt;/html&amp;gt;
&lt;/code&gt;&lt;/pre&gt;</t>
  </si>
  <si>
    <t>2016-03-17 12:16:38.957000+00:00</t>
  </si>
  <si>
    <t>2016-03-17 12:21:00.500000+00:00</t>
  </si>
  <si>
    <t>Using a for loop, I need to save data that is generated in a matrix</t>
  </si>
  <si>
    <t>&lt;p&gt;Below you will find my code. What I need, is for every loop to save the data that is created in A_wm into TOTAL. I keep getting the error: Subscripted assignment dimension mismatch. I realize this means that the code on the right hand side of the equals sign for TOTAL is not the same size of TOTAL. However, total is preallocated and needs to remain that size. (It has the same # of columns as A_wm but not rows). My idea is that every iteration will save the data in A_wm to a new row in TOTAL. Any suggestions?     &lt;/p&gt;
&lt;pre&gt;&lt;code&gt;mu = .5; 
LAMMDA = 2; 
t = 1:61; 
T0 = 0;
trials = 1:50; 
TOTAL = zeros(50,61); 
for i = trials
    %Clock: Pacemaker ---&amp;gt; Accumulator
    D = t - T0; %effectual switch closure duration
    A_wm = -mu*log(1-rand(1)) * LAMMDA * D;
    TOTAL(i,:) = repmat(A_wm,size(TOTAL,1),1);   
end
&lt;/code&gt;&lt;/pre&gt;</t>
  </si>
  <si>
    <t>2013-08-27 05:20:29.523000+00:00</t>
  </si>
  <si>
    <t>2013-08-27 07:59:11.883000+00:00</t>
  </si>
  <si>
    <t>What Languages does Django support? I can't find a comprehensive list</t>
  </si>
  <si>
    <t>&lt;p&gt;Ok so I'm writing an international Django app, And the docs for doing localization are great except I can't seem to find a complete list of the supported languages anywhere. Where are they? What I really want to do is use the list to populate choices on a model, so if there is a way to get this programmatically that would be best.&lt;/p&gt;
&lt;p&gt;Thanks!&lt;/p&gt;</t>
  </si>
  <si>
    <t>2011-02-10 01:13:23.163000+00:00</t>
  </si>
  <si>
    <t>2013-11-12 23:30:34.740000+00:00</t>
  </si>
  <si>
    <t>2012-09-20 10:20:29.260000+00:00</t>
  </si>
  <si>
    <t>django|internationalization|translation</t>
  </si>
  <si>
    <t>Passing data from a javascript function in my remote website to a c# application on my desktop application</t>
  </si>
  <si>
    <t>&lt;p&gt;I have a dynamic program. These are the steps that the program follows.&lt;/p&gt;
&lt;p&gt;&lt;strong&gt;i)&lt;/strong&gt; I have a windows form application and I have divided the window into two parts. One part contains a ChromiumWebBrowser where it loads a remote website (like www.abc.com). The other part does normal operations of fetching data from a wampserver MYSQL DATABASE installed on the local computer and gives output on the same window division.&lt;/p&gt;
&lt;p&gt;&lt;strong&gt;ii)&lt;/strong&gt; Now I use the Chromium web browser to import data from the remote website and send it to a local php file in the local wampserver and then inside the php file I send the data to appropriate local database tables. &lt;/p&gt;
&lt;p&gt;&lt;strong&gt;iii)&lt;/strong&gt; When the remote website loads, there is a button "Import data" and then this importation is processed via an AJAX call and now it is in the ajax success: function(){ } that I send the data to my local php file. (I have control over both remote and local wampservers)&lt;/p&gt;
&lt;p&gt;&lt;strong&gt;iv)&lt;/strong&gt; NOW MY QUESTION IS how do I pass the data from the external javascript ajax to my c# application so that I don't need to have the local php file i.e. The received data will be sent to database directly from c#&lt;/p&gt;
&lt;p&gt;&lt;strong&gt;v)&lt;/strong&gt; And are there any security threats in the process?&lt;/p&gt;
&lt;p&gt;I hope I'm was clear, Any suggestions are welcome&lt;/p&gt;</t>
  </si>
  <si>
    <t>2015-11-28 06:40:08.670000+00:00</t>
  </si>
  <si>
    <t>2015-12-02 22:25:15.937000+00:00</t>
  </si>
  <si>
    <t>2015-12-02 12:46:38.027000+00:00</t>
  </si>
  <si>
    <t>c#|php|mysql|chromium-embedded|cefsharp</t>
  </si>
  <si>
    <t>Loop HTML table and add the identical items and its calculated amount to another table</t>
  </si>
  <si>
    <t>&lt;p&gt;&lt;div class="snippet" data-lang="js" data-hide="false"&gt;_x000D_
&lt;div class="snippet-code"&gt;_x000D_
&lt;pre class="snippet-code-html lang-html prettyprint-override"&gt;&lt;code&gt;&amp;lt;html&amp;gt;_x000D_
_x000D_
&amp;lt;body&amp;gt;_x000D_
  &amp;lt;div&amp;gt;_x000D_
    &amp;lt;table border="1" id="topTable"&amp;gt;_x000D_
      &amp;lt;thead&amp;gt;_x000D_
        &amp;lt;th&amp;gt;Item&amp;lt;/th&amp;gt;_x000D_
        &amp;lt;th&amp;gt;Sold&amp;lt;/th&amp;gt;_x000D_
      &amp;lt;/thead&amp;gt;_x000D_
      &amp;lt;tbody id="topTableBody"&amp;gt;_x000D_
        &amp;lt;tr&amp;gt;_x000D_
          &amp;lt;td&amp;gt;Apples&amp;lt;/td&amp;gt;_x000D_
          &amp;lt;td&amp;gt;50&amp;lt;/td&amp;gt;_x000D_
        &amp;lt;/tr&amp;gt;_x000D_
        &amp;lt;tr&amp;gt;_x000D_
          &amp;lt;td&amp;gt;Apples&amp;lt;/td&amp;gt;_x000D_
          &amp;lt;td&amp;gt;25&amp;lt;/td&amp;gt;_x000D_
        &amp;lt;/tr&amp;gt;_x000D_
        &amp;lt;tr&amp;gt;_x000D_
          &amp;lt;td&amp;gt;Oranges&amp;lt;/td&amp;gt;_x000D_
          &amp;lt;td&amp;gt;30&amp;lt;/td&amp;gt;_x000D_
        &amp;lt;/tr&amp;gt;_x000D_
        &amp;lt;tr&amp;gt;_x000D_
          &amp;lt;td&amp;gt;Strawberry&amp;lt;/td&amp;gt;_x000D_
          &amp;lt;td&amp;gt;60&amp;lt;/td&amp;gt;_x000D_
        &amp;lt;/tr&amp;gt;_x000D_
        &amp;lt;tr&amp;gt;_x000D_
          &amp;lt;td&amp;gt;Cherry&amp;lt;/td&amp;gt;_x000D_
          &amp;lt;td&amp;gt;10&amp;lt;/td&amp;gt;_x000D_
        &amp;lt;/tr&amp;gt;_x000D_
        &amp;lt;tr&amp;gt;_x000D_
          &amp;lt;td&amp;gt;Guava&amp;lt;/td&amp;gt;_x000D_
          &amp;lt;td&amp;gt;5&amp;lt;/td&amp;gt;_x000D_
        &amp;lt;/tr&amp;gt;_x000D_
        &amp;lt;tr&amp;gt;_x000D_
          &amp;lt;td&amp;gt;Strawberry&amp;lt;/td&amp;gt;_x000D_
          &amp;lt;td&amp;gt;20&amp;lt;/td&amp;gt;_x000D_
        &amp;lt;/tr&amp;gt;_x000D_
      &amp;lt;/tbody&amp;gt;_x000D_
    &amp;lt;/table&amp;gt;_x000D_
  &amp;lt;/div&amp;gt;_x000D_
_x000D_
  &amp;lt;button id="btn"&amp;gt;Click&amp;lt;/button&amp;gt;_x000D_
  &amp;lt;/br&amp;gt;_x000D_
_x000D_
  &amp;lt;div&amp;gt;_x000D_
    &amp;lt;table border="1" id="bottomTable"&amp;gt;_x000D_
      &amp;lt;thead&amp;gt;_x000D_
        &amp;lt;th&amp;gt;Item&amp;lt;/th&amp;gt;_x000D_
        &amp;lt;th&amp;gt;Sold&amp;lt;/th&amp;gt;_x000D_
      &amp;lt;/thead&amp;gt;_x000D_
      &amp;lt;tbody id="bottomTableBody"&amp;gt;_x000D_
      &amp;lt;/tbody&amp;gt;_x000D_
    &amp;lt;/table&amp;gt;_x000D_
  &amp;lt;/div&amp;gt;_x000D_
&amp;lt;/body&amp;gt;_x000D_
_x000D_
&amp;lt;/html&amp;gt;&lt;/code&gt;&lt;/pre&gt;_x000D_
&lt;/div&gt;_x000D_
&lt;/div&gt;_x000D_
&lt;/p&gt;
&lt;p&gt;When I press on the button I want it to loop through the top table and get the item names that're alike and add them in one row with the sold amount combined in the bottom table ex: apples will have their own row with a sold amount of 75 and others who have no names that're alike will have their own row such as Oranges with the sold amount also.&lt;/p&gt;</t>
  </si>
  <si>
    <t>2015-01-21 00:35:28.767000+00:00</t>
  </si>
  <si>
    <t>2015-01-21 03:57:50.013000+00:00</t>
  </si>
  <si>
    <t>2015-01-21 02:43:43.980000+00:00</t>
  </si>
  <si>
    <t>Regular Expression with [^"\]</t>
  </si>
  <si>
    <t>&lt;p&gt;for the regular expression [^"]&lt;/p&gt;
&lt;p&gt;I have four strings to check whether if follows with this rule&lt;/p&gt;
&lt;p&gt;"abc\ndef\"ghi" (this is correct)
"\\" (correct)
"abc"def" (this doesn't follow the rule, I think it's because that the string does not contain a \ )
"abcd\" (this is also incorrect)&lt;/p&gt;
&lt;p&gt;Can someone explain to me why the first two are in accordance with [^"] while the last two are not? I think [^"] means the string without the character " and \, am I getting it right?&lt;/p&gt;</t>
  </si>
  <si>
    <t>2016-02-24 21:52:42.397000+00:00</t>
  </si>
  <si>
    <t>2016-02-24 22:55:47.550000+00:00</t>
  </si>
  <si>
    <t>regex|string</t>
  </si>
  <si>
    <t>Feed Dialog Garbling My Passed Referral Link Only When Post Image is Clicked?</t>
  </si>
  <si>
    <t>&lt;p&gt;I run a site that allows registered site members to refer people back to my site using their referral link &lt;/p&gt;
&lt;blockquote&gt;
  &lt;p&gt;(EX: &lt;a href="http://www.mygreatsite.com/home?ref=MaxP" rel="nofollow"&gt;http://www.mygreatsite.com/home?ref=MaxP&lt;/a&gt;)&lt;/p&gt;
&lt;/blockquote&gt;
&lt;p&gt;Recently I coded into my site an implementation of the "Direct URL Example" (https://developers.facebook.com/docs/reference/dialogs/feed/) in order to enable my site members to post to their timeline a post which describes my site and includes their own referral link back to my site within the code.&lt;/p&gt;
&lt;p&gt;Everything is working fine when a prospective site referral viewing the resulting post clicks upon the post link text (the get sent to a properly formatted referral link as planned - "http://www.mygreatsite.com/home?ref=MaxP"&lt;/p&gt;
&lt;p&gt;The problem I'm having is that in the same post if the prospective site referral clicks upon the &lt;strong&gt;image&lt;/strong&gt; then the referral link get's garbled like this "http://www.mygreatsite.com/home?ref=&lt;strong&gt;nf&lt;/strong&gt;" which is a totally invalid referral link that has nothing to do with what link it should be sending them to ("http://www.mygreatsite.com/home?ref=&lt;strong&gt;MaxP&lt;/strong&gt;")&lt;/p&gt;
&lt;p&gt;Why is facebook erroneously arbitrarily replacing the proper referrer "MaxP" with "NF" &lt;strong&gt;only&lt;/strong&gt; when clicking upon the &lt;strong&gt;image&lt;/strong&gt; of the post?  What does NF mean and why is it there?&lt;/p&gt;
&lt;p&gt;Here is the URL that my code is passing to facebook (site url, app id, and name replaced to protect my privacy):&lt;/p&gt;
&lt;pre&gt;&lt;code&gt;    https://www.facebook.com/dialog/feed?app_id=161070640444808&amp;amp;link=http://www.mygreatsite.com/home?ref=MaxP&amp;amp;picture=http://www.mygreatsite.com/images/banners/9.jpg&amp;amp;name=mygreatsite.com%20Ultra-High%20Payout%20site&amp;amp;caption=Paying%20DAILY%20to%20virtual%20points&amp;amp;description=%20%20is%20an%20ultra-high%20paying%20get%20paid%20to%20%28site%29%20site&amp;amp;redirect_uri=http://www.mygreatsite.com/members/refer.php
&lt;/code&gt;&lt;/pre&gt;
&lt;p&gt;Thank you.&lt;/p&gt;</t>
  </si>
  <si>
    <t>2012-10-23 08:50:32.043000+00:00</t>
  </si>
  <si>
    <t>2013-04-09 11:08:32.897000+00:00</t>
  </si>
  <si>
    <t>2012-10-23 09:14:44.273000+00:00</t>
  </si>
  <si>
    <t>facebook|url|dialog</t>
  </si>
  <si>
    <t>AngularJS Ionic Logout: ReferenceError: $ionicHistory is not defined</t>
  </si>
  <si>
    <t>&lt;p&gt;I am trying to implement a logout in my code. This is what I have tried in my controller&lt;/p&gt;
&lt;pre&gt;&lt;code&gt;.controller('menu', function($scope,$state) {
$scope.gotoLogouts = function() {
       // localStorage.clear();
        $ionicHistory.clearHistory();
        $state.go("signin");
&lt;/code&gt;&lt;/pre&gt;
&lt;p&gt;Then in my view I am calling it this way&lt;/p&gt;
&lt;pre&gt;&lt;code&gt;&amp;lt;a menu-close ng-click="gotoLogouts()" style="color:black" ui-sref="entry" class="item"&amp;gt;&amp;lt;i class="icon ion-power"&amp;gt;&amp;lt;/i&amp;gt; Logout&amp;lt;/a&amp;gt;
&lt;/code&gt;&lt;/pre&gt;
&lt;p&gt;When I click the log out state, I get this error History is not defined.&lt;/p&gt;
&lt;p&gt;What am I doing wrong&lt;/p&gt;</t>
  </si>
  <si>
    <t>2015-10-22 19:15:13.297000+00:00</t>
  </si>
  <si>
    <t>2015-10-22 19:58:38.200000+00:00</t>
  </si>
  <si>
    <t>angularjs|ionic</t>
  </si>
  <si>
    <t>Can the usage of a Semaphore in async methods lead to deadlocks on WPF dispatcher thread?</t>
  </si>
  <si>
    <t>&lt;p&gt;I am deriving from &lt;code&gt;System.Net.HttpClient&lt;/code&gt; class to implement a client that handles token retrieval and refreshal. The client is initialized using all the required authentication parameters and might potentially be used concurrently. In that case I need to prevent the client from requesting multiple tokens (for different requests).&lt;/p&gt;
&lt;p&gt;I am not sure whether my code might lead to deadlocks in a WPF application if the user launches multiple web requests on the dispatcher thread (because the semaphore is non-reentrant, so the dispatcher thread &lt;em&gt;might&lt;/em&gt; be blocked while waiting on the semaphore, and the original task might not be able to complete if the dispatcher thread is blocked). &lt;/p&gt;
&lt;pre&gt;&lt;code&gt;public class ApiClient : HttpClient
{
    public override async Task&amp;lt;HttpResponseMessage&amp;gt; SendAsync(HttpRequestMessage request, CancellationToken cancellationToken)
    {
        if (_token == null)
        {
            await _semaphore.WaitAsync(cancellationToken);
            try
            {
                if (_token == null)
                {
                    // _token = await _tokenService.AcquireToken(xx,xx,xx);
                }
            }
            finally
            {
                _semaphore.Release();
            }
        }
        else if (_token.IsExpired)
        {
            await _semaphore.WaitAsync(cancellationToken);
            try
            {
                if (_token.IsExpired)
                {
                    // _token = await _tokenService.RefreshToken(xx,xx,xx);
                }
            }
            finally
            {
                _semaphore.Release();
            }
        }
        return await base.SendAsync(request, cancellationToken);
    }
}
&lt;/code&gt;&lt;/pre&gt;</t>
  </si>
  <si>
    <t>2016-12-02 11:03:54.780000+00:00</t>
  </si>
  <si>
    <t>2016-12-19 18:14:40.573000+00:00</t>
  </si>
  <si>
    <t>c#|wpf|multithreading|httpclient|semaphore</t>
  </si>
  <si>
    <t>Combine multiple files into single file in unix shell scripting</t>
  </si>
  <si>
    <t>&lt;p&gt;I want to combine the data of 3 (say) files having the same columns and datatype for those, into a single file, which I can further use for processing.&lt;br&gt;
Currently I have to process the files one after the other. So, I am looking for a solution which I can write in a script to combine all the files into one single file.&lt;br&gt;
For ex:&lt;br&gt;
File 1:  &lt;/p&gt;
&lt;pre&gt;&lt;code&gt;mike,sweden,2015
tom,USA,1522
raj,india,455
&lt;/code&gt;&lt;/pre&gt;
&lt;p&gt;File 2:  &lt;/p&gt;
&lt;pre&gt;&lt;code&gt;a,xyz,155
b,pqr,3215
c,lmn,3252
&lt;/code&gt;&lt;/pre&gt;
&lt;p&gt;Expected combined file 3:  &lt;/p&gt;
&lt;pre&gt;&lt;code&gt;mike,sweden,2015
tom,USA,1522
raj,india,455
a,xyz,155
b,pqr,3215
c,lmn,3252
&lt;/code&gt;&lt;/pre&gt;
&lt;p&gt;Kindly help me with this.&lt;/p&gt;</t>
  </si>
  <si>
    <t>2016-02-27 04:54:59.543000+00:00</t>
  </si>
  <si>
    <t>2016-02-27 14:47:45.343000+00:00</t>
  </si>
  <si>
    <t>2016-02-27 05:25:02.387000+00:00</t>
  </si>
  <si>
    <t>shell|unix</t>
  </si>
  <si>
    <t>How to unit test urls.py when included by project?</t>
  </si>
  <si>
    <t>&lt;p&gt;How can I run unit tests to validate that a certain URL calls a particular function?&lt;/p&gt;
&lt;p&gt;I want to do something like this:&lt;/p&gt;
&lt;pre&gt;&lt;code&gt;class HomePageTest(TestCase):
  def test_root_url_resolves_to_list_view(self):
    found = resolve('/testme/')
    self.assertEqual(found.func.func_name, ListView.__name__)
    #self.assertEqual(found.func, ListView.as_view())
&lt;/code&gt;&lt;/pre&gt;
&lt;p&gt;But lets imagine the apps urls.py is included in the projects urls.py under something like:&lt;/p&gt;
&lt;pre&gt;&lt;code&gt;url(r'^submodule/$', include('fhqna.urls')),
&lt;/code&gt;&lt;/pre&gt;
&lt;p&gt;How can I write the test included in the app so it checks the url "/testme/" indepent of how it is included? ("/submodule/testme/" in this example)?&lt;/p&gt;</t>
  </si>
  <si>
    <t>2015-01-02 02:27:03.173000+00:00</t>
  </si>
  <si>
    <t>2015-01-02 02:56:21.543000+00:00</t>
  </si>
  <si>
    <t>python|django|unit-testing|testing|tdd</t>
  </si>
  <si>
    <t>adding the first item from each dynamically created array together</t>
  </si>
  <si>
    <t>&lt;p&gt;Below is the structure of my data;&lt;/p&gt;
&lt;pre&gt;&lt;code&gt;{
    "questions": ["Large choice of food", "Food quality", "Food freshness"],
    "countries": ["Netherlands", "Belgium", "France"],
    "values": [
        [
            [5, 88, 18],
            [50, 83, 10],
            [29, 78, 80]
        ],
        [
            [46, 51, 61],
            [95, 21, 15],
            [49, 86, 43]
        ],
        [
            [7, 46, 92],
            [54, 94, 31],
            [89, 96, 11]
        ]
    ]
}
&lt;/code&gt;&lt;/pre&gt;
&lt;p&gt;Here is my script for sorting it;&lt;/p&gt;
&lt;pre&gt;&lt;code&gt; function calculateTotals() {
    var countryS = "France"
    var country = data.countries.indexOf(countryS);
    var values
  for (var question= 0; question &amp;lt; data.questions.length; question++) {
  // get the values for the question/country
  values = data.values[question][country];
  console.log(values)
&lt;/code&gt;&lt;/pre&gt;
&lt;p&gt;Currently, this outputs this to the console;&lt;/p&gt;
&lt;p&gt;&lt;a href="https://i.stack.imgur.com/Op0Tr.png" rel="nofollow noreferrer"&gt;&lt;img src="https://i.stack.imgur.com/Op0Tr.png" alt="enter image description here"&gt;&lt;/a&gt;&lt;/p&gt;
&lt;p&gt;So, currently this script is logging the values for each question indexed by country. &lt;/p&gt;
&lt;p&gt;I would like to add together each item in this array. So, from this output I would like to do the following additions;&lt;/p&gt;
&lt;blockquote&gt;
  &lt;p&gt;29 + 49 + 89,&lt;/p&gt;
  &lt;p&gt;78 + 86 + 96,&lt;/p&gt;
  &lt;p&gt;80 + 43 + 11&lt;/p&gt;
&lt;/blockquote&gt;
&lt;p&gt;I'm not sure how I can do this? &lt;/p&gt;
&lt;p&gt;I thought that perhaps using .pop()/.shift() 3 times might work, or just using [0],[1],[2]. However, after returning a single item in the array, I'm not sure how to add the 3 arrays numbers together?&lt;/p&gt;
&lt;p&gt;Hope everything is clear, any help/advice is much appreciate!&lt;/p&gt;
&lt;p&gt;&lt;a href="https://plnkr.co/edit/n7RfJAHxbuEwFFYha2vJ?p=preview" rel="nofollow noreferrer"&gt;Plunk Here&lt;/a&gt;&lt;/p&gt;</t>
  </si>
  <si>
    <t>2016-06-19 08:57:35.270000+00:00</t>
  </si>
  <si>
    <t>2016-06-19 12:21:49.357000+00:00</t>
  </si>
  <si>
    <t>2016-06-19 09:01:55.010000+00:00</t>
  </si>
  <si>
    <t>Windows Workflow: using to define workflows for users of website</t>
  </si>
  <si>
    <t>&lt;p&gt;We need a way to guide a user through our site, it is very much a workflow situation, but I need to be able to let users(admins) design and modify workflows for their users.&lt;/p&gt;
&lt;p&gt;This all needs to be done IN the web site, and I also need to be able to draw the workflow so the user can navigate to the next appropriate action or easily identify what work is available to them at any point.&lt;/p&gt;
&lt;p&gt;I'm not finding any good examples of using WF4 for this purpose, can anyone suggest a good place to look?&lt;/p&gt;
&lt;p&gt;(Site is now ASP.NET, but we are looking to move to ASP.NET MVC3)&lt;/p&gt;</t>
  </si>
  <si>
    <t>2012-02-17 13:48:56.027000+00:00</t>
  </si>
  <si>
    <t>2012-02-20 12:27:12.120000+00:00</t>
  </si>
  <si>
    <t>c#|asp.net-mvc|workflow-foundation-4</t>
  </si>
  <si>
    <t>Using an element in a data set to drive If/Then logic decision</t>
  </si>
  <si>
    <t>&lt;p&gt;I'm working with our IT group to develop an optimizer for logistics operations. The basic design is that it will look at shipments, run a search for additional shipments originating with in XX miles of the previous shipments destination, and link them together in a loop. It will continue to do this until it hits a user defined set of shipment legs where the loop ends at or close to 1st shipment origin.&lt;/p&gt;
&lt;p&gt;The issue we are facing is that the materials we ship are chemicals, which can have interactions if placed in a tank that contained XX chemical before it. The obvious solution is to use a different tank or wash it out, but we also need it to compute solutions prior to that.&lt;/p&gt;
&lt;p&gt;My problem is, currently, there is no way on the market to do that prior product optimization. &lt;/p&gt;
&lt;p&gt;&lt;strong&gt;The question is: Is there some kind of logic table function I can write that will allow the optimizer to see an element in the data set (say, Product Family of 1) that will pull from a product database containing predefined product families (i.e. PF 1 = Chemicals A1-B7, PF 2 = Chemical B8-J8, etc.) and then ping off of a logic table that defines a do not ship with list (i.e. PF 1 cannot ship if PF 2 was on the previous leg.&lt;/strong&gt;&lt;/p&gt;</t>
  </si>
  <si>
    <t>2015-10-07 20:21:38.257000+00:00</t>
  </si>
  <si>
    <t>if-statement|logic|logistics</t>
  </si>
  <si>
    <t>Rounded corners on images</t>
  </si>
  <si>
    <t>&lt;p&gt;&lt;a href="http://jsfiddle.net/48Y37/"&gt;http://jsfiddle.net/48Y37/&lt;/a&gt;&lt;/p&gt;
&lt;p&gt;I want rounded corners on both corners at the top of the image. It technically is there but is being covered by the image. I've looked all over the web and I've seen people talk about &lt;code&gt;overflow: hidden;&lt;/code&gt; or even JavaScript (which I want to avoid as much as possible) but I never seemed to be able to implement it onto my existing piece of code.&lt;/p&gt;
&lt;p&gt;Thanks in advance.&lt;/p&gt;
&lt;pre&gt;&lt;code&gt;&amp;lt;section class="container"&amp;gt;
    &amp;lt;header&amp;gt;
        &amp;lt;img src="http://i.imgur.com/CpL8u.png" style="box-shadow: 0px 0px 10px #888;" /&amp;gt;
    &amp;lt;/header&amp;gt;
    &amp;lt;section class="body"&amp;gt;
        Lorem ipsum blahblah I don't know the rest.
    &amp;lt;/section&amp;gt;
&amp;lt;/section&amp;gt;
&lt;/code&gt;&lt;/pre&gt;
&lt;p&gt;CSS:&lt;/p&gt;
&lt;pre class="lang-css prettyprint-override"&gt;&lt;code&gt;header {
    width: 640px;
    margin-left: -10px;
    margin-top: -10px;
}
section.container {
    background: #fff;
    width: 620px;
    margin: auto;
    -moz-border-radius: 10px;
    border-radius: 10px;
    padding: 10px;
    box-shadow: 0px 0px 20px #888;
}
section.body {
    margin-top:10px;
}
&lt;/code&gt;&lt;/pre&gt;</t>
  </si>
  <si>
    <t>2012-07-21 21:11:59.333000+00:00</t>
  </si>
  <si>
    <t>2018-01-12 20:07:40.193000+00:00</t>
  </si>
  <si>
    <t>2012-07-21 22:23:15.307000+00:00</t>
  </si>
  <si>
    <t>Unexpected results with if statement using passport.js</t>
  </si>
  <si>
    <t>&lt;p&gt;Hi, to explain my app briefly: 
I have a User Schema and a "Tweet" Schema (Actually it's a 'Post' Schema but to avoid confusion with the 'post' method let's call it a "Tweet Schema'). &lt;/p&gt;
&lt;p&gt;User's have many "tweets" , but a "tweet" only has one User (like twitter). Inside my tweet schema I have a key of Original_Poster, which is a reference to the id of the User who created the post (see below for schema). &lt;/p&gt;
&lt;p&gt;In a route to update a tweet, I have an if else statement to confirm if the tweet that the user is trying to update, is actually their tweet. This is functioning while using locally created users with mongodb/mongoose, but not with users created through passport-facebook.&lt;/p&gt;
&lt;p&gt;
Here is the if else statement:&lt;/p&gt;
&lt;pre&gt;&lt;code&gt;        if(req.user._id == post.original_poster){
            console.log('nice')
        }else{
            console.log(req.user._id, post.original_poster);
            console.log(typeof req.user._id, typeof post.original_poster)
            console.log('wtf')
        }
&lt;/code&gt;&lt;/pre&gt;
&lt;p&gt;
What I expect to see is in my console is:
 'nice'&lt;/p&gt;
&lt;p&gt;
What I am actually seeing is:&lt;/p&gt;
&lt;pre&gt;&lt;code&gt;5a288913fa0d78257fd7b4d3 5a288913fa0d78257fd7b4d3
object object
wtf
&lt;/code&gt;&lt;/pre&gt;
&lt;p&gt;Clearly they are the same user ids, and the type is the same (though this shouldn't matter as I am using the double equals not the triple equals).&lt;/p&gt;
&lt;p&gt;Can anyone explain this?&lt;/p&gt;
&lt;p&gt;Edit:
Here is the full Post.find({}) for more info:&lt;/p&gt;
&lt;pre&gt;&lt;code&gt;Post.findOne({_id: req.params.id}).then((post)=&amp;gt;{
    if(req.user._id == post.original_poster){
        console.log('nice')
    }else{
        console.log(req.user._id, post.original_poster);
        console.log(typeof req.user._id, typeof post.original_poster)
        console.log('wtf')
    }
})
&lt;/code&gt;&lt;/pre&gt;</t>
  </si>
  <si>
    <t>2017-12-07 02:18:03.987000+00:00</t>
  </si>
  <si>
    <t>2017-12-07 02:43:30.803000+00:00</t>
  </si>
  <si>
    <t>2017-12-07 02:40:14.203000+00:00</t>
  </si>
  <si>
    <t>javascript|node.js|mongodb</t>
  </si>
  <si>
    <t>What's the fastest way to select a large amount of checkboxes and de/select them?</t>
  </si>
  <si>
    <t>&lt;p&gt;Since I use jQuery 1.3+ all except one timed test is using that.  The other is plain javascript I found from back in 2000.  I stopped going that route as it was taking around 150 seconds to run the test.  I've read quite a few jQuery optimization web pages that relate to selecting a single element.  A '#id' is the best case for using that, but now I have the issue of &lt;strong&gt;checking all checkboxes in one column in a rather large table that has multiple checkbox columns&lt;/strong&gt;.&lt;/p&gt;
&lt;p&gt;What I have done is setup a page the creates 20,000 table rows with two check box columns.  The goal is to check the second column see how long that took, and then uncheck them and see how long that took.  Obviously we want the lowest time.  I'm only using IE6 and 7 and in my case all of my users will be doing the same.&lt;/p&gt;
&lt;p&gt;20,000 rows you say?  That's what I said too, but this is going to production (out of my hands) and it's too late to change now.  I'm just trying to throw a hail mary with 1 second left on the clock.  Besides, I've learned that input.chkbox isn't the fastest selector (for IE7)!  :)&lt;/p&gt;
&lt;p&gt;The question is, is there a better way to do this jQuery or otherwise?  I'd love it to be running in less than half a second on my machine.&lt;/p&gt;
&lt;p&gt;So you don't have to retype all the crap I've already done here's the test stuff I came up with:&lt;/p&gt;
&lt;p&gt;&lt;strong&gt;Updated Morning 4/14 to include further time trials:&lt;/strong&gt;&lt;/p&gt;
&lt;pre&gt;&lt;code&gt;&amp;lt;form id="form1" runat="server"&amp;gt;
&amp;lt;div&amp;gt;           
        &amp;lt;a href="#" id="one"&amp;gt;input[id^='chkbox'][type='checkbox']&amp;lt;/a&amp;gt;&amp;lt;br /&amp;gt;
        &amp;lt;a href="#" id="two"&amp;gt;#myTable tr[id^='row'] input[id^='chkbox'][type='checkbox']&amp;lt;/a&amp;gt;&amp;lt;br /&amp;gt;
        &amp;lt;a href="#" id="three"&amp;gt;#myTable tr.myRow input[id^='chkbox'][type='checkbox']&amp;lt;/a&amp;gt;&amp;lt;br /&amp;gt;
        &amp;lt;a href="#" id="four"&amp;gt;tr.myRow input[id^='chkbox'][type='checkbox']&amp;lt;/a&amp;gt;&amp;lt;br /&amp;gt;
        &amp;lt;a href="#" id="five"&amp;gt;input[id^='chkbox']&amp;lt;/a&amp;gt;&amp;lt;br /&amp;gt;
        &amp;lt;a href="#" id="six"&amp;gt;.chkbox&amp;lt;/a&amp;gt;&amp;lt;br /&amp;gt;
        &amp;lt;a href="#" id="seven"&amp;gt;input.chkbox&amp;lt;/a&amp;gt;&amp;lt;br /&amp;gt;
        &amp;lt;a href="#" id="eight"&amp;gt;#myTable input.chkbox&amp;lt;/a&amp;gt;&amp;lt;br /&amp;gt;
        &amp;lt;a href="#" id="nine"&amp;gt;"input.chkbox", "tr"&amp;lt;/a&amp;gt;&amp;lt;br /&amp;gt;
        &amp;lt;a href="#" id="nine1"&amp;gt;"input.chkbox", "tr.myRow"&amp;lt;/a&amp;gt;&amp;lt;br /&amp;gt;
        &amp;lt;a href="#" id="nine2"&amp;gt;"input.chkbox", "#form1"&amp;lt;/a&amp;gt;&amp;lt;br /&amp;gt;
        &amp;lt;a href="#" id="nine3"&amp;gt;"input.chkbox", "#myTable"&amp;lt;/a&amp;gt;&amp;lt;br /&amp;gt;
        &amp;lt;a href="#" id="ten"&amp;gt;input[name=chkbox]&amp;lt;/a&amp;gt;&amp;lt;br /&amp;gt;
        &amp;lt;a href="#" id="ten1"&amp;gt;"input[name=chkbox]", "tr.myRow"&amp;lt;/a&amp;gt;&amp;lt;br /&amp;gt;
        &amp;lt;a href="#" id="ten2"&amp;gt;"input[name=chkbox]", "#form1"&amp;lt;/a&amp;gt;&amp;lt;br /&amp;gt;
        &amp;lt;a href="#" id="ten3"&amp;gt;"input[name=chkbox]", "#myTable"&amp;lt;/a&amp;gt;&amp;lt;br /&amp;gt;
        &amp;lt;a href="#" id="ten4"&amp;gt;"input[name=chkbox]", $("#form1")&amp;lt;/a&amp;gt;&amp;lt;br /&amp;gt;
        &amp;lt;a href="#" id="ten5"&amp;gt;"input[name=chkbox]", $("#myTable")&amp;lt;/a&amp;gt;&amp;lt;br /&amp;gt;
        &amp;lt;a href="#" id="eleven"&amp;gt;input[name='chkbox']:checkbox&amp;lt;/a&amp;gt;&amp;lt;br /&amp;gt;
        &amp;lt;a href="#" id="twelve"&amp;gt;:checkbox&amp;lt;/a&amp;gt;&amp;lt;br /&amp;gt;
        &amp;lt;a href="#" id="twelve1"&amp;gt;input:checkbox&amp;lt;/a&amp;gt;&amp;lt;br /&amp;gt;
        &amp;lt;a href="#" id="thirteen"&amp;gt;input[type=checkbox]&amp;lt;/a&amp;gt;&amp;lt;br /&amp;gt;
        &amp;lt;div&amp;gt;
            &amp;lt;input type="text" id="goBox" /&amp;gt; &amp;lt;button id="go"&amp;gt;Go!&amp;lt;/button&amp;gt;
            &amp;lt;div id="goBoxTook"&amp;gt;&amp;lt;/div&amp;gt;
        &amp;lt;/div&amp;gt;
        &amp;lt;table id="myTable"&amp;gt;
            &amp;lt;tr id="headerRow"&amp;gt;&amp;lt;th&amp;gt;Row #&amp;lt;/th&amp;gt;&amp;lt;th&amp;gt;Checkboxes o' fun!&amp;lt;/th&amp;gt;&amp;lt;th&amp;gt;Don't check these!&amp;lt;/th&amp;gt;&amp;lt;/tr&amp;gt;
            &amp;lt;% for(int i = 0; i &amp;lt; 20000;i++) { %&amp;gt;
            &amp;lt;tr id="row&amp;lt;%= i %&amp;gt;" class="myRow"&amp;gt;
                &amp;lt;td&amp;gt;&amp;lt;%= i %&amp;gt; Row&amp;lt;/td&amp;gt;
                &amp;lt;td&amp;gt;
                    &amp;lt;input type="checkbox" id="chkbox&amp;lt;%= i %&amp;gt;" name="chkbox" class="chkbox" /&amp;gt;
                &amp;lt;/td&amp;gt;
                &amp;lt;td&amp;gt;
                    &amp;lt;input type="checkbox" id="otherBox&amp;lt;%= i %&amp;gt;" name="otherBox" class="otherBox" /&amp;gt;
                &amp;lt;/td&amp;gt;
            &amp;lt;/tr&amp;gt;
            &amp;lt;% } %&amp;gt;
        &amp;lt;/table&amp;gt;
&amp;lt;/div&amp;gt;
        &amp;lt;script type="text/javascript" src="&amp;lt;%= ResolveUrl("~/") %&amp;gt;Javascript/jquery.1.3.1.min.js"&amp;gt;&amp;lt;/script&amp;gt;
        &amp;lt;script type="text/javascript"&amp;gt;
            $(function() {                  
                function run(selectorText, el) {                    
                    var start = new Date();                     
                    $(selectorText).attr("checked", true);                              
                    var end = new Date();
                    var timeElapsed = end-start;
                    $(el).after("&amp;lt;br /&amp;gt;Checking Took " + timeElapsed + "ms");
                    start = new Date();                     
                    $(selectorText).attr("checked", false);                             
                    end = new Date();
                    timeElapsed = end-start;
                    $(el).after("&amp;lt;br /&amp;gt;Unchecking Took " + timeElapsed + "ms");
                }       
                function runWithContext(selectorText, context, el) {                    
                    var start = new Date();                     
                    $(selectorText, context).attr("checked", true);                             
                    var end = new Date();
                    var timeElapsed = end-start;
                    $(el).after("&amp;lt;br /&amp;gt;Checking Took " + timeElapsed + "ms");
                    start = new Date();                     
                    $(selectorText, context).attr("checked", false);                                
                    end = new Date();
                    timeElapsed = end-start;
                    $(el).after("&amp;lt;br /&amp;gt;Unchecking Took " + timeElapsed + "ms");
                }
                $("#one").click(function() {                        
                    run("input[id^='chkbox'][type='checkbox']", this);
                });
                $("#two").click(function() {
                    run("#myTable tr[id^='row'] input[id^='chkbox'][type='checkbox']", this);
                });
                $("#three").click(function() {
                    run("#myTable tr.myRow input[id^='chkbox'][type='checkbox']", this);
                });
                $("#four").click(function() {
                    run("tr.myRow input[id^='chkbox'][type='checkbox']", this);
                });
                $("#five").click(function() {
                    run("input[id^='chkbox']", this);
                });
                $("#six").click(function() {
                    run(".chkbox", this);
                });
                $("#seven").click(function() {
                    run("input.chkbox", this);
                });
                $("#eight").click(function() {
                    run("#myTable input.chkbox", this);
                });
                $("#nine").click(function() {
                    runWithContext("input.chkbox", "tr", this);
                });
                $("#nine1").click(function() {
                    runWithContext("input.chkbox", "tr.myRow", this);
                });
                $("#nine2").click(function() {
                    runWithContext("input.chkbox", "#form1", this);
                });
                $("#nine3").click(function() {
                    runWithContext("input.chkbox", "#myTable", this);
                });
                $("#ten").click(function() {
                    run("input[name=chkbox]", this);
                });                 
                $("#ten1").click(function() {
                    runWithContext("input[name=chkbox]", "tr.myRow", this);
                });
                $("#ten2").click(function() {
                    runWithContext("input[name=chkbox]", "#form1", this);
                });
                $("#ten3").click(function() {
                    runWithContext("input[name=chkbox]", "#myTable", this);
                });
                $("#ten4").click(function() {
                    runWithContext("input[name=chkbox]", $("#form1"), this);
                });
                $("#ten5").click(function() {
                    runWithContext("input[name=chkbox]", $("#myTable"), this);
                });
                $("#eleven").click(function() {
                    run("input[name='chkbox']:checkbox", this);
                });
                $("#twelve").click(function() {
                    run(":checkbox", this);
                });
                $("#twelve1").click(function() {
                    run("input:checkbox", this);
                });
                $("#thirteen").click(function() {
                    run("input[type=checkbox]", this);
                });
                $('#go').click(function() {
                    run($('#goBox').val(), this);
                });
            });
        &amp;lt;/script&amp;gt;
&amp;lt;/form&amp;gt;
&lt;/code&gt;&lt;/pre&gt;</t>
  </si>
  <si>
    <t>2009-04-13 23:09:38.097000+00:00</t>
  </si>
  <si>
    <t>2009-04-14 16:19:19.650000+00:00</t>
  </si>
  <si>
    <t>javascript|jquery|performance</t>
  </si>
  <si>
    <t>Disable button if no checkbox is checked jquery</t>
  </si>
  <si>
    <t>&lt;p&gt;I have a jquery function for multiple delete.&lt;/p&gt;
&lt;pre&gt;&lt;code&gt;  $('input.delete-selected[type="submit"]').attr('disabled','disabled');
  $('[id^=partners_], [id^=invitations_], [id^=clients_], [id^=partner_services_], [id^=partner_products_]').on("click", function (event) {
  if ($(this).is(":checked")) {
        $('input.delete-selected[type="submit"]').removeAttr('disabled');
    } else {
        $('input.delete-selected[type="submit"]').attr('disabled', 'disabled');
    }
  })
&lt;/code&gt;&lt;/pre&gt;
&lt;p&gt;The problem is, if I have 2 items, select both and then deselect one of them, the 'delete' button disables again.&lt;/p&gt;
&lt;p&gt;How can I disable the button only if no checkbox is checked?
Do I have to implement an each function?&lt;/p&gt;</t>
  </si>
  <si>
    <t>2015-07-20 11:43:17.697000+00:00</t>
  </si>
  <si>
    <t>2015-07-20 12:10:49.437000+00:00</t>
  </si>
  <si>
    <t>javascript|jquery|ruby-on-rails</t>
  </si>
  <si>
    <t>Jquery function call for animDropdown</t>
  </si>
  <si>
    <t>&lt;pre&gt;&lt;code&gt;     function initSlideDrop(){
jQuery('#nav').animDropdown({
    hoverClass:'hover',
    dropClass:'drop-active',
    items: 'li',
    drop: '.drop',
    delay: 100,
    animSpeed: 300,
    effect: 'slide'
})
}
;(function($){
$.fn.animDropdown = function(o){
    // default options
    var options = $.extend({
        hoverClass:'hover',
        dropClass:'drop-active',
        items: '&amp;gt;li',
        drop: '&amp;gt;ul',
        delay: 100,
        animSpeed: 300,
        effect: 'fade'
    },o);
    ...
}}(jQuery));
&lt;/code&gt;&lt;/pre&gt;
&lt;p&gt;This is the code in one of my jquery.js. When I am trying to call the initSlideDrop() method, it gets the &lt;code&gt;.aniDropDown()&lt;/code&gt; block gets executed. But the &lt;code&gt;$.fn.animDropdown = function(o)&lt;/code&gt; is not getting called. Can anyone please help on this ?&lt;/p&gt;</t>
  </si>
  <si>
    <t>2012-07-12 06:32:10.667000+00:00</t>
  </si>
  <si>
    <t>jquery|jquery-ui|jquery-plugins</t>
  </si>
  <si>
    <t>Python/Pandas - Summing DataFrame columns items</t>
  </si>
  <si>
    <t>&lt;p&gt;I have the following DataFrame:&lt;/p&gt;
&lt;pre&gt;&lt;code&gt;            Value   Seasonal
Date                        
2004-01-01      0 -10.000000
2004-02-01    173 -50.000000
2004-03-01    225   0.000000
2004-04-01    230   9.000000
&lt;/code&gt;&lt;/pre&gt;
&lt;p&gt;I want to sum its items so it gets like this:&lt;/p&gt;
&lt;pre&gt;&lt;code&gt;                   Value 
Date                        
2004-01-01    -10.000000
2004-02-01    123.000000
2004-03-01    225.000000
2004-04-01    239.000000
&lt;/code&gt;&lt;/pre&gt;
&lt;p&gt;Is there an easy way to do that?&lt;/p&gt;</t>
  </si>
  <si>
    <t>2016-01-09 11:38:12.893000+00:00</t>
  </si>
  <si>
    <t>2016-01-11 06:23:16.770000+00:00</t>
  </si>
  <si>
    <t>PrepareforSegue been called before IBAction</t>
  </si>
  <si>
    <t>&lt;p&gt;I'm trying to pass a value inside a variable to take the indexpath of UIButton inside a custom cell when I'm clik on it and pass this valor to another View Controller using a prepareForSegue:&lt;/p&gt;
&lt;pre&gt;&lt;code&gt;var row2 = Int() 
@IBAction func Teste(sender: AnyObject) {
    var btnPos: CGPoint = sender.convertPoint(CGPointZero, toView: self.tableView)
    var indexPath: NSIndexPath = self.tableView.indexPathForRowAtPoint(btnPos)!
    var row2 = Int(indexPath.row)
    self.performSegueWithIdentifier("commentsIdentifier", sender: self)     
}
override func prepareForSegue(segue: UIStoryboardSegue, sender: AnyObject?) {
    if (segue.identifier == "detailIdentifier") {
        let detailScene = segue.destinationViewController as DetailViewController
        // Pass the selected object to the destination view controller.
        if let indexPath = self.tableView.indexPathForSelectedRow() {
            let row = Int(indexPath.row)
            detailScene.currentObject = objects[row] as? PFObject
        }
    } else if (segue.identifier == "commentsIdentifier") {
        let commentScene = segue.destinationViewController as TesteButtonViewController
        println(row2)
    }
&lt;/code&gt;&lt;/pre&gt;
&lt;p&gt;But, when I print the row2 inside the prepareforsegue I cannot see the value, I think it`s because the prepareforSegue is called before the IBAction, any ideas of how can I solve this?&lt;/p&gt;</t>
  </si>
  <si>
    <t>2015-04-12 19:22:30.583000+00:00</t>
  </si>
  <si>
    <t>2015-04-12 20:11:41.537000+00:00</t>
  </si>
  <si>
    <t>2015-04-12 19:34:06.643000+00:00</t>
  </si>
  <si>
    <t>ios|swift|ibaction</t>
  </si>
  <si>
    <t>Rails 2 to Rails 4 Routes Migration - :requirements</t>
  </si>
  <si>
    <t>&lt;p&gt;I am upgrading a routes.rb file from Rails 2.3 to Rails 4. &lt;/p&gt;
&lt;p&gt;I've been able to upgrade each section's syntax by doing a lot of research. I'm at a resource block I'm trying to upgrade. The current Rails 2 syntax is below:&lt;/p&gt;
&lt;pre&gt;&lt;code&gt;map.resources :profiles do |profile|
    ...
    profile.resources :messages,
                      :requirements =&amp;gt; { :profile_id =&amp;gt; /[a-zA-Z0-9\-\_\.\@]+/ }
    end
    ...
end
&lt;/code&gt;&lt;/pre&gt;
&lt;p&gt;How do I convert &lt;code&gt;:requirements =&amp;gt; {...}&lt;/code&gt; to Rails 4?&lt;/p&gt;</t>
  </si>
  <si>
    <t>2014-07-29 16:23:07.297000+00:00</t>
  </si>
  <si>
    <t>2014-07-29 16:42:28.553000+00:00</t>
  </si>
  <si>
    <t>2014-07-29 16:30:56.117000+00:00</t>
  </si>
  <si>
    <t>ruby|ruby-on-rails-4|routes|ruby-on-rails-2</t>
  </si>
  <si>
    <t>Grouping arrays and get the last and first array for every group</t>
  </si>
  <si>
    <t>&lt;p&gt;Lets say I have a sample array that looks like this.&lt;/p&gt;
&lt;p&gt;&lt;a href="https://i.stack.imgur.com/afyeX.png" rel="nofollow noreferrer"&gt;&lt;img src="https://i.stack.imgur.com/afyeX.png" alt="enter image description here"&gt;&lt;/a&gt;&lt;/p&gt;
&lt;p&gt;In code output here is what it looks&lt;/p&gt;
&lt;p&gt;&lt;code&gt;[[2131, 2016-01-01, 1:00 PM, FA1], [2131, 2016-01-01, 2:00 PM, FA1], [2131, 2016-01-01, 3:00 PM, FA1], [2132, 2016-01-02, 4:00 PM, FA1].....]&lt;/code&gt;&lt;/p&gt;
&lt;p&gt;How can I make this look like this?&lt;/p&gt;
&lt;p&gt;&lt;a href="https://i.stack.imgur.com/hDeXN.png" rel="nofollow noreferrer"&gt;&lt;img src="https://i.stack.imgur.com/hDeXN.png" alt="enter image description here"&gt;&lt;/a&gt;&lt;/p&gt;
&lt;p&gt;I mean always group the data by the date and get only the last and first set of data for every group&lt;/p&gt;
&lt;p&gt;I hope you get my point TYSM&lt;/p&gt;</t>
  </si>
  <si>
    <t>2017-08-03 06:26:54.050000+00:00</t>
  </si>
  <si>
    <t>2017-08-03 07:30:32.960000+00:00</t>
  </si>
  <si>
    <t>How to change connection string or pass custom connection string for EF Model</t>
  </si>
  <si>
    <t>&lt;p&gt;I have three database environments, Developer, Testing and Production. To setup database with sample data i created a console app where user selects environment to setup the database. I am using Entity Framework database first but stuck with how to select instance at run time. There is only one database model is it possible to change db connection at run time?&lt;/p&gt;
&lt;p&gt;i used following code and it throws exception.&lt;/p&gt;
&lt;pre&gt;&lt;code&gt;        // Truncate all Data
        if (env.Key == ConsoleKey.D)
        {
            db.Database.Connection.ConnectionString = System.Configuration.ConfigurationManager.ConnectionStrings["db_dev"].ToString();
        }
&lt;/code&gt;&lt;/pre&gt;
&lt;p&gt;Model Entities has no constructor to get Connection String..&lt;/p&gt;</t>
  </si>
  <si>
    <t>2014-04-10 15:43:39.513000+00:00</t>
  </si>
  <si>
    <t>2014-04-10 16:16:41.517000+00:00</t>
  </si>
  <si>
    <t>Error response from daemon: oci runtime error: container_linux.go:262 :</t>
  </si>
  <si>
    <t>&lt;p&gt;I have just started to use docker. i am very beginner level.i have install  alpine image for testing docker workflow but after running&lt;/p&gt;
&lt;pre&gt;&lt;code&gt;docker run alpine ls -l
&lt;/code&gt;&lt;/pre&gt;
&lt;p&gt;I am getting this following error&lt;/p&gt;
&lt;pre&gt;&lt;code&gt;Error response from daemon: oci runtime error: container_linux.go:262: starting container process caused "exec: \"ls-l\": executable file not found in $PATH".
&lt;/code&gt;&lt;/pre&gt;
&lt;p&gt;I have installed docker for windows in windows 10.I have searched in net but did not find any proper solution.Kindly help me to figure out&lt;/p&gt;
&lt;p&gt;Thanks &lt;/p&gt;</t>
  </si>
  <si>
    <t>2017-07-24 07:55:06.223000+00:00</t>
  </si>
  <si>
    <t>2017-11-15 22:47:24.977000+00:00</t>
  </si>
  <si>
    <t>docker|docker-for-windows</t>
  </si>
  <si>
    <t>PHP 5.6, MySQL, SSL and self-signed certificates</t>
  </si>
  <si>
    <t>&lt;p&gt;Having upgraded to PHP 5.6 lately I have encountered some problems with secure connections to MySQL. This concerns MySQLi as well as PDO.&lt;/p&gt;
&lt;p&gt;Here are my settings:&lt;/p&gt;
&lt;p&gt;MySQLi: &lt;/p&gt;
&lt;pre&gt;&lt;code&gt;$db-&amp;gt;ssl_set('/etc/mysql/certs/client-key.pem', '/etc/mysql/certs/client-cert.pem', '/etc/mysql/certs/ca-cert.pem', NULL, NULL);
&lt;/code&gt;&lt;/pre&gt;
&lt;p&gt;PDO: &lt;/p&gt;
&lt;pre&gt;&lt;code&gt;array(
 PDO::MYSQL_ATTR_SSL_KEY    =&amp;gt; '/path/to/client-key.pem',
 PDO::MYSQL_ATTR_SSL_CERT   =&amp;gt; '/path/to/client-cert.pem',
 PDO::MYSQL_ATTR_SSL_CA     =&amp;gt; '/path/to/ca-cert.pem'
)
&lt;/code&gt;&lt;/pre&gt;
&lt;p&gt;First, I get the error "dh key too small".&lt;/p&gt;
&lt;p&gt;Second, I get the error "certificate verify failed".&lt;/p&gt;
&lt;p&gt;I'm using a self-signed certificate which was generated with openssl according to this &lt;a href="http://dev.mysql.com/doc/refman/5.6/en/creating-ssl-files-using-openssl.html" rel="noreferrer"&gt;tutorial&lt;/a&gt;.&lt;/p&gt;</t>
  </si>
  <si>
    <t>2015-07-15 07:51:34.383000+00:00</t>
  </si>
  <si>
    <t>2015-07-15 14:49:41.723000+00:00</t>
  </si>
  <si>
    <t>2015-07-15 13:07:35.507000+00:00</t>
  </si>
  <si>
    <t>php|mysql|ssl|pdo|mysqli</t>
  </si>
  <si>
    <t>How to upgrade a running Elasticsearch older instance to a newer version?</t>
  </si>
  <si>
    <t>&lt;p&gt;Essentially I cannot find documents or resources that explains the procedure of upgrading a running Elasticsearch instance into the current version. &lt;/p&gt;
&lt;p&gt;Please help me out in a few scenarios:&lt;/p&gt;
&lt;ol&gt;
&lt;li&gt;&lt;p&gt;If I am running an Elasticsearch instance in a single server, how do
I upgrade the instance and not lose data?&lt;/p&gt;&lt;/li&gt;
&lt;li&gt;&lt;p&gt;If I am running multiple Elasticsearch instances in a number of servers, how do I keep my operations running, while I upgrade my Elasticsearch instances without losing data?&lt;/p&gt;&lt;/li&gt;
&lt;/ol&gt;
&lt;p&gt;If there are proper procedures or explanations on this it will greatly help my understanding and work. Thanks!&lt;/p&gt;</t>
  </si>
  <si>
    <t>2012-02-29 10:16:35.337000+00:00</t>
  </si>
  <si>
    <t>2017-03-15 11:46:44.607000+00:00</t>
  </si>
  <si>
    <t>Protractor Debugging Issue - Waiting for the debugger to disconnect</t>
  </si>
  <si>
    <t>&lt;p&gt;I am trying to debug protractor scripts on VSCode.&lt;/p&gt;
&lt;p&gt;I edited the launch.json file but the debug console throws the below error.&lt;/p&gt;
&lt;p&gt;Here is the VSCode Debug Console Output:&lt;/p&gt;
&lt;pre&gt;&lt;code&gt;C:\Program Files\nodejs\node.exe --inspect-brk=45448 conf.js C:\Users\abc\AppData\Roaming\npm\node_modules\protractor\example/conf.js 
Debugger listening on ws://127.0.0.1:45448/ab61a2d7-4b40-456b-86cb-838e94dfe5b0
Debugger attached.
Waiting for the debugger to disconnect...
&lt;/code&gt;&lt;/pre&gt;
&lt;p&gt;I am not able to find a solution anywhere online either.&lt;/p&gt;</t>
  </si>
  <si>
    <t>2018-07-30 20:20:38.467000+00:00</t>
  </si>
  <si>
    <t>2018-07-31 00:46:54.810000+00:00</t>
  </si>
  <si>
    <t>node.js|debugging|protractor|vscode-settings</t>
  </si>
  <si>
    <t>Unable to change flipview''s background in uwp?</t>
  </si>
  <si>
    <t>&lt;p&gt;I found that flipview's background is unable to change...&lt;/p&gt;
&lt;pre&gt;&lt;code&gt;&amp;lt;Page
    x:Class="CoreSocialistValues.Views.ImageGalleryCSV2DetailPage"
    xmlns="http://schemas.microsoft.com/winfx/2006/xaml/presentation"
    xmlns:x="http://schemas.microsoft.com/winfx/2006/xaml"
    xmlns:d="http://schemas.microsoft.com/expression/blend/2008"
    xmlns:mc="http://schemas.openxmlformats.org/markup-compatibility/2006"
    xmlns:models="using:CoreSocialistValues.Models"
    KeyDown="OnKeyDown"
    mc:Ignorable="d"&amp;gt;
    &amp;lt;Page.Resources&amp;gt;
        &amp;lt;Storyboard x:Name="showFlipView" Completed="OnShowFlipViewCompleted"&amp;gt;
            &amp;lt;ObjectAnimationUsingKeyFrames Storyboard.TargetProperty="(UIElement.Visibility)" Storyboard.TargetName="flipView" BeginTime="0:0:0.5"&amp;gt;
                &amp;lt;DiscreteObjectKeyFrame KeyTime="0" Value="Visible"/&amp;gt;
            &amp;lt;/ObjectAnimationUsingKeyFrames&amp;gt;
            &amp;lt;ObjectAnimationUsingKeyFrames Storyboard.TargetProperty="(UIElement.Visibility)" Storyboard.TargetName="shapeGrid" BeginTime="0:0:0.5"&amp;gt;
                &amp;lt;DiscreteObjectKeyFrame KeyTime="0" Value="Collapsed"/&amp;gt;
            &amp;lt;/ObjectAnimationUsingKeyFrames&amp;gt;
            &amp;lt;ObjectAnimationUsingKeyFrames Storyboard.TargetProperty="(UIElement.Visibility)" Storyboard.TargetName="previewImage" BeginTime="0:0:0.6"&amp;gt;
                &amp;lt;DiscreteObjectKeyFrame KeyTime="0" Value="Collapsed"/&amp;gt;
            &amp;lt;/ObjectAnimationUsingKeyFrames&amp;gt;
        &amp;lt;/Storyboard&amp;gt;
    &amp;lt;/Page.Resources&amp;gt;
    &amp;lt;Grid&amp;gt;
        &amp;lt;FlipView Background="SeaGreen"
            x:Name="flipView"
            Visibility="Visible"
            FocusVisualPrimaryThickness="1,1,1,1"
            ItemsSource="{x:Bind Source}"
            SelectedItem="{x:Bind SelectedImage, Mode=TwoWay}"&amp;gt;
            &amp;lt;FlipView.ItemTemplate&amp;gt;
                &amp;lt;DataTemplate x:DataType="models:SampleImage"&amp;gt;
                    &amp;lt;Viewbox StretchDirection="DownOnly"&amp;gt;
                        &amp;lt;Image
                            x:Name="detailImage"
                            Stretch="None"
                            Source="{x:Bind Source, Mode=OneWay}" /&amp;gt;
                    &amp;lt;/Viewbox&amp;gt;
                &amp;lt;/DataTemplate&amp;gt;
            &amp;lt;/FlipView.ItemTemplate&amp;gt;
        &amp;lt;/FlipView&amp;gt;
        &amp;lt;Grid x:Name="shapeGrid"/&amp;gt;
        &amp;lt;Image
            x:Name="previewImage"
            Style="{StaticResource DetailImageStyle}"
            Source="{x:Bind SelectedImage.(models:SampleImage.Source), Mode=OneWay}" /&amp;gt;
    &amp;lt;/Grid&amp;gt;
&amp;lt;/Page&amp;gt;
&lt;/code&gt;&lt;/pre&gt;
&lt;p&gt;And I tried to modify the template of flipview, nothing happened.&lt;/p&gt;
&lt;p&gt;I create a new project, flipview's background can be changed....&lt;/p&gt;
&lt;p&gt;So is there any way to change it?&lt;/p&gt;</t>
  </si>
  <si>
    <t>2018-06-23 14:08:16.740000+00:00</t>
  </si>
  <si>
    <t>2018-06-27 06:25:26.430000+00:00</t>
  </si>
  <si>
    <t>2018-06-23 14:30:40.693000+00:00</t>
  </si>
  <si>
    <t>uwp|uwp-xaml</t>
  </si>
  <si>
    <t>jQuery prevent onmouseover events</t>
  </si>
  <si>
    <t>&lt;p&gt;I have been searching for a while now but no results yet.. I have multiple mouseover events with animations. So I would like to be able to disable mouseover events to occur if there are still other animations running..&lt;/p&gt;
&lt;p&gt;I have been playing with &lt;code&gt;jQuery.stop()&lt;/code&gt; a lot but impossible to make it work. I am actually not sure where to put this code within my function..&lt;/p&gt;
&lt;p&gt;Here is my html with a map:&lt;/p&gt;
&lt;pre&gt;&lt;code&gt;&amp;lt;img src="assets/menu588x588.png" alt="" usemap="#map" /&amp;gt;
   &amp;lt;map id="map" name="map"&amp;gt;
      &amp;lt;area onmouseover="driveTo(330);" shape="poly" coords="93, 264, 2, 270, 7" /&amp;gt;
      &amp;lt;area onmouseover="driveTo(300);" shape="poly" coords="122, 336, 101, 390" /&amp;gt;
      &amp;lt;area onmouseover="driveTo(230);" shape="poly" coords="370, 335, 446, 388, 3574" /&amp;gt;
   &amp;lt;/map&amp;gt;
&lt;/code&gt;&lt;/pre&gt;
&lt;p&gt;And my JS function with some timeout and animation:&lt;/p&gt;
&lt;pre&gt;&lt;code&gt;    function driveTo(new_position){
              $(function() {
                var pre_position   = Number(document.getElementById("pre-position").value);
                var goal           = 360 - pre_position + new_position;
                var $elem          = $(".car-box"), degree = pre_position, timer;
                rotate(goal);
                function rotate(goal) {
                  $elem.css({ 'transform': 'rotate(' + degree + 'deg)'});
                  if(new_position &amp;lt; pre_position){
                    if(goal &amp;gt; 0){
                      timer = setTimeout(function() {
                          --goal;
                          ++degree;
                          rotate(goal);
                      },5);
                    }
                    if(goal === 0){
                      document.getElementById("pre-position").value = new_position;
                    }
                  }
                }
              });
            }
&lt;/code&gt;&lt;/pre&gt;
&lt;p&gt;I'm afraid to be a bit lost inside all those inner functions..&lt;/p&gt;
&lt;p&gt;Thank you very much in advance for any piece of advice !&lt;/p&gt;</t>
  </si>
  <si>
    <t>2015-09-07 08:17:07.667000+00:00</t>
  </si>
  <si>
    <t>2016-04-26 17:01:56.160000+00:00</t>
  </si>
  <si>
    <t>Measure C code execution time (Linux)</t>
  </si>
  <si>
    <t>&lt;p&gt;I want to measure the execution time of a c-code segment using Linux.
I take one timestamps at the beginning of the code segment and one at the end.
But I don't know how to protect the code against IRQs and context switches to high prior tasks. The program runs in user space!
The code segment is short so don't panic hosing the system.&lt;/p&gt;
&lt;p&gt;Does anyone know an easy solution for this kind of protection?&lt;/p&gt;</t>
  </si>
  <si>
    <t>2013-04-27 17:15:44.813000+00:00</t>
  </si>
  <si>
    <t>2013-04-27 17:29:08.920000+00:00</t>
  </si>
  <si>
    <t>2013-04-27 17:25:44.110000+00:00</t>
  </si>
  <si>
    <t>c|linux|time-measurement</t>
  </si>
  <si>
    <t>I can not load SQL Server Management Studio</t>
  </si>
  <si>
    <t>&lt;p&gt;I have installed SQL Server 2016 Management Tool, and it said all components are installed successfully.&lt;/p&gt;
&lt;p&gt;But when I try to start SQL Server Management Studio, it just show like in the screenshot shown below. Did I miss something?&lt;/p&gt;
&lt;p&gt;&lt;a href="https://i.stack.imgur.com/A1I1H.jpg" rel="nofollow noreferrer"&gt;&lt;img src="https://i.stack.imgur.com/A1I1H.jpg" alt="enter image description here"&gt;&lt;/a&gt;&lt;/p&gt;
&lt;p&gt;These are my SQL Server related components:&lt;/p&gt;
&lt;p&gt;&lt;a href="https://i.stack.imgur.com/sMRCA.jpg" rel="nofollow noreferrer"&gt;&lt;img src="https://i.stack.imgur.com/sMRCA.jpg" alt="enter image description here"&gt;&lt;/a&gt;&lt;/p&gt;</t>
  </si>
  <si>
    <t>2018-06-26 04:11:45.057000+00:00</t>
  </si>
  <si>
    <t>2018-07-16 05:32:13.950000+00:00</t>
  </si>
  <si>
    <t>2018-06-26 04:15:06.833000+00:00</t>
  </si>
  <si>
    <t>VBA code to hide rows n-maximum</t>
  </si>
  <si>
    <t>&lt;p&gt;Is there there any code in Excel 2010 VBA that I can use to hide &lt;strong&gt;row n (e.g. row 200)&lt;/strong&gt; to the maximum row?&lt;/p&gt;
&lt;p&gt;Btw the name of the sheet in particular is &lt;em&gt;main&lt;/em&gt;.&lt;/p&gt;</t>
  </si>
  <si>
    <t>2012-10-27 10:51:28.353000+00:00</t>
  </si>
  <si>
    <t>2015-03-26 13:17:23.410000+00:00</t>
  </si>
  <si>
    <t>user2140173</t>
  </si>
  <si>
    <t>Reading a child component data from parent component in Angular 4</t>
  </si>
  <si>
    <t>&lt;p&gt;Ive a parent page to list items in a grid and on its edit/new event I have to show a model with a grid in the model. The grid itself is another component.&lt;/p&gt;
&lt;p&gt;Other than the grid there are two text boxes on the model which is part of the parent component which is holding the child component (Grid).
Following a screen grab in which red marked one is the child component.&lt;/p&gt;
&lt;p&gt;&lt;a href="https://i.stack.imgur.com/8ylji.png" rel="nofollow noreferrer"&gt;&lt;img src="https://i.stack.imgur.com/8ylji.png" alt="enter image description here"&gt;&lt;/a&gt;&lt;/p&gt;
&lt;p&gt;Here is the child component selector declaration&lt;/p&gt;
&lt;pre&gt;&lt;code&gt;@Component({
    selector: 'app-userlist',
    templateUrl: 'userlist.component.html'
})
&lt;/code&gt;&lt;/pre&gt;
&lt;p&gt;On the model, when we submit this event fires&lt;/p&gt;
&lt;pre&gt;&lt;code&gt;onSubmit(): void {
    this.http.post(this.baseUrl + "api/TemplateCategory", this.templatecategory).subscribe(result =&amp;gt; {
        //todo did it save properly or return an error?
        $("#newTemplateCategoryModal").modal("hide");
        this.templatecategorySaved.emit(this.templatecategory);
    }, error =&amp;gt; {
        alert("post error\nStatus Code: " + error.status + "\nMessage:" + error._body);
    });
}
&lt;/code&gt;&lt;/pre&gt;
&lt;p&gt;So my question is how can we get the grid (child component) values when we saving. In the grid there is a dropdown for selecting roles for each user.&lt;/p&gt;</t>
  </si>
  <si>
    <t>2018-01-11 11:32:53.720000+00:00</t>
  </si>
  <si>
    <t>2018-03-19 12:51:40.340000+00:00</t>
  </si>
  <si>
    <t>cannot get streams work on eclipse</t>
  </si>
  <si>
    <t>&lt;p&gt;I recently installed JDK 8 on my Eclipse (MAC) and I m trying to use the streams. &lt;/p&gt;
&lt;p&gt;However, it seems that Java 8 is not correctly configured since I get the following error on the following line of code:&lt;/p&gt;
&lt;pre&gt;&lt;code&gt;List&amp;lt;Eshop&amp;gt; tempShops = eshops.stream().filter( e -&amp;gt; e.getName().equals(name)).collect(Collectors.toList());
Multiple markers at this line
    - e cannot be resolved to a variable
    - e cannot be resolved
    - Syntax error on token "-", -- 
     expected
&lt;/code&gt;&lt;/pre&gt;
&lt;p&gt;Anybody has an idea what might be wrong?&lt;/p&gt;
&lt;p&gt;EDIT 
Also tried like &lt;/p&gt;
&lt;pre&gt;&lt;code&gt;List&amp;lt;Eshop&amp;gt; tempShops = eshops.stream().filter( (e) -&amp;gt; e.getName().equals(name)).collect(Collectors.toList());
&lt;/code&gt;&lt;/pre&gt;</t>
  </si>
  <si>
    <t>2016-10-04 12:47:41.960000+00:00</t>
  </si>
  <si>
    <t>2016-10-04 13:07:48.907000+00:00</t>
  </si>
  <si>
    <t>2016-10-04 13:01:39.127000+00:00</t>
  </si>
  <si>
    <t>eclipse|java-8|java-stream</t>
  </si>
  <si>
    <t>OTA Application Provisioning implementation on Android</t>
  </si>
  <si>
    <t>&lt;p&gt;i am trying to implement OTA settings update for my app.
didn't find any tutorial regarding this issue.
the settings file would be an XML file.&lt;/p&gt;
&lt;p&gt;Thanks.&lt;/p&gt;</t>
  </si>
  <si>
    <t>2011-05-22 09:20:23.867000+00:00</t>
  </si>
  <si>
    <t>2011-05-22 11:01:59.113000+00:00</t>
  </si>
  <si>
    <t>android|ota|oma</t>
  </si>
  <si>
    <t>Comparing a Date in PHP</t>
  </si>
  <si>
    <t>&lt;p&gt;I am working on a php app and need some help with comparing a date.
I have a date select input field (datepicker) which thanks to client side code will always post a date in the format: mm/dd/YYYY eg 02/25/2015.&lt;/p&gt;
&lt;p&gt;What Iam trying to do is assertain that this date is no later than the current date, using php.&lt;/p&gt;
&lt;p&gt;Initially I have set the local timezone with:&lt;/p&gt;
&lt;pre&gt;&lt;code&gt;date_default_timezone_set('Europe/London');
&lt;/code&gt;&lt;/pre&gt;
&lt;p&gt;And within the code I have:&lt;/p&gt;
&lt;pre&gt;&lt;code&gt;} elseif (date(strtotime($_POST['datepicker'])) &amp;gt; date('m,d,Y')){
    $displayblock.= "&amp;lt;br&amp;gt;&amp;lt;p&amp;gt;The selected date is in the future!!!       &amp;lt;/p&amp;gt;".date("d/m/Y", strtotime($_POST['datepicker']));
$alertbox = "&amp;lt;script&amp;gt;alert('".$_POST['datepicker']." is in the future!!! Shall we try that again? :-)');&amp;lt;/script&amp;gt;";
&lt;/code&gt;&lt;/pre&gt;
&lt;p&gt;This is obviously far from graceful and does not appear to be comaparing dates correctly either.
Can anyone help pls?&lt;/p&gt;
&lt;p&gt;Many Thanks,&lt;/p&gt;</t>
  </si>
  <si>
    <t>2015-02-25 12:21:41.533000+00:00</t>
  </si>
  <si>
    <t>2015-02-25 13:58:21.337000+00:00</t>
  </si>
  <si>
    <t>2015-02-25 13:08:16.547000+00:00</t>
  </si>
  <si>
    <t>user4602318</t>
  </si>
  <si>
    <t>php|function|date</t>
  </si>
  <si>
    <t>Django 2.1.1, IntegrityError, NOT NULL constraint failed: papers_paper.seminary_id</t>
  </si>
  <si>
    <t>&lt;p&gt;Python version: 3.7
Django version 2.1.1&lt;/p&gt;
&lt;p&gt;I'm new to django and I'm teaching myself mostly with help of tutorials and 'trial and error'. I have searched stackoverflow, but none of the previous questions seem to fit to my problem. For example, they refer to blank CharFields, which I don't think is my problem here.&lt;/p&gt;
&lt;p&gt;I thought, that I linked the two classes &lt;strong&gt;Seminary&lt;/strong&gt; and &lt;strong&gt;Paper&lt;/strong&gt; via the ForeignKey.
Right now I can add &lt;strong&gt;Seminary&lt;/strong&gt; to the database via the appropiate form and display it the way I want it.
But with a second form considering the class &lt;strong&gt;Paper&lt;/strong&gt;, django gives me the error: &lt;/p&gt;
&lt;blockquote&gt;
  &lt;p&gt;Request Method:   POST&lt;/p&gt;
  &lt;p&gt;Exception Type:   IntegrityError&lt;/p&gt;
  &lt;p&gt;Exception Value: NOT NULL constraint failed: papers_paper.seminary_id&lt;/p&gt;
&lt;/blockquote&gt;
&lt;p&gt;&lt;strong&gt;papers&lt;/strong&gt; is my app, btw&lt;/p&gt;
&lt;p&gt;Here is models.py, without meta:&lt;/p&gt;
&lt;pre&gt;&lt;code&gt;class Seminary(models.Model):
slug = models.SlugField(unique=True)
seminary_type = models.CharField(max_length=25, choices=choices.SEMINARY_TYPE_CHOICES)
seminary_title = models.CharField(max_length=200)
seminary_year = models.IntegerField(choices=choices.YEAR_CHOICES, default=datetime.now().year)
summer_winter = models.CharField(max_length=6, choices=choices.SEASON_CHOICES, default="S")
def get_absolute_url(self):
    return reverse('papers:paper-detail', kwargs={'slug': self.slug})
def __str__(self):
    return self.seminary_title
def create_slug(instance, new_slug=None):
    slug = slugify(instance.seminary_title)
    if new_slug is not None:
        slug = new_slug
    qs = Seminary.objects.filter(slug=slug)
    exists = qs.exists()
    if exists:
        new_slug = "%s-%s" % (slug, qs.first().pk)
        return create_slug(instance, new_slug=new_slug)
    return slug
def pre_save_post_receiver(sender, instance, *args, **kwargs):
    if not instance.slug:
        instance.slug = create_slug(instance)
pre_save.connect(pre_save_post_receiver, sender=Seminary)
class Paper(models.Model):
    seminary = models.ForeignKey(Seminary, on_delete=models.CASCADE, primary_key=True)
    paper_title = models.CharField(max_length=200, blank=False, help_text="Please enter the title ")
    author = models.CharField(max_length=50, blank=True)
    upload_paper = ContentTypeRestrictedFileField(
        upload_to='papers/pdf',
        content_types=['application/pdf'],
        max_upload_size=5242880,
        blank=True
    )
    def get_absolute_url(self):
        return reverse('papers:paper-index', kwargs={'slug': self.slug})
&lt;/code&gt;&lt;/pre&gt;
&lt;p&gt;Here is views.py:&lt;/p&gt;
&lt;pre&gt;&lt;code&gt;class IndexView(generic.ListView):
    template_name = 'papers/index.html'
    context_object_name = 'all_papers'
    def get_queryset(self):
        return Seminary.objects.all()
class DetailView(generic.DetailView):
    model = Seminary
    template_name = 'papers/detail.html'
class SeminaryCreate(CreateView):
    model = Seminary
    fields = ['summer_winter',
              'seminary_year',
              'seminary_type',
              'seminary_title',
              ]
class PaperCreate(CreateView):
    model = Paper
    fields = [
        'paper_title',
        'author',
        'upload_paper',
    ]
&lt;/code&gt;&lt;/pre&gt;
&lt;p&gt;I'm sure, that I'm mixing something up. If there is more information necessary for me to provide, please ask, and I will add it to my question.
Thanks in advance!&lt;/p&gt;
&lt;p&gt;Edit:&lt;/p&gt;
&lt;p&gt;I added &lt;strong&gt;seminary&lt;/strong&gt; to the view &lt;strong&gt;PaperCreate&lt;/strong&gt; as recommended by @bluegrounds
Now it gives me the following error instead.&lt;/p&gt;
&lt;blockquote&gt;
  &lt;p&gt;Exception Type:   ImproperlyConfigured&lt;/p&gt;
  &lt;p&gt;Exception Value:  No URL to redirect to.  Either provide a url or
  define a get_absolute_url method on the Model.&lt;/p&gt;
&lt;/blockquote&gt;
&lt;p&gt;Anyhow, there is not supposed to be a choice of the seminar: serveral papers each allocated to only one specific seminar.&lt;/p&gt;
&lt;p&gt;Complete Traceback, after changing the view &lt;strong&gt;PaperCreate&lt;/strong&gt;:&lt;/p&gt;
&lt;pre&gt;&lt;code&gt;Request Method: POST
Request URL: http://127.0.0.1:8000/papers/seminartitel15/add/
Django Version: 2.1.1
Python Version: 3.7.0
Installed Applications:
['django.contrib.admin',
 'django.contrib.auth',
 'django.contrib.contenttypes',
 'django.contrib.sessions',
 'django.contrib.messages',
 'django.contrib.staticfiles',
 'transcript.apps.TranscriptConfig',
 'biblio.apps.BiblioConfig',
 'papers.apps.PapersConfig',
 'crispy_forms']
Installed Middleware:
['django.middleware.security.SecurityMiddleware',
 'django.contrib.sessions.middleware.SessionMiddleware',
 'django.middleware.common.CommonMiddleware',
 'django.middleware.csrf.CsrfViewMiddleware',
 'django.contrib.auth.middleware.AuthenticationMiddleware',
 'django.contrib.messages.middleware.MessageMiddleware',
 'django.middleware.clickjacking.XFrameOptionsMiddleware']
Traceback:
File "/usr/lib/python3.7/site-packages/django/views/generic/edit.py" in get_success_url
  116.                 url = self.object.get_absolute_url()
File "/home/bjoern/MyCode/PycharmProjects/websiteTwo/websiteTwo/papers/models.py" in get_absolute_url
  68.         return reverse('papers:paper-index', kwargs={'slug': self.slug})
During handling of the above exception ('Paper' object has no attribute 'slug'), another exception occurred:
File "/usr/lib/python3.7/site-packages/django/core/handlers/exception.py" in inner
  34.             response = get_response(request)
File "/usr/lib/python3.7/site-packages/django/core/handlers/base.py" in _get_response
  126.                 response = self.process_exception_by_middleware(e, request)
File "/usr/lib/python3.7/site-packages/django/core/handlers/base.py" in _get_response
  124.                 response = wrapped_callback(request, *callback_args, **callback_kwargs)
File "/usr/lib/python3.7/site-packages/django/views/generic/base.py" in view
  68.             return self.dispatch(request, *args, **kwargs)
File "/usr/lib/python3.7/site-packages/django/views/generic/base.py" in dispatch
  88.         return handler(request, *args, **kwargs)
File "/usr/lib/python3.7/site-packages/django/views/generic/edit.py" in post
  172.         return super().post(request, *args, **kwargs)
File "/usr/lib/python3.7/site-packages/django/views/generic/edit.py" in post
  142.             return self.form_valid(form)
File "/usr/lib/python3.7/site-packages/django/views/generic/edit.py" in form_valid
  126.         return super().form_valid(form)
File "/usr/lib/python3.7/site-packages/django/views/generic/edit.py" in form_valid
  57.         return HttpResponseRedirect(self.get_success_url())
File "/usr/lib/python3.7/site-packages/django/views/generic/edit.py" in get_success_url
  119.                     "No URL to redirect to.  Either provide a url or define"
Exception Type: ImproperlyConfigured at /papers/seminartitel15/add/
Exception Value: No URL to redirect to.  Either provide a url or define a get_absolute_url method on the Model.
&lt;/code&gt;&lt;/pre&gt;
&lt;p&gt;urls.py: &lt;/p&gt;
&lt;pre&gt;&lt;code&gt;urlpatterns = [
    path('papers/new/', views.SeminaryCreate.as_view(), name='seminary-add'),
    path('papers/', views.IndexView.as_view(), name='paper-index'),
    path('papers/&amp;lt;str:slug&amp;gt;/', views.DetailView.as_view(), name='paper-detail'),
    path('papers/&amp;lt;str:slug&amp;gt;/add/', views.PaperCreate.as_view(), name='paper-add'),
]
&lt;/code&gt;&lt;/pre&gt;
&lt;p&gt;Edit_2:
I couldn't solve the whole problem, but the advice by @bluegrounds was helpful.
In addition I changed &lt;strong&gt;get_absolute_url&lt;/strong&gt; of the class &lt;strong&gt;paper&lt;/strong&gt; to&lt;/p&gt;
&lt;pre&gt;&lt;code&gt; def get_absolute_url(self):
        return reverse('papers:paper-detail', args=[str(self.seminary.slug)])
&lt;/code&gt;&lt;/pre&gt;
&lt;p&gt;as suggested in the documentation.&lt;/p&gt;
&lt;p&gt;Now I have trouble with my template, but I will set up a new question for that.
Thanks a lot so far!&lt;/p&gt;</t>
  </si>
  <si>
    <t>2018-09-09 10:50:40.740000+00:00</t>
  </si>
  <si>
    <t>2018-09-09 19:56:44.497000+00:00</t>
  </si>
  <si>
    <t>python|django|null|constraints</t>
  </si>
  <si>
    <t>c++ template using declaration from base class</t>
  </si>
  <si>
    <t>&lt;p&gt;Why does the following code not work (using VS2013)?&lt;/p&gt;
&lt;pre&gt;&lt;code&gt;class Test1
{
public:
  template&amp;lt;typename T&amp;gt;
  using my_type = T;
};
template&amp;lt;typename T, typename V&amp;gt;
class My : public T
{
public:
  using t_type = T;
  using my_type2 = t_type::my_type&amp;lt;V&amp;gt;;
};
int main()
{
  const My&amp;lt;Test1, double&amp;gt;::my_type2 x = 5.5;
  return 0;
}
&lt;/code&gt;&lt;/pre&gt;
&lt;p&gt;Test1::my_type would have a more complex type. My would be a policy based class where Test1 would be one of the policies. my_type2 should become a specific type based on the policy. And Test1 can't be a template directly taking the type of V. Thanks.&lt;/p&gt;</t>
  </si>
  <si>
    <t>2015-04-20 12:33:06.690000+00:00</t>
  </si>
  <si>
    <t>2015-04-20 13:10:51.163000+00:00</t>
  </si>
  <si>
    <t>c++|templates|c++11</t>
  </si>
  <si>
    <t>Laravel, using AS does not pass on view side</t>
  </si>
  <si>
    <t>&lt;p&gt;I am try to get &lt;code&gt;count(message) As number&lt;/code&gt; it looks like nothing wrong in controller side, but in view side, I am getting that error :&lt;/p&gt;
&lt;pre&gt;&lt;code&gt;Error rendering view: [home.index]
Undefined property: stdClass::$number
&lt;/code&gt;&lt;/pre&gt;
&lt;p&gt;My view side , I have code like that :&lt;/p&gt;
&lt;pre&gt;&lt;code&gt;foreach($sorgu as $value)
{
    case 'BUL1':
    $sorgu99[0]+=$value-&amp;gt;number;               
    break;
}
$posts = DB::table('xxx');
$posts = DB::table('xxx')-&amp;gt;select( array('message', DB::raw('COUNT(message) AS number'), DB::raw('xxx.Time as time')));
$posts = DB::table('xxx')-&amp;gt;join( 'xxs', 'xxx.smsCid', '=', 'rcs.smsCid', 'INNER');
$posts = DB::table('xxx')-&amp;gt;where('xxs.status','=','1');
$posts = DB::table('xxx')-&amp;gt;where( 'xxx.Time' ,'&amp;gt;', '2012-12-26');
$posts = DB::table('xxx')-&amp;gt;where(DB::raw('length(message)'), '&amp;gt;', '3');
$posts = DB::table('xxx')-&amp;gt;group_by('message');
$posts = DB::table('xxx')-&amp;gt;get();
&lt;/code&gt;&lt;/pre&gt;</t>
  </si>
  <si>
    <t>2013-04-01 10:09:59.003000+00:00</t>
  </si>
  <si>
    <t>2013-04-01 10:23:04.677000+00:00</t>
  </si>
  <si>
    <t>iOSOpenDev Enable ARC support for Logos tweak</t>
  </si>
  <si>
    <t>&lt;p&gt;I build a static library for a non-jail broken phone with ARC Enabled. Works awesome. Then I build a Mobilesubstrate Logos Tweak with iOSOpenDev. It imports all same classes from static library. However it does not compile because ARC is enabled by default in new project. So I disable ARC and I am able to hook. But behavior of this tweak at times is weird. I doubt its ARC. I want to enable it. I have ready &lt;a href="https://stackoverflow.com/questions/15628108/enable-arc-for-theos-build-system/15629205#15629205"&gt;this&lt;/a&gt; but doesn't help me much.&lt;/p&gt;
&lt;p&gt;How can I enable ARC in iOSOpenDev project? Additional code for Logos is very simple &lt;/p&gt;
&lt;pre&gt;&lt;code&gt;%hook UIApplication
-(void) sendEvent:(UIEvent*)event
{
[test ProcessEvent:event];//test is the static library classes imported directly in tweak
%orig;
}
&lt;/code&gt;&lt;/pre&gt;</t>
  </si>
  <si>
    <t>2013-08-19 07:32:44.237000+00:00</t>
  </si>
  <si>
    <t>2013-08-19 09:55:35.480000+00:00</t>
  </si>
  <si>
    <t>2017-05-23 12:11:37.103000+00:00</t>
  </si>
  <si>
    <t>ios|jailbreak</t>
  </si>
  <si>
    <t>Implement Loader Image for JQuery / Javascript Image Gallery using .load();</t>
  </si>
  <si>
    <t>&lt;p&gt;I am using the code below for an image gallery and would like to show a loader gif in the background when images are loading and then remove it once the image is loaded.&lt;/p&gt;
&lt;p&gt;What is the best way to do this?&lt;/p&gt;
&lt;p&gt;Note: I have attached &lt;code&gt;.fadeIn()&lt;/code&gt; and &lt;code&gt;.fadeOut()&lt;/code&gt; before with not much luck(it seemed as both were appearing simultaneously.&lt;/p&gt;
&lt;pre&gt;&lt;code&gt;    $('ul a').click(function(e) {
        e.preventDefault();
        var src = $(this).attr("href");
        $('#main-img img').fadeOut(400,
        function() {
            $('&amp;lt;img/&amp;gt;').attr('src', src).load(function() {                  
                $('#main-img img').attr('src', this.src).fadeIn(400);
            })
        })
    });                                          
&lt;/code&gt;&lt;/pre&gt;</t>
  </si>
  <si>
    <t>2011-03-21 22:18:14.900000+00:00</t>
  </si>
  <si>
    <t>2011-03-22 03:20:08.770000+00:00</t>
  </si>
  <si>
    <t>2011-03-22 02:36:07.573000+00:00</t>
  </si>
  <si>
    <t>javascript|jquery|html|image|load</t>
  </si>
  <si>
    <t>How to correctly use wx.SingleChoice in Python</t>
  </si>
  <si>
    <t>&lt;p&gt;Im quite new in python and I would like to show a SingleChoiceDialog box with a list of strings from an sqlite query but I do something wrong and the list in the box shows just the last of the value of the variable list.&lt;/p&gt;
&lt;p&gt;The query:&lt;/p&gt;
&lt;pre&gt;&lt;code&gt;            sql = u"select person.name from person"
            c.execute(sql)
            for row in c.execute(sql):
                    z = list(row)
&lt;/code&gt;&lt;/pre&gt;
&lt;p&gt;The Dialog box:&lt;/p&gt;
&lt;pre&gt;&lt;code&gt;        def whatusr(parent=None, message='', default_value=''):
                dlg = wx.SingleChoiceDialog(
                        self, "Who?", 'The Caption',
                        z,
                        wx.CHOICEDLG_STYLE
                        )
                if dlg.ShowModal() == wx.ID_OK:
                        print 'You selected: %s\n' % dlg.GetStringSelection()
                dlg.Destroy()
&lt;/code&gt;&lt;/pre&gt;
&lt;p&gt;When I run this, the Dialog box shows just the last value of the list and not all the list.
I think this is because the Dialog box wants me to have an other form of list.
My list &lt;code&gt;z = list(row)&lt;/code&gt; outputs the value as: &lt;code&gt;[a], [b], [c], ..&lt;/code&gt; but the Dialog box is probably expecting the value in this form: &lt;code&gt;[a,b,c, ..]&lt;/code&gt;. Can someone help me? Thanks.&lt;/p&gt;</t>
  </si>
  <si>
    <t>2017-01-05 14:56:27.990000+00:00</t>
  </si>
  <si>
    <t>2017-01-06 09:46:51.757000+00:00</t>
  </si>
  <si>
    <t>SuiteScript 2 can send pdf statements</t>
  </si>
  <si>
    <t>&lt;p&gt;I am having a hard time getting a statement to render in SS2, I had found an answer is SS1 and hadn't used it sometime back but it doesn't seem to work in ss2. I am using the SS2 render.statement method but I am getting an "error.SuiteScriptError","name":"UNEXPECTED_ERROR","message":null,"stack":["renderStatement(N/render.js)" I am unclear as to what some of the arguments actually are. the entityid I think is the customer id, the printMode is the pdf enum, the formId I have no idea, it says it wants a number but I don't see internal ids next to the forms in the list like other objects in NetSuite, I have the InternalIds on. StartDate is a date before you want to start pulling in transactions from? Statement date? Todays Date? OpentransactionOnly true. Any help with this is appreciated. &lt;/p&gt;
&lt;p&gt;thanks&lt;/p&gt;</t>
  </si>
  <si>
    <t>2017-04-30 23:35:44.410000+00:00</t>
  </si>
  <si>
    <t>2017-05-01 00:33:40.130000+00:00</t>
  </si>
  <si>
    <t>How to get year month day from NSDate for the current timezone</t>
  </si>
  <si>
    <t>&lt;p&gt;I am current at timezone &lt;strong&gt;UTC-05:00&lt;/strong&gt;. When I call the function &lt;code&gt;NSDate(timeIntervalSince1970:0)&lt;/code&gt;, it returns back "Dec 31, 1969, 7:00 PM"&lt;/p&gt;
&lt;pre&gt;&lt;code&gt;let date = NSDate.init(timeIntervalSince1970: 0) // "Dec 31, 1969, 7:00 PM"
print(date) // "1970-01-01 00:00:00 +0000\n"
&lt;/code&gt;&lt;/pre&gt;
&lt;p&gt;I read about this &lt;a href="https://stackoverflow.com/questions/6214094/how-to-get-nsdate-day-month-and-year-in-integer-format"&gt;How to get NSDate day, month and year in integer format?&lt;/a&gt; But the problem is that with the following, I always get 1969-12-31 because of the 5 hour time difference. &lt;/p&gt;
&lt;pre&gt;&lt;code&gt;let calendar = NSCalendar.currentCalendar()
calendar.getEra(&amp;amp;era, year:&amp;amp;year, month:&amp;amp;month, day:&amp;amp;day, fromDate: date)
year   // 1969
month  // 12
day    // 31
var hour = 0, minute = 0, second = 0
calendar.getHour(&amp;amp;hour, minute: &amp;amp;minute, second: &amp;amp;second, nanosecond: nil, fromDate: date)
hour        // 19
minute      // 0
second      // 0
&lt;/code&gt;&lt;/pre&gt;
&lt;p&gt;Is there a way to get the current year, month, day values and etc. in the current timezone. What I am looking for here is: &lt;/p&gt;
&lt;pre&gt;&lt;code&gt;year   // 1970
month  // 01
day    // 01
&lt;/code&gt;&lt;/pre&gt;</t>
  </si>
  <si>
    <t>2016-02-26 17:01:33.220000+00:00</t>
  </si>
  <si>
    <t>2017-07-07 19:59:18.237000+00:00</t>
  </si>
  <si>
    <t>2017-05-23 12:15:38.033000+00:00</t>
  </si>
  <si>
    <t>ios|swift|datetime</t>
  </si>
  <si>
    <t>Vertical align multiple divs in parent</t>
  </si>
  <si>
    <t>&lt;p&gt;I need to be able to align &lt;strong&gt;multiple&lt;/strong&gt; stacked divs in the &lt;strong&gt;vertical middle&lt;/strong&gt; of a parent div. I am unable to edit the HTML, I can only edit the CSS of the existing elements and include javascript if it is required.&lt;/p&gt;
&lt;p&gt;Both the parent and the content divs have variable heights so I cannot use set paddings or margins. I am unable to add in more divs to act as containers.&lt;/p&gt;
&lt;p&gt;This code is part of a larger page which uses Foundation for its layout, which is why the height appears to be set. However it does vary as the page is resized and I cannot apply foundation classes to the divs.&lt;/p&gt;
&lt;p&gt;Here is a JS Fiddle of my current solution.&lt;/p&gt;
&lt;p&gt;&lt;a href="http://jsfiddle.net/587hvqky" rel="nofollow"&gt;http://jsfiddle.net/587hvqky&lt;/a&gt;&lt;/p&gt;
&lt;p&gt;Here is the HTML I am working with.&lt;/p&gt;
&lt;pre&gt;&lt;code&gt;&amp;lt;div class="wmapp-tile" style="border:1px solid red; padding: 0px; margin: 0px; height: 350px; display:block;" data-equalizer-watch=""&amp;gt;
    &amp;lt;div id="wmappTile936" class="wmapp-title-title_tile wmapp-tile " style="text-align: left; border: 1px solid blue;"&amp;gt;
            &amp;lt;div id="wmappTileInner936" style="padding: 10px;margin: 0px;"&amp;gt;
            &amp;lt;div class="wmapp-title-tile-item-view"&amp;gt;
                &amp;lt;h3&amp;gt;Relaunches&amp;lt;/h3&amp;gt;
            &amp;lt;/div&amp;gt;
        &amp;lt;/div&amp;gt;
     &amp;lt;/div&amp;gt;
     &amp;lt;div id="wmappTile937" class="wmapp-blurb-text_tile wmapp-tile " style="text-align: left; border: 1px solid blue;"&amp;gt;
        &amp;lt;div id="wmappTileInner937" style="padding: 10px;margin: 0px;"&amp;gt;
        &amp;lt;div&amp;gt;
            &amp;lt;span&amp;gt;
                Lorem ipsum dolor sit amet, consectetur adipiscing elit. Aenean eget tortor nec libero tincidunt ornare at non neque...
            &amp;lt;/span&amp;gt;
        &amp;lt;/div&amp;gt;
    &amp;lt;/div&amp;gt;
  &amp;lt;/div&amp;gt;                                                                                        
&amp;lt;/div&amp;gt;
&lt;/code&gt;&lt;/pre&gt;</t>
  </si>
  <si>
    <t>2015-12-15 04:17:03.787000+00:00</t>
  </si>
  <si>
    <t>2015-12-17 05:08:28.553000+00:00</t>
  </si>
  <si>
    <t>How to dispatch multiple actions from redux action creators / thunk</t>
  </si>
  <si>
    <t>&lt;p&gt;In a small React/Redux app that I am writing, I have a thunk that looks as follow:&lt;/p&gt;
&lt;pre&gt;&lt;code&gt;updateCategory(category){
        return function(dispatch, getState){
            dispatch({ type : types.UPDATE_CATEGORY, category });
            dispatch({ type : locationTypes.UPDATE_CATEGORY_FOR_ALL_LOCATIONS, category });
        }
    } 
&lt;/code&gt;&lt;/pre&gt;
&lt;p&gt;complete code: &lt;/p&gt;
&lt;pre&gt;&lt;code&gt;    //Category Duck
    import v4 from 'node-uuid';
    import {types as locationTypes} from './locations'
    export const types = {
        UPDATE_CATEGORY:"UPDATE_CATEGORY"
    };
    const initialState = [];
    export function reducer(state = initialState, action){
        switch (action.type) {
            case types.UPDATE_CATEGORY:
                return state.map( item =&amp;gt; item.id !== action.category.id ? item : {...action.category} );
            default:
                return state;
        }
    };
    export const actions={
        updateCategory(category){
            return function(dispatch, getState){
                dispatch({ type : types.UPDATE_CATEGORY, category });
                dispatch({ type : locationTypes.UPDATE_CATEGORY_FOR_ALL_LOCATIONS, category });
            }
        }
    }
    //Location Duck
    import v4 from 'node-uuid';
    export const types = {
        UPDATE_CATEGORY_FOR_ALL_LOCATIONS:"UPDATE_CATEGORY_FOR_ALL_LOCATIONS"
    };
    const initialState=[];
    export function reducer(state = initialState, action){
        switch (action.type) {
            case types.UPDATE_CATEGORY_FOR_ALL_LOCATIONS:
                return state.map(item =&amp;gt; item.category.id !== action.category.id ? item : { ...item, 'category':{name:action.category.name, id:action.category.id} })
            default:
                return state;
        }
    };
    export const actions={
        updateCategoryForAllLocations(category){
            return { type : types.UPDATE_CATEGORY_FOR_ALL_LOCATIONS, category}
        }
    }
    //configStore
    import { createStore, combineReducers, applyMiddleware, compose } from 'redux';
    import { routerReducer, routerMiddleware } from 'react-router-redux';//, push
    import logger from 'redux-logger';
    import * as storage from './localstorage';
    import throttle from 'lodash/throttle';
    import reducers from './duckes/rootReducer'; // Or wherever you keep your reducers
    import thunk from 'redux-thunk';
    const persistedState = storage.loadState();
    const configureStore = (history) =&amp;gt; {
        const store = createStore(
            combineReducers({
                ...reducers,
                // router: routerReducer
            }), 
            persistedState, 
            applyMiddleware(thunk)
        );
        store.subscribe(throttle(() =&amp;gt; {
            storage.saveState( store.getState() )
        }),1000);
        return store;
    }
    export default configureStore; 
&lt;/code&gt;&lt;/pre&gt;
&lt;p&gt;when calling it from a UI click handler in a connected component like this:&lt;/p&gt;
&lt;pre&gt;&lt;code&gt;updateCategory({id:1, name:'foo') 
&lt;/code&gt;&lt;/pre&gt;
&lt;p&gt;I get back Error: Actions must be plain objects. Use custom middleware for async actions.&lt;/p&gt;
&lt;p&gt;Can you advice me on how to solve this or maybe explain why it is happening?&lt;/p&gt;
&lt;p&gt;the component with the call looks as follows:
    /ManageCategoryPage&lt;/p&gt;
&lt;pre&gt;&lt;code&gt;import React, { Component } from 'react';
import PropTypes from 'prop-types';
import {bindActionCreators} from 'redux';
import {connect} from 'react-redux';
import {actions as categoryActions} from '../../duckes/categories';
import CategoryForm from './CategoryForm';
import {getElementByID} from '../../utils';
class ManageCategoryPage extends Component {
    constructor(props) {
        super(props);
        //Init state
        this.state = { 
            'category' : Object.assign({},this.props.category),
            'errors':{}
         }
        //Bind functions
        this.saveCategory=this.saveCategory.bind(this);
        this.updateCategoryState=this.updateCategoryState.bind(this);
        this.categoryExists=this.categoryExists.bind(this);
    }
    updateCategoryState(event){
      ...
    }
    categoryExists(category){
       ...
    }
    saveCategory(event){
        event.preventDefault();
        const {category}=this.state;
        this.props.actions.updateCategory(category);
        this.props.history.push('/categories');
    }
    //Render
    render(){
        return (
            &amp;lt;CategoryForm 
                category={this.state.category}
                locations={this.props.locations}
                onChange={this.updateCategoryState}
                onSave={this.saveCategory}
                errors={this.state.errors}/&amp;gt;
        )
    }
}
//Prop Types validation
ManageCategoryPage.propTypes={
    category: PropTypes.object.isRequired,
    locations: PropTypes.array.isRequired,
    categories: PropTypes.array.isRequired,
    actions: PropTypes.object.isRequired
};
//Redux connect
const mapStateToProps = ({locations, categories}, ownProps) =&amp;gt; {
    let category={id:'', name:''};
    return {
        category : getElementByID(categories, ownProps.match.params.id) || category,
        locations : locations,
        categories : categories
    };
};
const mapDispatchToProps = (dispatch) =&amp;gt; {
    return { 
                'actions': bindActionCreators(categoryActions, dispatch)
           };
};
export default connect(mapStateToProps, mapDispatchToProps)(ManageCategoryPage); 
&lt;/code&gt;&lt;/pre&gt;</t>
  </si>
  <si>
    <t>2018-06-02 11:59:15.557000+00:00</t>
  </si>
  <si>
    <t>2018-06-02 15:20:40.110000+00:00</t>
  </si>
  <si>
    <t>2018-06-02 12:24:48.237000+00:00</t>
  </si>
  <si>
    <t>reactjs|redux|react-redux|redux-thunk</t>
  </si>
  <si>
    <t>Powershell script for checking AD replication</t>
  </si>
  <si>
    <t>&lt;p&gt;I adapted an AD replication powershell script I found online to include the code below:&lt;/p&gt;
&lt;pre&gt;&lt;code&gt;function ExitWithCode {
param
(
    $exitcode
)
$host.SetShouldExit($exitcode)
exit
}
function Write-Log {
&amp;lt;#
.SYNOPSIS
    Write-Log writes a message to a logfile
.DESCRIPTION
    The Write-Log function is designed to add logging capability to other scripts. 
    In addition to writing output and/or verbose you can write to a log file for 
    later debugging. 
#&amp;gt;
[CmdletBinding()]
Param
(
    [Parameter(Mandatory = $true,ValueFromPipelineByPropertyName = $true)]
    [ValidateNotNullOrEmpty()]
    [Alias('LogContent')]
    [string]$Message,
    [Parameter(Mandatory = $false)]
    [ValidateSet("Error", "Info", "Status")]
    [string]$Level = "Info",
    [Parameter(Mandatory = $false)]
    [Alias('LogPath')]
    [string]$Path = 'C:\dataloop\ADHealthCheck.log'
)
BEGIN {
    [string]$FormattedDate = Get-Date -Format "dd-MM-yyyy HH:mm"
    If (-NOT (Test-Path $path)) {
        Write-Verbose "Creating $Path"
        [System.IO.FileInfo]$LogFile = New-Item $Path -Force -ItemType file
    }
}
PROCESS {   
    [string]$LogLine = "$FormattedDate - $Level - $message"
    $LogLine | Out-File -FilePath $Path -Append
    Switch ($Level) {
        "Info" {Write-Verbose $LogLine}
        "Status" {Write-Output $LogLine}
        "Error" {Write-Error $LogLine}
    }
}
END {}
}
function Get-ADHealthCheck {
    [CmdletBinding()]
        param()
        BEGIN {
        Write-Log "Beginning the AD Health Check..."
        }
        PROCESS {
        $DCs = Get-ADDomainController -Filter * |sort name
        Write-Log "$($DCs.Count) Domain Controllers found" -level Info
        $results = @()
        ForEach ($DC in $DCs) {
            Write-Log "Getting replication metadata for $($DC.HostName)" -level Status
            $ReplStatuses = Get-ADReplicationPartnerMetadata -target $DC.HostName -PartnerType Both -ErrorAction SilentlyContinue 
            If ($ReplStatuses) {
                 Write-Log "$($ReplStatuses.Count) replication links found for $($DC.HostName)" -level Info
                ForEach ($ReplStatus in $ReplStatuses) {
                    $Partner = $ReplStatus.Partner.Split(",")[1].Replace("CN=","")
                    $results += [pscustomobject] @{
                        'Source DC' = $DC.HostName.ToUpper()
                        'Partner DC' = (Get-ADComputer $Partner).DNSHostName.ToUpper()
                        'Direction' = $ReplStatus.PartnerType
                        'Type' = $ReplStatus.IntersiteTransportType
                        'Last Attempt' = $ReplStatus.LastReplicationAttempt
                        'Last Success' = $ReplStatus.LastReplicationSuccess
                        'Last Result' = $ReplStatus.LastReplicationResult
                    }
                }
            }
            Else {
                Write-Log "Unable to get replication status for $($DC.HostName)" -level Error
                $results += [pscustomobject] @{
                    'Source DC' = $DC.HostName.ToUpper()
                    'Partner DC' = "N/A"
                    Direction = "N/A"
                    Type = "N/A"
                    'Last Attempt' = "N/A"
                    'Last Success' = "N/A"
                    'Last Result' = "N/A"
                }
             }
        }
        ForEach ($result in $results) {
            If ("$($results.'Last Result')" -eq "0") {
                Write-Log "There were no replication issues found" -Level Info
                ExitWithCode -exitcode 0 
            }
            Else {
                Write-Log "These domain controllers have replication errors. Please review them..." -Level Error
                $error = $results | where {"$($_.'Last Result')" -ne "0"} | select 'Source DC','Partner DC','Direction' | ft -AutoSize
                Write-Log $error -Level Error
                ExitWithCode -exitcode 2
            }
        }
    }
}
Get-ADHealthCheck
&lt;/code&gt;&lt;/pre&gt;
&lt;p&gt;Basically the only issue I'm having now is the last if/else block. I need it to loop through every entry in the $results hash table and if the "Last Result" key only contains "0", then exit with code 0. If it finds any other values, it should output the source, partner, and direction value(s) fromt he hash table.&lt;/p&gt;
&lt;p&gt;Currently, if it encounters an issue, it jumps to the else block, outputs the information requested and then runs the ExitWithCode function which eventually kills the script so anything that comes after the error is not checked.&lt;/p&gt;
&lt;p&gt;I've been looking at this too long and have been unsuccessful so I'm throwing it out to there since it may just be something simple I'm missing.&lt;/p&gt;</t>
  </si>
  <si>
    <t>2017-03-30 22:41:51.730000+00:00</t>
  </si>
  <si>
    <t>2017-03-31 14:54:15.337000+00:00</t>
  </si>
  <si>
    <t>powershell|active-directory</t>
  </si>
  <si>
    <t>Delete entire voltrb store collection</t>
  </si>
  <si>
    <t>&lt;p&gt;&lt;code&gt;store.widgets.clear&lt;/code&gt; does not seem to save into the Database.
So I tried:&lt;/p&gt;
&lt;pre&gt;&lt;code&gt;store.widgets.each do |i|
  i.destroy
end
&lt;/code&gt;&lt;/pre&gt;
&lt;p&gt;And this destroys only half of the records in the DB.
Any suggestions on how I can remove an entire store collection?&lt;/p&gt;</t>
  </si>
  <si>
    <t>2015-06-26 14:39:02.343000+00:00</t>
  </si>
  <si>
    <t>2015-06-26 17:34:02.997000+00:00</t>
  </si>
  <si>
    <t>2015-06-26 14:57:31.163000+00:00</t>
  </si>
  <si>
    <t>voltrb</t>
  </si>
  <si>
    <t>NSWindow Examples</t>
  </si>
  <si>
    <t>&lt;p&gt;What are some good NSWindow examples ? I want to start out by writing a simple program that has a window and 2 buttons. 
Clicking on each button loads a new window in the same view and displays the options. Another option I am considering is a tabbed view where user clicks on tabs and that window loads.
I could not find any good tutorials online other than &lt;a href="http://developer.apple.com/mac/library/documentation/Cocoa/Conceptual/WinPanel/Concepts/ChangingMainKeyWindow.html" rel="nofollow noreferrer"&gt;http://developer.apple.com/mac/library/documentation/Cocoa/Conceptual/WinPanel/Concepts/ChangingMainKeyWindow.html&lt;/a&gt;&lt;/p&gt;
&lt;p&gt;Any ideas guys ? And thanks a lot in advance.&lt;/p&gt;</t>
  </si>
  <si>
    <t>2010-02-05 07:44:27.263000+00:00</t>
  </si>
  <si>
    <t>2010-02-06 16:51:17.183000+00:00</t>
  </si>
  <si>
    <t>objective-c|cocoa|nswindow</t>
  </si>
  <si>
    <t>Can you add a callback / command on a shape in tkinter</t>
  </si>
  <si>
    <t>&lt;p&gt;Currently I am trying to code Ultimate Tic Tac Toe on OSX and I read &lt;a href="https://stackoverflow.com/questions/1529847/how-do-i-change-the-foreground-or-background-colour-of-a-tkinter-button-on-max-o"&gt;here&lt;/a&gt; that you cannot change the colors of a button on OSX. This leaves the GUI looking like this...
&lt;img src="https://i.stack.imgur.com/TP65r.png" alt="enter image description here"&gt;&lt;/p&gt;
&lt;p&gt;I find the white buttons to be an eyesore and really take away from the game
So is it possible to add a callback to an object other than a button. Something like this...&lt;/p&gt;
&lt;pre&gt;&lt;code&gt;window.create_rectangle(x1,y1,x2,y2,callback = foo)
&lt;/code&gt;&lt;/pre&gt;</t>
  </si>
  <si>
    <t>2015-01-19 21:00:19.743000+00:00</t>
  </si>
  <si>
    <t>2015-01-19 22:35:20.133000+00:00</t>
  </si>
  <si>
    <t>2017-05-23 12:06:30.270000+00:00</t>
  </si>
  <si>
    <t>python|macos|tkinter</t>
  </si>
  <si>
    <t>How do I overlay images on top of other images?</t>
  </si>
  <si>
    <t>&lt;p&gt;I am trying to overlay an image over another base image.
The images that I am using do not conform to a particular size but varies from page to page.&lt;/p&gt;
&lt;p&gt;Each image overlay uses a style sheet similar to the one mentioned below:&lt;/p&gt;
&lt;pre&gt;&lt;code&gt;#image1 {
    position: absolute;
    top: 44.594%;
    left: 30.642%;
    transform: translate(-50%, -50%);
}
&lt;/code&gt;&lt;/pre&gt;
&lt;p&gt;The base image uses a style sheet similar to the one mentioned below:&lt;/p&gt;
&lt;pre&gt;&lt;code&gt;.base-image {
    position: relative;
    text-align: center;
}
&lt;/code&gt;&lt;/pre&gt;
&lt;p&gt;Thus far, if the image is smaller than the screen size I don't have any issues.
If it is larger than the current screen size, the positions are relative to the screen size.&lt;/p&gt;
&lt;p&gt;If I change the base-image position to absolute, I do get the effect I am interested in but the rest of my page becomes hidden under the base-image.&lt;/p&gt;
&lt;p&gt;Is there anything in CSS that I can do to achieve my desired effect?&lt;/p&gt;
&lt;p&gt;One of the fragments of a page:&lt;/p&gt;
&lt;pre&gt;&lt;code&gt;&amp;lt;div class="base-image"&amp;gt;
    &amp;lt;img src="Content/Images/baseimage.jpg" /&amp;gt;
    &amp;lt;div id="image1"&amp;gt;
        &amp;lt;img src="Content/Images/image1.jpg" alt="image1" /&amp;gt;
        &amp;lt;br /&amp;gt;
        &amp;lt;span&amp;gt;Some Text&amp;lt;/span&amp;gt;
    &amp;lt;/div&amp;gt;
    &amp;lt;div id="image2"&amp;gt;
        &amp;lt;img src="Content/Images/image2.jpg" alt="image2" /&amp;gt;
        &amp;lt;br /&amp;gt;
        &amp;lt;span&amp;gt;Some Text 2&amp;lt;/span&amp;gt;
    &amp;lt;/div&amp;gt;
    ...
&amp;lt;/div&amp;gt;
&lt;/code&gt;&lt;/pre&gt;
&lt;p&gt;The question is similar but does not address my problem directly:
&lt;a href="https://stackoverflow.com/questions/1074914"&gt;Html Image over image&lt;/a&gt;&lt;/p&gt;
&lt;p&gt;Their solution is what I have been using thus far for me to overlay the image. But for some reason, when the image resolution is larger than the screen size, the resultant overlay appears to be scaled down to fit the screen resolution. The image locations are therefore all wrong with respect to the base image.&lt;/p&gt;</t>
  </si>
  <si>
    <t>2018-03-22 06:31:16.633000+00:00</t>
  </si>
  <si>
    <t>2018-03-22 07:23:23.397000+00:00</t>
  </si>
  <si>
    <t>Laravel isset always returning false on nested relations</t>
  </si>
  <si>
    <t>&lt;p&gt;Consider the following scenario:
I have an Eloquent model named Order which has a Line Item and a Line Item Totals defined as the following (simplified for the question):&lt;/p&gt;
&lt;pre&gt;&lt;code&gt;class Order extends Eloquent {
    public function lineitem() {
            return $this-&amp;gt;hasOne('App\Models\LineItem','id','lineitem_id');
    }
}
class LineItem extends Eloquent {
    public function totals() {
        return $this-&amp;gt;hasMany("App\\Models\\LineItemTotal",'lineitem_id');
      }
}
&lt;/code&gt;&lt;/pre&gt;
&lt;p&gt;When I perform &lt;code&gt;dd($order-&amp;gt;lineitem-&amp;gt;totals)&lt;/code&gt; I receive the data correctly:&lt;/p&gt;
&lt;pre&gt;&lt;code&gt;Collection {#530 ���
  #items: array:7 [���
    0 =&amp;gt; LineItemTotal {#506 ���}
    1 =&amp;gt; LineItemTotal {#531 ���}
    2 =&amp;gt; LineItemTotal {#522 ���}
    3 =&amp;gt; LineItemTotal {#508 ���}
    4 =&amp;gt; LineItemTotal {#509 ���}
    5 =&amp;gt; LineItemTotal {#510 ���}
    6 =&amp;gt; LineItemTotal {#511 ���}
  ]
}
&lt;/code&gt;&lt;/pre&gt;
&lt;p&gt;However, when I perform:&lt;/p&gt;
&lt;pre&gt;&lt;code&gt;dd(isset($order-&amp;gt;lineitem-&amp;gt;totals));
&lt;/code&gt;&lt;/pre&gt;
&lt;p&gt;I receive:&lt;/p&gt;
&lt;pre&gt;&lt;code&gt;false
&lt;/code&gt;&lt;/pre&gt;
&lt;p&gt;This is really bugging my mind and so far my guess is that somewhere along the process there is a protected attribute that prevents &lt;code&gt;isset()&lt;/code&gt; or &lt;code&gt;empty()&lt;/code&gt; from accessing it and hence returning &lt;code&gt;false&lt;/code&gt; (although both methods are defined as public).&lt;/p&gt;
&lt;p&gt;Any idea as to why this is happening and how to resolve it? one thought I hade is to override the &lt;code&gt;isset()&lt;/code&gt; with a magic method but I'm hoping for a cleaner solution.&lt;/p&gt;</t>
  </si>
  <si>
    <t>2016-02-10 04:17:19.687000+00:00</t>
  </si>
  <si>
    <t>2016-02-10 04:44:23.780000+00:00</t>
  </si>
  <si>
    <t>2016-02-10 04:28:26.873000+00:00</t>
  </si>
  <si>
    <t>laravel-5|eloquent|isset</t>
  </si>
  <si>
    <t>Why is the Photo Id not being passed to create action?</t>
  </si>
  <si>
    <t>&lt;p&gt;I'm implementing likes for photos, and the id isn't being passed. I don't know why. Could someone please explain why? I feel it would help me understand rails better.&lt;/p&gt;
&lt;p&gt;I get this error, after clicking like: "Couldn't find Photo without an ID"&lt;/p&gt;
&lt;p&gt;On the photo show page I have this:&lt;/p&gt;
&lt;pre&gt;&lt;code&gt;&amp;lt;%= form_for(@photolike, :url =&amp;gt; {:controller =&amp;gt; :photolikes, :action =&amp;gt; 'create'}) do |f| %&amp;gt;
&amp;lt;%= f.hidden_field :photo_id, :value =&amp;gt; @photo.id %&amp;gt; 
&amp;lt;%= f.submit "like", class: "btn postbtn right" %&amp;gt;
&amp;lt;% end %&amp;gt;
&lt;/code&gt;&lt;/pre&gt;
&lt;p&gt;this is the controller for photos&lt;/p&gt;
&lt;pre&gt;&lt;code&gt;def show
if user_signed_in?
 @comment = current_user.sent_photocoments.new(params[:photo_comment])
 end
 @photo = Photo.find(params[:id])
 @photolike = Photolike.new
end
&lt;/code&gt;&lt;/pre&gt;
&lt;p&gt;And in the photolikes controller, I have this:&lt;/p&gt;
&lt;pre&gt;&lt;code&gt;def create
 @photo = Photo.find(params[:id])
 @photolike = Photolike.new(:photo_id =&amp;gt; @photo.id, :user_id =&amp;gt; current_user.id)
 @photolike.addlike
 @photolike.save
 redirect_to @photo
end
&lt;/code&gt;&lt;/pre&gt;</t>
  </si>
  <si>
    <t>2013-06-08 01:25:47.693000+00:00</t>
  </si>
  <si>
    <t>2013-06-08 04:06:52.550000+00:00</t>
  </si>
  <si>
    <t>IBM WEME J9 Invalid Padding Exception</t>
  </si>
  <si>
    <t>&lt;p&gt;I am using the IBM Websphere Everyplace Micro Environment JVM on a Windows Mobile 6 device.  My application uses HTTPS connections and I have everything set up appropriately to use the J9JSSE package for SSL/TLS.  Some messages that are being transmitted on the HTTPS connection are getting through just fine, but others are causing an exception on the client:&lt;/p&gt;
&lt;pre&gt;&lt;code&gt;java.io.IOException: invalid padding
    at com.ibm.oti.crypto.Util.unpadTLS10(Unknown Source)
    at com.ibm.oti.crypto.CL3BasedProvider.decryptImpl(Unknown Source)
    at com.ibm.oti.crypto.CL3BasedProvider.cryptUpdate(Unknown Source)
    at com.ibm.oti.crypto.Key.cryptFinish(Unknown Source)
    at com.ibm.j9.ssl.CipherAlgorithm.decipher(Unknown Source)
    at com.ibm.j9.jsse.SSLSocketImpl.readData(Unknown Source)
    at com.ibm.j9.jsse.SSLSocketImpl$SSLInputStream.read(Unknown Source)
    at com.ibm.j9.jsse.SSLSocketImpl$SSLInputStream.read(Unknown Source)
    at java.io.BufferedInputStream.fillbuf(Unknown Source)
    at java.io.BufferedInputStream.read(Unknown Source)
    at com.ibm.oti.net.www.protocol.https.HttpsURLConnection.readln(Unknown Source)
    at com.ibm.oti.net.www.protocol.https.HttpsURLConnection.readServerResponse(Unknown Source)
    at com.ibm.oti.net.www.protocol.https.HttpsURLConnection.sendRequest(Unknown Source)
    at com.ibm.oti.net.www.protocol.https.HttpsURLConnection.doRequest(Unknown Source)
    at com.ibm.oti.net.www.protocol.https.HttpsURLConnection.getInputStream(Unknown Source)
&lt;/code&gt;&lt;/pre&gt;
&lt;p&gt;I have tried playing around with the Apache Tomcat server to confgure the cipher suite that is being used and the only one that will work is:&lt;/p&gt;
&lt;p&gt;SSL_RSA_WITH_NULL_SHA&lt;/p&gt;
&lt;p&gt;but this doesn't actually do any encryption (specified here by the null) so it is of no use to me.  The default cipher suite that is used is:&lt;/p&gt;
&lt;p&gt;SSL_RSA_WITH_3DES_EDE_CBC_SHA&lt;/p&gt;
&lt;p&gt;And this along with all others that I have tried have this padding problem.  Does anyone know what might be causing the problem and how I might solve it?&lt;/p&gt;
&lt;p&gt;I found a single forum post where someone suggested that there was a bug in the J9 CBC implementation, but it seems strange that there is no other information on this anywhere online.  Any help with this issue would be greatly appreciated.&lt;/p&gt;</t>
  </si>
  <si>
    <t>2010-02-04 12:29:31.447000+00:00</t>
  </si>
  <si>
    <t>2010-05-02 09:34:15.527000+00:00</t>
  </si>
  <si>
    <t>java|security|ssl|https|websphere</t>
  </si>
  <si>
    <t>Objective-C modify parameter to method at runtime</t>
  </si>
  <si>
    <t>&lt;p&gt;I'd like to change the value of a parameter at runtime and curious how this works in Obj-C.&lt;/p&gt;
&lt;p&gt;I have a loop where value of 'n' is 0 increasing by 1 with each loop. How does one increment the passed parameter by 1 as n moves. &lt;/p&gt;
&lt;pre&gt;&lt;code&gt;UIViewSubclass *uiViewSubclass = [[UIViewSubclass alloc] initWithValue:([value integerValue]) 
                                                   andPlacement:kPlacement0;
&lt;/code&gt;&lt;/pre&gt;
&lt;p&gt;next time through loop I'd like 2nd argument to read as: &lt;strong&gt;andPlacement:kPlacement1&lt;/strong&gt;;
and then: &lt;strong&gt;andPlacement:kPlacement2&lt;/strong&gt;; and on...&lt;/p&gt;
&lt;p&gt;do I make kPlacement a string and stringByAppendingString:[[NSNumber numberWithInt:n] stringValue]; ?&lt;/p&gt;
&lt;p&gt;What's the Obj-C/Cocoa approach?&lt;/p&gt;</t>
  </si>
  <si>
    <t>2009-08-15 02:31:10.477000+00:00</t>
  </si>
  <si>
    <t>2009-08-15 04:14:22.353000+00:00</t>
  </si>
  <si>
    <t>objective-c|cocoa|cocoa-touch</t>
  </si>
  <si>
    <t>How to use the components in Sitecore/Keystone MVC?</t>
  </si>
  <si>
    <t>&lt;p&gt;I am very new to Sitecore and i am confused between the Sitecore and Keystone component i.e. what is the difference between them and how to use it in the website we build in Sitecore. Please help me to solve this confusion?&lt;/p&gt;
&lt;p&gt;I have created a website using Sitecore MVC and i am facing issue in using the existing components such as Breadcrumb, Sitemap in the created website. So will you please explain me how to include Sitecore /Keystone components (example such as Breadcrumb, Sitemap, Search, ..) is Sitecore web application, please provide an example?&lt;/p&gt;
&lt;p&gt;Thank You.&lt;/p&gt;</t>
  </si>
  <si>
    <t>2015-11-18 10:31:54.340000+00:00</t>
  </si>
  <si>
    <t>2015-11-18 11:32:06.880000+00:00</t>
  </si>
  <si>
    <t>sitecore|sitecore8</t>
  </si>
  <si>
    <t>Generate a TXT file from variables with a PHP file : can't add new lines?</t>
  </si>
  <si>
    <t>&lt;p&gt;I wrote a small code in PHP in order to parse variables.
I would like each time this code is called, a new line is added in the TXT file.&lt;/p&gt;
&lt;p&gt;Each line will contain a time stamp , ie : 09:30 and a temperature value
Once the TXT file is filled-in i would like to generate a Google Chart.&lt;/p&gt;
&lt;p&gt;Time Stamps are going to be Abcisses (X) and corresponding temp value will be Y&lt;/p&gt;
&lt;p&gt;So far, a new line is NOT created in the TXT file.
Would you please help me to find out why ?&lt;/p&gt;
&lt;p&gt;&lt;div class="snippet" data-lang="js" data-hide="false" data-console="true" data-babel="false"&gt;_x000D_
&lt;div class="snippet-code"&gt;_x000D_
&lt;pre class="snippet-code-html lang-html prettyprint-override"&gt;&lt;code&gt; &amp;lt;?_x000D_
 $File = 'live_datas.txt';_x000D_
 _x000D_
 # GRAB THE VARIABLES FROM THE URL_x000D_
 $HeuresTronconMesure = $_GET['hour'];_x000D_
 $MinutesTronconMesure = $_GET['min'];_x000D_
 $DonneeCapteur = $_GET['data'];_x000D_
_x000D_
 # --------------------------------_x000D_
_x000D_
  $FICHIER = fopen($File, "w");_x000D_
 _x000D_
 # Generate Timestamp : HH:MM_x000D_
 fputs($FICHIER, $HeuresTronconMesure);_x000D_
 fputs($FICHIER , ":");_x000D_
 fputs($FICHIER, $MinutesTronconMesure);_x000D_
  _x000D_
 # Add 1 space_x000D_
 fputs($FICHIER , " ");_x000D_
_x000D_
 # Add Temperature Value_x000D_
 fputs($FICHIER, $DonneeCapteur);_x000D_
 _x000D_
 # Add a new line_x000D_
 fputs ($FICHIER , "\r\n");_x000D_
  _x000D_
 # Close the file_x000D_
 fclose($FICHIER);  _x000D_
 ?&amp;gt;&lt;/code&gt;&lt;/pre&gt;_x000D_
&lt;/div&gt;_x000D_
&lt;/div&gt;_x000D_
&lt;/p&gt;
&lt;p&gt;At the end, i expect to get "live_datas.txt" with something like :
&lt;div class="snippet" data-lang="js" data-hide="false" data-console="true" data-babel="false"&gt;_x000D_
&lt;div class="snippet-code"&gt;_x000D_
&lt;pre class="snippet-code-html lang-html prettyprint-override"&gt;&lt;code&gt;04:50 25.29_x000D_
05:00 24.30_x000D_
07:30 25.20_x000D_
08:45 26.00_x000D_
10:15 27.50&lt;/code&gt;&lt;/pre&gt;_x000D_
&lt;/div&gt;_x000D_
&lt;/div&gt;_x000D_
Regards,&lt;/p&gt;</t>
  </si>
  <si>
    <t>2017-01-15 22:39:00.243000+00:00</t>
  </si>
  <si>
    <t>2017-01-15 23:11:37.430000+00:00</t>
  </si>
  <si>
    <t>php|json|graph|newline</t>
  </si>
  <si>
    <t>How do i minify all js files within a directory structure using javascript::minify module?</t>
  </si>
  <si>
    <t>&lt;p&gt;I wanted to minify all js files in a directory tree using the minify module from the javascript::minify package but am unable to do the same.I was successful in doing it for individual files but when i run it for the entire directory , i get a warning message at line 345 in the minify.pm file.&lt;/p&gt;
&lt;p&gt;Here is the code that i came up with:&lt;/p&gt;
&lt;pre&gt;&lt;code&gt;use File::Find;
use JavaScript::Minifier qw(minify);
find(sub {
  if (-f and /\.js$/) {
    $t = 'temp.js';
    open(INFILE, $_) or die;
    open(OUTFILE, "&amp;gt;$t") or die;
    minify(input =&amp;gt; *INFILE, outfile =&amp;gt; *OUTFILE);
    close(INFILE);
    close(OUTFILE);
    rename($t,$_);
  }
}, '.');
&lt;/code&gt;&lt;/pre&gt;
&lt;p&gt;Following is the code that works for individual files:&lt;/p&gt;
&lt;pre&gt;&lt;code&gt;use JavaScript::Minifier qw(minify);
$file = 'ex.js';
$temp = 'temp.js';
open(INFILE, $file) or die;
open(OUTFILE, "&amp;gt;$temp") or die;
minify(input =&amp;gt; *INFILE, outfile =&amp;gt; *OUTFILE);
close(INFILE);
close(OUTFILE);
rename($temp,$file);
&lt;/code&gt;&lt;/pre&gt;
&lt;p&gt;Please help with possible solutions..&lt;/p&gt;</t>
  </si>
  <si>
    <t>2014-08-11 13:49:28.400000+00:00</t>
  </si>
  <si>
    <t>2017-05-16 20:42:11.107000+00:00</t>
  </si>
  <si>
    <t>javascript|perl|file|yui|minify</t>
  </si>
  <si>
    <t>What is wrong with this solution while solving JUICE on SPOJ?</t>
  </si>
  <si>
    <t>&lt;p&gt;The problem is:&lt;/p&gt;
&lt;p&gt;Jerry loses himself in the interesting game: Fruit Ninja. Fruit Ninja is a game of iPhone and iPad in which the players cut the fruits coming from the bottom of the screen and gain the bonus from cutting more than two fruits with a single slice. Once a fruit is cut, it breaks into small pieces and cannot be cut any more.&lt;/p&gt;
&lt;p&gt;After months of training, he becomes pro of this game. Actually, he can cut all the fruits on the screen at any time. Jerry also has a bad habit that he has no willing to leave some fruits for the future cutting. In the other words, after Jerry cuts the fruits, all the fruits on the screen breaks and no one left. That is why all his friends call him Juice Extractor.&lt;/p&gt;
&lt;p&gt;Now he only consider about the bonus, when he cuts more than two fruits, he can gain some bonus scores as same as the number of fruits he slice at that time. For example, if Jerry cuts 4 fruits with a single slice, he can get 4 scores from this slice.&lt;/p&gt;
&lt;p&gt;After Jerry gets the fruit schedule, he knows the appearing time and the disappearing time for every single fruit. He can only cut a fruit into pieces between its appearing time and disappearing time inclusive. He wants to know the maximum possible bonus scores he can receive.&lt;/p&gt;
&lt;p&gt;Input&lt;/p&gt;
&lt;p&gt;There are several test cases; the first line of the input contains a single integer T, denoting the number of the test cases. (T &amp;lt;= 200)&lt;/p&gt;
&lt;p&gt;For each test case, the first line contains an integer N, denoting the total number of fruits. (1 &amp;lt;= N &amp;lt;= 1000)&lt;/p&gt;
&lt;p&gt;The next N lines, each line describe a fruit. For each line, there are two integers Xi and Yi, where Xi is the appearing time of the fruit and Yi is the disappearing time of this fruit. (0 &amp;lt;= Xi &amp;lt;= Yi &amp;lt;= 1000000000)&lt;/p&gt;
&lt;p&gt;Output&lt;/p&gt;
&lt;p&gt;For each test case, output a single integer denoting the maximum scores that Jerry could possibly gain. See the sample for further details.&lt;/p&gt;
&lt;p&gt;Example&lt;/p&gt;
&lt;p&gt;Input:
1
10
1 10
2 11
3 12
4 13
13 14
14 15
13 19
20 22
21 23
22 24&lt;/p&gt;
&lt;p&gt;Output:
Case #1: 10&lt;/p&gt;
&lt;p&gt;Here is the code :
It sorts the time intervals on basis of start time.dp[i] accounts for the time when ith fruit appears. We will be making a cut only when a fruit appears, as it will cover all the cases&lt;/p&gt;
&lt;pre&gt;&lt;code&gt;#include&amp;lt;iostream&amp;gt;
#include&amp;lt;vector&amp;gt;
#include&amp;lt;algorithm&amp;gt;
#include&amp;lt;memory.h&amp;gt;
using namespace std;
struct node
{
    int x,y;
};
int cmp(node a,node b)
{
    if(a.x!=b.x)
    return a.x&amp;lt;b.x;
    return a.y&amp;lt;b.y;
}
int main()
{
    int test;
    cin&amp;gt;&amp;gt;test;
    int t=0;
    int dp[1002];
    while(test--)
    {
        t++;
        int n;
        cin&amp;gt;&amp;gt;n;
        vector&amp;lt;node&amp;gt; v(n);
        for(int i=0;i&amp;lt;n;i++)
        {
            int a,b;
            cin&amp;gt;&amp;gt;a&amp;gt;&amp;gt;b;
            v[i].x=a;
            v[i].y=b;
        }
        sort(v.begin(),v.end(),cmp);
        memset(dp,0,sizeof(dp));
        int mx=0;
        for(int i=0;i&amp;lt;n;i++)
        {
            int id=100000,match=0;
            for(int j=0;j&amp;lt;=i;j++)
            {
                if(v[j].y&amp;gt;=v[i].x)
                {
                    id=min(id,j);
                    match++;
                }
            }
            for(int j=id;j&amp;lt;=i;j++)
            {
                if(match&amp;gt;2)
                dp[i+1]=max(dp[i+1],dp[j]+match);
                else
                dp[i+1]=max(dp[i+1],dp[j]);
                if(v[j].y&amp;gt;=v[i].x)
                match--;
            }
            dp[i+1]=max(dp[i+1],dp[i]);
            mx=max(mx,dp[i+1]);
        }
        cout&amp;lt;&amp;lt;"Case #"&amp;lt;&amp;lt;t&amp;lt;&amp;lt;": "&amp;lt;&amp;lt;mx&amp;lt;&amp;lt;"\n";
    }
    return 0;
}
&lt;/code&gt;&lt;/pre&gt;</t>
  </si>
  <si>
    <t>2015-04-27 16:54:07.737000+00:00</t>
  </si>
  <si>
    <t>2015-05-01 14:42:11.123000+00:00</t>
  </si>
  <si>
    <t>2015-04-29 07:18:57.787000+00:00</t>
  </si>
  <si>
    <t>c++|algorithm|dynamic-programming</t>
  </si>
  <si>
    <t>In Unity3D is it possible to keep the Scene view focused when hitting Play?</t>
  </si>
  <si>
    <t>&lt;p&gt;In Unity3D, when you hit play, by default, it switches to the full 'Game' view which is great for previewing and such, but sometimes we just want to see our results in the 'Scene' view since we don't have to worry about setting up all the lighting, materials, etc.&lt;/p&gt;
&lt;p&gt;Now we know we can simply create a new layout that shows both the 'Game' and the 'Scene' tabs at the same time, and that's what we're doing so we can continue to look at the 'Scene' tab when we start.  However, we just don't want to see the 'Game' tab at all.  Love to just hide it until we need it later.&lt;/p&gt;
&lt;p&gt;Can this be done?&lt;/p&gt;</t>
  </si>
  <si>
    <t>2012-02-18 01:30:06.267000+00:00</t>
  </si>
  <si>
    <t>2015-10-28 19:24:29.250000+00:00</t>
  </si>
  <si>
    <t>ide|unity3d</t>
  </si>
  <si>
    <t>Black Div with Opacity showing as Gray</t>
  </si>
  <si>
    <t>&lt;p&gt;I have a Div with a light background and a div inside that. I would like to give the background color of inner div a transparent black color(means i should be able to  see some of the light background of the parent Div). Would that be possible with CSS ?&lt;/p&gt;
&lt;p&gt;I tried this but its not working, The div appears Gray and not transparent.&lt;/p&gt;
&lt;p&gt;&lt;a href="http://jsfiddle.net/8L8DH/2/" rel="nofollow"&gt;JsFiddle&lt;/a&gt;&lt;/p&gt;
&lt;pre&gt;&lt;code&gt;&amp;lt;div style="width: 600px height: 600px;background:#fcfcfc;position:relative; "&amp;gt;
    &amp;lt;div style="position:absolute;top:200px:left:200px;height:200px;width:200px;background:rgba(0,0,0,0.6); "&amp;gt;
    &amp;lt;/div&amp;gt;
&amp;lt;/div&amp;gt;
&lt;/code&gt;&lt;/pre&gt;
&lt;p&gt;The opacity is working fine if i have a dark background. &lt;/p&gt;
&lt;p&gt;Thanks !&lt;/p&gt;</t>
  </si>
  <si>
    <t>2013-11-16 16:32:14.183000+00:00</t>
  </si>
  <si>
    <t>2017-03-20 10:47:56.777000+00:00</t>
  </si>
  <si>
    <t>css|css3|opacity</t>
  </si>
  <si>
    <t>Multiple videos on a grid</t>
  </si>
  <si>
    <t>&lt;p&gt;I get an error when i try to show multiple(9) videos on a grid using MediaTimeline. A C++ exception is thrown. If i try to relaunch the app, sometimes it works, sometimes i get an error.&lt;/p&gt;
&lt;p&gt;Here is my code:&lt;/p&gt;
&lt;pre&gt;&lt;code&gt;        MediaTimeline timeline = new MediaTimeline(new Uri(videoPath, UriKind.Absolute));
        timeline.RepeatBehavior = RepeatBehavior.Forever;
        MediaClock clock = timeline.CreateClock();
        MediaPlayer player = new MediaPlayer();
        player.Clock = clock;
        player.Volume = 0;
        VideoDrawing drawing = new VideoDrawing();
        drawing.Rect = new Rect(0, 0, 300, 300);
        drawing.Player = player;
        DrawingBrush brush = new DrawingBrush(drawing);
        Label label = new Label();
        label.Background = brush;
        label.Margin = new Thickness(margin);
&lt;/code&gt;&lt;/pre&gt;
&lt;p&gt;Here is the exception message: &lt;/p&gt;
&lt;blockquote&gt;
  &lt;p&gt;&lt;strong&gt;Microsoft Visual C++ Runtime Library&lt;/strong&gt;
  &lt;em&gt;Runtime Error! The application has requested the Runtime to terminate it in an unusual way. Please contact the application's support team
  for more information&lt;/em&gt;&lt;/p&gt;
&lt;/blockquote&gt;
&lt;p&gt;Here is the exception image:&lt;/p&gt;
&lt;p&gt;&lt;a href="https://i.stack.imgur.com/iU3SG.png" rel="nofollow noreferrer"&gt;&lt;img src="https://i.stack.imgur.com/iU3SG.png" alt=" Microsoft Visual C++ Runtime Library Runtime Error!"&gt;&lt;/a&gt;&lt;/p&gt;</t>
  </si>
  <si>
    <t>2017-11-27 19:59:03.670000+00:00</t>
  </si>
  <si>
    <t>2017-11-27 21:44:37.917000+00:00</t>
  </si>
  <si>
    <t>jQuery FancyBox initialisation not working</t>
  </si>
  <si>
    <t>&lt;p&gt;So I have a gallery of photos looking like this:&lt;/p&gt;
&lt;pre&gt;&lt;code&gt;&amp;lt;div id="gallery"&amp;gt;
  &amp;lt;a href="thumb1.jpg" class="fancybox"&amp;gt;
    &amp;lt;img class="item"  src="thumb1.jpg"&amp;gt;
  &amp;lt;/a&amp;gt;
  ...
&amp;lt;/div&amp;gt;
&lt;/code&gt;&lt;/pre&gt;
&lt;p&gt;I initialise fancybox on my image links like so...&lt;/p&gt;
&lt;pre&gt;&lt;code&gt;jQuery(document).ready(function() {
    jQuery('.fancybox').fancybox();
});
&lt;/code&gt;&lt;/pre&gt;
&lt;p&gt;...but nothing happens - clicking the images in my gallery simply links to the href'd image.&lt;/p&gt;
&lt;p&gt;I get no errors from the Chrome console, and &lt;code&gt;jQuery('.fancybox')&lt;/code&gt; correctly selects all my &lt;code&gt;&amp;lt;a&amp;gt;&lt;/code&gt; elements.&lt;/p&gt;
&lt;p&gt;Any ideas why fancybox seemingly does not work?&lt;/p&gt;</t>
  </si>
  <si>
    <t>2012-12-16 20:12:48.733000+00:00</t>
  </si>
  <si>
    <t>2012-12-17 02:44:56.750000+00:00</t>
  </si>
  <si>
    <t>2012-12-16 20:17:16.137000+00:00</t>
  </si>
  <si>
    <t>jquery|fancybox</t>
  </si>
  <si>
    <t>Lua - associate function with object's parameter</t>
  </si>
  <si>
    <t>&lt;p&gt;I'm trying to do an easy exercise for WoW's client.&lt;/p&gt;
&lt;p&gt;I have the next object:&lt;/p&gt;
&lt;pre&gt;&lt;code&gt;local name = detailsFrame:CreateFontString("$name", "ARTWORK", "Fancy24Font")
name.SetFontObjects = MySetFontObjects;
&lt;/code&gt;&lt;/pre&gt;
&lt;p&gt;Where the function MySetFontObjects is the next one:&lt;/p&gt;
&lt;pre&gt;&lt;code&gt;function MySetFontObjects (self, ...) {
    self.fontObjects = { ... };
    --more stuff
}
&lt;/code&gt;&lt;/pre&gt;
&lt;p&gt;If I try to call that function it returns &lt;code&gt;attempt to call a method 'MySetFontObjects' (a nil value)&lt;/code&gt;&lt;/p&gt;
&lt;p&gt;I'm calling it like this:&lt;/p&gt;
&lt;pre&gt;&lt;code&gt;name:SetFontObjects(Font1, Font2, Font3);
&lt;/code&gt;&lt;/pre&gt;
&lt;p&gt;What am I doing wrong? I just don't see it.&lt;/p&gt;</t>
  </si>
  <si>
    <t>2017-06-05 20:34:39.970000+00:00</t>
  </si>
  <si>
    <t>2018-02-04 15:10:21.913000+00:00</t>
  </si>
  <si>
    <t>output excel data to word documents</t>
  </si>
  <si>
    <t>&lt;p&gt;I have an excel file which I need to output to word documents, the thing is I need as much word documents as there are lines in the worksheet.&lt;/p&gt;
&lt;p&gt;The excel file looks like this:&lt;/p&gt;
&lt;p&gt;&lt;div class="snippet" data-lang="js" data-hide="false" data-console="false" data-babel="false"&gt;_x000D_
&lt;div class="snippet-code"&gt;_x000D_
&lt;pre class="snippet-code-html lang-html prettyprint-override"&gt;&lt;code&gt;&amp;lt;style type="text/css"&amp;gt;_x000D_
  .tg {_x000D_
    border-collapse: collapse;_x000D_
    border-spacing: 0;_x000D_
  }_x000D_
  .tg td {_x000D_
    font-family: Arial, sans-serif;_x000D_
    font-size: 14px;_x000D_
    padding: 10px 5px;_x000D_
    border-style: solid;_x000D_
    border-width: 1px;_x000D_
    overflow: hidden;_x000D_
    word-break: normal;_x000D_
  }_x000D_
  .tg th {_x000D_
    font-family: Arial, sans-serif;_x000D_
    font-size: 14px;_x000D_
    font-weight: normal;_x000D_
    padding: 10px 5px;_x000D_
    border-style: solid;_x000D_
    border-width: 1px;_x000D_
    overflow: hidden;_x000D_
    word-break: normal;_x000D_
  }_x000D_
  .tg .tg-yw4l {_x000D_
    vertical-align: top_x000D_
  }_x000D_
&amp;lt;/style&amp;gt;_x000D_
&amp;lt;table class="tg"&amp;gt;_x000D_
  &amp;lt;tr&amp;gt;_x000D_
    &amp;lt;th class="tg-yw4l"&amp;gt;Unit&amp;lt;/th&amp;gt;_x000D_
    &amp;lt;th class="tg-yw4l"&amp;gt;subject&amp;lt;/th&amp;gt;_x000D_
    &amp;lt;th class="tg-yw4l"&amp;gt;Answer1&amp;lt;/th&amp;gt;_x000D_
    &amp;lt;th class="tg-yw4l"&amp;gt;Answer2&amp;lt;/th&amp;gt;_x000D_
    &amp;lt;th class="tg-yw4l"&amp;gt;observation&amp;lt;/th&amp;gt;_x000D_
  &amp;lt;/tr&amp;gt;_x000D_
  &amp;lt;tr&amp;gt;_x000D_
    &amp;lt;td class="tg-yw4l"&amp;gt;xx/xx&amp;lt;/td&amp;gt;_x000D_
    &amp;lt;td class="tg-yw4l"&amp;gt;change demand&amp;lt;/td&amp;gt;_x000D_
    &amp;lt;td class="tg-yw4l"&amp;gt;ok&amp;lt;/td&amp;gt;_x000D_
    &amp;lt;td class="tg-yw4l"&amp;gt;handling1&amp;lt;/td&amp;gt;_x000D_
    &amp;lt;td class="tg-yw4l"&amp;gt;will be done on...&amp;lt;/td&amp;gt;_x000D_
  &amp;lt;/tr&amp;gt;_x000D_
  &amp;lt;tr&amp;gt;_x000D_
    &amp;lt;td class="tg-yw4l"&amp;gt;xx/xx&amp;lt;/td&amp;gt;_x000D_
    &amp;lt;td class="tg-yw4l"&amp;gt;phone demand&amp;lt;/td&amp;gt;_x000D_
    &amp;lt;td class="tg-yw4l"&amp;gt;nok&amp;lt;/td&amp;gt;_x000D_
    &amp;lt;td class="tg-yw4l"&amp;gt;handlingnok&amp;lt;/td&amp;gt;_x000D_
    &amp;lt;td class="tg-yw4l"&amp;gt;out of phones&amp;lt;/td&amp;gt;_x000D_
  &amp;lt;/tr&amp;gt;_x000D_
  &amp;lt;tr&amp;gt;_x000D_
    &amp;lt;td class="tg-yw4l"&amp;gt;yyy/yyy&amp;lt;/td&amp;gt;_x000D_
    &amp;lt;td class="tg-yw4l"&amp;gt;computer demand&amp;lt;/td&amp;gt;_x000D_
    &amp;lt;td class="tg-yw4l"&amp;gt;ok&amp;lt;/td&amp;gt;_x000D_
    &amp;lt;td class="tg-yw4l"&amp;gt;handling3&amp;lt;/td&amp;gt;_x000D_
    &amp;lt;td class="tg-yw4l"&amp;gt;queued for delivery&amp;lt;/td&amp;gt;_x000D_
  &amp;lt;/tr&amp;gt;_x000D_
&amp;lt;/table&amp;gt;&lt;/code&gt;&lt;/pre&gt;_x000D_
&lt;/div&gt;_x000D_
&lt;/div&gt;_x000D_
&lt;/p&gt;
&lt;p&gt;The actual code takes a word template document, and fills it with the values, the thing is:&lt;/p&gt;
&lt;ol&gt;
&lt;li&gt;It does not output as much lines as there are in the document (maybe there is a conflict in the UNIT variable, that's why I added the "a" variable to name the file uniquely)&lt;/li&gt;
&lt;/ol&gt;
&lt;p&gt;Would it be better to create each document uniquely instead of taking a template? Are there any ways to do this with a template?&lt;/p&gt;
&lt;p&gt;Here is the VBA code:&lt;/p&gt;
&lt;pre&gt;&lt;code&gt;Sub reply()
Dim wdApp As Object
Dim iRow As Long
Dim ReferenceDoc As String
Dim DocSubject As String
Dim unit As String
Dim Answer1 As String
Dim NmrTicket As String
Dim RepType As String
Dim wDoc As Word.Document
Dim Answer2 As String
Dim Observation As String
Dim Answer2Val As String
Dim j As Integer
Dim rep1 As String
Dim val1 As String
Dim unit2 As String
Dim Fname As String
Dim unitLast As String
Dim a As Integer
Dim Datecomision As Date
   iRow = 5
    a = 1
    Set wdApp = CreateObject("Word.Application")
        wdApp.Visible = True
     Set wDoc = wdApp.Documents.Open("K:\ModlNE2.dotx", ReadOnly:=True)
         playAlerts = False
    Sheets("comision").Select
        Do Until IsEmpty(Cells(iRow, 1))
            Sheets("comision").Select
    ReferenceDoc = Cells(iRow, 1).Value
    'ReferenceDoc = DateFeb
    unitLast = Cells(iRow - 1, 2).Value
    unit = Cells(iRow, 2).Value
    DocSubject = Cells(iRow, 3).Value
    Answer1 = Cells(iRow, 7).Value
    Observation = Cells(iRow, 8).Value
    Answer2 = Cells(iRow, 9).Value
    Datecomision = "03/11/2016"
    unit2 = Replace(unit, "/", "")
    unit2 = Replace(unit2, " ", "")
            ''compare value of answer2 to give the variable a longer text answer for the document
                    j = 2
                        Sheets("Answer2s").Select
                        Do Until IsEmpty(Cells(j, 1))
                            rep1 = Cells(j, 1).Value
                            val1 = Cells(j, 2).Value
                                If Answer2 = rep1 Then
                                    Answer2Val = val1
                                End If
                        j = j + 1
                    Loop
                j = 1
    With wDoc
        Set wDoc = wdApp.Documents.Open("K:\ModlNE2.dotx", ReadOnly:=True)
         playAlerts = False
         .Application.Selection.Find.Text = "&amp;lt;&amp;lt;unit&amp;gt;&amp;gt;"
         .Application.Selection.Find.Execute
         .Application.Selection = unit
         .Application.Selection.EndOf
         .Application.Selection.Find.Text = "&amp;lt;&amp;lt;Datecomision&amp;gt;&amp;gt;"
         .Application.Selection.Find.Execute
         .Application.Selection = Datecomision
         .Application.Selection.EndOf
        .Application.Selection.Find.Text = "&amp;lt;&amp;lt;ReferenceDoc&amp;gt;&amp;gt;"
         .Application.Selection.Find.Execute
         .Application.Selection = ReferenceDoc
         .Application.Selection.EndOf
         .Application.Selection.Find.Text = "&amp;lt;&amp;lt;DocSubject&amp;gt;&amp;gt;"
         .Application.Selection.Find.Execute
         .Application.Selection = DocSubject
         .Application.Selection.EndOf
         .Application.Selection.Find.Text = "&amp;lt;&amp;lt;Answer1&amp;gt;&amp;gt;"
         .Application.Selection.Find.Execute
         .Application.Selection = Answer1
         .Application.Selection.EndOf
         .Application.Selection.Find.Text = "&amp;lt;&amp;lt;Answer2&amp;gt;&amp;gt;."
         .Application.Selection.Find.Execute
         .Application.Selection = Answer2Val
         .Application.Selection.EndOf
         Fname = Format(Date, "dd/mm/yyyy") &amp;amp; ("_ANSWER_CHANGE_COMMISSION_") &amp;amp; unit2 &amp;amp; iRow &amp;amp; a &amp;amp; ".doc"
         Fname = Replace(Fname, "/", "")
         .SaveAs Filename:="K:\test\" &amp;amp; Fname
              .Close
      End With
      iRow = iRow + 1
        a = a + 1
   Loop
   Set olApp = Nothing
   Exit Sub
End Sub
&lt;/code&gt;&lt;/pre&gt;</t>
  </si>
  <si>
    <t>2016-11-04 19:44:05.983000+00:00</t>
  </si>
  <si>
    <t>2016-12-27 13:40:50.097000+00:00</t>
  </si>
  <si>
    <t>excel|vba|excel-vba|ms-word|word-vba</t>
  </si>
  <si>
    <t>How to use onChildRemoved in Firebase Realtime Database?</t>
  </si>
  <si>
    <t>&lt;p&gt;Okay so I wanted to know how the &lt;code&gt;onChildRemoved&lt;/code&gt; works in Firebase Realtime Databse. I am able to add data as soon as the user adds the data  i.e., in realtime. But I want to do the same thing when the user deletes the data. How to proceed with that? I read the documentation but could not get it. &lt;/p&gt;
&lt;p&gt;Any help will be appreciated.  &lt;/p&gt;
&lt;p&gt;PS: I am able to remove the data by &lt;code&gt;mRootRef.child("message").removeValue();
&lt;/code&gt; but I have to go back and come again to this activity to see the changes.&lt;/p&gt;
&lt;pre&gt;&lt;code&gt;private void loadmessage(String class_id, String email_red) {
            messageQuery.addChildEventListener(new ChildEventListener() {
                @Override
                public void onChildAdded(DataSnapshot dataSnapshot, String s) {
                    Message message = dataSnapshot.getValue(Message.class);
                    messageList.add(message);
                    mAdapter.notifyDataSetChanged();
                }
                @Override
                public void onChildChanged(DataSnapshot dataSnapshot, String s) {
                }
                @Override
                public void onChildRemoved(DataSnapshot dataSnapshot) {
                   //what to add here??
                }
                @Override
                public void onChildMoved(DataSnapshot dataSnapshot, String s) {
                }
                @Override
                public void onCancelled(DatabaseError databaseError) {
                }
            });
        }
&lt;/code&gt;&lt;/pre&gt;</t>
  </si>
  <si>
    <t>2018-08-25 15:18:37.897000+00:00</t>
  </si>
  <si>
    <t>2018-08-25 16:26:33.823000+00:00</t>
  </si>
  <si>
    <t>2018-08-25 16:08:03.863000+00:00</t>
  </si>
  <si>
    <t>java|android|firebase|firebase-realtime-database</t>
  </si>
  <si>
    <t>How do I load a custom font from an embedded file into DirectWrite in a Metro app?</t>
  </si>
  <si>
    <t>&lt;p&gt;I have been fighting a losing battle against loading fonts from an embedded file for use with DirectWrite.  I am writing a simple puzzle game that has a C#/XAML interface but also uses SurfaceImageSource to add some DirectX content.  &lt;/p&gt;
&lt;p&gt;I have written a WinRT component that handles all of the DirectX code, and it works quite nicely.  Some of my DirectX content is text drawn using the DirectWrite API.  I can draw all the text I like so long as I'm loading an installed font from the system using &lt;strong&gt;IDWriteFactory::GetSystemFontCollection()&lt;/strong&gt;, etc.  But, I cannot seem to find a way to load a custom font from an embedded file.&lt;/p&gt;
&lt;p&gt;From what I can tell Metro apps are not allowed to load files from the filesystem in the same way as a traditional app.  So, the &lt;strong&gt;IDWriteFactory::CreateFontFileReference()&lt;/strong&gt; method that takes a normal file path is worthless to me, right?  I need to load my file from an ms-appx URL.&lt;/p&gt;
&lt;p&gt;So, I wrote a custom font loader in my WinRT component that implements the &lt;strong&gt;IDWriteFontCollectionLoader&lt;/strong&gt; interface (which is a ton of work if you've never done it before btw) that loads the font from an ms-appx URL using the new &lt;strong&gt;StorageFile&lt;/strong&gt; API.  Now, I can load my &lt;strong&gt;IDWriteFontFile&lt;/strong&gt; and I can get a &lt;strong&gt;IDWriteFontFace&lt;/strong&gt;, but if I try to call any of the truly useful methods on the font face it returns &lt;strong&gt;E_UNEXPECTED&lt;/strong&gt;.  I can get the number of glyphs and the glyph indices, but if I try to call something like &lt;strong&gt;GetGlyphRunOutline()&lt;/strong&gt; or &lt;strong&gt;GetDesignGlyphMetrics()&lt;/strong&gt;, it fails with &lt;strong&gt;E_UNEXPECTED&lt;/strong&gt;.  Using the same drawing code that generates an &lt;strong&gt;ID2D1PathGeometry&lt;/strong&gt; using &lt;strong&gt;GetGlyphRunOutline()&lt;/strong&gt; works great as long as I install the font file and get the &lt;strong&gt;IDWriteFontFace&lt;/strong&gt; through the series of calls starting with &lt;strong&gt;IDWriteFactory::GetSystemFontCollection()&lt;/strong&gt;.  I am working with a normal true type font.&lt;/p&gt;
&lt;p&gt;So, how do I load a custom font from an embedded file into DirectWrite in a Metro app?  I'm probably just missing something easy, because I am certain that other people will want to be able to load custom fonts in this way.&lt;/p&gt;
&lt;p&gt;I have a sample project (or could prepare one easily) for anyone who can help me identify my problem.&lt;/p&gt;
&lt;p&gt;I have loaded the two &lt;strong&gt;IDWriteFontFace&lt;/strong&gt; objects side by side, and I tried to figure out what is different between the one that works and the one that breaks.  What I need to see in order to find out why it is failing is opaque to me hidden behind inside the &lt;strong&gt;IDWriteFontFace&lt;/strong&gt; interface.  HELP PLEASE!&lt;/p&gt;
&lt;p&gt;Question also posted here: &lt;a href="http://social.msdn.microsoft.com/Forums/en-US/wingameswithdirectx/thread/3bc3f37d-4826-4df3-9748-2ea60ae23709" rel="nofollow"&gt;Building Metro style games with DirectX Forum&lt;/a&gt;&lt;/p&gt;</t>
  </si>
  <si>
    <t>2012-07-23 18:50:59.897000+00:00</t>
  </si>
  <si>
    <t>2012-08-18 16:22:45.087000+00:00</t>
  </si>
  <si>
    <t>2012-07-25 02:38:59.467000+00:00</t>
  </si>
  <si>
    <t>microsoft-metro|windows-runtime|true-type-fonts|directx-11|directwrite</t>
  </si>
  <si>
    <t>How to find the references of documented classes</t>
  </si>
  <si>
    <t>&lt;p&gt;I always struggle with finding references for documented classes. Take the HardwareIdentification class for example. Ik can find the documentation just fine &lt;a href="https://docs.microsoft.com/en-us/uwp/api/windows.system.profile.hardwareidentification" rel="nofollow noreferrer"&gt;here&lt;/a&gt;. In the documentation it says the class is in the System.Windows.Profile library. When however I open the 'Add reference' box this library is not found in either 'Assemblies.Framwork' or 'Assemblies.Extensions'. My search on Google results in find nothing. The NuGet package manager doesn't find this assembly either. So where is it? It's not in the GAC too.&lt;/p&gt;</t>
  </si>
  <si>
    <t>2018-10-26 10:07:52.983000+00:00</t>
  </si>
  <si>
    <t>2018-10-26 10:16:59.143000+00:00</t>
  </si>
  <si>
    <t>c#|visual-studio|reference</t>
  </si>
  <si>
    <t>display UIViewController</t>
  </si>
  <si>
    <t>&lt;p&gt;Is this the right way to call UIViewController programmtically when play button is pressed&lt;/p&gt;
&lt;pre&gt;&lt;code&gt;UIBarButtonItem *systemItem1 = [[UIBarButtonItem alloc]
                               initWithBarButtonSystemItem:UIBarButtonSystemItemPlay 
                               target:self 
                               action:@selector(playaudio:)];
systemItem1.style = UIBarButtonItemStyleBordered;
-(void) playaudio: (id) sender 
{
    NSString *filePath = [[NSBundle mainBundle] pathForResource:@"theme" 
                                                     ofType:@"mp3"];
    NSURL *fileURL = [[NSURL alloc] initFileURLWithPath:filePath];
    audioPlayer = [[AVAudioPlayer alloc] 
                    initWithContentsOfURL:fileURL error:nil];
    audioPlayer.currentTime = 0;
    [audioPlayer play];
    [fileURL release];  
    UIViewController* flipViewController = [[UIViewController alloc]init];
    [self.view addSubview:flipViewController.view];
}
&lt;/code&gt;&lt;/pre&gt;</t>
  </si>
  <si>
    <t>2012-01-29 21:10:10.080000+00:00</t>
  </si>
  <si>
    <t>2012-01-30 10:50:21.613000+00:00</t>
  </si>
  <si>
    <t>2012-01-30 04:40:21.393000+00:00</t>
  </si>
  <si>
    <t>Why can't I prove that I need an AtomicReference in my code?</t>
  </si>
  <si>
    <t>&lt;p&gt;I have got the following code. Obviously, the Reference class is not thread safe because it does not guard its "reference" attribute. How do I prove that I need to guard it by for example an Atomicreference? &lt;/p&gt;
&lt;p&gt;When I run the following JUnit test it suceeds on both Windows: Intel(R) Core(TM) i5-2400 CPU @ 3.10GHz and Linux: Intel(R) Xeon(R) CPU X5670  @ 2.93GHz using JRE 1.7.0_15.&lt;/p&gt;
&lt;pre&gt;&lt;code&gt;import java.util.concurrent.CountDownLatch;
import org.junit.Test;
import static org.junit.Assert.assertTrue;
public class AssignReferenceTest {
    private static class Reference {
        private Object reference = null;
        private void setReference(Object reference) {
            this.reference = reference;
        }
        boolean hasReference() {
            return reference != null;
        }
    }
    @Test
    public void runManyTimes() throws Exception {
        for (int i = 0; i &amp;lt; 100000; i++) {
            testReferenceVisibilityProblem();
        }
    }
    public void testReferenceVisibilityProblem() throws Exception {
        final Reference reference = new Reference();
        final CountDownLatch latch = new CountDownLatch(1);
        Thread writeThread = new Thread(new Runnable() {
            public void run() {
                reference.setReference(new Object());
                latch.countDown();
            }
        });
        Thread readThread = new Thread(new Runnable() {
            public void run() {
                try {
                    latch.await();
                } catch (InterruptedException e) {
                    e.printStackTrace();
                }
                assertTrue("Should have the reference", reference.hasReference());
            }
        });
        writeThread.start();
        readThread.start();
        writeThread.join();
        readThread.join();
    }
}
&lt;/code&gt;&lt;/pre&gt;</t>
  </si>
  <si>
    <t>2013-08-21 13:58:35.653000+00:00</t>
  </si>
  <si>
    <t>2013-08-21 14:15:46.900000+00:00</t>
  </si>
  <si>
    <t>2013-08-21 14:00:43.350000+00:00</t>
  </si>
  <si>
    <t>Hindi Input in textbox c# application</t>
  </si>
  <si>
    <t>&lt;p&gt;Is their any way to get Hindi input in a textbox  in a c# application .
I am just trying a simple 
I am bit new to C# and stackoverflow community . SO let me know if i have missed something while asking question&lt;/p&gt;</t>
  </si>
  <si>
    <t>2014-10-15 12:37:11.913000+00:00</t>
  </si>
  <si>
    <t>2015-04-24 00:55:32.447000+00:00</t>
  </si>
  <si>
    <t>c#|input|hindi</t>
  </si>
  <si>
    <t>How can I reset an increment?</t>
  </si>
  <si>
    <t>&lt;p&gt;In some template I'm iterating some data using a &lt;code&gt;for&lt;/code&gt; loop which is part of some other parent &lt;code&gt;for&lt;/code&gt; loop.&lt;/p&gt;
&lt;p&gt;Using some conditions, I need to increment a counter for each iteration of the inner &lt;code&gt;for&lt;/code&gt; loop, and reset it whenever the template goes to the next outer &lt;code&gt;for&lt;/code&gt; loop iteration.&lt;/p&gt;
&lt;p&gt;I'm using &lt;code&gt;{% increment someVar %}&lt;/code&gt;, but I can't figure out how to reset &lt;code&gt;someVar&lt;/code&gt; to &lt;code&gt;0&lt;/code&gt;.&lt;/p&gt;
&lt;p&gt;Is this ever possible?&lt;/p&gt;</t>
  </si>
  <si>
    <t>2016-05-08 19:41:38.717000+00:00</t>
  </si>
  <si>
    <t>2016-05-23 20:26:48.187000+00:00</t>
  </si>
  <si>
    <t>Why when OntClass create an individual behave not properly?</t>
  </si>
  <si>
    <t>&lt;p&gt;The problem is:
I expect this code to have rdf:type property of that special Individual, but the model.write method gives me such output:&lt;/p&gt;
&lt;pre class="lang-xml prettyprint-override"&gt;&lt;code&gt;&amp;lt;rdf:RDF
    xmlns:rdf="http://www.w3.org/1999/02/22-rdf-syntax-ns#"
    xmlns:j.0="http://microhard.com/graph/"
    xmlns:owl="http://www.w3.org/2002/07/owl#"
    xmlns:j.1="http://microhard.com/property/"
    xmlns:rdfs="http://www.w3.org/2000/01/rdf-schema#"
    xmlns:xsd="http://www.w3.org/2001/XMLSchema#"&amp;gt;
  &amp;lt;owl:Class rdf:about="http://microhard.com/graph/POI"/&amp;gt;
  &amp;lt;j.0:POI&amp;gt;
    &amp;lt;j.1:p1&amp;gt;111&amp;lt;/j.1:p1&amp;gt;
  &amp;lt;/j.0:POI&amp;gt;
&amp;lt;/rdf:RDF&amp;gt;
&lt;/code&gt;&lt;/pre&gt;
&lt;p&gt;this is the code:&lt;/p&gt;
&lt;pre&gt;&lt;code&gt;public class Main {
    private static final String NS = "http://microhard.com/graph/";
    public static void main(String[] args) {
        OntModel m = ModelFactory.createOntologyModel(OntModelSpec.OWL_MEM);
        OntClass klass = m.createClass(NS + "POI");
        Individual in = klass.createIndividual();
        in.addProperty(m.createProperty("http://microhard.com/property/p1"), "111");
        m.write(System.out, "RDF/XML");
    }
}
&lt;/code&gt;&lt;/pre&gt;</t>
  </si>
  <si>
    <t>2018-05-22 15:12:43.043000+00:00</t>
  </si>
  <si>
    <t>2018-05-23 14:22:01.867000+00:00</t>
  </si>
  <si>
    <t>java|rdf|jena|owl</t>
  </si>
  <si>
    <t>Laravel: Where to throw HTTP Exceptions</t>
  </si>
  <si>
    <t>&lt;h3&gt;Background&lt;/h3&gt;
&lt;p&gt;Within PHP / Laravel MVC applications response codes and bodies are often dictated by the Exception that is thrown. If a HTTP exception is thrown (inheriting from &lt;code&gt;Symfony\Component\HttpKernel\Exception\HttpException&lt;/code&gt;) the correct response codes are thrown (and in certain cases JSON responses). There are other types of exceptions that are non-http related as well that can be thrown.&lt;/p&gt;
&lt;h3&gt;Question&lt;/h3&gt;
&lt;p&gt;Where should HTTP exceptions be thrown? &lt;/p&gt;
&lt;ul&gt;
&lt;li&gt;&lt;strong&gt;A&lt;/strong&gt; Only the controller&lt;/li&gt;
&lt;li&gt;&lt;strong&gt;B&lt;/strong&gt; Anywhere. Deep or shallow in  the applications stack.&lt;/li&gt;
&lt;/ul&gt;
&lt;p&gt;Should I be catching my exceptions in the controller and throwing HTTP versions of those exceptions? Or should I just throw a HTTP exception anywhere deep within a service class, repository or utility considering 99% of MVC framework apps are based around a HTTP request &gt;&gt; response lifecycle anyway?&lt;/p&gt;</t>
  </si>
  <si>
    <t>2018-08-08 09:20:59.010000+00:00</t>
  </si>
  <si>
    <t>2018-08-08 12:32:33.913000+00:00</t>
  </si>
  <si>
    <t>php|laravel|http|exception|coding-style</t>
  </si>
  <si>
    <t>DW acceptable left join?</t>
  </si>
  <si>
    <t>&lt;p&gt;In a report I have the next join from a FACT table:&lt;/p&gt;
&lt;p&gt;Join���&lt;/p&gt;
&lt;pre&gt;&lt;code&gt;LEFT JOIN DimState AS s 
ON s.StateCode = l.Province  AND l.Locale LIKE (s.CountryCode + '%') 
&lt;/code&gt;&lt;/pre&gt;
&lt;p&gt;More information:
Fact table has 59,567,773 rows&lt;/p&gt;
&lt;p&gt;L.Province can match a StateCode in DimState: 42,346,471 rows 71%&lt;/p&gt;
&lt;p&gt;L.Province can���t match a StateCode in DimState: 13,742,966 rows 23% (most of them are a blank value in L.Province).&lt;/p&gt;
&lt;p&gt;L.Province is NULL in 3,500,000 rows (6%)&lt;/p&gt;
&lt;p&gt;4 questions:
-The correct thing to do, would be to replace L.Province Nulls and blanks for ���other������ And have an entry in DimState, with StateCode ���other���, right?&lt;/p&gt;
&lt;p&gt;-Is it acceptable to LEFT JOIN to a dimension? Or it should always be INNER JOIN? &lt;/p&gt;
&lt;p&gt;-Is it correct to join to a dimension on 2 columns?&lt;/p&gt;
&lt;p&gt;-To do a l.Locale = s.CountryCode��� Should I modify the values in l.Locale or in s.CountryCode?&lt;/p&gt;</t>
  </si>
  <si>
    <t>2017-04-25 14:55:36.990000+00:00</t>
  </si>
  <si>
    <t>2017-04-25 21:09:16.647000+00:00</t>
  </si>
  <si>
    <t>sql-server|data-warehouse</t>
  </si>
  <si>
    <t>push method not working</t>
  </si>
  <si>
    <t>&lt;p&gt;i've been loosing my hair over this one. I want to create a dynamic array depending on how many  tags my main  has inside. Please Help me!&lt;/p&gt;
&lt;p&gt;Here is my HTML&lt;/p&gt;
&lt;pre&gt;&lt;code&gt;&amp;lt;div id="image-slider"&amp;gt;
   &amp;lt;a href="http://www.google.com"&amp;gt;&amp;lt;img src="images/slider1.png"&amp;gt;&amp;lt;/a&amp;gt;
   &amp;lt;a href="http://www.phpacademy.org"&amp;gt;&amp;lt;img src="images/slider2.png"&amp;gt;&amp;lt;/a&amp;gt;
   &amp;lt;a href="http://www.ign.com"&amp;gt;&amp;lt;img src="images/slider3.png"&amp;gt;&amp;lt;/a&amp;gt;
   &amp;lt;a href="http://www.w3schools.com"&amp;gt;&amp;lt;img src="images/slider4.png"&amp;gt;&amp;lt;/a&amp;gt;
   &amp;lt;a href="http://www.nfl.com"&amp;gt;&amp;lt;img src="images/slider5.png"&amp;gt;&amp;lt;/a&amp;gt;
&amp;lt;/div&amp;gt;
&lt;/code&gt;&lt;/pre&gt;
&lt;p&gt;Here is my JS&lt;/p&gt;
&lt;pre&gt;&lt;code&gt;container = document.getElementById('image-slider');
containerLength = container.childNodes.length;
images = new Array();
for(var i=0;i&amp;lt;=containerLength;i++){
if (container.childNodes[i].nodeName == 'A') {
    alert(container.childNodes[i]);// here I get the desired value
    images.push(container.childNodes[i]);
          //this doesn't work even if i use images.push('Hello');
}
}
alert(images[0]); //doesn't even pops out
// if I do it like this.... i get the desired result! I don't know why! but this is not what i want
images.push(container.childNodes[1]);
alert(images[0]);
&lt;/code&gt;&lt;/pre&gt;</t>
  </si>
  <si>
    <t>2013-03-08 06:10:16.947000+00:00</t>
  </si>
  <si>
    <t>2013-03-08 06:22:16.280000+00:00</t>
  </si>
  <si>
    <t>2013-03-08 06:14:06.013000+00:00</t>
  </si>
  <si>
    <t>javascript|push</t>
  </si>
  <si>
    <t>Is it possible to set MySQL session variables using mysqlimport?</t>
  </si>
  <si>
    <t>&lt;p&gt;I have an import job that uses unix's mysqlimport, and the source data is undependable, so I need to set sql_mode="NO_ENGINE_SUBSTITUTION" so that the job doesn't fail if there is an error. I'd prefer to do this just for the individual job, but I don't know if it's possible. Does anyone know?&lt;/p&gt;
&lt;p&gt;Current command:&lt;/p&gt;
&lt;p&gt;&lt;code&gt;mysqlimport --compress --fields-terminated-by="," --fields-optionally-enclosed-by='"' --lines-terminated-by="\n" --replace --local --user=username --password=password -h localhost dbname company_data.txt&lt;/code&gt;&lt;/p&gt;</t>
  </si>
  <si>
    <t>2015-04-13 10:16:58.567000+00:00</t>
  </si>
  <si>
    <t>2018-02-28 22:30:55.713000+00:00</t>
  </si>
  <si>
    <t>mysql|unix|mysqlimport</t>
  </si>
  <si>
    <t>GroovyInterceptable (AOP) and closures</t>
  </si>
  <si>
    <t>&lt;p&gt;I've got a grails app with Service classes that inherit from Groovy's GroovyInterceptable:&lt;/p&gt;
&lt;pre&gt;&lt;code&gt;class customerSerrvice implements GroovyInterceptable {
private List&amp;lt;Customer&amp;gt; customers
def invokeMethod(String name, args) {
    log.debug "=======&amp;gt;INVOKING method [$name] with args:$args"
}
void foo() {
    customers.each { doSomething(it) }
}
void doSomething(Customer cust) { log.debug "doSomething invoked with $cust" }
}
&lt;/code&gt;&lt;/pre&gt;
&lt;p&gt;The above is a greatly simplified representation, but it gives you the idea. If I call foo() or doSomething() &lt;strong&gt;directly&lt;/strong&gt; from another class, the invokeMethod gets called like it is supposed to. However, when foo() calls doSomething(), that call is not intercepted in invokeMethod. &lt;/p&gt;
&lt;p&gt;If I change from  &lt;/p&gt;
&lt;p&gt;&lt;code&gt;customers.each { doSomething(it) }&lt;/code&gt;   &lt;/p&gt;
&lt;p&gt;to&lt;br&gt;
&lt;code&gt;for(Customer cust: customers) { doSomething(cust) }&lt;/code&gt;  &lt;/p&gt;
&lt;p&gt;then the invokeMethod gets called just fine.&lt;/p&gt;
&lt;p&gt;So is there something about closures and GroovyInterceptable that don't go together? Is there any way to get the invokeMethod to work with closures short of changing them all out?&lt;/p&gt;
&lt;p&gt;Thanks&lt;/p&gt;</t>
  </si>
  <si>
    <t>2010-12-24 21:58:27.677000+00:00</t>
  </si>
  <si>
    <t>2011-07-07 08:27:26.850000+00:00</t>
  </si>
  <si>
    <t>grails|groovy|aop</t>
  </si>
  <si>
    <t>How to fix focus/clickability of XUL textboxes?</t>
  </si>
  <si>
    <t>&lt;p&gt;On a normal webpage &lt;code&gt;&amp;lt;input type='text'/&amp;gt;&lt;/code&gt;, in Firefox, you can click anywhere on the element and the browser will "focus" on that element.  On a XUL (Firefox extension) &lt;code&gt;&amp;lt;textbox&amp;gt;&lt;/code&gt; element however, only clicking on the &lt;strike&gt;leftmost part&lt;/strike&gt; edges of the textbox will focus it; clicking anywhere else on it does nothing.&lt;/p&gt;
&lt;p&gt;I find this really annoying, especially given how input elements in Firefox work normally; I'd have better UI with a web page than with a browser extension!  Does anyone know of a way to fix this behavior (I was thinking maybe I could do an onClick="function(){this.focus()}" kinad thing, but that seems so hacky so I was really hoping there was a better way ...)&lt;/p&gt;</t>
  </si>
  <si>
    <t>2010-06-20 06:43:56.373000+00:00</t>
  </si>
  <si>
    <t>2010-08-13 06:06:07.773000+00:00</t>
  </si>
  <si>
    <t>2010-06-22 05:06:23.960000+00:00</t>
  </si>
  <si>
    <t>textbox|focus|xul</t>
  </si>
  <si>
    <t>Filter data received from HTTP request</t>
  </si>
  <si>
    <t>&lt;p&gt;So in my c++ program i create a socket then download file from my web server (website) which retrieves a http response (using &lt;code&gt;recv&lt;/code&gt;) then store response in &lt;code&gt;char&lt;/code&gt; buffer, in this question let's say the buffer identifier is something like &lt;code&gt;httpbufff&lt;/code&gt;, if i take &lt;code&gt;httpbufff&lt;/code&gt; and &lt;code&gt;cout&lt;/code&gt; it, it will look like this:&lt;/p&gt;
&lt;pre&gt;&lt;code&gt;HTTP/1.1 200 OK
Date: Tue, 12 Jul 2016 08:52:15 GMT
Server: Apache/2.4.16
X-Powered-By: PHP/5.4.45
Vary: Accept-Encoding,User-Agent
Connection: close
Content-Type: text/html
Website content test
&lt;/code&gt;&lt;/pre&gt;
&lt;p&gt;My question is, is there a way to extract &lt;code&gt;"Website content test"&lt;/code&gt; from my &lt;code&gt;char&lt;/code&gt; buffer &lt;code&gt;httpbufff&lt;/code&gt;?
I was thinking about using &lt;code&gt;strtok&lt;/code&gt; but that doesn't seem like a good solution in my opinion.
thanks!&lt;/p&gt;</t>
  </si>
  <si>
    <t>2016-07-12 09:05:33.490000+00:00</t>
  </si>
  <si>
    <t>How to capture optional data (php)</t>
  </si>
  <si>
    <t>&lt;p&gt;I have a string:&lt;/p&gt;
&lt;pre&gt;&lt;code&gt;produits/mousse-de-montage/marque/pbb/item/promax-pro-expansion
&lt;/code&gt;&lt;/pre&gt;
&lt;p&gt;Everything that goes after &lt;code&gt;produits&lt;/code&gt; is optional and must be captured by groups, here is my regex&lt;/p&gt;
&lt;pre&gt;&lt;code&gt;/^.*produits(.*)?(\/marque\/.*)?(\/item\/.*)?/g
&lt;/code&gt;&lt;/pre&gt;
&lt;p&gt;For some strange reason,  he put those 3 groups into a single one. If i remove question mark, he will split in 3 groups.&lt;/p&gt;</t>
  </si>
  <si>
    <t>2017-08-12 07:54:21.573000+00:00</t>
  </si>
  <si>
    <t>2017-08-12 08:05:08.453000+00:00</t>
  </si>
  <si>
    <t>php|regex|regular-language</t>
  </si>
  <si>
    <t>How can I expire all my sessions in Tomcat?</t>
  </si>
  <si>
    <t>&lt;p&gt;I would like to expire all my sessions in Tomcat. We test our product under Fitnesse and some sessions remain and the end of the session causes dependency between the tests. I do it by hand with the following code, but some sessions remain (I can check it with the &lt;a href="http://localhost:8080/manager/html/list" rel="noreferrer"&gt;http://localhost:8080/manager/html/list&lt;/a&gt; url)&lt;/p&gt;
&lt;pre&gt;&lt;code&gt;public static void expireAllSessions() {
    String[] applications = { "a", "b", "c", "d",  "e" };
    for (String application : applications) {
        try {
            expireAllSessions(application);
        } catch (Exception e) {
            logger.error(e);
        }
    }
}
private static void expireAllSessions(final String application) throws Exception {
    // cf doc http://hc.apache.org/httpclient-3.x/authentication.html
    HttpClient client = new HttpClient();
    client.getParams().setAuthenticationPreemptive(true);
    Credentials userPassword = new UsernamePasswordCredentials("tomcat", "tomcat");
    client.getState().setCredentials(AuthScope.ANY, userPassword);
    String url = "http://localhost:8080/manager/html/expire";
    NameValuePair[] parametres = new NameValuePair[] {
            new NameValuePair("path", "/" + application),
            new NameValuePair("idle", "0")
    };
    HttpMethod method = new GetMethod(url);
    method.setQueryString(parametres);
    client.executeMethod(method);
}
&lt;/code&gt;&lt;/pre&gt;
&lt;p&gt;Is there a way to do it more efficiently and immediate with no remaining session ?&lt;/p&gt;</t>
  </si>
  <si>
    <t>2010-10-18 15:33:35.777000+00:00</t>
  </si>
  <si>
    <t>2010-10-19 01:45:09.087000+00:00</t>
  </si>
  <si>
    <t>java|tomcat|fitnesse</t>
  </si>
  <si>
    <t>CMS, or pre-baked solutions for community file sharing</t>
  </si>
  <si>
    <t>&lt;p&gt;I want to create a community around a current iPhone app I've built. It will allow registered users to upload and download small configuration or settings files, which are used in my app to customize functionality. These files are serialized plists (binary files around 500 bytes), but can be converted to a JSON or XML format if necessary.&lt;/p&gt;
&lt;p&gt;I do not need an HTML front-end; I plan for it to be accessed only via my app. Files do not need to be private or secure. I do not plan to store or ask for any user private data--just a login and password.&lt;/p&gt;
&lt;p&gt;I'm looking for tips that might get me close to my goals with the least amount of effort - I want to focus on the core functionality of the app, and have this as a stable feature that I can add to in the future if it is useful. I would of course prefer FOSS, but a commercial solution is not out of the question. Things like file sharing sites with apis, login ideas, and so on.&lt;/p&gt;
&lt;p&gt;So, what software solutions are out there that I may not be aware of? I know that Drupal has modules to allow user logins. Is there something that would work not as a web app, but as a service only? Dropbox has file sharing and an API, but I'm not sure I could use it the way I'm intending. &lt;/p&gt;
&lt;p&gt;In short, I could code this, but would prefer a pre-baked solution that would deal with things I may not have thought of. I am sure there must be something out there which I can use.&lt;/p&gt;
&lt;p&gt;More Details, and what I plan on the service offering:&lt;/p&gt;
&lt;ul&gt;
&lt;li&gt;Registration of users via the iPhone, and all that entails (will code the UI myself--I just want an API to connect to)&lt;/li&gt;
&lt;li&gt;Viewing of these files quickly and efficiently (the files were built with performance in mind, and this is a free app, so I would like to keep server costs down)&lt;/li&gt;
&lt;li&gt;Uploading their own files, with a few integrity checks&lt;/li&gt;
&lt;li&gt;Rating the files&lt;/li&gt;
&lt;li&gt;Gathering statistics on usage (which files were downloaded most often), etc., to provide a way for the files to be ranked by rating, popularity, etc.&lt;/li&gt;
&lt;li&gt;Optional - submitting revised versions of the files (a tree).&lt;/li&gt;
&lt;li&gt;Optional but preferred - statistics on users (no. files uploaded, perhaps rewards system for sharing)&lt;/li&gt;
&lt;/ul&gt;
&lt;p&gt;I'm just not up to date with current technologies and open source solutions. I have experience in SQL, relational database design, and have built backends in Java, so a custom solution is not out of the question. However, it's been a while, I'm not a security expert, and would prefer to not reinvent the wheel for what is a fairly simple project, so an off-the-shelf solution would be preferred. &lt;/p&gt;</t>
  </si>
  <si>
    <t>2012-01-31 04:31:09.950000+00:00</t>
  </si>
  <si>
    <t>2012-02-10 00:26:59.393000+00:00</t>
  </si>
  <si>
    <t>2012-02-03 00:24:00.873000+00:00</t>
  </si>
  <si>
    <t>ios|frameworks|content-management-system|file-sharing</t>
  </si>
  <si>
    <t>jquery: Creating a responsive datagrid</t>
  </si>
  <si>
    <t>&lt;p&gt;I'm trying to create a responsive datagrid in wich I can edit and add rows. The rows come from a database, and upon edit or creation of a new row it should be updated/inserted in the database.
In the old days I would just have used a plain form and a submit to handle the data in PHP, now I'm trying to learn the same stuff in a more modern way.&lt;/p&gt;
&lt;p&gt;I've come a long way already, I can update a row and a can insert a new one, returning the id and using it in the table. What however doesn't work is updatein a row that was just inserted. When I click the edit icon for such a row, it does seem to go to edit mode, but instead it is inserting a new row in the background. Any idea where I'm going wrong?&lt;/p&gt;
&lt;p&gt;I'm also wondering if there is a less complicated way to do this, it seems I have to write a load of code for a table with just 3 fields, any advice?&lt;/p&gt;
&lt;p&gt;The HTML part looks like this:&lt;/p&gt;
&lt;pre&gt;&lt;code&gt;&amp;lt;table class="table table-bordered" id="schedules"&amp;gt;
            &amp;lt;thead&amp;gt;
                &amp;lt;tr&amp;gt;
                    &amp;lt;th&amp;gt;Time from&amp;lt;/th&amp;gt;
                    &amp;lt;th&amp;gt;Time to&amp;lt;/th&amp;gt;
                    &amp;lt;th&amp;gt;Enabled&amp;lt;/th&amp;gt;
                                        &amp;lt;th&amp;gt;&amp;lt;/th&amp;gt;
                &amp;lt;/tr&amp;gt;
            &amp;lt;/thead&amp;gt;
            &amp;lt;tbody&amp;gt;
                                &amp;lt;tr id="1"&amp;gt;
                    &amp;lt;td id="time_from"&amp;gt;16:01&amp;lt;/td&amp;gt;
                    &amp;lt;td id="time_to"&amp;gt;23:01&amp;lt;/td&amp;gt;
                    &amp;lt;td id="enabled"&amp;gt;true&amp;lt;/td&amp;gt;
                    &amp;lt;td id="edit"&amp;gt;&amp;lt;i class="fa fa-pencil-square-o fa-fw" id="editicon"&amp;gt;&amp;lt;/i&amp;gt;&amp;lt;/td&amp;gt;
                &amp;lt;/tr&amp;gt;
                                &amp;lt;tr id="2"&amp;gt;
                    &amp;lt;td id="time_from"&amp;gt;10:00&amp;lt;/td&amp;gt;
                    &amp;lt;td id="time_to"&amp;gt;11:00&amp;lt;/td&amp;gt;
                    &amp;lt;td id="enabled"&amp;gt;false&amp;lt;/td&amp;gt;
                    &amp;lt;td id="edit"&amp;gt;&amp;lt;i class="fa fa-pencil-square-o fa-fw" id="editicon"&amp;gt;&amp;lt;/i&amp;gt;&amp;lt;/td&amp;gt;
                &amp;lt;/tr&amp;gt;
            &amp;lt;/tbody&amp;gt;
        &amp;lt;/table&amp;gt;
            &amp;lt;i class="fa fa-plus" id="addRow"&amp;gt;&amp;lt;/i&amp;gt;
&lt;/code&gt;&lt;/pre&gt;
&lt;p&gt;The javascrip/jquery part looks like this:&lt;/p&gt;
&lt;pre&gt;&lt;code&gt;&amp;lt;script&amp;gt;
                //function for when the addrow action is used
                $('#addRow').on('click',function(){ 
                    $('#schedules &amp;gt; tbody:last-child').append('&amp;lt;tr id="newrow"&amp;gt;&amp;lt;td id="time_from"&amp;gt;&amp;lt;input id="time_from"/&amp;gt;&amp;lt;/td&amp;gt;&amp;lt;td id="time_to"&amp;gt;&amp;lt;input id="time_to"/&amp;gt;&amp;lt;/td&amp;gt;&amp;lt;td id="enabled"&amp;gt;&amp;lt;input id="enabled"/&amp;gt;&amp;lt;/td&amp;gt;&amp;lt;td id="saveicon"&amp;gt;&amp;lt;i class="fa fa-check fa-fw" id="saveicon"&amp;gt;&amp;lt;/i&amp;gt;&amp;lt;/td&amp;gt;&amp;lt;/tr&amp;gt;');
                    //function for when the save new row icon is pressed
                    $('#saveicon').on('click',function(){ 
                        //Send data to script to store as now row in db
                        $.get( "/settings/insertSchedule/" + $('#newrow input#time_from').val() + "/" + $('#newrow input#time_to').val() + "/" +   $('#newrow input#enabled').val()  , function( data ) {
                            //Change input fields to text fields
                            $('#newrow td#time_from').text($('#newrow input#time_from').val());
                            $('#newrow td#time_to').text($('#newrow input#time_to').val());
                            $('#newrow td#enabled').text($('#newrow input#enabled').val());
                            //change checkmark icon into edit icon
                            $('#newrow i#saveicon').attr('class', 'fa fa-pencil-square-o fa-fw');
                            $('#newrow i#saveicon').attr('id', 'editicon');                
                            $('#newrow td#saveicon').attr('id', 'edit');                
                            $('#newrow').attr('id',data);                
                            console.log(data);
                        });
                    });
                });
                //function for when the edit row icon is clicked
                var arr = {};
                $('#schedules').on('click','#edit',function() {
                    var rowid = ($(this).parent().attr('id'));
                    $(this).siblings().each(
                        function(){
                                //end of editing, change the icon back to a pencil and change the fiels back to text
                                if ($(this).find('input').length){
                                $(this).text($(this).find('input').val());
                                $('#editicon').attr('class', 'fa fa-pencil-square-o fa-fw');
                                arr[this.id] = $(this).html()
                            }
                            else {
                                //start of editing, change fields to input fields and icon to checkmark
                                var t = $(this).text();
                                $(this).html($('&amp;lt;input /&amp;gt;',{'value' : t}).val(t));
                                $('#editicon').attr('class', 'fa fa-check fa-fw');
                            }
                    });
                    //Send updated data to script to store in DB.
                    if (Object.keys(arr).length &amp;gt; 0){
                        $.get( "/settings/updateSchedule/" + rowid + "/" + arr.time_from + "/" + arr.time_to    , function( data ) {});
                    }
                }); 
                &amp;lt;/script&amp;gt;
&lt;/code&gt;&lt;/pre&gt;
&lt;p&gt;Edit: I've simulated the problem in a slightly modified form in jsfiddle:  jsfiddle.net/15dd3j3v&lt;/p&gt;</t>
  </si>
  <si>
    <t>2016-01-30 14:23:26.663000+00:00</t>
  </si>
  <si>
    <t>2016-01-31 18:05:32.590000+00:00</t>
  </si>
  <si>
    <t>2016-01-31 16:00:37.330000+00:00</t>
  </si>
  <si>
    <t>jquery|html|responsive-design</t>
  </si>
  <si>
    <t>Dock/Float IVsWindowFrame component like the solution explorer or the properties dialog</t>
  </si>
  <si>
    <t>&lt;p&gt;I am trying to create a visual studio extension that launched a browser within  visual studio. The link opens as a tabbed document. I want the browser window have the float/dock behavior similar to the solution explorer or the properties windows. &lt;/p&gt;
&lt;p&gt;I have tried setting the following property on the window frame&lt;/p&gt;
&lt;pre&gt;&lt;code&gt;IVsWindowFrame ppFrame;
var service = Package.GetGlobalService(typeof(IVsWebBrowsingService)) as IVsWebBrowsingService;
service.Navigate(sCodeSearchLinkToNavigate, (uint)__VSWBNAVIGATEFLAGS.VSNWB_ForceNew, out ppFrame);
ppFrame.SetProperty((int)__VSFPROPID.VSFPROPID_FrameMode, VSFRAMEMODE.VSFM_Float);
&lt;/code&gt;&lt;/pre&gt;
&lt;p&gt;Setting the _VSFPROPID.VSFPROPID_FrameMode property launches the browser on top of other documents in a floted manner with no option to dock it like the solution explorer.&lt;/p&gt;
&lt;p&gt;Any idea on how to achieve the same. Any lead would be greatly appreciated.&lt;/p&gt;
&lt;p&gt;Thanks in advance.&lt;/p&gt;
&lt;p&gt;Saurav.&lt;/p&gt;</t>
  </si>
  <si>
    <t>2018-05-11 05:09:33.313000+00:00</t>
  </si>
  <si>
    <t>visual-studio-2015|visual-studio-extensions|vsix</t>
  </si>
  <si>
    <t>Possible to disable Java autoboxing?</t>
  </si>
  <si>
    <t>&lt;p&gt;The "Generics (Updated)" Java tutorial at: &lt;/p&gt;
&lt;p&gt;&lt;a href="http://docs.oracle.com/javase/tutorial/java/generics/types.html" rel="nofollow"&gt;http://docs.oracle.com/javase/tutorial/java/generics/types.html&lt;/a&gt;&lt;/p&gt;
&lt;p&gt;defines a simple Box class:&lt;/p&gt;
&lt;pre&gt;&lt;code&gt;public class Box {
    private Object object;
    public void set(Object object) { this.object = object; }
    public Object get() { return object; }
}
&lt;/code&gt;&lt;/pre&gt;
&lt;p&gt;and states: &lt;/p&gt;
&lt;p&gt;&lt;em&gt;Since its methods accept or return an Object, you are free to pass in whatever you want, provided that it is not one of the primitive types.&lt;/em&gt;&lt;/p&gt;
&lt;p&gt;Every primitive I pass to the set method works without compilation error. Is there any way to prevent the autoboxing that automatically wraps the primitive if I did want it to break?  And more generally: is there a way to manually prevent autoboxing?  I'm using Java 7.&lt;/p&gt;</t>
  </si>
  <si>
    <t>2014-10-26 00:25:07.757000+00:00</t>
  </si>
  <si>
    <t>2014-10-26 00:38:47.120000+00:00</t>
  </si>
  <si>
    <t>java|autoboxing</t>
  </si>
  <si>
    <t>Labels not changing values when combobox value changes in vb</t>
  </si>
  <si>
    <t>&lt;p&gt;My Visual Basic program fetches values from an Access database and places them in labels. The data returned from the database depends on the value selected in a combo box and is supposed to change as the combobox value changes but to my surprise, the labels keep displaying only the first values that were displayed first even when they must change. I tried to assign the label texts to nothing just before each database access but it still displays the previous values. What could be the issue here that I cannot get these labels to change text? Please help. Here is the code I use to access the database and place in labels:&lt;/p&gt;
&lt;pre&gt;&lt;code&gt;    Me.p.Text = Nothing
    Me.tq.Text = Nothing
    Me.pd.Text = Nothing
    Me.ba.Text = Nothing
    Me.o.Text = Nothing
    Me.pm.Text = Nothing
    Me.tv.Text = Nothing
    Me.tqr.Text = Nothing
    Me.dff.Text = Nothing
    Try
        cmd.Connection = cnn
        cmd2.Connection = cnn
        cmd3.Connection = cnn
        cmd.CommandText = "SELECT distinct(brought_price), sum(brought_qtty), sum(brought_paid), sum(brought_bal),recieved_qtty,sum(brought_qtty)-recieved_qtty, sum(brought_qtty)*brought_price from brought_coffee, farmer, centre_weigh " &amp;amp; _
                                "where brought_date=? and farmer_centre=? and" &amp;amp; _
                                " brought_coffee.farmer_num=farmer.farmer_num and weigh_date=? and weigh_centre=? and brought_coffee.brought_date=centre_weigh.weigh_date and farmer_centre=weigh_centre group by brought_price,recieved_qtty"
            MessageBox.Show(Me.dtc.Text)
            cmd.Parameters.Add("@dt", OleDb.OleDbType.Date).Value = Me.dtc.Text
            cmd.Parameters.Add("@dt2", OleDb.OleDbType.VarChar).Value = Me.cc.Text.Trim.Substring(0, 2)
            cmd.Parameters.Add("@dt3", OleDb.OleDbType.Date).Value = Me.dtc.Text
            cmd.Parameters.Add("@dt4", OleDb.OleDbType.VarChar).Value = Me.cc.Text.Trim.Substring(0, 2)
            cmd2.CommandText = "SELECT sum(brought_qtty) from brought_coffee,farmer where coffee_grade='O' and brought_date=? and farmer_centre=? and" &amp;amp; _
                                " brought_coffee.farmer_num=farmer.farmer_num"
            cmd2.Parameters.Add("@dt5", OleDb.OleDbType.Date).Value = Me.dtc.Text
            cmd2.Parameters.Add("@dt6", OleDb.OleDbType.VarChar).Value =     Me.cc.Text.Trim.Substring(0, 2)
            cmd3.CommandText = "SELECT sum(brought_qtty) from brought_coffee,farmer where coffee_grade='P' and brought_date=? and farmer_centre=? and" &amp;amp; _
                                " brought_coffee.farmer_num=farmer.farmer_num"
            cmd3.Parameters.Add("@dt7", OleDb.OleDbType.Date).Value = Me.dtc.Text
            cmd3.Parameters.Add("@dt8", OleDb.OleDbType.VarChar).Value = Me.cc.Text.Trim.Substring(0, 2)
            myData = cmd.ExecuteReader
            myData2 = cmd2.ExecuteReader
            myData3 = cmd3.ExecuteReader
            'MessageBox.Show("check 1")
            While myData.Read()
                'MessageBox.Show("check 1")
                Dim pr As String = myData(0).ToString
                Dim qtty As String = myData(1).ToString
                Dim pd As String = myData(2).ToString
                Dim bl As String = myData(3).ToString
                Dim rq As String = myData(4).ToString
                Dim dq As String = myData(5).ToString
                Dim tvp As String = myData(6).ToString
                'MessageBox.Show("quantity" &amp;amp; pr)
                Me.p.Text = pr
                Me.tq.Text = qtty
                Me.pd.Text = pd
                Me.ba.Text = bl
                Me.tqr.Text = rq
                Me.dff.Text = dq
                Me.tv.Text = tvp
            End While
            myData.Close()
            While myData2.Read()
                Dim od As String = myData2(0).ToString
                'MessageBox.Show(od)
                Me.o.Text = od
            End While
            myData2.Close()
            While myData3.Read()
                Dim pmm As String = myData3(0).ToString
                Me.pm.Text = pmm
            End While
            myData3.Close()
            cnn.Close()
&lt;/code&gt;&lt;/pre&gt;
&lt;p&gt;&lt;code&gt;dtc&lt;/code&gt; and &lt;code&gt;cc&lt;/code&gt; are the textboxes where database values are compared with in the selected&lt;/p&gt;</t>
  </si>
  <si>
    <t>2012-05-15 16:38:50.033000+00:00</t>
  </si>
  <si>
    <t>2012-06-09 12:34:42.573000+00:00</t>
  </si>
  <si>
    <t>vb.net|ms-access</t>
  </si>
  <si>
    <t>How do I convert a directory path to a unique numerical identifier (Linux/C++)?</t>
  </si>
  <si>
    <t>&lt;p&gt;I am investigating ways to take a directory (folder) and derive some form of unique numerical identifier. I have investigated "string to hash" methods, however, the &lt;a href="http://www.codinghorror.com/blog/2007/12/hashtables-pigeonholes-and-birthdays.html" rel="nofollow"&gt;Pigeon Hole Principle&lt;/a&gt; means that one can never derive a truely unique number for every single string.&lt;/p&gt;
&lt;p&gt;String to unique hash is no good.&lt;/p&gt;
&lt;p&gt;I have recently been investigating other means of achieving my goal and thus have the following question to ask:&lt;/p&gt;
&lt;p&gt;&lt;strong&gt;Directory time stamps - how 'unique' are they?&lt;/strong&gt;
To what resolution are the time stamps reported by 'stat' as described &lt;a href="http://www.linuxquestions.org/questions/programming-9/how-to-get-directory-time-stamp-in-c-719347/" rel="nofollow"&gt;here&lt;/a&gt; (second post)? if the resolution is small enough, is it possible for more than one folder to share the exact same time stamp on a Linux system?&lt;/p&gt;
&lt;p&gt;If anyone has other methods/techniques they'd like to share, I'd be happy to listen :)&lt;/p&gt;
&lt;p&gt;&lt;strong&gt;Edit 1&lt;/strong&gt; To clarify my use case in response to the answers posted so far: I am working on Android platforms, so the filesystem is not linked to any other (except of course for removeable media such as Micro SD cards).&lt;/p&gt;
&lt;p&gt;I am inserting each path into a database but trying to avoid string comparisons when querying the table. The use of maps/hashmaps is not an option here. Yes, the path itself is unique, but ideally I need a numerical identifier that can be used to query the table as opposed to the path itself. The identifier must also be unique per path. I have experimented with std::collate but found there were many collides in the hashes (a dataset of 20, 000 paths yeilds approximatley 100 collides). What was even more surprising is that the hashes appeared to be largely different each time my application is run. I wonder if it's seeded somehow?&lt;/p&gt;
&lt;p&gt;Many thanks,
P&lt;/p&gt;</t>
  </si>
  <si>
    <t>2012-09-02 17:34:16.443000+00:00</t>
  </si>
  <si>
    <t>2012-09-08 14:21:43.563000+00:00</t>
  </si>
  <si>
    <t>2012-09-06 17:33:28.100000+00:00</t>
  </si>
  <si>
    <t>c++|linux|hash|uniqueidentifier</t>
  </si>
  <si>
    <t>Implementing Two Factor with ASOS</t>
  </si>
  <si>
    <t>&lt;p&gt;I may be going about this all wrong, but I have been following the sample setup in this article: &lt;a href="http://kevinchalet.com/2016/07/13/creating-your-own-openid-connect-server-with-asos-introduction/" rel="nofollow noreferrer"&gt;Creating your own OpenID Connect server with ASOS&lt;/a&gt;, however, it does not explain how to implement two factor as that is not the primary purpose of this article.  &lt;/p&gt;
&lt;p&gt;The only mention of two faction in this article is in the token endpoint where there is a check for two factor authentication where it rejects the request for a token if two factor is enabled.  So I added a check in my client application that checks for that specific reject condition and then redirects to a page that asks for the two factor code.  This page first calls the authorize endpoint which sends the code to the user's phone that is on file.  Then once the user has entered the code, it calls the authorize endpoint again with that code and the method that handles the authorize endpoint validates the code and returns a SignInResult if successful.  However, I am getting a 500 error in the SignIn(principle, properties, schema) method that returns the SignInResult.&lt;/p&gt;
&lt;p&gt;First of all, I would like to know if I am doing this right, and second, if I am doing it correctly, what am I doing wrong?  Please find my relevant bits of code below:&lt;/p&gt;
&lt;p&gt;AuthorizationProvider:&lt;/p&gt;
&lt;pre&gt;&lt;code&gt;public override async Task HandleTokenRequest(HandleTokenRequestContext context) {
      var _dbContext = context.HttpContext.RequestServices.GetRequiredService&amp;lt;DbContext&amp;gt;();
      if(context.Request.IsPasswordGrantType()) {
        var u = await _dbContext.Users.Include(m =&amp;gt; m.Organization).SingleOrDefaultAsync(x =&amp;gt; x.Email.ToLowerInvariant() == context.Request.Username.ToLowerInvariant());
        if(u == null || !PasswordHelper.VerifyPassword(context.Request.Password, u.Password)) {
          context.Reject(
            error: OpenIdConnectConstants.Errors.AccessDenied,
            description: "The email or password is incorrect");
          return;
        } else if(u.Organization == null) {
          context.Reject(
            error: OpenIdConnectConstants.Errors.InvalidGrant,
            description: "Your user account is not associated with an organization.");
          return;
        }
        // // Reject the token request if two-factor authentication has been enabled by the user.
        if(u.TwoFactorEnabled) {
          context.Reject(
              error: OpenIdConnectConstants.Errors.InvalidGrant,
              description: "Two-factor authentication is required for this account.");
          return;
        }
        var identity = new ClaimsIdentity(context.Options.AuthenticationScheme);
        List&amp;lt;Claim&amp;gt; claims = new List&amp;lt;Claim&amp;gt;();
        claims.Add(new Claim(ClaimTypes.NameIdentifier, u.Id.ToString()));
        claims.Add(new Claim(ClaimTypes.Name, context.Request.Username));
        claims.Add(new Claim(ClaimTypes.Role, u.RoleString));
        claims.Add(new Claim("user_id", u.Id.ToString()));
        claims.Add(new Claim("org_id", u.Organization.Id.ToString()));
        foreach(var claim in claims) {
          claim.SetDestinations(new List&amp;lt;string&amp;gt; { OpenIdConnectConstants.Destinations.AccessToken, OpenIdConnectConstants.Destinations.IdentityToken });
        }
        identity.AddClaims(claims);
        var ticket = new AuthenticationTicket(
            new ClaimsPrincipal(identity),
            new AuthenticationProperties(),
            context.Options.AuthenticationScheme);
        // Set the list of scopes granted to the client application.
        ticket.SetScopes(
            /* openid: */ OpenIdConnectConstants.Scopes.OpenId,
            /* email: */ OpenIdConnectConstants.Scopes.Email,
            /* profile: */ OpenIdConnectConstants.Scopes.Profile,
            /* offline_access: */ OpenIdConnectConstants.Scopes.OfflineAccess);
        context.Validate(ticket);
      }
    }
&lt;/code&gt;&lt;/pre&gt;
&lt;p&gt;Authorize Method:&lt;/p&gt;
&lt;pre&gt;&lt;code&gt;[HttpPost]
[Route("authorize")]
public async Task&amp;lt;IActionResult&amp;gt; Authorize() {
  var request = HttpContext.GetOpenIdConnectRequest();
  if(request.Code == null) {
    var u = await _dbContext.Users.SingleOrDefaultAsync(x =&amp;gt; x.Email.ToLowerInvariant() == request.Username.ToLowerInvariant());
    if(u == null || !PasswordHelper.VerifyPassword(request.Password, u.Password)) {
      return Forbid(OpenIdConnectServerDefaults.AuthenticationScheme);
    }
    var response = await _twoFactorProvider.SendCode(CodeMethods.sms, u.AuthyId);
    return Ok(new { Id = u.AuthyId, Response = response });
  } else {
    var response = await _twoFactorProvider.VerifyCode(request.Code, int.Parse(request.Username));
    if(response.Token != "is valid") {
      return Forbid(OpenIdConnectServerDefaults.AuthenticationScheme);
    }
    var u = await _dbContext.Users.Include(m =&amp;gt; m.Organization).SingleOrDefaultAsync(x =&amp;gt; x.AuthyId == int.Parse(request.Username));
    var identity = new ClaimsIdentity(OpenIdConnectServerDefaults.AuthenticationScheme);
    List&amp;lt;Claim&amp;gt; claims = new List&amp;lt;Claim&amp;gt;();
    claims.Add(new Claim(ClaimTypes.NameIdentifier, u.Id.ToString()));
    claims.Add(new Claim(ClaimTypes.Name, u.Email));
    claims.Add(new Claim(ClaimTypes.Role, u.RoleString));
    claims.Add(new Claim("user_id", u.Id.ToString()));
    claims.Add(new Claim("org_id", u.Organization.Id.ToString()));
    foreach(var claim in claims) {
      claim.SetDestinations(new List&amp;lt;string&amp;gt; { OpenIdConnectConstants.Destinations.AccessToken, OpenIdConnectConstants.Destinations.IdentityToken });
    }
    identity.AddClaims(claims);
    var ticket = new AuthenticationTicket(
        new ClaimsPrincipal(identity),
        new AuthenticationProperties(),
        OpenIdConnectServerDefaults.AuthenticationScheme);
    // Set the list of scopes granted to the client application.
    ticket.SetScopes(
        /* openid: */ OpenIdConnectConstants.Scopes.OpenId,
        /* email: */ OpenIdConnectConstants.Scopes.Email,
        /* profile: */ OpenIdConnectConstants.Scopes.Profile,
        /* offline_access: */ OpenIdConnectConstants.Scopes.OfflineAccess);
    return SignIn(ticket.Principal, ticket.Properties, ticket.AuthenticationScheme);
  }
}
&lt;/code&gt;&lt;/pre&gt;
&lt;p&gt;Client Methods:&lt;/p&gt;
&lt;pre&gt;&lt;code&gt;login(email, password) {
  var deferred = q.defer();
  var payload = {
    'grant_type': 'password',
    'username': email,
    'password': password,
    'scope': 'openid offline_access'
  };
  var url = this.authContextConfiguration.baseUrl + 'connect/token';
  $.ajax({
    url: url,
    type: 'POST',
    contentType: 'application/x-www-form-urlencoded',
    data: payload,
    success: function (data) {
      // store the access token / everything else //
      deferred.resolve();
    },
    error: function (req) {
      var error = {
        message: req.responseJSON.error_description || 'There was an error when signing in.'
      };
      deferred.reject(error);
    }
  });
  return deferred.promise;
}
twoFactorLogin(email, password) {
  var deferred = q.defer();
  var payload = {
    'username': email,
    'password': password
  }
  var url = this.authContextConfiguration.baseUrl + 'connect/authorize';
  $.ajax({
    url: url,
    type: 'POST',
    contentType: 'application/x-www-form-urlencoded',
    data: payload,
    success: function (data) {
      deferred.resolve(data);
    },
    error: function (req) {
      var error = {
        message: req.responseJSON.error_description || 'There was an error generating your two factor code.'
      };
      deferred.reject(error);
    }
  });
  return deferred.promise;
}
verifyTwoFactorCode(id, code, remember) {
  var deferred = q.defer();
  var payload = {
    'username': id,
    'code': code,
    'rememberMe': remember
  }
  var url = this.authContextConfiguration.baseUrl + 'connect/authorize';
  $.ajax({
    url: url,
    type: 'POST',
    contentType: 'application/x-www-form-urlencoded',
    data: payload,
    success: function (data) {
      deferred.resolve(data);
    },
    error: function (req) {
      var error = {
        message: req.responseJSON.error_description || 'There was an error verifying your two factor code.'
      };
      deferred.reject(error);
    }
  });
  return deferred.promise;
}
&lt;/code&gt;&lt;/pre&gt;</t>
  </si>
  <si>
    <t>2017-02-09 17:05:42.257000+00:00</t>
  </si>
  <si>
    <t>openid-connect|two-factor-authentication|aspnet-contrib</t>
  </si>
  <si>
    <t>Removing text enclosed between HTML tags using JSoup</t>
  </si>
  <si>
    <t>&lt;p&gt;In some cases of HTML cleaning, I would like to retain the text enclosed between the tags(which is the default behaviour of Jsoup) and in some cases, I would like to remove the text as well as the HTML tags. Can someone please throw some light on how I can remove the text enclosed between the HTML tags using Jsoup?&lt;/p&gt;</t>
  </si>
  <si>
    <t>2011-07-18 20:06:17.170000+00:00</t>
  </si>
  <si>
    <t>2014-09-03 05:39:26.520000+00:00</t>
  </si>
  <si>
    <t>2013-10-26 23:56:03.373000+00:00</t>
  </si>
  <si>
    <t>html|text|jsoup|extract</t>
  </si>
  <si>
    <t>SignalR thinks request is cross domain</t>
  </si>
  <si>
    <t>&lt;p&gt;We faced an issue in our staging environment where SignalR thought the request was coming from another domain. So, we enabled CORS for the time being...however, we realized that we were downgraded to long polling which means we can't maintain server affinity.&lt;/p&gt;
&lt;p&gt;We are using .NET 4 / SignalR 1.2.2 and our request goes through an F5 load balancer. We're trying to debug this issue, obtain logs and disable CORS to get exact details. I tried to map a hub with "&lt;a href="http://domainname.com/signalr" rel="nofollow"&gt;http://domainname.com/signalr&lt;/a&gt;", but it didn't work. The application lanuched without complaining, but I couldn't connect to signalr anymore. Since we're on .NET 4, we can't move to using the latest version / WebSockets.&lt;/p&gt;
&lt;p&gt;What is the best way to instruct SignalR to allow a range of domains? (I've also tried multiple calls to map hubs, but that failed).&lt;/p&gt;
&lt;p&gt;&lt;strong&gt;UPDATE:&lt;/strong&gt;&lt;/p&gt;
&lt;p&gt;Upon further investigation, I've realized that that the application can be accessed internally and externally. SignalR seems to bind to the machine name. Hence, everything works on the local url. However, when we make a request from an external domain which the F5 load balancer forwards, SignalR thinks it's a cross-site request....which theoretically it isn't in this case. &lt;/p&gt;
&lt;p&gt;Is it possible that this is a F5 issue? &lt;/p&gt;
&lt;p&gt;Is there a way to ask SignalR to allow certain domains without downgrading to longPolling?&lt;/p&gt;</t>
  </si>
  <si>
    <t>2014-11-05 04:51:45.313000+00:00</t>
  </si>
  <si>
    <t>2014-11-07 02:10:29.100000+00:00</t>
  </si>
  <si>
    <t>iis|signalr|load-balancing|signalr-hub|f5</t>
  </si>
  <si>
    <t>Setting Marker Icon to UIImage and Properly Resizing it with a background to Make it appear as an icon</t>
  </si>
  <si>
    <t>&lt;p&gt;the code I currently have gets a profile picture from firebase and displays it on the map as the marker icon. &lt;/p&gt;
&lt;pre&gt;&lt;code&gt;                self.ref.child("users").child(location.key as! String).child("userPhoto").observeSingleEventOfType(.Value, withBlock: { (snapshot: FIRDataSnapshot) in
                    if(snapshot.exists()) {
                        let profileUrl = snapshot.value as? String
                        let url = NSURL(string: profileUrl!)
                        NSURLSession.sharedSession().dataTaskWithURL(url!, completionHandler: { (data, response, error) in
                            if error != nil {
                                print(error)
                                return
                            }
                            dispatch_async(dispatch_get_main_queue(), {
                                if let downloadedImage = UIImage(data: data!) {
                                    marker.icon = downloadedImage
                                }
                            })
                        }).resume()
                    }
                })
&lt;/code&gt;&lt;/pre&gt;
&lt;p&gt;Unfortunately, this code just plops a really big image on the map which i dont want. i want a circular image with a border/background that makes it look like a pin/marker. Like this:&lt;/p&gt;
&lt;p&gt;&lt;a href="http://i.stack.imgur.com/owJBs.png" rel="nofollow"&gt;Ideal Deign of The Marker Icon&lt;/a&gt;&lt;/p&gt;
&lt;p&gt;Would anyone know how to do this?&lt;/p&gt;
&lt;p&gt;Any help would be appreciated. 
Thanks!&lt;/p&gt;
&lt;p&gt;P.S: I am new to swift and would really appreciate if you could show me some code with whatever solution you provide. Thanks!&lt;/p&gt;</t>
  </si>
  <si>
    <t>2016-09-03 04:51:57.217000+00:00</t>
  </si>
  <si>
    <t>2016-09-03 15:47:56.730000+00:00</t>
  </si>
  <si>
    <t>2016-09-03 14:37:40.770000+00:00</t>
  </si>
  <si>
    <t>swift|google-maps|firebase|uiimage|firebase-realtime-database</t>
  </si>
  <si>
    <t>blob texts after backup and restore</t>
  </si>
  <si>
    <t>&lt;p&gt;Updated Question :&lt;/p&gt;
&lt;p&gt;I had one old script with mysql 5.5.46 . i was storing my text in one columnt with blob type. my text was persian like this : �������� �������� ���� ������  .
after some month's i changed blob column to longblob column with phpmyadmin with gui(without any converting query).
everything work's correctly but i get backup from my mysql and restored this db after 2 years. now it's not show my persian characters correctly.english text is ok but persian text's is going someting like the hex i mentioned in my question.
I need text's stored in &lt;code&gt;page_about&lt;/code&gt; and &lt;code&gt;page_contact&lt;/code&gt; columns in this table:
Creating Table :&lt;/p&gt;
&lt;pre&gt;&lt;code&gt;    mysql_query("CREATE TABLE `".$prefix."ProFolio_info` (
                      `id` int(5) NOT NULL auto_increment,
                      `page_about` blob NOT NULL,
                      `page_contact` blob NOT NULL,
                      PRIMARY KEY  (`id`)
                    ) TYPE=MyISAM AUTO_INCREMENT=1") or die(mysql_error());
&lt;/code&gt;&lt;/pre&gt;
&lt;p&gt;Updating Data :&lt;/p&gt;
&lt;pre&gt;&lt;code&gt;$info_query = mysql_query("SELECT * FROM ".$prefix."ProFolio_info ORDER BY id DESC LIMIT 0,10");
   while($info_row = mysql_fetch_array($info_query)){
        $about_page = html_entity_decode($info_row['page_about']);
        $contact_page = html_entity_decode($info_row['page_contact']);
    if(isset($_POST['change_settings']) &amp;amp;&amp;amp; $LOGGEDIN == 'yes'){
    $new_aboutpage = clean_page($_POST['about_page']);
    $new_contactpage = clean_page($_POST['contact_page']);
    if($about_page != $new_aboutpage){
        mysql_query("UPDATE ".$prefix."ProFolio_info SET page_about = '$new_aboutpage' WHERE id = '$info_id'");
    }
    if($contact_page != $new_contactpage){
        mysql_query("UPDATE ".$prefix."ProFolio_info SET page_contact = '$new_contactpage' WHERE id = '$info_id'");
    }
&lt;/code&gt;&lt;/pre&gt;
&lt;p&gt;get texts from DB :&lt;/p&gt;
&lt;pre&gt;&lt;code&gt; &amp;lt;textarea name="contact_page"&amp;gt;&amp;lt;? echo str_replace('&amp;lt;br /&amp;gt;', '', $contact_page); ?&amp;gt;&amp;lt;/textarea&amp;gt; 
 &amp;lt;/div&amp;gt;
&lt;/code&gt;&lt;/pre&gt;
&lt;p&gt;i tested some query like cast and convert and convert column to longtest but result is the same and i have wrong chracters.&lt;/p&gt;
&lt;p&gt;I think it stored with latin1 collation but I select column with utf-8 &lt;/p&gt;
&lt;p&gt;&lt;strong&gt;HEX&lt;/strong&gt;&lt;/p&gt;
&lt;pre&gt;&lt;code&gt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
&lt;/code&gt;&lt;/pre&gt;
&lt;p&gt;i uploaded my script &lt;a href="https://github.com/ascrypt/mytest" rel="nofollow"&gt;in github&lt;/a&gt;
also uploaded script in my server and sending text from script but data going to db correctly ! i think it's just because of my backup of database. 
you can check my ready script from &lt;a href="http://209.190.20.251/~afshin/" rel="nofollow"&gt;here&lt;/a&gt; and view my text's from kave note's menu;&lt;/p&gt;</t>
  </si>
  <si>
    <t>2015-12-17 18:15:22.273000+00:00</t>
  </si>
  <si>
    <t>2015-12-31 18:40:14.917000+00:00</t>
  </si>
  <si>
    <t>php|mysql|utf-8|phpmyadmin|blob</t>
  </si>
  <si>
    <t>Tool for sql refactoring?</t>
  </si>
  <si>
    <t>&lt;p&gt;Is there a refactoring tool available for SQL (TSQL in particular).  Is there any tool that can do automatic simplification of SQL?  &lt;/p&gt;
&lt;p&gt;I have a set of views where only the top two are used, and I'd like to refactor this into only two views, hence 10+ queries into two queries.&lt;/p&gt;</t>
  </si>
  <si>
    <t>2010-05-28 13:59:49.423000+00:00</t>
  </si>
  <si>
    <t>2013-10-12 12:09:52.710000+00:00</t>
  </si>
  <si>
    <t>sql|refactoring</t>
  </si>
  <si>
    <t>EntityFramework.SqlServer.dll not is getting added to the published folder only when I publish in RELEASE mode</t>
  </si>
  <si>
    <t>&lt;p&gt;I know there is a problem with EF6 EntityFramework.SqlServer and included  &lt;code&gt;var type = typeof(System.Data.Entity.SqlServer.SqlProviderServices);&lt;/code&gt; in context constructor. It works fine when i do publish in DEBUG mode.&lt;/p&gt;
&lt;p&gt;Getting the below error only when I publish in RELEASE mode. The reason is &lt;code&gt;EntityFramework.SqlServer.dll&lt;/code&gt; missing in the published folder. But, bin folder has EntityFramework.SqlServer.dll for both debug and release mode.&lt;/p&gt;
&lt;p&gt;Error:&lt;/p&gt;
&lt;blockquote&gt;
  &lt;p&gt;The Entity Framework provider type
  'System.Data.Entity.SqlServer.SqlProviderServices,
  EntityFramework.SqlServer' registered in the application config file
  for the ADO.NET provider with invariant name 'System.Data.SqlClient'
  could not be loaded. Make sure that the assembly-qualified name is
  used and that the assembly is available to the running application.&lt;/p&gt;
&lt;/blockquote&gt;
&lt;p&gt;Why is it missing only when I publish using RELEASE mode?&lt;/p&gt;</t>
  </si>
  <si>
    <t>2014-08-21 18:17:33.717000+00:00</t>
  </si>
  <si>
    <t>2018-01-18 10:18:00.723000+00:00</t>
  </si>
  <si>
    <t>2014-08-22 03:08:09.917000+00:00</t>
  </si>
  <si>
    <t>How can I access Heroku ClearDB in my Java web application?</t>
  </si>
  <si>
    <t>&lt;p&gt;I have done add-on Heroku of ClearDB and I want to access that database using Hibernate in my Java web application..&lt;/p&gt;
&lt;p&gt;I have added the connection  to MySQL workbench too. &lt;/p&gt;</t>
  </si>
  <si>
    <t>2018-05-08 05:59:50.527000+00:00</t>
  </si>
  <si>
    <t>2018-05-08 06:38:14.203000+00:00</t>
  </si>
  <si>
    <t>java|database|hibernate</t>
  </si>
  <si>
    <t>MySQL Select all days by grouping a year in each month</t>
  </si>
  <si>
    <t>&lt;p&gt;I have a problem with select query in mysql. My table in phpMyAdmin is like this:&lt;/p&gt;
&lt;pre&gt;&lt;code&gt;  ------------------------------------
  |   Date_id  |        Date         |
  ------------------------------------
  |    1       |  2014-05-13         |
  |    2       |  2014-06-04         |
  |    3       |  2014-07-09         |
  |    4       |  2014-08-13         |
  |    5       |  2014-09-12         |
  |    6       |  2014-10-15         |
  |    7       |  2014-11-19         |
  |    8       |  2014-12-10         |
  |    9       |  2015-01-14         |
  |    10      |  2015-02-11         |
  |    11      |  2015-03-10         |
  |    12      |  2015-04-15         |
  |    13      |  2015-05-12         |
  |    14      |  2015-06-12         |
  ------------------------------------
&lt;/code&gt;&lt;/pre&gt;
&lt;p&gt;And my expect result is like this: &lt;/p&gt;
&lt;pre&gt;&lt;code&gt;------------------------------------------------------------------------------------------
 |   Year  | Jan | Feb | Mar | April | May | June | July | Aug | Sept | Oct | Nov | Dec |
------------------------------------------------------------------------------------------
 | 2014    |     |     |     |       | 13  | 04   | 07   | 13  | 12   | 15  | 19  | 10  |
 ----------------------------------------------------------------------------------------
 | 2015    | 14  | 11  | 10  |  15   | 12  | 12   |      |     |      |     |     |     |
 ----------------------------------------------------------------------------------------
&lt;/code&gt;&lt;/pre&gt;
&lt;p&gt;How can I write the query to select statement?&lt;/p&gt;</t>
  </si>
  <si>
    <t>2014-05-11 04:44:15.083000+00:00</t>
  </si>
  <si>
    <t>2015-01-28 08:39:47.460000+00:00</t>
  </si>
  <si>
    <t>2014-05-11 04:56:48.553000+00:00</t>
  </si>
  <si>
    <t>QT server side has error in write function (stopped in thread 0...)</t>
  </si>
  <si>
    <t>&lt;p&gt;I have a small chat application. I can send data from client to server, but I can not send data from server to client.&lt;br&gt;
this is my server code :&lt;br&gt;
    .pro&lt;/p&gt;
&lt;pre&gt;&lt;code&gt;QT       += core 
QT       += network
QT       -= gui
TARGET = QServer
CONFIG   += console
CONFIG   -= app_bundle
TEMPLATE = app
SOURCES += main.cpp \
    tcpserver.cpp
HEADERS += \
    tcpserver.h
//===========================TCPServer.h
#ifndef TCPSERVER_H
#define TCPSERVER_H
#include &amp;lt;QObject&amp;gt;
#include &amp;lt;QDebug&amp;gt;
#include &amp;lt;QTcpSocket&amp;gt;
#include &amp;lt;QTcpServer&amp;gt;
class TCPServer : public QObject
{
    Q_OBJECT
public:
    explicit TCPServer(QObject *parent = 0);
    ~TCPServer();
signals:
public slots:
    void newConnection();
    void disconnected();
    void readyRead();
    void writeData(QString data);
private:
    QTcpServer *serv;
    QTcpSocket *socket;
};
#endif // TCPSERVER_H
//===========================TCPServer.cpp
#include "tcpserver.h"
TCPServer::TCPServer(QObject *parent) : QObject(parent)
{
    serv=new QTcpServer(this);
    connect(serv,SIGNAL(newConnection()),this,SLOT(newConnection()));
    if(!serv-&amp;gt;listen(QHostAddress::Any,3490))
    {
        qDebug()&amp;lt;&amp;lt;"Server Error in Connecting...."&amp;lt;&amp;lt;serv-&amp;gt;errorString();
    }
    else
        qDebug()&amp;lt;&amp;lt;"Server Started     :)     ";
}
TCPServer::~TCPServer()
{
    disconnected();
}
void TCPServer::newConnection()
{
    socket=serv-&amp;gt;nextPendingConnection();
    connect(socket,SIGNAL(disconnected()),this,SLOT(disconnected()));
    connect(socket,SIGNAL(readyRead()),this,SLOT(readyRead()));
    socket-&amp;gt;write("Hello Client");
    socket-&amp;gt;flush();//clean the buffer
    socket-&amp;gt;waitForReadyRead(3000);
   // sock-&amp;gt;close();
}
void TCPServer::disconnected()
{
    socket-&amp;gt;close();
    qDebug()&amp;lt;&amp;lt;"Good By     :)     ";
}
void TCPServer::readyRead()
{
    //qDebug()&amp;lt;&amp;lt;"Server is Reading ...."&amp;lt;&amp;lt;socket-&amp;gt;readAll();
    while(socket-&amp;gt;canReadLine())
    {
        QByteArray ba = socket-&amp;gt;readLine();
        if(strcmp(ba.constData(), "!exit\n") == 0)
        {
            socket-&amp;gt;disconnectFromHost();
            break;
        }
        //printf("&amp;gt;&amp;gt; %s", ba.constData());
        qDebug() &amp;lt;&amp;lt; "Server is receiving ...."&amp;lt;&amp;lt;ba.constData();
    }
}
void TCPServer::writeData(QString data)
{
    socket-&amp;gt;write(data.toStdString().c_str());
    socket-&amp;gt;flush();//clean the buffer
    socket-&amp;gt;waitForReadyRead(3000);
}
//===========================TCPServer/main.cpp
#include &amp;lt;QCoreApplication&amp;gt;
#include "tcpserver.h"
int main(int argc, char *argv[])
{
    QCoreApplication a(argc, argv);
    TCPServer srv;
//    while(1)
//    {
        QTextStream s(stdin);
        QString value = s.readLine();
        srv.writeData(value);
//    }  
&lt;/code&gt;&lt;/pre&gt;
&lt;p&gt;my server can receive data from client and shows it very well. but when I want send data from server to client it shows me this error :   &lt;/p&gt;
&lt;blockquote&gt;
  &lt;p&gt;stopped in thread 0 by : exception at 0x5118cf9a, code : 0xc0000005:
  read access violation at 0x0x, flags=0x0 (first chance)&lt;/p&gt;
&lt;/blockquote&gt;
&lt;p&gt;.&lt;br&gt;
what does it mean?&lt;br&gt;
Where is my error in write data on socket?&lt;/p&gt;</t>
  </si>
  <si>
    <t>2016-08-04 08:10:14.677000+00:00</t>
  </si>
  <si>
    <t>2016-08-11 09:01:14.747000+00:00</t>
  </si>
  <si>
    <t>Batch Upload for Large Catalogs in Facebook</t>
  </si>
  <si>
    <t>&lt;p&gt;Using Facebook Marketing API, I need to Create and Update large quantity of products in the Catalog. So I am using "Batch Upload for Large Catalogs" for creating products in my catalog.&lt;/p&gt;
&lt;p&gt;Reference Link: &lt;a href="https://developers.facebook.com/docs/marketing-api/dynamic-product-ads/product-catalog#catalog-update-options" rel="nofollow noreferrer"&gt;https://developers.facebook.com/docs/marketing-api/dynamic-product-ads/product-catalog#catalog-update-options&lt;/a&gt;&lt;/p&gt;
&lt;p&gt;I have installed the latest "Facebook-php-ads-sdk" and created a test catalog from my Facebook account. &lt;/p&gt;
&lt;pre&gt;&lt;code&gt;use FacebookAds\Api;
use FacebookAds\Http\RequestInterface;
$catalogID = &amp;lt;&amp;lt;My Catalog ID&amp;gt;&amp;gt;; // Ex: 437777777777777 - Product Catalog ID 
of My Estore
$requests =  array(
    array(
        'method' =&amp;gt; 'CREATE',
        'retailer_id' =&amp;gt; 'retailer-product-id-123',
        'data' =&amp;gt; array(
        'availability' =&amp;gt; 'in stock',
        'brand' =&amp;gt; 'Niky',
        'category' =&amp;gt; 't-shirts',
        'currency' =&amp;gt; 'USD',
        'description' =&amp;gt; 'This is the product description.',
        'image_url' =&amp;gt; 'http://www.images.example.com/t-shirts/1.png',
        'name' =&amp;gt; 'My product name',
        'price' =&amp;gt; '100',
        'url' =&amp;gt; 'http://www.example.com/t-shirts/1.html',
        ),
    ),
);
$data = Api::instance()-&amp;gt;call(
  '/'.$catalogID.'/batch',
  RequestInterface::METHOD_POST,
  array('requests' =&amp;gt; $requests))-&amp;gt;getContent();
&lt;/code&gt;&lt;/pre&gt;
&lt;p&gt;When I integrated the Catalog ID with the above code, I am receiving the error and the products are not added to my catalog.&lt;/p&gt;
&lt;p&gt;Error Occurred:&lt;/p&gt;
&lt;pre&gt;&lt;code&gt;Fatal error: Uncaught exception 'FacebookAds\Http\Exception\AuthorizationException' with message 'Unsupported post request. Object with ID '437777777777777' does not exist, cannot be loaded due to missing permissions, or does not support this operation.
&lt;/code&gt;&lt;/pre&gt;</t>
  </si>
  <si>
    <t>2017-06-21 10:41:15.873000+00:00</t>
  </si>
  <si>
    <t>php|facebook|facebook-graph-api</t>
  </si>
  <si>
    <t>Oracle Date query between and equals</t>
  </si>
  <si>
    <t>&lt;p&gt;I am trying to execute below query,&lt;/p&gt;
&lt;pre&gt;&lt;code&gt;select symbol,effdate,anrev,morev 
from perf_intra 
where effdate 
  between TO_DATE('01/11/2014','dd/mm/yyyy') 
      and TO_DATE('05/12/2015','dd/mm/yyyy') 
  and TO_CHAR(effdate,'dd/mm') = '31/03';
&lt;/code&gt;&lt;/pre&gt;
&lt;p&gt;I have records which satisfies both the conditions. But query returns nothing, but when I tried the conditions separately it works.&lt;/p&gt;
&lt;p&gt;Can anyone please help me to find the issue with my query.&lt;/p&gt;
&lt;hr&gt;
&lt;p&gt;&lt;strong&gt;EDIT:&lt;/strong&gt;&lt;/p&gt;
&lt;p&gt;Let me put my question in more clear way,
Lets consider this,&lt;/p&gt;
&lt;p&gt;&lt;strong&gt;Query&lt;/strong&gt;&lt;/p&gt;
&lt;pre&gt;&lt;code&gt;select symbol,effdate,anrev,morev
from perf_intra
where effdate between TO_DATE('25/11/2013','dd/mm/yyyy') and TO_DATE('05/12/2014','dd/mm/yyyy')
&lt;/code&gt;&lt;/pre&gt;
&lt;p&gt;&lt;strong&gt;Sample Data&lt;/strong&gt;&lt;/p&gt;
&lt;pre&gt;&lt;code&gt;BMA 25-NOV-13 12.00.00.000000000 AM 12.3977 11.2296
BMA 26-NOV-13 12.00.00.000000000 AM 12.4174 11.2468
BMA 27-NOV-13 12.00.00.000000000 AM 12.3991 11.2307
BMA 29-NOV-13 12.00.00.000000000 AM 12.3975 11.2294
BMA 02-DEC-13 12.00.00.000000000 AM 12.3631 11.1991
&lt;/code&gt;&lt;/pre&gt;
&lt;p&gt;&lt;strong&gt;Table Description&lt;/strong&gt; &lt;/p&gt;
&lt;pre&gt;&lt;code&gt; Name    Null Type              
---------------------
SYMBOL       VARCHAR2(20 CHAR) 
EFFDATE      TIMESTAMP(6)      
ANREV        VARCHAR2(20 CHAR) 
MOREV        VARCHAR2(20 CHAR) 
REVAL        VARCHAR2(20 CHAR) 
&lt;/code&gt;&lt;/pre&gt;
&lt;p&gt;&lt;strong&gt;I want all the records whose effdate is (Mar 31) and between (25/11/2013) to (05/12/2014)&lt;/strong&gt;&lt;/p&gt;
&lt;p&gt;Guys,&lt;/p&gt;
&lt;p&gt;Following solution worked,&lt;/p&gt;
&lt;pre&gt;&lt;code&gt;select symbol,effdate,anrev,morev 
from perf_intra 
where effdate between 
      TO_DATE('25/11/2013','dd/mm/yyyy') and 
      TO_DATE('05/12/2014','dd/mm/yyyy')  
  and EXTRACT(month FROM effdate)=3 
  and EXTRACT(day FROM effdate)=31
&lt;/code&gt;&lt;/pre&gt;
&lt;p&gt;Thank you all&lt;/p&gt;</t>
  </si>
  <si>
    <t>2014-12-10 20:18:41.107000+00:00</t>
  </si>
  <si>
    <t>2014-12-10 21:17:41.593000+00:00</t>
  </si>
  <si>
    <t>sql|oracle|date</t>
  </si>
  <si>
    <t>php: alert user to Upload attachment limit and still submit form data</t>
  </si>
  <si>
    <t>&lt;p&gt;I have a codeigniter php app.  User fills out page, submits form for consideration.  The form allows user to attach files with their submission.  There is there is a 5mb limit on the file size that can be uploaded.  When the user exceeds the limit, the form tries to submit, but ends up basically resetting/refreshing itself, so all the fields are blank, user has to reenter data.  &lt;/p&gt;
&lt;p&gt;How can/should I do two things:
alert user the attachments have exceeded the limit allowed and
submit the form data, excluding the attachments&lt;/p&gt;</t>
  </si>
  <si>
    <t>2013-03-15 15:25:18.317000+00:00</t>
  </si>
  <si>
    <t>2013-03-15 15:39:31.403000+00:00</t>
  </si>
  <si>
    <t>How to add icon button beside dropdownlist globally using jquery</t>
  </si>
  <si>
    <t>&lt;p&gt;I am working on a MVC4 web application.Everything working fine but in the end of the project i got one new requirement in which i have to show a Plus icon beside of each dropdownlist present on almost 20 pages like.&lt;/p&gt;
&lt;p&gt;&lt;img src="https://i.stack.imgur.com/GVj6y.jpg" alt="enter image description here"&gt;&lt;/p&gt;
&lt;p&gt;In the above picture in item dropdownlist i had added icon manually.But i want to add this icon with every dropdownlist present in full project. On clicking this icon one pop-up will open with a text box. User will enter new item in this and save.&lt;/p&gt;
&lt;p&gt;&lt;strong&gt;Common structure of page is :&lt;/strong&gt;&lt;/p&gt;
&lt;pre&gt;&lt;code&gt;&amp;lt;div runat="server" id="divFormLayout" class="formLayout"&amp;gt;
&amp;lt;div class="TabSectionL" style="width: 99%"&amp;gt;
        &amp;lt;span class="TabSectionHeader"&amp;gt;Item Details&amp;lt;/span&amp;gt;
        &amp;lt;table cellpadding="4" cellspacing="4"&amp;gt;
            &amp;lt;tr&amp;gt;
                &amp;lt;td&amp;gt;
                    Item
                &amp;lt;/td&amp;gt;
                &amp;lt;td&amp;gt;
                    @if (ViewData["ItemDesc"] != null)
                    {
                        @Html.DropDownListFor(m =&amp;gt; m.str_itemdsc, (SelectList)(ViewData["ItemDesc"]), "-Select-", new { @class = "validate[required] cairs_item_dropdown", tabindex = "1" })
                    }
                    else
                    {
                        @Html.DropDownList("str_itemdsc", new SelectList(""), "", new { tabindex = "1" })
                    }
                &amp;lt;/td&amp;gt;
        &amp;lt;/tr&amp;gt;
        &amp;lt;/table&amp;gt;
    &amp;lt;/div&amp;gt;
&amp;lt;/div&amp;gt;
&lt;/code&gt;&lt;/pre&gt;
&lt;p&gt;&lt;strong&gt;Problem :&lt;/strong&gt; How i can add plus icon dynamically beside each dropdownlist.&lt;/p&gt;</t>
  </si>
  <si>
    <t>2013-08-20 07:53:37.390000+00:00</t>
  </si>
  <si>
    <t>2013-08-20 08:13:33.203000+00:00</t>
  </si>
  <si>
    <t>Angular js - stop Controller's activities (http request tho) when switching controller (site page)</t>
  </si>
  <si>
    <t>&lt;p&gt;everythings works great in my app BUT&lt;/p&gt;
&lt;p&gt;I got  a strange problem:&lt;/p&gt;
&lt;p&gt;If i'm on &lt;code&gt;/channels&lt;/code&gt; and i launch the &lt;code&gt;pagination&lt;/code&gt;  the pagination takes about 5 seconds to ends up, &lt;/p&gt;
&lt;p&gt;so if in the meantime that pagination is loading, i &lt;strong&gt;change controller and view&lt;/strong&gt; browsing another app page, &lt;strong&gt;when pagination has finished his process i get redirected to /channels&lt;/strong&gt; :O&lt;/p&gt;
&lt;blockquote&gt;
  &lt;p&gt;How is this possible? And how to avoid this?&lt;/p&gt;
&lt;/blockquote&gt;
&lt;p&gt;This is the simple piece of code involved:&lt;/p&gt;
&lt;pre&gt;&lt;code&gt; $routeProvider
        .when('/',{
            templateUrl:'views/home/index.html',
            controller:'HomeController'
        })
        .when('/auth/login',{
            templateUrl:'views/auth/login.html',
            controller:'UsersController'
        })
        .when('/auth/signup',{
            templateUrl:'views/auth/signup.html',
            controller:'UsersController'
        })
        .when('/channels',{
            templateUrl:'views/channels/index.html',
            controller:'BrowseController'
        })
        .when('/channels/search',{
            templateUrl:'views/channels/index.html',
            controller:'BrowseController',
            reloadOnSearch: false
        })
        .when('/channels/create',{
            templateUrl:'views/channels/create.html',
            controller:'ChannelsController'
        })
        .when('/users',{
            templateUrl:'views/users/index.html',
            controller:'UsersController'
        })
        .otherwise({
            redirectTo:'/'
        });
    app.controller('BrowseController',['$rootScope','$scope','$route','$routeParams','$http','$location','ngDialog', function($rootScope,$scope,$route,$routeParams,$http,$location,ngDialog) {
          $scope.layout.loading = true;
        $scope.pagination = {
            "keywords":$routeParams.keywords,
            "offset":$routeParams.offset ,
            "genre":$routeParams.genre ,
            "last_item":0,
            "results": []
        }
        $scope.redirect_pagination = function(_map){
            $location.path('channels/search').search(_map);
        }
        $scope.paginate = function(_offset,_genre,_keywords){
             $rootScope.layout.loading = true;
            if(!_offset){
                _offset = 1;
            }
            $http({
                method:'GET',
                url:$scope.config.app_ws+'get/channels/',
                params:{
                    offset:_offset,
                    genre:_genre,
                    keywords: _keywords
                }
            }).success(function(response){
            $scope.pagination.results.push(response);
            $scope.pagination.last_item = $scope.pagination.results.length;
            if($scope.config.app_url !== '/channels'){
                 $scope.redirect_pagination({
                    'offset':_offset,
                    'genre':_genre,
                    'keywords':_keywords
                });
             }
             $scope.pagination.offset = _offset * 2 ;
             $rootScope.layout.loading = false;
            }).error(function(status, response){
                alert('opsss');
            });
        }
        //default pagination or by url params
        $scope.paginate($scope.pagination.offset,$scope.pagination.genre,$scope.pagination.keywords);
    }])
&lt;/code&gt;&lt;/pre&gt;
&lt;p&gt;other stuffs:&lt;/p&gt;
&lt;pre&gt;&lt;code&gt;$rootScope.$on('$routeChangeStart', function(newRoute, oldRoute) {
$rootScope.layout.loading = true;
//Make app scroll to top by default while navigating or use #anchor in url like http://sitse.com/someroute/?scrollTo=&amp;lt;:id_element:&amp;gt; to make it scroll to that element :id:
$location.hash($routeParams.scrollTo);
$anchorScroll();
//Close dialog every route change
ngDialog.close();
});
$rootScope.$on('$routeChangeError', function() {
//hide loading gif
$rootScope.layout.loading = false;
});
$rootScope.$on('$routeChangeSuccess', function() {
//Animate only some route
if($rootScope.layout.routes.indexOf($rootScope.config.app_url) == -1){
    $rootScope.layout.animation = false;
}else{
    $rootScope.layout.animation = true;
} 
//hide loading gif
$rootScope.layout.loading = false;
});
}]);
&lt;/code&gt;&lt;/pre&gt;</t>
  </si>
  <si>
    <t>2014-02-12 14:25:37.763000+00:00</t>
  </si>
  <si>
    <t>2014-02-12 15:19:10.860000+00:00</t>
  </si>
  <si>
    <t>2014-02-12 15:10:11.360000+00:00</t>
  </si>
  <si>
    <t>javascript|angularjs|http|redirect|controller</t>
  </si>
  <si>
    <t>Python Tkinter Embed Matplotlib in GUI</t>
  </si>
  <si>
    <t>&lt;p&gt;I'm trying to embed a plot in my Tkinter GUI coded in Python. I believe the code below succeeds in simply putting a graph into a canvas, but I don't have any control of the canvas location within the GUI grid. I want to be able to have a subsection of my GUI be the plot...not the entirety of it. How can I position this canvas widget?&lt;/p&gt;
&lt;pre&gt;&lt;code&gt;#!/usr/apps/Python/bin/python
import matplotlib, sys
matplotlib.use('TkAgg')
from numpy import arange, sin, pi
from matplotlib.backends.backend_tkagg import FigureCanvasTkAgg, NavigationToolbar2TkAgg
from matplotlib.figure import Figure
from Tkinter import *
master = Tk()
master.title("Hello World!")
#-------------------------------------------------------------------------------
f = Figure(figsize=(5,4), dpi=100)
a = f.add_subplot(111)
t = arange(0.0,3.0,0.01)
s = sin(2*pi*t)
a.plot(t,s)
dataPlot = FigureCanvasTkAgg(f, master=master)
dataPlot.show()
dataPlot.get_tk_widget().pack(side=TOP, fill=BOTH, expand=1)
#-------------------------------------------------------------------------------
master.mainloop()
&lt;/code&gt;&lt;/pre&gt;</t>
  </si>
  <si>
    <t>2010-11-01 22:35:42.310000+00:00</t>
  </si>
  <si>
    <t>2010-11-02 12:05:16.743000+00:00</t>
  </si>
  <si>
    <t>python|canvas|grid|matplotlib|tkinter</t>
  </si>
  <si>
    <t>What is the expiry time of bigcommerce access tokens?</t>
  </si>
  <si>
    <t>&lt;p&gt;I have created a app in bigcommerce and authenticated through oauth and also got an access tokens. But I am not sure about the expiry time of the access token.&lt;/p&gt;</t>
  </si>
  <si>
    <t>2014-10-07 11:31:32.440000+00:00</t>
  </si>
  <si>
    <t>bigcommerce</t>
  </si>
  <si>
    <t>Django multiple forms 1 view..Form errors issue</t>
  </si>
  <si>
    <t>&lt;p&gt;im having some trouble with displaying form errors within one view. I'm currently a student and have been taking python classes for 2 semesters. I decided to learn some Django on my own. &lt;/p&gt;
&lt;p&gt;The issue that i have come across is that im trying to have a multistep process so a user can post a book. But, i want to do it within the same url. so when the user finishes the first form and clicks submit it will go on to the next form but the url wont change. I have figured this out. my issues is that when i get to the second form there are form errors already displaying that appear along with the form. I spend like 3 hours yesterday trying to figure out and no luck. 
so if anyone can give a helping hand that would be great! thanks!&lt;/p&gt;
&lt;pre&gt;&lt;code&gt;def book_post(request):
    if request.method == 'POST':
        formone = bookFormOne(request.POST)        
        formtwo = bookFormTwo(request.POST, request.FILES)
        if formtwo.is_valid():   
            #.....do form2 valid stuff
            return HttpResponseRedirect('/success')        
        if formone.is_valid() :
            #....do form1 valid stuff
            #formtwo = bookFormTwo()..if i add this the errors wont display but then    errors from the first form spill over and it wont allow the second form to be valid...###
            args = {'form2':formtwo,'isbn':isbn,'subject':subject}
            args.update(csrf(request)) 
            return render_to_response('book_post_form2.html', args,context_instance=RequestContext(request))        
        else:
            args = {}
            args['form'] = formone
            args['form2'] = formtwo
            args.update(csrf(request))            
    else: 
        form = bookFormOne()
        args = {'form':form}
        args.update(csrf(request)) 
    return render_to_response('book_post.html', args,context_instance=RequestContext(request)) 
&lt;/code&gt;&lt;/pre&gt;</t>
  </si>
  <si>
    <t>2013-06-11 17:37:10.550000+00:00</t>
  </si>
  <si>
    <t>2013-06-11 18:07:59.303000+00:00</t>
  </si>
  <si>
    <t>2013-06-11 17:46:17.663000+00:00</t>
  </si>
  <si>
    <t>python|django|forms|views</t>
  </si>
  <si>
    <t>How to format django DateField in model from YYYY-MM-DD to MM/DD/YYYY</t>
  </si>
  <si>
    <t>&lt;p&gt;I have an excel file with over 40 thousand lines to import into MYSQL using a python script and the date format in the excel file is &lt;code&gt;MM/DD/YYYY&lt;/code&gt; while the corresponding MYSQL field is expecting &lt;code&gt;YYYY-MM-DD&lt;/code&gt;.
Thefore; it gives the following error on the terminal: &lt;code&gt;"Incorrect date value: '12/02/1960' for column 'dob' at row 1"&lt;/code&gt;
Is there any django date field option that looks like the following:&lt;/p&gt;
&lt;pre&gt;&lt;code&gt;date = models.DateField(format=MM-DD-YYYY)
&lt;/code&gt;&lt;/pre&gt;
&lt;p&gt;I used django to create the MYSQL Table with the migration command.&lt;/p&gt;
&lt;p&gt;I CANNOT EDIT THE DATES IN THE EXCEL FILE MANUALLY BECAUSE THERE ARE OVER 40,000 LINES.&lt;/p&gt;
&lt;p&gt;If is not possible in django, how can I modify it in MYSQL instead?&lt;/p&gt;
&lt;p&gt;Or can someone guide me to how to write a python script to sort the dates in the excel date colomn?&lt;/p&gt;
&lt;p&gt;Any of these or any other methods are welcomed.&lt;/p&gt;
&lt;p&gt;Thanks&lt;/p&gt;</t>
  </si>
  <si>
    <t>2018-08-17 13:25:35.830000+00:00</t>
  </si>
  <si>
    <t>2018-08-18 11:56:26.480000+00:00</t>
  </si>
  <si>
    <t>python|mysql|django</t>
  </si>
  <si>
    <t>sql select in table grammage</t>
  </si>
  <si>
    <t>&lt;pre&gt;&lt;code&gt;+----+------------+---------+-----------+
| id | type_id    | grammage| price     | 
+----+------------+---------+-----------+
|  1 | 1          |      20 |        44 |
|  2 | 1          |      50 |        80 | 
|  3 | 1          |     100 |       110 | 
|  4 | 1          |     250 |       180 | 
|  5 | 1          |     500 |       250 | 
+----+------------+---------+-----------+
&lt;/code&gt;&lt;/pre&gt;
&lt;p&gt;I want to select price per grammage 
Exemple : select 150 gram&lt;/p&gt;</t>
  </si>
  <si>
    <t>2017-12-23 00:53:19.527000+00:00</t>
  </si>
  <si>
    <t>2017-12-23 03:39:19.130000+00:00</t>
  </si>
  <si>
    <t>2017-12-23 00:54:58.833000+00:00</t>
  </si>
  <si>
    <t>mysql|laravel</t>
  </si>
  <si>
    <t>How do you find the "main" picture of a website, given the URL?</t>
  </si>
  <si>
    <t>&lt;p&gt;Let's say you're given &lt;a href="http://nytimes.com" rel="noreferrer"&gt;http://nytimes.com&lt;/a&gt;
How would you pull out the "main" image?&lt;/p&gt;
&lt;p&gt;The reason I'm asking is because Flipboard is able to grab the main image from a website, just using the URL.&lt;/p&gt;
&lt;p&gt;You could parse out all the image tags. But then what?&lt;/p&gt;</t>
  </si>
  <si>
    <t>2010-10-30 03:11:51.993000+00:00</t>
  </si>
  <si>
    <t>2016-03-04 11:22:45.963000+00:00</t>
  </si>
  <si>
    <t>html|image|parsing|templates</t>
  </si>
  <si>
    <t>react-router-redux history not being accepted (from sample code)</t>
  </si>
  <si>
    <t>&lt;p&gt;Working with the example in the README at &lt;/p&gt;
&lt;p&gt;&lt;a href="https://github.com/ReactTraining/react-router/tree/master/packages/react-router-redux" rel="nofollow noreferrer"&gt;https://github.com/ReactTraining/react-router/tree/master/packages/react-router-redux&lt;/a&gt;&lt;/p&gt;
&lt;p&gt;I have created this layout in my index:&lt;/p&gt;
&lt;pre class="lang-js prettyprint-override"&gt;&lt;code&gt;// attach the redux dev tools extension for Chrome
const composeEnhancers = window.__REDUX_DEVTOOLS_EXTENSION_COMPOSE__ || compose;
// apply router logic as middleware
const history = createHistory();
const router_mw = routerMiddleware(history);
// second arg to createStore is the inital redux store state
const store = createStore(
  reducers,
  initialState,
  composeEnhancers(
    applyMiddleware(
      ReduxPromise,
      ReduxThunk,
      router_mw
    )
));
// --&amp;gt; add routes for logs, opsec, etc. later
ReactDOM.render(
  &amp;lt;Provider store={ store }&amp;gt;
    &amp;lt;ConnectedRouter history={ history }&amp;gt;  // &amp;lt;- error here
      &amp;lt;div&amp;gt;
        &amp;lt;Route exact path="/" component={ LoginScreen } /&amp;gt;
        &amp;lt;Route path="/comp1" component={ comp1 } /&amp;gt;
        &amp;lt;Route path="/comp2" component={ comp2 } /&amp;gt;
      &amp;lt;/div&amp;gt;
    &amp;lt;/ConnectedRouter&amp;gt;
  &amp;lt;/Provider&amp;gt;
  , document.getElementById('root')
);
&lt;/code&gt;&lt;/pre&gt;
&lt;p&gt;Any attempt to compile it complains about { history } in the ConnectedRouter entry point:&lt;/p&gt;
&lt;pre&gt;&lt;code&gt;Warning: React.createElement: type is invalid -- expected a string (for built-in components) or a class/function (for composite components) but got: undefined. You likely forgot to export your component from the file it's defined in. Check your code at index.js:52.
&lt;/code&gt;&lt;/pre&gt;
&lt;p&gt;What am I missing? This is a &lt;code&gt;react-router-redux&lt;/code&gt; retrofit - going back to &lt;code&gt;react-router&lt;/code&gt; (and changing &lt;code&gt;ConnectedRouter&lt;/code&gt; to &lt;code&gt;BrowserRouter&lt;/code&gt;) and everything works as expected.&lt;/p&gt;</t>
  </si>
  <si>
    <t>2017-06-12 13:37:08.393000+00:00</t>
  </si>
  <si>
    <t>2018-02-14 15:05:22.273000+00:00</t>
  </si>
  <si>
    <t>react-router|react-router-redux</t>
  </si>
  <si>
    <t>How can call on_menu_about(); function of UserMenu.js in Odoo 9?</t>
  </si>
  <si>
    <t>&lt;p&gt;I want to create a odoo backend theme, so I use a icon for &lt;strong&gt;About&lt;/strong&gt; tab, means when I click on the icon the About popup will be generated. I tried some code but that don't work:&lt;/p&gt;
&lt;p&gt;.xml&lt;/p&gt;
&lt;pre&gt;&lt;code&gt;&amp;lt;xpath expr="//ul[@class='nav navbar-nav navbar-right oe_user_menu_placeholder']" position="inside"&amp;gt;
    &amp;lt;li&amp;gt;&amp;lt;a href="#" onClick="web.UserMenu.on_menu_about();" data-menu="about" title="About"&amp;gt;&amp;lt;i class="fa fa-question-circle"&amp;gt;&amp;lt;/i&amp;gt;&amp;lt;/a&amp;gt;&amp;lt;/li&amp;gt;
&amp;lt;/xpath&amp;gt;
&lt;/code&gt;&lt;/pre&gt;
&lt;p&gt;but it did not work.&lt;/p&gt;</t>
  </si>
  <si>
    <t>2016-07-04 12:52:50.233000+00:00</t>
  </si>
  <si>
    <t>2016-07-05 12:22:12.893000+00:00</t>
  </si>
  <si>
    <t>javascript|xml|odoo-9</t>
  </si>
  <si>
    <t>Using URLConnection and OutputStreamReader inside a Service</t>
  </si>
  <si>
    <t>&lt;p&gt;I am trying to use URLConnection and OutputStreamWriter, to send data to a php file on localhost, inside of a Service. The project builds without any errors but when I run the app no data is sent to the server. The try block is returning a null exception.&lt;/p&gt;
&lt;pre&gt;&lt;code&gt;public void onCreate() {
        Toast.makeText(this, "Service Created", Toast.LENGTH_LONG).show();
        WifiManager wifi = (WifiManager) getSystemService(Context.WIFI_SERVICE);
        wifi.setWifiEnabled(true);
}
    @Override
    public void onStart(Intent intent, int startid) {
        WifiManager wifi = (WifiManager) getSystemService(Context.WIFI_SERVICE);
        if(wifi != null &amp;amp;&amp;amp; wifi.isWifiEnabled()) {
            //The code
            rssi = wifi.getConnectionInfo().getRssi(); 
            name = wifi.getConnectionInfo().getSSID(); 
            addr = wifi.getConnectionInfo().getBSSID(); 
            level = WifiManager.calculateSignalLevel(rssi, 100);  
            percentage = (int) ((level / 100.0) * 100);
            pc=Integer.toString(percentage);
        }
        Toast.makeText(this, "Service Started", Toast.LENGTH_LONG).show();
        try {
            link = "http://192.168.0.8:80/clubsol.php";
            data = URLEncoder.encode("name", "UTF-8") + "=" +
                    URLEncoder.encode(name, "UTF-8");
            data += "&amp;amp;" + URLEncoder.encode("mac", "UTF-8") + "=" +
                    URLEncoder.encode(addr, "UTF-8");
            data += "&amp;amp;" + URLEncoder.encode("percentage", "UTF-8") + "=" +
                    URLEncoder.encode(pc, "UTF-8");
            URL url = new URL(link);
            URLConnection conn = url.openConnection();
            conn.setDoOutput(true);
            OutputStreamWriter wr = new OutputStreamWriter(conn.getOutputStream());
            wr.write(data);
        }
        catch(Exception e){
            System.out.println("Exception: " + e.getMessage());
            Toast.makeText(this, "Exception: " + e.getMessage(), Toast.LENGTH_LONG).show();
        }
    }
    @Override
    public void onDestroy() {
        Toast.makeText(this, "Service Stopped", Toast.LENGTH_LONG).show();
    }
&lt;/code&gt;&lt;/pre&gt;</t>
  </si>
  <si>
    <t>2017-02-23 15:13:35.520000+00:00</t>
  </si>
  <si>
    <t>android|service|null|outputstream|urlconnection</t>
  </si>
  <si>
    <t>How to create multiple binary C++ netbeans project?</t>
  </si>
  <si>
    <t>&lt;p&gt;In my C++ linux project I wanna create daemon executable that forks and executes actual executable. I couldn't find a facility in netbeans IDE to create multiple main files that compile into corresponding executables. Need help in doing it in Netbeans IDE.&lt;/p&gt;</t>
  </si>
  <si>
    <t>2013-11-02 06:08:07.317000+00:00</t>
  </si>
  <si>
    <t>2014-05-01 15:26:38.107000+00:00</t>
  </si>
  <si>
    <t>c++|netbeans</t>
  </si>
  <si>
    <t>Cant create array with information I need</t>
  </si>
  <si>
    <t>&lt;p&gt;I have an array that I have created with a custom class Students. The information is pulled from a php file and stored in an NSMutableArray after converting the Json format it comes in. For some reason when I try to pull the names of the students after the array has been loaded, they all have the same name. I created an extra simple array that only stores names and that array gets filled each time the student array gets filled but the simple array has the right names I am looking for. I am including my code. Thank you in advance!!&lt;/p&gt;
&lt;p&gt;Code:&lt;/p&gt;
&lt;pre&gt;&lt;code&gt;NSMutableURLRequest *request = [[NSMutableURLRequest alloc]init];
[request setURL:[NSURL URLWithString:@"http://mysite.com/students.php"]];
NSData *returnData = [NSURLConnection sendSynchronousRequest:request returningResponse:nil error:nil]; //Or async request
NSError *error=nil;
NSArray *results = [NSJSONSerialization JSONObjectWithData:returnData options:0 error:&amp;amp;error];
//Download information and organize on student class
for (int i=0; i&amp;lt;[results count];i++) {
    NSDictionary *DetailDictonary=[results objectAtIndex:i];
    if([studentArray count] == 0){
        NSString *ID = [DetailDictonary objectForKey:@"ID"];
        NSLog(ID);
        NSString *Name = [DetailDictonary objectForKey:@"post_title"];
        NSLog(Name);
        student.studentID =[DetailDictonary objectForKey:@"ID"];
        student.studentName = [DetailDictonary objectForKey:@"post_title"];
        student.grade = [DetailDictonary objectForKey:@"post_content"];
        [studentArray addObject:artist]; // add to array of students
        Students *temp = [studentArray objectAtIndex:0];
        NSLog(temp.studentName);
        [tableData addObject:Name]; // simple array used for testing
    }
    else{
        Students *temp = [studentArray objectAtIndex:0];
        NSLog(temp.studentName); // verify if name is still the first name added and has not been replaced
        for(int i=0; i &amp;lt;[studentArray count]; i++){
            tempSt = [studentArray objectAtIndex:i];
            NSString *tempcompID = tempSt.studentID;
            NSString *tempID = [DetailDictonary objectForKey:@"ID"];
            NSString *Metakey = [DetailDictonary objectForKey:@"meta_key"];
            int ID = [tempID intValue];
            int compID = [tempcompID intValue];
            NSString *metavalue;
            //////////////////////////////////////////////
            /* BOOL isname = false;
             for(int i=0; i &amp;lt;[studentArray count]; i++){
             Students *temp = [studentArray objectAtIndex:i];
             if([temp.studentID isEqualToString:tempID]){
             isname = true;
             }
             }*/
            //////////////////////////////////////////////
            if (compID == ID) {
                NSLog(temp.studentName);
                NSLog(@"student in the array");
                ////////////////////////////
                NSString *Metakey = [DetailDictonary objectForKey:@"meta_key"]; // get key value onto variable
                //NSString *Facebook = [[studentArray objectAtIndex:i] getFacebook];
                NSString *Facebook = tempSt.facebook;
                if([Facebook length] == 0 &amp;amp;&amp;amp; [Metakey isEqualToString:@"wpzoom_facebook"]){
                    Facebook = [DetailDictonary objectForKey:@"meta_value"];
                    student.facebook = Facebook;
                }
            }
            else{
                BOOL boolean = false;
                for(int i=0; i &amp;lt;[studentArray count]; i++){
                    Students *temp = [studentArray objectAtIndex:i];
                    if([temp.studentID isEqualToString:tempID]){
                        boolean = true;
                    }
                }
                if(boolean == false){
                    NSLog(temp.studentName);
                    NSLog(@"student in the array");
                    NSLog(@"New student create");
                    NSString *Name = [DetailDictonary objectForKey:@"post_title"];
                    NSLog(Name);
                    NSString *metavalue;
                    NSLog(@"MADE IT HERE");
                    student.studentID =[DetailDictonary objectForKey:@"ID"];
                    student.studentName = [DetailDictonary objectForKey:@"post_title"];
                    student.bio = [DetailDictonary objectForKey:@"post_content"];
                    [studentArray addObject:artist];
                    [tableData addObject:Name];
                    NSLog(@"IM HERE2");
                    break;
                }
            }
        }
    }
}
&lt;/code&gt;&lt;/pre&gt;</t>
  </si>
  <si>
    <t>2013-08-29 02:50:42.907000+00:00</t>
  </si>
  <si>
    <t>2013-08-29 09:00:57.843000+00:00</t>
  </si>
  <si>
    <t>2013-08-29 06:41:08.270000+00:00</t>
  </si>
  <si>
    <t>iphone|ios|objective-c|arrays</t>
  </si>
  <si>
    <t>Sql combining Strings together</t>
  </si>
  <si>
    <t>&lt;p&gt;I have a datepicker that returns&lt;/p&gt;
&lt;p&gt;&lt;code&gt;$Time: 09:00&lt;/code&gt; (this is string)&lt;/p&gt;
&lt;p&gt;&lt;code&gt;$Date: 2014-05-01&lt;/code&gt; (this is string)&lt;/p&gt;
&lt;p&gt;I want to combine them as strings to get this:&lt;/p&gt;
&lt;p&gt;&lt;code&gt;$From: 2014-05-02T09:00:00&lt;/code&gt;&lt;/p&gt;
&lt;p&gt;So i need &lt;code&gt;$From = $Date + 'T' + $Time + ':00'&lt;/code&gt;&lt;/p&gt;
&lt;p&gt;Why isn't this working:&lt;/p&gt;
&lt;pre&gt;&lt;code&gt;include 'Db.php';
$dateFrom = '2014-05-02' . 'T' . '09:00' . ':00';
$dateTo = '2014-05-02' . 'T' . '14:00' . ':00';
$con = DbConnect();
$sql = "insert into calendar(ContactName, DateFrom, DateTo, ContactPhone) values ('User', '".$dateFrom."', '".$dateTo."', '1234567' )";
print(json_encode(mysqli_affected_rows($con))); 
mysqli_close($con);  
&lt;/code&gt;&lt;/pre&gt;</t>
  </si>
  <si>
    <t>2014-05-01 14:12:00.290000+00:00</t>
  </si>
  <si>
    <t>2014-05-01 14:44:51.047000+00:00</t>
  </si>
  <si>
    <t>2014-05-01 14:34:34.373000+00:00</t>
  </si>
  <si>
    <t>php|sql|phpmyadmin</t>
  </si>
  <si>
    <t>#1130 Cannot log in to the MySQL server</t>
  </si>
  <si>
    <t>&lt;p&gt;#1130 Cannot log in to the MySQL server&lt;/p&gt;
&lt;p&gt;im getting this error while my trying to log in to phpmyadmin through virtualmin ( virtualmin has given me credentials to log in to phpmyadmin , but when i enter those it shows the above error )&lt;/p&gt;
&lt;p&gt;please help !!&lt;/p&gt;</t>
  </si>
  <si>
    <t>2017-04-12 09:52:39.647000+00:00</t>
  </si>
  <si>
    <t>setInterval() acts weird after switching tabs</t>
  </si>
  <si>
    <t>&lt;p&gt;I have created an effect using javascript to show top categories in my project.&lt;/p&gt;
&lt;p&gt;&lt;a href="https://i.stack.imgur.com/OqJYu.gif" rel="nofollow noreferrer"&gt;&lt;img src="https://i.stack.imgur.com/OqJYu.gif" alt="enter image description here"&gt;&lt;/a&gt;&lt;/p&gt;
&lt;p&gt;As you can see in the image above, it works perfectly fine. But after running for sometime; If the user leaves this page and switched to another tab and come back to this after sometime, then it starts to act weird.&lt;/p&gt;
&lt;p&gt;&lt;a href="https://i.stack.imgur.com/AyqE4.gif" rel="nofollow noreferrer"&gt;&lt;img src="https://i.stack.imgur.com/AyqE4.gif" alt="enter image description here"&gt;&lt;/a&gt;&lt;/p&gt;
&lt;p&gt;Below is the code which I'm using to make this effect.&lt;/p&gt;
&lt;pre&gt;&lt;code&gt;var curCat = 0;
var cats = [
  "&amp;lt;a href='/search/?cat=1'&amp;gt;Animals&amp;lt;/a&amp;gt;",
  "&amp;lt;a href='/search/?cat=2'&amp;gt;Graffiti&amp;lt;/a&amp;gt;",
  "&amp;lt;a href='/search/?cat=3'&amp;gt;Figures&amp;lt;/a&amp;gt;",
  "&amp;lt;a href='/search/?cat=6'&amp;gt;Landscape&amp;lt;/a&amp;gt;",
  "&amp;lt;a href='/search/?cat=7'&amp;gt;Portrait&amp;lt;/a&amp;gt;",
  "&amp;lt;a href='/search/?cat=9'&amp;gt;Other&amp;lt;/a&amp;gt;"
];
function catSlider() {
  $(catDisplay).html(cats[curCat]);
  $(catDisplay).fadeIn();
  setInterval(function() {
    $(catDisplay).fadeOut();
    setTimeout(function() {
      if (++curCat &amp;gt;= cats.length) {
        curCat = 0;
      }
      $(catDisplay).html(cats[curCat]);
      $(catDisplay).fadeIn();
    }, 400);
  }, 3000);
}
$(document).ready(function() {
  catSlider();
});
&lt;/code&gt;&lt;/pre&gt;
&lt;p&gt;What is causing this problem? What am I missing?&lt;/p&gt;</t>
  </si>
  <si>
    <t>2018-10-23 13:52:01.187000+00:00</t>
  </si>
  <si>
    <t>2018-11-07 08:19:53.610000+00:00</t>
  </si>
  <si>
    <t>javascript|jquery|setinterval|effects</t>
  </si>
  <si>
    <t>Render reactjs component not work localhost</t>
  </si>
  <si>
    <t>&lt;p&gt;Please,can somebody help to solve my problem with react.I am trying to render Hello World in div named header,but is shows nothing. I use localhost with server.js&lt;/p&gt;
&lt;p&gt;&lt;div class="snippet" data-lang="js" data-hide="false" data-console="true" data-babel="false"&gt;_x000D_
&lt;div class="snippet-code"&gt;_x000D_
&lt;pre class="snippet-code-js lang-js prettyprint-override"&gt;&lt;code&gt;ReactDOM.render(_x000D_
  &amp;lt;h1&amp;gt;Hello, world!&amp;lt;/h1&amp;gt;,_x000D_
  document.getElementById('root')_x000D_
);&lt;/code&gt;&lt;/pre&gt;_x000D_
&lt;pre class="snippet-code-html lang-html prettyprint-override"&gt;&lt;code&gt;&amp;lt;script src="https://cdnjs.cloudflare.com/ajax/libs/react/15.1.0/react.min.js"&amp;gt;&amp;lt;/script&amp;gt;_x000D_
&amp;lt;script src="https://cdnjs.cloudflare.com/ajax/libs/react/15.1.0/react-dom.min.js"&amp;gt;&amp;lt;/script&amp;gt;_x000D_
&amp;lt;!DOCTYPE html&amp;gt;_x000D_
&amp;lt;html lang="en"&amp;gt;_x000D_
&amp;lt;head&amp;gt;_x000D_
 &amp;lt;meta charset="UTF-8"&amp;gt;_x000D_
 &amp;lt;title&amp;gt;Document&amp;lt;/title&amp;gt;_x000D_
  &amp;lt;script crossorigin src="https://unpkg.com/react@16/umd/react.development.js"&amp;gt;&amp;lt;/script&amp;gt;_x000D_
 &amp;lt;script crossorigin src="https://unpkg.com/react-dom@16/umd/react-dom.development.js"&amp;gt;&amp;lt;/script&amp;gt;_x000D_
    &amp;lt;script src="https://cdnjs.cloudflare.com/ajax/libs/babel-core/6.1.19/browser.min.js"&amp;gt;&amp;lt;/script&amp;gt;_x000D_
_x000D_
&amp;lt;/head&amp;gt;_x000D_
&amp;lt;body&amp;gt;_x000D_
 &amp;lt;div id="root"&amp;gt;&amp;lt;/div&amp;gt;_x000D_
&amp;lt;script type="text/babel" src="main.js"&amp;gt;&amp;lt;/script&amp;gt;_x000D_
&amp;lt;/body&amp;gt;_x000D_
&amp;lt;/html&amp;gt;&lt;/code&gt;&lt;/pre&gt;_x000D_
&lt;/div&gt;_x000D_
&lt;/div&gt;_x000D_
&lt;/p&gt;
&lt;p&gt;Link on image: 
&lt;a href="http://prntscr.com/j2r5wr" rel="nofollow noreferrer"&gt;http://prntscr.com/j2r5wr&lt;/a&gt;&lt;/p&gt;
&lt;p&gt;errors:&lt;/p&gt;
&lt;p&gt;&lt;a href="http://prntscr.com/j2rd5s" rel="nofollow noreferrer"&gt;http://prntscr.com/j2rd5s&lt;/a&gt;&lt;/p&gt;</t>
  </si>
  <si>
    <t>2018-04-09 06:45:47.310000+00:00</t>
  </si>
  <si>
    <t>2018-04-09 12:31:01.453000+00:00</t>
  </si>
  <si>
    <t>2018-04-09 07:15:30.447000+00:00</t>
  </si>
  <si>
    <t>chrome.browserAction.setIcon - Downloaded image</t>
  </si>
  <si>
    <t>&lt;p&gt;I want to make a Chrome addon, which displays ones Facebook picture.
Mine e.g. is &lt;a href="https://graph.facebook.com/100004288501341/picture?type=square" rel="nofollow noreferrer"&gt;this one&lt;/a&gt;.&lt;/p&gt;
&lt;p&gt;I do get the final Url and the response of an XMLHttpRequest.&lt;/p&gt;
&lt;p&gt;In &lt;code&gt;response.response&lt;/code&gt; I have the image data, which starts with &lt;code&gt;������������JFIF���������Photoshop 3.08BIM���gO87swNzt0qHGr_stQXIz(bFBMD01000aa00100001d020000b6020000ec02000027030&lt;/code&gt;&lt;/p&gt;
&lt;p&gt;I am trying to store and than display it. (I want to display this bigger on a different place as well). So I do not want to use &lt;code&gt;path&lt;/code&gt; in &lt;code&gt;chrome.browserAction.setIcon&lt;/code&gt;, but the Image itself.&lt;/p&gt;
&lt;p&gt;I tried a lot of things (and will continue  tomorrow). So far:&lt;/p&gt;
&lt;ul&gt;
&lt;li&gt;I need an &lt;code&gt;ImageData&lt;/code&gt; Object&lt;/li&gt;
&lt;li&gt;I need an &lt;code&gt;ImageData&lt;/code&gt; Object smaller than &amp;lt;= 19 pixels.&lt;/li&gt;
&lt;li&gt;I do know the size of the image from facebook (50x50)&lt;/li&gt;
&lt;/ul&gt;
&lt;p&gt;Tomorrow I will continue with trying &lt;a href="https://stackoverflow.com/a/4409745/1870799"&gt;this&lt;/a&gt;. I forgot, that the Image is not base64 encoded yet, so the solution linked in this sentence was not able to work...&lt;/p&gt;
&lt;p&gt;My problem is: How to create the &lt;code&gt;ImageData&lt;/code&gt;-Object(s) required by &lt;code&gt;chrome.browserAction.setIcon&lt;/code&gt; frim the icon above in JS. Using the "html5-canvas" tag, as ImageData is very close to a canvas.&lt;/p&gt;
&lt;p&gt;As always, answers are highly appreciated.&lt;/p&gt;
&lt;p&gt;Yours,&lt;/p&gt;
&lt;p&gt;Florian&lt;/p&gt;</t>
  </si>
  <si>
    <t>2016-01-05 18:48:11.807000+00:00</t>
  </si>
  <si>
    <t>2016-01-06 02:15:00.727000+00:00</t>
  </si>
  <si>
    <t>2017-05-23 12:31:22.067000+00:00</t>
  </si>
  <si>
    <t>javascript|google-chrome-extension|html5-canvas</t>
  </si>
  <si>
    <t>Is it possible to set the optimization level for RhinoScriptEngine in Java 6?</t>
  </si>
  <si>
    <t>&lt;p&gt;I am running into the issue where Rhino throws the &lt;a href="http://blog.gmane.org/gmane.comp.mozilla.devel.jseng.rhino/month=20080601/page=9" rel="noreferrer"&gt;"Encountered code generation error while compiling script: generated bytecode for method exceeds 64K limit"&lt;/a&gt; exception when running Rhino via the &lt;code&gt;javax.script.ScriptEngine&lt;/code&gt; API. The accepted solution appears to be to invoke &lt;code&gt;setOptimizationLevel(-1)&lt;/code&gt; on the &lt;code&gt;sun.org.mozilla.javascript.Context&lt;/code&gt;.&lt;/p&gt;
&lt;p&gt;Unfortunately, I cannot seem to access the &lt;code&gt;Context&lt;/code&gt; that is created by the &lt;code&gt;ContextFactory&lt;/code&gt;. I have tried adding a &lt;code&gt;ContextFactory.Listener&lt;/code&gt; to &lt;code&gt;ContextFactory.getGlobal()&lt;/code&gt; that would modify the &lt;code&gt;Context&lt;/code&gt; after creation, but my listener never seems to get called. I also took a look at the &lt;a href="http://javasourcecode.org/html/open-source/jdk/jdk-6u23/com/sun/script/javascript/RhinoScriptEngine.java.html" rel="noreferrer"&gt;RhinoScriptEngine source from Java 6&lt;/a&gt; to see whether there was a property that I could set that the &lt;code&gt;ContextFactory&lt;/code&gt; would read from in order to determine the value of the optimization level.&lt;/p&gt;
&lt;p&gt;As far as I can tell, in Java 7, &lt;code&gt;RhinoScriptEngine&lt;/code&gt; sets the optimization level to &lt;code&gt;-1&lt;/code&gt; by default &lt;em&gt;and&lt;/em&gt; makes it possible to set the optimization level via the &lt;code&gt;rhino.opt.level&lt;/code&gt; property. Compare the &lt;code&gt;makeContext()&lt;/code&gt; method in the &lt;a href="http://www.docjar.com/html/api/com/sun/script/javascript/RhinoScriptEngine.java.html" rel="noreferrer"&gt;Java 7 version&lt;/a&gt; with the &lt;code&gt;makeContext()&lt;/code&gt; method in the &lt;a href="http://javasourcecode.org/html/open-source/jdk/jdk-6u23/com/sun/script/javascript/RhinoScriptEngine.java.html" rel="noreferrer"&gt;Java 6 version&lt;/a&gt; to see what I mean.&lt;/p&gt;
&lt;p&gt;As far as I can tell, I believe that my best option is to run Rhino directly, as shown &lt;a href="https://github.com/yeungda/jcoffeescript/blob/master/src/main/java/org/jcoffeescript/JCoffeeScriptCompiler.java" rel="noreferrer"&gt;in this example of using Rhino to run the CoffeeScript compiler&lt;/a&gt;. Though as you can see, the code is a lot messier, so I would prefer to use the &lt;code&gt;javax.script.ScriptEngine&lt;/code&gt; API, if possible, while continuing to support Java 6. Are there any other options?&lt;/p&gt;</t>
  </si>
  <si>
    <t>2011-08-09 17:14:24.427000+00:00</t>
  </si>
  <si>
    <t>2013-03-24 20:03:41.553000+00:00</t>
  </si>
  <si>
    <t>java|rhino</t>
  </si>
  <si>
    <t>Pie Chart Balloon</t>
  </si>
  <si>
    <t>&lt;p&gt;I have a difficulty with &lt;code&gt;Pie Chart Balloon&lt;/code&gt;. I put link to the balloon but when I hover on balloon the balloon keeps blinking.&lt;/p&gt;
&lt;p&gt;How to prevent balloon from blinking?&lt;/p&gt;
&lt;p&gt;&lt;div class="snippet" data-lang="js" data-hide="false" data-console="true" data-babel="false"&gt;_x000D_
&lt;div class="snippet-code"&gt;_x000D_
&lt;pre class="snippet-code-js lang-js prettyprint-override"&gt;&lt;code&gt;var chart = AmCharts.makeChart( "chartdiv", {_x000D_
  "type": "pie",_x000D_
  "theme": "light",_x000D_
  "dataProvider": [ {_x000D_
    "status": "Completed",_x000D_
    "value": 100,_x000D_
    "color": "#33cc33"_x000D_
  }, {_x000D_
    "status": "On-Going",_x000D_
    "value": 59,_x000D_
    "color": "#1a53ff"_x000D_
  }, {_x000D_
    "status": "PRE Procurement",_x000D_
    "value": 36,_x000D_
    "color": "#ff0066"_x000D_
  }, {_x000D_
    "status": "DED Prep",_x000D_
    "value": 40,_x000D_
    "color": "#cc66ff"_x000D_
  }, {_x000D_
    "status": "Under Prep / Not Yet Started",_x000D_
    "value": 23,_x000D_
    "color": "#999966"_x000D_
  }, {_x000D_
    "status": "Suspended",_x000D_
    "value": 34,_x000D_
    "color": "#663300"_x000D_
  }, {_x000D_
    "status": "Cancelled",_x000D_
    "value": 23,_x000D_
    "color": "#ff0000"_x000D_
  }, {_x000D_
    "status": "No Status Yet",_x000D_
    "value": 21,_x000D_
    "color": "#ffff66"_x000D_
  }],_x000D_
  "startDuration": 1,_x000D_
   "balloon": {_x000D_
   //"hideBalloonTime": 1000, // 1second_x000D_
    "disableMouseEvents": false, // allow click_x000D_
    "fixedPosition": true_x000D_
  },_x000D_
  "valueField": "value",_x000D_
  "titleField": "status",_x000D_
  "colorField": "color",_x000D_
  "outlineAlpha": 0.4,_x000D_
  "depth3D": 30,_x000D_
  "balloonText": "&amp;lt;b&amp;gt;[[title]]&amp;lt;/b&amp;gt;&amp;lt;br&amp;gt;&amp;lt;span style='font-size:14px'&amp;gt;&amp;lt;b&amp;gt;[[value]]&amp;lt;/b&amp;gt; ([[percents]]%)&amp;lt;br&amp;gt;&amp;lt;a href='#' data-toggle='modal' data-target='#completed'&amp;gt;View Data&amp;lt;/a&amp;gt;&amp;lt;/span&amp;gt;",_x000D_
  "angle": 50,_x000D_
  "export": {_x000D_
    "enabled": true_x000D_
  }_x000D_
} );&lt;/code&gt;&lt;/pre&gt;_x000D_
&lt;pre class="snippet-code-css lang-css prettyprint-override"&gt;&lt;code&gt;#chartdiv {_x000D_
  width: 100%;_x000D_
  height: 600px;_x000D_
}&lt;/code&gt;&lt;/pre&gt;_x000D_
&lt;pre class="snippet-code-html lang-html prettyprint-override"&gt;&lt;code&gt;&amp;lt;script src="//www.amcharts.com/lib/3/amcharts.js"&amp;gt;&amp;lt;/script&amp;gt;_x000D_
&amp;lt;script src="//www.amcharts.com/lib/3/pie.js"&amp;gt;&amp;lt;/script&amp;gt;_x000D_
&amp;lt;script src="//www.amcharts.com/lib/3/themes/light.js"&amp;gt;&amp;lt;/script&amp;gt;_x000D_
_x000D_
&amp;lt;div id="chartdiv"&amp;gt;&amp;lt;/div&amp;gt;&lt;/code&gt;&lt;/pre&gt;_x000D_
&lt;/div&gt;_x000D_
&lt;/div&gt;_x000D_
&lt;/p&gt;</t>
  </si>
  <si>
    <t>2018-05-28 01:15:05.697000+00:00</t>
  </si>
  <si>
    <t>2018-05-29 19:42:31.690000+00:00</t>
  </si>
  <si>
    <t>2018-05-29 10:55:23.417000+00:00</t>
  </si>
  <si>
    <t>javascript|charts|pie-chart|amcharts</t>
  </si>
  <si>
    <t>Using a url scheme internally with a UIWebView to change a UILabel</t>
  </si>
  <si>
    <t>&lt;p&gt;I've got a UIWebView which shows up a couple of screens into a UINavigationController:&lt;/p&gt;
&lt;pre&gt;&lt;code&gt;First View &amp;gt; Second View &amp;gt; View with UIWebView + UILabel
&lt;/code&gt;&lt;/pre&gt;
&lt;p&gt;Now, I display a certain page in that web view, which has a link back to my app....&lt;/p&gt;
&lt;pre&gt;&lt;code&gt;myapp://foofoo
&lt;/code&gt;&lt;/pre&gt;
&lt;p&gt;I know you can set up a custom URL with &lt;code&gt;(BOOL)application:(UIApplication *)application handleOpenURL:(NSURL *)url&lt;/code&gt; and some info.plist poking, but how would change the UILabel, which is one the same screen as UIWebView, by simply clicking the myapp://foofoo link?&lt;/p&gt;</t>
  </si>
  <si>
    <t>2011-01-20 19:26:31.123000+00:00</t>
  </si>
  <si>
    <t>2012-06-27 13:30:23.317000+00:00</t>
  </si>
  <si>
    <t>iphone|objective-c|ios|uiwebview</t>
  </si>
  <si>
    <t>Not receiving subscription url in the list of headers provided by SNS in AWS?</t>
  </si>
  <si>
    <t>&lt;p&gt;So, I'm using restifyJS to receive SNS notifications and I have created a topic for the same and have subscribed to it using the appropriate ARN. I have used a https end point in which when I request for a confirmation, I'm getting the following headers when I request for a confirmation.&lt;/p&gt;
&lt;p&gt;&lt;div class="snippet" data-lang="js" data-hide="false" data-console="true" data-babel="false"&gt;_x000D_
&lt;div class="snippet-code"&gt;_x000D_
&lt;pre class="snippet-code-js lang-js prettyprint-override"&gt;&lt;code&gt;{ _x000D_
  connection: 'upgrade',_x000D_
  'x-real-ip': '*****************My IP address *****************',_x000D_
  'x-forwarded-for': '*************My IP address ************',_x000D_
  host: 'localhost:3000',_x000D_
  'content-length': '1530',_x000D_
  'x-amz-sns-message-type': 'SubscriptionConfirmation',_x000D_
  'x-amz-sns-message-id': '*************************************',_x000D_
  'x-amz-sns-topic-arn': 'arn:aws:sns:ap-south - ************',_x000D_
  'content-type': 'text/plain; charset=UTF-8',_x000D_
  'user-agent': 'Amazon Simple Notification Service Agent',_x000D_
  'accept-encoding': 'gzip,deflate' _x000D_
  }&lt;/code&gt;&lt;/pre&gt;_x000D_
&lt;/div&gt;_x000D_
&lt;/div&gt;_x000D_
&lt;/p&gt;
&lt;p&gt;But I'm not getting the subscription URL.&lt;/p&gt;</t>
  </si>
  <si>
    <t>2018-10-15 08:14:36.143000+00:00</t>
  </si>
  <si>
    <t>2018-10-15 11:57:10.857000+00:00</t>
  </si>
  <si>
    <t>node.js|amazon-web-services|amazon-sns|restify</t>
  </si>
  <si>
    <t>Capistrano deploy fails with "Cannot read username"</t>
  </si>
  <si>
    <t>&lt;p&gt;i wonder why my cap deployment fails.&lt;/p&gt;
&lt;p&gt;I am using capistrano.&lt;/p&gt;
&lt;p&gt;Here's my deploy.rb:&lt;/p&gt;
&lt;pre&gt;&lt;code&gt;set :application, "gppb"
set :repository,  "git@github.com:AppSource/gppb.git"
set :scm, :git
set :user, "gppb.com"
set :deploy_to, "/home/gppb.com/apps/#{application}"
set :use_sudo, false
set :keep_releases, 5
# set :scm, :git # You can set :scm explicitly or Capistrano will make an intelligent guess based on known version control directory names
# Or: `accurev`, `bzr`, `cvs`, `darcs`, `git`, `mercurial`, `perforce`, `subversion` or `none`
role :web, "test.gppb.appsource.biz"                          # Your HTTP server, Apache/etc
role :app, "test.gppb.appsource.biz"                          # This may be the same as your `Web` server
role :db,  "test.gppb.appsource.biz", :primary =&amp;gt; true # This is where Rails migrations will run
# if you want to clean up old releases on each deploy uncomment this:
# after "deploy:restart", "deploy:cleanup"
# if you're still using the script/reaper helper you will need
# these http://github.com/rails/irs_process_scripts
# If you are using Passenger mod_rails uncomment this:
namespace :deploy do
  task :start do ; end
  task :stop do ; end
  task :restart, :roles =&amp;gt; :app, :except =&amp;gt; { :no_release =&amp;gt; true } do
    run "#{try_sudo} touch #{File.join(current_path,'tmp','restart.txt')}"
  end
end
&lt;/code&gt;&lt;/pre&gt;
&lt;p&gt;And here is the error:&lt;/p&gt;
&lt;p&gt;&lt;img src="https://i.stack.imgur.com/FxnnG.png" alt="enter image description here"&gt;&lt;/p&gt;
&lt;p&gt;To see the full image click here-&gt; &lt;a href="http://d.pr/i/wnIb" rel="nofollow noreferrer"&gt;http://d.pr/i/wnIb&lt;/a&gt;&lt;/p&gt;</t>
  </si>
  <si>
    <t>2013-02-18 03:00:40.260000+00:00</t>
  </si>
  <si>
    <t>2013-02-18 06:32:07.653000+00:00</t>
  </si>
  <si>
    <t>ruby-on-rails|git|capistrano</t>
  </si>
  <si>
    <t>Can I add new colors to SUI.COLORS for my custom theme?</t>
  </si>
  <si>
    <t>&lt;p&gt;My team is planning to build a custom theme for semantic-ui and use it with semantic-ui-react, but we want a custom color pallet with different names. Is that possible? I am thinking somehow I can append the colors to SUI.COLOR?&lt;/p&gt;
&lt;p&gt;Your help is very much appreciated.&lt;/p&gt;</t>
  </si>
  <si>
    <t>2018-07-28 00:26:44.563000+00:00</t>
  </si>
  <si>
    <t>2018-07-30 18:07:37.883000+00:00</t>
  </si>
  <si>
    <t>semantic-ui-react</t>
  </si>
  <si>
    <t>defining inter referential structures in C</t>
  </si>
  <si>
    <t>&lt;p&gt;If I will code some thing like following:&lt;/p&gt;
&lt;pre&gt;&lt;code&gt;typedef struct {
    int a;
    PTR1 bpointer;
} *PTR2;
typedef struct {
    int b;
    PTR2 cpointer;
} *PTR1;
&lt;/code&gt;&lt;/pre&gt;
&lt;p&gt;I am defining PTR1 after PTR2,but using if using it first then it will be may be compile time or runtime error. So how can I avoid any such error and use two referential structures? I think same is thing that we do in two interdependent classes. So is it possible that it will not show any error because we are just defining them at this time and at calling these both are already defined? Confuse a little bit.&lt;/p&gt;
&lt;p&gt;I really appreciate your time to see my question and you effort.&lt;/p&gt;
&lt;p&gt;thanks&lt;/p&gt;</t>
  </si>
  <si>
    <t>2011-11-01 20:37:39.260000+00:00</t>
  </si>
  <si>
    <t>2011-11-01 20:41:21.363000+00:00</t>
  </si>
  <si>
    <t>c|pointers|struct|typedef</t>
  </si>
  <si>
    <t>Add onkeyup event on datatable filter</t>
  </si>
  <si>
    <t>&lt;p&gt;I would like to add javascript event on this code:&lt;/p&gt;
&lt;pre&gt;&lt;code&gt;&amp;lt;p:dataTable id="tblQueues" var="q" value="#{gateBacking.listQueue}" filteredValue="#{gateBacking.filteredQueues}" rowKey="#{q.queid}"  
     selection="#{gateBacking.selectedQueue}" selectionMode="single" widgetVar="varQueues"
     scrollable="true" scrollHeight="250"&amp;gt;  
    ...
    &amp;lt;p:column headerText="License No" filterBy="#{q.fleet.licenseNo}" filterMatchMode="contains" &amp;gt;
        #{q.fleet.licenseNo}
    &amp;lt;/p:column&amp;gt;
    ...
&amp;lt;/p:dataTable&amp;gt; 
&lt;/code&gt;&lt;/pre&gt;
&lt;p&gt;How can I add &lt;code&gt;onkeyup&lt;/code&gt; on the filter? I have tried like this:&lt;/p&gt;
&lt;pre&gt;&lt;code&gt;&amp;lt;p:column headerText="License No" filterBy="#{q.fleet.licenseNo}" filterMatchMode="contains" onkeyup="formatLicense(this)"&amp;gt;
&lt;/code&gt;&lt;/pre&gt;
&lt;p&gt;but it doesn't work. How can I do that? Thanks.&lt;/p&gt;
&lt;hr&gt;
&lt;p&gt;&lt;strong&gt;UPDATE&lt;/strong&gt;&lt;/p&gt;
&lt;p&gt;I have tried this but it doesn't work:&lt;/p&gt;
&lt;pre&gt;&lt;code&gt;&amp;lt;p:column headerText="License No" filterBy="#{q.fleet.licenseNo}" filterMatchMode="contains" filterEvent="formatLicense(this)"&amp;gt;
&lt;/code&gt;&lt;/pre&gt;
&lt;hr&gt;
&lt;p&gt;&lt;strong&gt;UPDATE 2&lt;/strong&gt;&lt;/p&gt;
&lt;pre&gt;&lt;code&gt;&amp;lt;p:tabView id="tabViewGate"&amp;gt;
    &amp;lt;p:tab id="tabCheckOut" title="Out"&amp;gt;
        &amp;lt;h:form id="frmOut"&amp;gt;
            &amp;lt;p:dataTable id="tblQueues" var="q" value="#{gateBacking.listQueue}" filteredValue="#{gateBacking.filteredQueues}" rowKey="#{q.queid}"  
                selection="#{gateBacking.selectedQueue}" selectionMode="single" widgetVar="varQueues"
                scrollable="true" scrollHeight="250"&amp;gt;  
                ...
                &amp;lt;p:column id="colLicnu" headerText="License No" filterBy="#{q.fleet.licenseNo}" filterMatchMode="contains" &amp;gt;
                    #{q.fleet.licenseNo}
                &amp;lt;/p:column&amp;gt;
                ...
            &amp;lt;/p:dataTable&amp;gt; 
            &amp;lt;script type="text/javascript"&amp;gt;
                $(document).ready(function(){
                    $("#frmOut\\:tblQueues\\:colLicnu\\:filter").keyup(function(){
                        //alert("Test"); //--&amp;gt; I tried this too but it doesn't work
                        if (input.value.length &amp;gt; 1)
                        {
                            var num = '1234567890';
                            var str = input.value[input.value.length-1];
                            var str2 = input.value[input.value.length-2];
                            if (num.indexOf(str) &amp;gt;= 0) {
                                if (!(num.indexOf(str2) &amp;gt;= 0)) 
                                    input.value = input.value.substring(0, input.value.length - 1) + " " + str;
                            }
                            else if (!(num.indexOf(str) &amp;gt;= 0)) {
                                if (num.indexOf(str2) &amp;gt;= 0)
                                    input.value = input.value.substring(0, input.value.length - 1) + " " + str;
                            }
                        }
                        input.value = input.value.replace("  "," ").toUpperCase();
                    });
                });
            &amp;lt;/script&amp;gt;
        &amp;lt;/h:form&amp;gt;
    &amp;lt;/p:tab&amp;gt;
&amp;lt;/p:tab&amp;gt;
&lt;/code&gt;&lt;/pre&gt;</t>
  </si>
  <si>
    <t>2013-07-17 03:04:18.247000+00:00</t>
  </si>
  <si>
    <t>2013-07-18 13:42:28.763000+00:00</t>
  </si>
  <si>
    <t>2013-07-18 09:06:45.887000+00:00</t>
  </si>
  <si>
    <t>java|jsf|primefaces|datatable|onkeyup</t>
  </si>
  <si>
    <t>How to make Radio buttons with centered and proportional images instead of text?</t>
  </si>
  <si>
    <t>&lt;p&gt;Before marking as solved, many topics tackle this problem, but non give a good solution.&lt;/p&gt;
&lt;p&gt;I want to create &lt;code&gt;radio buttons&lt;/code&gt; with centered and proportionally sized images, in an adaptive &lt;code&gt;RadioGroup&lt;/code&gt; (&lt;code&gt;android:layout_width="0dp"&lt;/code&gt; and &lt;code&gt;android:layout_weight="1"&lt;/code&gt;)&lt;/p&gt;
&lt;p&gt;Solutions that &lt;b&gt;DON'T&lt;/b&gt; work:&lt;/p&gt;
&lt;ol&gt;
&lt;li&gt;setting &lt;code&gt;android:button="R.drawable.x"&lt;/code&gt; or &lt;code&gt;android:drawableStart="R.drawable.x"&lt;/code&gt; and its siblings - the image will be drawn off-center, hovering around an invisible text &lt;/li&gt;
&lt;/ol&gt;
&lt;p&gt;Example:&lt;/p&gt;
&lt;pre&gt;&lt;code&gt;`&amp;lt;RadioGroup
    android:layout_width="match_parent"
    android:layout_height="match_parent"
    android:orientation="horizontal"
    android:gravity="center_horizontal|center"&amp;gt;
    &amp;lt;RadioButton
        android:id="@+id/bt_home"
        style="@style/radio_btn_style"
        android:button="@drawable/radio_btn_home_selector"/&amp;gt;
    &amp;lt;RadioButton
        android:id="@+id/bt_discover"
        style="@style/radio_btn_style"
        android:button="@drawable/radio_btn_discover_selector"/&amp;gt;
    &amp;lt;RadioButton
        android:id="@+id/bt_my_profile"
        android:button="@drawable/radio_btn_my_profile_selector"
        android:checked="true"
        style="@style/radio_btn_style"
        /&amp;gt;
    &amp;lt;RadioButton
        android:layout_weight="1"
        android:id="@+id/bt_new_activity"
        style="@style/radio_btn_style"
        android:button="@drawable/radio_btn_add_activity_selector"
        /&amp;gt;
&amp;lt;/RadioGroup&amp;gt;`
&lt;/code&gt;&lt;/pre&gt;
&lt;p&gt;Result: radio buttons are off-center&lt;/p&gt;
&lt;hr&gt;
&lt;ol start="2"&gt;
&lt;li&gt;setting &lt;code&gt;android:background="R.drawable.x"&lt;/code&gt; - image will &lt;i&gt;smear&lt;/i&gt; to fill the background.&lt;/li&gt;
&lt;/ol&gt;
&lt;p&gt;Example:&lt;/p&gt;
&lt;pre&gt;&lt;code&gt;&amp;lt;RadioGroup
    android:layout_width="match_parent"
    android:layout_height="match_parent"
    android:orientation="horizontal"
    android:gravity="center_horizontal|center"&amp;gt;
    &amp;lt;RadioButton
        android:id="@+id/bt_home"
        style="@style/radio_btn_style"
        android:background="@drawable/radio_btn_home_selector"
        android:button="@null"/&amp;gt;
    &amp;lt;RadioButton
        android:id="@+id/bt_discover"
        style="@style/radio_btn_style"
        android:background="@drawable/radio_btn_discover_selector"
        android:button="@null"/&amp;gt;
    &amp;lt;RadioButton
        android:id="@+id/bt_my_profile"
        android:background="@drawable/radio_btn_my_profile_selector"
        android:checked="true"
        style="@style/radio_btn_style"
        android:button="@null"/&amp;gt;
    &amp;lt;RadioButton
        android:layout_weight="1"
        android:id="@+id/bt_new_activity"
        style="@style/radio_btn_style"
        android:background="@drawable/radio_btn_add_activity_selector"
        android:button="@null"/&amp;gt;
&amp;lt;/RadioGroup&amp;gt;
&lt;/code&gt;&lt;/pre&gt;
&lt;p&gt;Result: &lt;a href="https://i.stack.imgur.com/AkLHG.png" rel="nofollow noreferrer"&gt;background icons get smeared&lt;/a&gt;&lt;/p&gt;
&lt;hr&gt;
&lt;ol start="3"&gt;
&lt;li&gt;setting &lt;code&gt;RadioButton&lt;/code&gt; &lt;code&gt;android:layout_width="wrap_content"&lt;/code&gt; - bunches buttons to center, but does not space out evenly throughout &lt;code&gt;RadioGroup&lt;/code&gt; width&lt;/li&gt;
&lt;/ol&gt;
&lt;p&gt;Result: radio buttons bunched&lt;/p&gt;
&lt;hr&gt;
&lt;p&gt;&lt;strong&gt;This is the result I wan't:&lt;/strong&gt;
&lt;a href="https://i.stack.imgur.com/t9jlA.png" rel="nofollow noreferrer"&gt;radio buttons spaced out evenly, maintaining image proportion&lt;/a&gt;&lt;/p&gt;
&lt;p&gt;Any ideas? Thanks...&lt;/p&gt;
&lt;hr&gt;
&lt;p&gt;P.S.:
the used style:&lt;/p&gt;
&lt;pre&gt;&lt;code&gt;`&amp;lt;style name="radio_btn_style"&amp;gt;
        &amp;lt;item name="android:layout_width"&amp;gt;0dp&amp;lt;/item&amp;gt;
        &amp;lt;item name="android:layout_weight"&amp;gt;1&amp;lt;/item&amp;gt;
        &amp;lt;item name="android:layout_height"&amp;gt;wrap_content&amp;lt;/item&amp;gt;
        &amp;lt;item name="android:layout_marginEnd"&amp;gt;16dp&amp;lt;/item&amp;gt;
        &amp;lt;item name="android:layout_marginStart"&amp;gt;16dp&amp;lt;/item&amp;gt;
 &amp;lt;/style&amp;gt;`
&lt;/code&gt;&lt;/pre&gt;
&lt;p&gt;drawable selector example:&lt;/p&gt;
&lt;pre&gt;&lt;code&gt;&amp;lt;?xml version="1.0" encoding="utf-8"?&amp;gt;
&amp;lt;selector xmlns:android="http://schemas.android.com/apk/res/android"&amp;gt;
    &amp;lt;item android:drawable="@drawable/ic_nav_home_selected"
 android:state_checked="true"/&amp;gt;
    &amp;lt;item android:drawable="@drawable/ic_nav_home"/&amp;gt;
 &amp;lt;/selector&amp;gt;
&lt;/code&gt;&lt;/pre&gt;</t>
  </si>
  <si>
    <t>2016-11-27 10:11:38.507000+00:00</t>
  </si>
  <si>
    <t>2016-11-28 08:55:25.813000+00:00</t>
  </si>
  <si>
    <t>android|radio-button|imagebutton</t>
  </si>
  <si>
    <t>jQuery: Checking / Unchecking DOM Elements</t>
  </si>
  <si>
    <t>&lt;p&gt;I've got the following script that gets executed via AJAX in Rails:&lt;/p&gt;
&lt;p&gt;&lt;em&gt;It appears that only the first specified option (unchecking) works, the part inside the else statements does not work!&lt;/em&gt;&lt;/p&gt;
&lt;pre&gt;&lt;code&gt;&amp;lt;% if params[:type] == "switch" %&amp;gt;
    var obj = $('.&amp;lt;%= params[:name] %&amp;gt; a:not(.label) #myonoffswitch:checkbox');
    &amp;lt;% if params[params[:name]] %&amp;gt;
        obj.prop('checked', false);
    &amp;lt;% else %&amp;gt;
        obj.prop('checked', true);
    &amp;lt;% end %&amp;gt;
&amp;lt;% elsif params[:type] == "checkbox" %&amp;gt;
    &amp;lt;% if params[params[:name]] %&amp;gt;
        $('.&amp;lt;%= params[:name] %&amp;gt; a:not(.label)').remove();
        $('.&amp;lt;%= params[:name] %&amp;gt;').prepend("&amp;lt;a data-remote='true' href='/update?name=&amp;lt;%= params[:name] %&amp;gt;&amp;amp;amp;&amp;lt;%= params[:name] %&amp;gt;=true&amp;amp;amp;type=checkbox'&amp;gt;&amp;lt;i class='icon ion-android-checkbox-outline-blank' tabindex='0'&amp;gt;&amp;lt;/i&amp;gt;&amp;lt;/a&amp;gt;");
        $('.&amp;lt;%= params[:name] %&amp;gt; a:not(.label) i').focus();
    &amp;lt;% else %&amp;gt;
        $('.&amp;lt;%= params[:name] %&amp;gt; a:not(.label)').remove();
        $('.&amp;lt;%= params[:name] %&amp;gt;').prepend("&amp;lt;a data-remote='true' href='/update?name=&amp;lt;%= params[:name] %&amp;gt;&amp;amp;amp;&amp;lt;%= params[:name] %&amp;gt;=false&amp;amp;amp;type=checkbox'&amp;gt;&amp;lt;i class='icon ion-android-checkbox' tabindex='0'&amp;gt;&amp;lt;/i&amp;gt;&amp;lt;/a&amp;gt;");
        $('.&amp;lt;%= params[:name] %&amp;gt; a:not(.label) i').focus();
    &amp;lt;% end %&amp;gt;
&amp;lt;% end %&amp;gt;
&lt;/code&gt;&lt;/pre&gt;
&lt;p&gt;&lt;strong&gt;DOM&lt;/strong&gt;&lt;/p&gt;
&lt;pre&gt;&lt;code&gt;      &amp;lt;div class="name flex"&amp;gt;
        &amp;lt;a data-remote="true" href="/update?name=name&amp;amp;amp;name=false&amp;amp;amp;type=switch"&amp;gt;&amp;lt;div class="onoffswitch"&amp;gt;
          &amp;lt;input checked="" class="onoffswitch-checkbox" id="myonoffswitch" name="onoffswitch" type="checkbox"&amp;gt;
          &amp;lt;label class="onoffswitch-label" for="myonoffswitch"&amp;gt;&amp;lt;/label&amp;gt;
        &amp;lt;/div&amp;gt;
        &amp;lt;/a&amp;gt;
        &amp;lt;div class="label"&amp;gt;
          &amp;lt;a class="abc label" data-remote="true" href="/update?name=name&amp;amp;amp;name=false&amp;amp;amp;type=switch"&amp;gt;ABC
          &amp;lt;/a&amp;gt;
          &amp;lt;p class="abc labeltext"&amp;gt;Lorem ipsum.&amp;lt;/p&amp;gt;
        &amp;lt;/div&amp;gt;
      &amp;lt;/div&amp;gt;
      &amp;lt;div class="name1 flex"&amp;gt;&amp;lt;a data-remote="true" href="/update?name=name1&amp;amp;amp;name1=true&amp;amp;amp;type=checkbox"&amp;gt;
        &amp;lt;i class="icon ion-android-checkbox-outline-blank" tabindex="0"&amp;gt;&amp;lt;/i&amp;gt;&amp;lt;/a&amp;gt;
        &amp;lt;div class="label"&amp;gt;
          &amp;lt;a class="abc label" data-remote="true" href="/update?name=name1&amp;amp;amp;name1=false&amp;amp;amp;type=checkbox"&amp;gt;ABC
          &amp;lt;/a&amp;gt;
          &amp;lt;p class="abc labeltext"&amp;gt;Lorem ipsum.&amp;lt;/p&amp;gt;
        &amp;lt;/div&amp;gt;
      &amp;lt;/div&amp;gt;
&lt;/code&gt;&lt;/pre&gt;
&lt;p&gt;However, I noticed that only if a checkbox or a switch is checked it gets unchecked, and if it is unchecked it will not change it's appearance (the DOM).&lt;/p&gt;
&lt;p&gt;What am I doing wrong?&lt;/p&gt;</t>
  </si>
  <si>
    <t>2016-12-26 11:19:30.400000+00:00</t>
  </si>
  <si>
    <t>2016-12-26 12:03:18.997000+00:00</t>
  </si>
  <si>
    <t>javascript|jquery|ruby-on-rails|ajax|ruby-on-rails-5</t>
  </si>
  <si>
    <t>How to install dependent rpm packages in puppet</t>
  </si>
  <si>
    <t>&lt;p&gt;I tried to write puppet script to install lustre.luster needs installation of kernel patch and then lustre package installation. How to handle dependency in puppet while installing rpm package&lt;/p&gt;</t>
  </si>
  <si>
    <t>2015-11-24 16:18:05.887000+00:00</t>
  </si>
  <si>
    <t>puppet</t>
  </si>
  <si>
    <t>Height vs minHeight Toolbar</t>
  </si>
  <si>
    <t>&lt;p&gt;I recently updated to &lt;code&gt;AppCompatActivity&lt;/code&gt; and switched from &lt;code&gt;ActionBar&lt;/code&gt; to &lt;code&gt;ToolBar&lt;/code&gt;.&lt;/p&gt;
&lt;p&gt;When I was checking the xml, I found these two attributes -&lt;/p&gt;
&lt;pre&gt;&lt;code&gt;android:layout_height="wrap_content"
&lt;/code&gt;&lt;/pre&gt;
&lt;p&gt;and&lt;/p&gt;
&lt;pre&gt;&lt;code&gt;android:minHeight="?attr/actionBarSize"
&lt;/code&gt;&lt;/pre&gt;
&lt;hr&gt;
&lt;p&gt;What is the difference between these two attributes? Why is &lt;code&gt;layout_height&lt;/code&gt; set to &lt;code&gt;wrap_content&lt;/code&gt; in the ToolBar documentation?&lt;/p&gt;
&lt;p&gt;Is it necessary to use both the attributes?&lt;/p&gt;</t>
  </si>
  <si>
    <t>2015-06-12 11:59:19.080000+00:00</t>
  </si>
  <si>
    <t>2015-06-12 12:25:16.193000+00:00</t>
  </si>
  <si>
    <t>java|android|material-design|android-toolbar|appcompatactivity</t>
  </si>
  <si>
    <t>laravel update function is not working</t>
  </si>
  <si>
    <t>&lt;p&gt;I want to save an image to the database&lt;/p&gt;
&lt;pre&gt;&lt;code&gt;$img_data = file_get_contents(Input::file('imgInp'));
        $base64 = base64_encode($img_data);
        $admin = Admin::find(25);
        $admin-&amp;gt;picture = $base64;
        $admin-&amp;gt;update();
        echo $base64;
&lt;/code&gt;&lt;/pre&gt;
&lt;p&gt;the &lt;code&gt;-&amp;gt;update()&lt;/code&gt; function seems to not doing anything to my database because the picture field is always &lt;code&gt;NULL&lt;/code&gt; though the &lt;code&gt;$base64&lt;/code&gt; has data. the column type in mysql database is &lt;code&gt;longblob&lt;/code&gt; and I already tried to do &lt;code&gt;-&amp;gt;save()&lt;/code&gt; but still nothing is being saved to the database. help please&lt;/p&gt;</t>
  </si>
  <si>
    <t>2014-06-26 13:33:36.780000+00:00</t>
  </si>
  <si>
    <t>2014-06-26 15:05:41.247000+00:00</t>
  </si>
  <si>
    <t>php|mysql|laravel|laravel-4</t>
  </si>
  <si>
    <t>Connect to SSH (port 22) through tunnel opened in PuTTY on Windows</t>
  </si>
  <si>
    <t>&lt;p&gt;I want to connect to a remote server (host1) that accessible only from it's private network.&lt;/p&gt;
&lt;p&gt;Another server (host2) is accessible from the Internet.&lt;/p&gt;
&lt;p&gt;I opened a tunnel to host2 using PuTTY and tested it's working with Firefox (also checked that I got different IP address).&lt;/p&gt;
&lt;p&gt;&lt;em&gt;How can I connect to host1 using the tunnel I created?&lt;/em&gt;&lt;/p&gt;
&lt;p&gt;I tried to configure proxy (to the tunnel I created - localhost) in PuTTY but it's not working.&lt;/p&gt;
&lt;p&gt;The error I got: "Server unexpectedly closed network connection"&lt;/p&gt;
&lt;p&gt;&lt;em&gt;Pay attention that the host is the computer name in the network.&lt;/em&gt;&lt;/p&gt;</t>
  </si>
  <si>
    <t>2015-03-08 10:41:27.863000+00:00</t>
  </si>
  <si>
    <t>2017-08-09 19:25:35.753000+00:00</t>
  </si>
  <si>
    <t>2015-03-09 07:39:44.527000+00:00</t>
  </si>
  <si>
    <t>ssh|proxy|putty|socks|tunnel</t>
  </si>
  <si>
    <t>if(str == NULL || str.length() == 0) get error</t>
  </si>
  <si>
    <t>&lt;p&gt;Here is the code for a leetcode algorithm problem:&lt;/p&gt;
&lt;pre&gt;&lt;code&gt;class Solution {
public:
    int myAtoi(string str) {
        if(str == NULL || str.length() == 0) return 0;
        int pos = true;
        int result = 0;
        int i = 0;
        if(str.charAt(0) == '+' || str.charAt(0) == '-') {
            ++i;
            if(str.charAt(0) == '-') pos = false;
        }
        for(; i != str.length(); ++i) {
            if(str.charAt(i) &amp;gt;= '0' &amp;amp;&amp;amp; str.charAt(i) &amp;lt;= '9') {
                result = result*10 + (int)(str.charAt(i)-'0');
            }
        }
        if(!pos) result=-result;
        if(result &amp;gt; INT_MAX) return INT_MAX;
        if(result &amp;lt; INT_MIN) return INT_MIN;
        return result;
    }
};
&lt;/code&gt;&lt;/pre&gt;
&lt;p&gt;And I got a Compile Error&lt;/p&gt;
&lt;pre&gt;&lt;code&gt;Line 4: no match for ���operator==��� (operand types are ���std::string {aka std::basic_string&amp;lt;char&amp;gt;}��� and ���long int���)
&lt;/code&gt;&lt;/pre&gt;
&lt;p&gt;So what's wrong with the code?&lt;/p&gt;</t>
  </si>
  <si>
    <t>2015-08-18 13:09:15.293000+00:00</t>
  </si>
  <si>
    <t>2015-08-18 13:10:55.457000+00:00</t>
  </si>
  <si>
    <t>c++|atoi</t>
  </si>
  <si>
    <t>React-Rails: Load initial array state with ajax</t>
  </si>
  <si>
    <t>&lt;p&gt;I've been following along some tutorials with React and i'm starting out building an application on my own. I've come across a situation regarding components and i'm wondering if theres a best practice for this scenario. Please note, I'm just using react-rails; no flux or whatever for now.&lt;/p&gt;
&lt;p&gt;setting the initial state with an array whose values get set through ajax and have that array display in the &lt;strong&gt;initial&lt;/strong&gt; render&lt;/p&gt;
&lt;p&gt;Here's what i'm trying to do: (stripped down for simplicity) &lt;/p&gt;
&lt;pre&gt;&lt;code&gt;var ShoutList = React.createClass({
    getInitialState: function(){
       return {shouts: []};
    },
    componentDidMount: function(){
       var component = this;
       $.get('/api/shouts.json', function(data){
          component.setState({shouts: data});
       });
    },
    render: function(){
       return (
          &amp;lt;div&amp;gt;
            {this.state.shouts[0].shout}
          &amp;lt;/div&amp;gt;);            
   }
});
&lt;/code&gt;&lt;/pre&gt;
&lt;p&gt;So if I have this right, the order in which things are run go as follows:&lt;/p&gt;
&lt;ol&gt;
&lt;li&gt;On load, getInitialState sets shouts to an empty array&lt;/li&gt;
&lt;li&gt;Render gets called and errors out because of trying to access the shout property on an empty array&lt;/li&gt;
&lt;li&gt;ComponentDidMount gets called and sets the state of shouts to the data received from the ajax call. **I get an error when I try to do this in ComponentWillMount **&lt;/li&gt;
&lt;li&gt;Render gets called again because the state has changed, but this time shouts[0].shout would contain data.&lt;/li&gt;
&lt;/ol&gt;
&lt;p&gt;So I error out at step 2 and my work around is as follows:&lt;/p&gt;
&lt;pre&gt;&lt;code&gt;var ShoutList = React.createClass({
    getInitialState: function(){
        return {shouts: []};
    },
    componentDidMount: function(){
        var component = this;
        $.get('/api/shouts.json', function(data){
            component.setState({shouts: data});
        });
    },
    emptyShouts: function(){
        return(&amp;lt;div&amp;gt;No Shouts Yet!&amp;lt;/div&amp;gt;);
    },
    shoutsList: function(){
        return(&amp;lt;div&amp;gt;{this.state.shouts[0].shout}&amp;lt;/div&amp;gt;);
    },
    render: function(){
        if(this.state.shouts.length &amp;gt; 0){
            return this.shoutsList();
        }else {
            return this.emptyShouts();
        }
    }
});
&lt;/code&gt;&lt;/pre&gt;
&lt;p&gt;This works exactly like I need it to, but is there a better way of setting the initial state's array value with ajax and having it load in the initial render without having to do this if statement?&lt;/p&gt;
&lt;p&gt;Thanks!&lt;/p&gt;</t>
  </si>
  <si>
    <t>2015-10-23 18:48:11.770000+00:00</t>
  </si>
  <si>
    <t>2015-10-23 20:46:29.713000+00:00</t>
  </si>
  <si>
    <t>ruby-on-rails|ajax|ruby-on-rails-4|reactjs|react-rails</t>
  </si>
  <si>
    <t>PHP rand() advise</t>
  </si>
  <si>
    <t>&lt;p&gt;I am using the following code&lt;/p&gt;
&lt;pre&gt;&lt;code&gt;$wID=rand(2, 4); 
&lt;/code&gt;&lt;/pre&gt;
&lt;p&gt;to generate numbers from 2 to 4, how can i generate numbers starting from 2 but no maximum?&lt;/p&gt;</t>
  </si>
  <si>
    <t>2012-04-17 16:42:07.890000+00:00</t>
  </si>
  <si>
    <t>2012-04-17 16:52:13.080000+00:00</t>
  </si>
  <si>
    <t>how can i change format (aesthetics) of gtable in gWidgets?</t>
  </si>
  <si>
    <t>&lt;p&gt;i want change the format of a table in gWidgets R, show vertical lines, change background color.&lt;/p&gt;
&lt;pre&gt;&lt;code&gt;library(gWidgets)
options(guiToolkit="RGtk2")
w     &amp;lt;- gwindow("Example")
g     &amp;lt;- ggroup(cont=w)
table &amp;lt;- gtable(mtcars,cont=g)
&lt;/code&gt;&lt;/pre&gt;
&lt;p&gt;with gtable function no shows vertical lines for separate columns in the table&lt;/p&gt;
&lt;pre&gt;&lt;code&gt;library(gWidgets)
options(guiToolkit="RGtk2")
w     &amp;lt;- gwindow("Example")
g     &amp;lt;- ggroup(cont=w)
table &amp;lt;- gdf(mtcars,cont=g)
&lt;/code&gt;&lt;/pre&gt;
&lt;p&gt;and gdf adds a new column of rownames, that i dont need besides gdf changes the background color to "orange" or similar , how can i change or modify aesthetics in a table?&lt;/p&gt;</t>
  </si>
  <si>
    <t>2013-06-19 13:38:21.683000+00:00</t>
  </si>
  <si>
    <t>2013-06-20 00:41:09.560000+00:00</t>
  </si>
  <si>
    <t>r|gwidgets</t>
  </si>
  <si>
    <t>Window.open() reference blocked in IE11</t>
  </si>
  <si>
    <t>&lt;p&gt;I'm implementing &lt;strong&gt;Twitter OAuth&lt;/strong&gt; sign in in my web app. I'm doing this in a separate window popup, since I read that &lt;code&gt;IFrame&lt;/code&gt; is no longer allowed in &lt;code&gt;OAuth&lt;/code&gt;. So, as soon I open a new window on Twitter domain, IE sets &lt;code&gt;twitterWindow&lt;/code&gt; reference to &lt;strong&gt;null&lt;/strong&gt;. This is due to IE's aggressive Internet zone security settings, which I can't ask from users to disable.&lt;/p&gt;
&lt;p&gt;&lt;code&gt;var twitterWindow = window.open(twitterUrl, "TwitterLoginPopup", "width=600, height=600");&lt;/code&gt;&lt;/p&gt;
&lt;p&gt;When Twitter redirects window back to my domain (after successful or failed authentication), I can see window again and handle the results. But use-case that troubles me is &lt;strong&gt;when user closes the window manually&lt;/strong&gt; and since I don't have its reference, I can't handle that closure.&lt;/p&gt;
&lt;p&gt;I tried to implement &lt;code&gt;postMessage()&lt;/code&gt; communication between application and window, but that's also impossible without window reference. Does anybody have any workaround for this or idea for different implementation of the &lt;code&gt;OAuth&lt;/code&gt;? Thanks in advance.&lt;/p&gt;</t>
  </si>
  <si>
    <t>2016-10-19 08:30:16.987000+00:00</t>
  </si>
  <si>
    <t>2016-10-19 09:09:45.280000+00:00</t>
  </si>
  <si>
    <t>javascript|internet-explorer-11|twitter-oauth</t>
  </si>
  <si>
    <t>Change MySQL-Charset from utf8 to utf8mb4 with PHPMyAdmin</t>
  </si>
  <si>
    <t>&lt;p&gt;When I want to change MySQL-Charset from utf8 (utf8_general_ci) to utf8mb4 (utf8_unicode_ci) with PHPMyAdmin, it is sufficient when I do these things?&lt;/p&gt;
&lt;ol&gt;
&lt;li&gt;Change database collation to "utf8_unicode_ci"&lt;/li&gt;
&lt;li&gt;Change tables collation to "utf8_unicodel_ci"&lt;/li&gt;
&lt;li&gt;Change every text column to "utf8_unicodel_ci"&lt;/li&gt;
&lt;li&gt;Change set_charset in my PHP code to "utf8mb4"&lt;/li&gt;
&lt;/ol&gt;
&lt;p&gt;Is this correct or is something missing what to to? Where can occur any problems?&lt;/p&gt;</t>
  </si>
  <si>
    <t>2015-11-15 12:53:03.333000+00:00</t>
  </si>
  <si>
    <t>2015-11-15 13:11:40.720000+00:00</t>
  </si>
  <si>
    <t>mysqli|utf-8|phpmyadmin|utf8mb4</t>
  </si>
  <si>
    <t>javascript vbscript convert from rtf to html</t>
  </si>
  <si>
    <t>&lt;p&gt;Does anyone know of any vbscript / javascript implementations of a RTF to HTML converter?&lt;/p&gt;
&lt;p&gt;I have seen some in VB / c#, but cannot find any reference to a scripted version.  Before I start to write one - does anyone know of an existing open source project that deals with this?&lt;/p&gt;
&lt;p&gt;Many thanks,&lt;/p&gt;
&lt;p&gt;Franko&lt;/p&gt;</t>
  </si>
  <si>
    <t>2009-11-26 17:20:59.273000+00:00</t>
  </si>
  <si>
    <t>2009-11-27 03:44:13.007000+00:00</t>
  </si>
  <si>
    <t>javascript|vbscript|rtf</t>
  </si>
  <si>
    <t>Chrome letter dancing when use css-transition</t>
  </si>
  <si>
    <t>&lt;p&gt;When i use css3-transition property in iframe, text are transforming! Got any idea how to resolve it?&lt;/p&gt;
&lt;pre&gt;&lt;code&gt;&amp;lt;!DOCTYPE html&amp;gt;
&amp;lt;html lang="en"&amp;gt;
    &amp;lt;head&amp;gt;
        &amp;lt;style type="text/css"&amp;gt;
            h1 {
                margin: 0; 
                font-size: 140px; 
            }
            input {
                font-size: 24px;
                width: 400px;
                -webkit-transition: 0.15s linear opacity;
                /* -webkit-transform: translate3d(0,0,0); */
            }
            input:focus {
                opacity: 0.5;
            }
        &amp;lt;/style&amp;gt;
    &amp;lt;/head&amp;gt;
    &amp;lt;body&amp;gt;
        &amp;lt;h1&amp;gt;&amp;amp;lt;iframe&amp;amp;gt;&amp;lt;/h1&amp;gt;
        &amp;lt;input type="text" name="input" placeholder="focus/blur this input" /&amp;gt;
        &amp;lt;ul&amp;gt;
            &amp;lt;li&amp;gt;this happens only in &amp;amp;lt;iframe&amp;amp;gt and &amp;lt;font color="red"&amp;gt;Google Chrome&amp;lt;/font&amp;gt;;&amp;lt;/li&amp;gt;
            &amp;lt;li&amp;gt;if we use &amp;lt;i&amp;gt;-webkit-transform: translate3d(0,0,0)&amp;lt;/i&amp;gt; property - the problem is solved, but text does not render correctly - letters become pixelized, so &amp;lt;a href="https://coderwall.com/p/z7egjg"&amp;gt;this solution&amp;lt;/a&amp;gt; is not what I'm looking for;&amp;lt;/li&amp;gt;
            &amp;lt;li&amp;gt;tested on Chrome 34.0.1847.116 m / Canary 36.0.1942.0.&amp;lt;/li&amp;gt;
        &amp;lt;/ul&amp;gt;
    &amp;lt;/body&amp;gt;
&amp;lt;/html&amp;gt;
&lt;/code&gt;&lt;/pre&gt;
&lt;p&gt;Fiddle here: &lt;a href="http://jsfiddle.net/ArtemFitiskin/2VLvV/9/" rel="nofollow"&gt;http://jsfiddle.net/ArtemFitiskin/2VLvV/9/&lt;/a&gt;&lt;/p&gt;</t>
  </si>
  <si>
    <t>2014-04-16 11:56:09.850000+00:00</t>
  </si>
  <si>
    <t>2014-04-16 12:21:15.510000+00:00</t>
  </si>
  <si>
    <t>css|css3|google-chrome|transform|transition</t>
  </si>
  <si>
    <t>Convert T-SQL into LINQ Lambda</t>
  </si>
  <si>
    <t>&lt;p&gt;How can i write this query in LINQ lambda expression or query syntax if required? I have been trying for a while now. The multiple joins are making it difficult. The total records on the join are over 2000 and the final result should be about 15 records&lt;/p&gt;
&lt;pre&gt;&lt;code&gt;select 
    year([date]), 
    month([date]),
    sum(ot.rate)
from s as s 
join cs cs on cs.s_id= s.id
join ot ot on ot.id = cs.o_id
group by
    year([date]), 
    month([date])
&lt;/code&gt;&lt;/pre&gt;
&lt;p&gt;this is the closest I have got but will not compile. I cannot access the ot property from within the select block.&lt;/p&gt;
&lt;pre&gt;&lt;code&gt;    var query = from se in table_se
        join cs in table_cs on se.Id equals cs.S_Id
        join ot in table_ot on cs.O_Id equals ot.Id
        group se by new { se.Date.Year, se.Date.Month } into grp 
        select new
        {
            grp.Key.Year,
            grp.Key.Month,
            grp.Sum(ot.Rate)
        };
&lt;/code&gt;&lt;/pre&gt;</t>
  </si>
  <si>
    <t>2013-09-12 12:18:45.270000+00:00</t>
  </si>
  <si>
    <t>2013-09-12 12:49:13.843000+00:00</t>
  </si>
  <si>
    <t>2013-09-12 12:48:23.267000+00:00</t>
  </si>
  <si>
    <t>c#|sql-server|linq|tsql|lambda</t>
  </si>
  <si>
    <t>How to use ttk progressbar with tkinter frame in python 2.7?</t>
  </si>
  <si>
    <t>&lt;p&gt;I am using ttk progessbar in a tkinter frame, when I load the frame containing progressbar in a new thread my GUI is frozen, but it seems to run fine from the main class, can you please tell me why is this happening, I have attached the code below.&lt;/p&gt;
&lt;pre&gt;&lt;code&gt;import Tkinter as tk
import logging
from Tkinter import END, WORD
import threading
import time
class CardSystem(tk.Tk):
    def __init__(self, *args, **kwargs):
        tk.Tk.__init__(self, *args, **kwargs)
        container = tk.Frame(self)
        container.pack(side="top", fill="both", expand=True)
        container.grid_rowconfigure(0, weight=1)
        container.grid_columnconfigure(0, weight=1)
        self.frames = {}
        self.frames["StartPage"] = StartPage(container, self)
        self.frames["StartPage"].grid(row=0, column=0, sticky="nsew")
        self.show_frame("StartPage")
        reader = threading.Thread(target=CardRead, args=(container, self,     self.frames))
        reader.daemon = True
        reader.start()
    def show_frame(self, page_name):
        frame = self.frames[page_name]
        frame.tkraise()
class StartPage(tk.Frame):
    def __init__(self, parent, controller):
        tk.Frame.__init__(self, parent)
        self.controller = controller
        self.grid_rowconfigure(0, weight=1)
        self.grid_columnconfigure(0, weight=1)
        boxFrame = tk.Frame(self, bg="Antique White")
        boxFrame.grid(row=0, column=0, sticky="NSEW")
        boxFrame.columnconfigure(0, weight=1)
        boxFrame.rowconfigure(0, weight=1)
        textbox = tk.Text(boxFrame, border="0", fg="black", bg="Antique White", wrap=WORD)
        textbox.grid(row=0, column=0)
        textbox.insert(END, "\n ttk progressbar in tkinter frames testing....")
        textbox.config(state="disabled")
class LoaderPage(tk.Frame):
    def __init__(self, parent, controller):
        tk.Frame.__init__(self, parent)
        self.controller = controller
        self.grid_rowconfigure(0, weight=1)
        self.grid_columnconfigure(0, weight=1)
        # progress_one = ttk.Progressbar(self)
        # progress_one.grid(row=0, column=0, sticky="NEW")
        # progress_one.start()
class CardRead(tk.Frame):
    def __init__(self, parent, controller, frames):
        tk.Frame.__init__(self, parent)
        self.controller = controller
        time.sleep(2)
        frames["LoaderPage"] = LoaderPage(parent=parent, controller=controller)
        frames["LoaderPage"].grid(row=0, column=0, sticky="nsew")
        frames["LoaderPage"].tkraise()
if __name__ == "__main__":
    app = CardSystem()
    w = 900
    h = 600
    ws = app.winfo_screenwidth()
    hs = app.winfo_screenheight()
    x = (ws / 2) - (w / 2)
    y = (hs / 2) - (h / 2)
    app.geometry('%dx%d+%d+%d' % (w, h, x, y))
    app.mainloop()
&lt;/code&gt;&lt;/pre&gt;</t>
  </si>
  <si>
    <t>2017-05-19 10:04:22.527000+00:00</t>
  </si>
  <si>
    <t>2017-05-21 09:03:11.863000+00:00</t>
  </si>
  <si>
    <t>python-2.7|tkinter</t>
  </si>
  <si>
    <t>Create all repositories inside of unitofwork class</t>
  </si>
  <si>
    <t>&lt;p&gt;This is my class :&lt;/p&gt;
&lt;pre&gt;&lt;code&gt;    public class UnitOfWork : IUnitOfWork
{
    private readonly ApplicationDbContext _context;
    public IProducts Products{ get; private set; }
    public IGenreRepository Genres { get; private set; }
    public IFollowingRepository Followings { get; private set; }
    public IApplicationUserRepository Users { get; private set; }
    public INotificationRepository Notifications { get; private set; }
    public IUserNotificationRepository UserNotifications { get; private set; }
    public UnitOfWork(ApplicationDbContext context)
    {
        _context = context;
        Products = new ProductRepository(context);
        Genres = new GenreRepository(context);
        Followings = new FollowingRepository(context);
        Users = new ApplicationUserRepository(context);
        Notifications = new NotificationRepository(context);
        UserNotifications = new UserNotificationRepository(context);
    }
    public void Complete()
    {
        _context.SaveChanges();
    }
}
&lt;/code&gt;&lt;/pre&gt;
&lt;p&gt;This is calling example from controller :&lt;/p&gt;
&lt;pre&gt;&lt;code&gt;public class HomeController : Controller
    {
        private readonly IUnitOfWork _unitOfWork;
        public HomeController(IUnitOfWork unitOfWork)
        {
            _unitOfWork = unitOfWork;
        }
}
&lt;/code&gt;&lt;/pre&gt;
&lt;p&gt;My question is : would it cause a memory leak? Imagine I have 200 repositories and on each requests 200 objects will be created.  Or should I explicitly pass each repository to controller? &lt;/p&gt;</t>
  </si>
  <si>
    <t>2017-07-14 08:49:30.950000+00:00</t>
  </si>
  <si>
    <t>asp.net-mvc|memory-leaks|repository-pattern|unit-of-work</t>
  </si>
  <si>
    <t>Fixed Position for an DIV Element (Menu)</t>
  </si>
  <si>
    <t>&lt;p&gt;I want a fixed position for my left menu if i scroll down. But it didn't work: &lt;a href="http://test.nooon.de/" rel="nofollow noreferrer"&gt;http://test.nooon.de/&lt;/a&gt; &lt;/p&gt;
&lt;p&gt;Is it better to post the whole CSS and HTML Code here or to post just the link to the active (test)-site?&lt;/p&gt;
&lt;p&gt;HTML&lt;/p&gt;
&lt;pre&gt;&lt;code&gt;&amp;lt;html&amp;gt;
&amp;lt;head&amp;gt;
  &amp;lt;meta charset="UTF-8"&amp;gt;
  &amp;lt;meta name="viewport" content="width=device-width, initial-scale=1"&amp;gt;
  &amp;lt;title&amp;gt;Spielwiese&amp;lt;/title&amp;gt;
&amp;lt;/head&amp;gt;
&amp;lt;body&amp;gt;
  &amp;lt;div id="background-image"&amp;gt;&amp;lt;/div&amp;gt;
  &amp;lt;div id="wrapper"&amp;gt;
   &amp;lt;div class="container-fluid"&amp;gt;
  &amp;lt;div class="row"&amp;gt;
    &amp;lt;div class="col-1 nav"&amp;gt;
      &amp;lt;ul&amp;gt;
        &amp;lt;li&amp;gt;&amp;lt;i class="fas fa-home"&amp;gt;&amp;lt;/i&amp;gt;&amp;lt;/li&amp;gt;
        &amp;lt;li&amp;gt;&amp;lt;i class="fas fa-home"&amp;gt;&amp;lt;/i&amp;gt;&amp;lt;/li&amp;gt;
        &amp;lt;li&amp;gt;&amp;lt;i class="fas fa-home"&amp;gt;&amp;lt;/i&amp;gt;&amp;lt;/li&amp;gt;
        &amp;lt;li&amp;gt;&amp;lt;i class="fas fa-home"&amp;gt;&amp;lt;/i&amp;gt;&amp;lt;/li&amp;gt;
        &amp;lt;li&amp;gt;&amp;lt;i class="fas fa-home"&amp;gt;&amp;lt;/i&amp;gt;&amp;lt;/li&amp;gt;
        &amp;lt;li&amp;gt;&amp;lt;i class="fas fa-home"&amp;gt;&amp;lt;/i&amp;gt;&amp;lt;/li&amp;gt;
        &amp;lt;li&amp;gt;&amp;lt;i class="fas fa-home"&amp;gt;&amp;lt;/i&amp;gt;&amp;lt;/li&amp;gt;
      &amp;lt;/ul&amp;gt;
    &amp;lt;/div&amp;gt;
    &amp;lt;div class="col-11 content"&amp;gt;
      &amp;lt;p&amp;gt;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Seit 1975 fehlen in den meisten Testtexten die Zahlen, weswegen nach TypoGb. 204 �� ab dem Jahr 2034 Zahlen in 86 der Texte zur Pflicht werden. Nichteinhaltung wird mit bis zu 245 ��� oder 368 $ bestraft. Genauso wichtig in sind mittlerweile auch ����c����t��, die in neueren Schriften aber fast immer enthalten sind. Ein wichtiges aber schwierig zu integrierendes Feld sind OpenType-Funktionalit��ten. Je nach Software und Voreinstellungen k��nnen eingebaute Kapit��lchen, Kerning oder Ligaturen (sehr pfiffig) nicht richtig dargestellt werden.Dies ist ein Typoblindtext. An ihm kann man sehen, ob alle Buchstaben da sind und wie sie aussehen. Manchmal benutzt man Worte wie Hamburgefonts, Rafgenduks
        Dies ist ein Typoblindtext. An ihm kann man sehen, ob alle Buchstaben da sind und wie sie aussehen. Manchmal benutzt man Worte wie Hamburgefonts, Rafgenduks oder Handgloves, um Schriften zu testen. Manchmal S��tze, die alle Buchstaben des Alphabets enthalten - man nennt diese S��tze ��Pangrams��. Sehr bekannt ist dieser: The quick brown fox jumps over the lazy old dog. Oft werden in Typoblindtexte auch fremdsprachige Satzteile eingebaut (AVAIL�� and Wefox��� are testing aussi la Kerning), um die Wirkung in anderen Sprachen zu testen. In Lateinisch sieht zum Beispiel fast jede Schrift gut aus. Quod erat demonstrandum. 
      &amp;lt;/p&amp;gt;
    &amp;lt;/div&amp;gt;
  &amp;lt;/div&amp;gt;
&amp;lt;/div&amp;gt;
  &amp;lt;/div&amp;gt;
&amp;lt;/body&amp;gt;
&amp;lt;/html&amp;gt;
&lt;/code&gt;&lt;/pre&gt;
&lt;p&gt;CSS&lt;/p&gt;
&lt;pre&gt;&lt;code&gt;#background-image {
  background: url("http://www.hkepci.com/data/out/22/338804-mountain-images.jpg") no-repeat center center fixed;
  -webkit-background-size: cover;
  -moz-background-size: cover;
  -o-background-size: cover;
  background-size: cover;
  -webkit-filter: blur(20px);
  -moz-filter: blur(20px);
  -o-filter: blur(20px);
  -ms-filter: blur(20px);
  filter: blur(20px);
  width: 100%;
  height: 100%;
  position: fixed;
}
#wrapper {
  position: absolute;
  left: 50%;
  top: 50%;
  overflow: auto;
  background: #8391a9;
  /* Old browsers */
  background: -moz-linear-gradient(top, #8391a9 0%, #788397 100%);
  /* FF3.6+ */
  background: -webkit-gradient(linear, left top, left bottom, color-stop(0%, #8391a9), color-stop(100%, #788397));
  /* Chrome,Safari4+ */
  background: -webkit-linear-gradient(top, #8391a9 0%, #788397 100%);
  /* Chrome10+,Safari5.1+ */
  background: -o-linear-gradient(top, #8391a9 0%, #788397 100%);
  /* Opera 11.10+ */
  background: -ms-linear-gradient(top, #8391a9 0%, #788397 100%);
  /* IE10+ */
  background: linear-gradient(to bottom, #8391a9 0%, #788397 100%);
  /* W3C */
  filter: progid:DXImageTransform.Microsoft.gradient( startColorstr="#ffffff", endColorstr="#000000", GradientType=0 );
  /* IE6-9 */
  -webkit-box-shadow: 0 20px 40px rgba(0, 0, 0, 0.3);
  -moz-box-shadow: 0 20px 40px rgba(0, 0, 0, 0.3);
  box-shadow: 0 20px 40px rgba(0, 0, 0, 0.3);
  -moz-transform: translate(-50%, -50%);
  -o-transform: translate(-50%, -50%);
  -ms-transform: translate(-50%, -50%);
  -webkit-transform: translate(-50%, -50%);
  transform: translate(-50%, -50%);
  width: 90%;
  /* fallback if needed */
  width: calc(100% - 100px);
  max-width: 1400px;
  height: 90%;
  /* fallback if needed */
  height: calc(100% - 100px);
}
#wrapper .container-fluid .row .nav {
  height: 100px;
  padding: 0;
}
#wrapper .container-fluid .row .nav ul {
  list-style-type: none;
  height: 100%;
  background-color: #4b555d;
  padding-left: 0;
  position: fixed;
  top: 0;
  left: 0;
  width: 110px;
}
#wrapper .container-fluid .row .nav ul li:first-child {
  margin-top: 100px;
}
#wrapper .container-fluid .row .nav ul li {
  margin-bottom: 3px;
  font-size: 40px;
  font-size: 2.5rem;
  color: #ffffff;
  display: inline-block;
  width: 110px;
  height: 110px;
  padding-top: 28px;
  text-align: center;
  background: #00e4ff;
  /* Old browsers */
  background: -moz-linear-gradient(top, #00e4ff 0%, #00f0ff 100%);
  /* FF3.6+ */
  background: -webkit-gradient(linear, left top, left bottom, color-stop(0%, #00e4ff), color-stop(100%, #00f0ff));
  /* Chrome,Safari4+ */
  background: -webkit-linear-gradient(top, #00e4ff 0%, #00f0ff 100%);
  /* Chrome10+,Safari5.1+ */
  background: -o-linear-gradient(top, #00e4ff 0%, #00f0ff 100%);
  /* Opera 11.10+ */
  background: -ms-linear-gradient(top, #00e4ff 0%, #00f0ff 100%);
  /* IE10+ */
  background: linear-gradient(to bottom, #00e4ff 0%, #00f0ff 100%);
  /* W3C */
  filter: progid:DXImageTransform.Microsoft.gradient( startColorstr="#ffffff", endColorstr="#000000", GradientType=0 );
  /* IE6-9 */
}
#wrapper .container-fluid .row .content {
  padding: 40px;
}
#wrapper .container-fluid .row .content p {
  color: #ffffff;
}
#wrapper::-webkit-scrollbar {
  width: 6px;
}
#wrapper::-webkit-scrollbar-track {
  -webkit-box-shadow: inset 0 0 6px rgba(0, 0, 0, 0.3);
}
#wrapper::-webkit-scrollbar-thumb {
  -webkit-box-shadow: inset 0 0 6px rgba(0, 0, 0, 0.5);
}
&lt;/code&gt;&lt;/pre&gt;
&lt;p&gt;CodePen:
    &lt;a href="https://codepen.io/pauernet/pen/LQxxZR" rel="nofollow noreferrer"&gt;https://codepen.io/pauernet/pen/LQxxZR&lt;/a&gt;&lt;/p&gt;
&lt;p&gt;i hope now i did everything alright. hope you can help. thank you very much.&lt;/p&gt;
&lt;p&gt;greetings.&lt;/p&gt;</t>
  </si>
  <si>
    <t>2018-02-08 15:49:20.803000+00:00</t>
  </si>
  <si>
    <t>2018-02-08 16:27:18.100000+00:00</t>
  </si>
  <si>
    <t>css|overflow</t>
  </si>
  <si>
    <t>Laravel and Angular. Issue with query results from Laravel when I search using Postman and Chrome</t>
  </si>
  <si>
    <t>&lt;p&gt;I'm using Angular 4 and Laravel 5.4.&lt;/p&gt;
&lt;p&gt;When I'm using Postman and querying the next route: &lt;a href="http://ventas.dev./api/ubigeo" rel="nofollow noreferrer"&gt;http://ventas.dev./api/ubigeo&lt;/a&gt;, it return two records because I have the next code:&lt;/p&gt;
&lt;pre&gt;&lt;code&gt;$tot = Ubigeo::where('dist', 'like', '%'. $request-&amp;gt;input('term') . '%')-&amp;gt;count();
return response()-&amp;gt;json(["ubigeo" =&amp;gt; $tot], 201);
&lt;/code&gt;&lt;/pre&gt;
&lt;p&gt;But when I call the same route from Angular it return all records from Ubigeo table.&lt;/p&gt;
&lt;p&gt;Why I have this problem?&lt;/p&gt;
&lt;p&gt;From Postman:
&lt;a href="https://ibb.co/n5PraF" rel="nofollow noreferrer"&gt;https://ibb.co/n5PraF&lt;/a&gt;&lt;/p&gt;
&lt;p&gt;From Chrome (Angular):
&lt;a href="https://ibb.co/bW8HFF" rel="nofollow noreferrer"&gt;https://ibb.co/bW8HFF&lt;/a&gt;&lt;/p&gt;</t>
  </si>
  <si>
    <t>2017-07-11 22:04:02.050000+00:00</t>
  </si>
  <si>
    <t>2017-07-11 22:35:54.320000+00:00</t>
  </si>
  <si>
    <t>angular|orm|eloquent|laravel-5.4|laravel-eloquent</t>
  </si>
  <si>
    <t>How To Reverse The Order Of LinkedHashMap Elements In Scala</t>
  </si>
  <si>
    <t>&lt;p&gt;Is there any elegant way to reverse the elements' order of LinkedHashMap in Scala?&lt;/p&gt;
&lt;p&gt;For instance, I have a LinkedHashMap[Integer, String] like:&lt;/p&gt;
&lt;pre&gt;&lt;code&gt;[1, "one"]
[2, "two"]
[3, "three"]
&lt;/code&gt;&lt;/pre&gt;
&lt;p&gt;What is the best way to get a LinkedHashMap[Integer, String] like:&lt;/p&gt;
&lt;pre&gt;&lt;code&gt;[3, "three"]
[2, "two"]
[1, "one"]
&lt;/code&gt;&lt;/pre&gt;</t>
  </si>
  <si>
    <t>2017-08-09 11:38:40.490000+00:00</t>
  </si>
  <si>
    <t>2017-08-09 13:12:32.063000+00:00</t>
  </si>
  <si>
    <t>2017-08-09 11:46:09.593000+00:00</t>
  </si>
  <si>
    <t>scala|collections|linkedhashmap</t>
  </si>
  <si>
    <t>Can't get rid of numerous blank rows from output</t>
  </si>
  <si>
    <t>&lt;p&gt;I've written a script in python in combination with selenium to get some information from a webpage. To reach the content it is necessary to click on the &lt;code&gt;+&lt;/code&gt; sign next to each name within the larger table. When clicking on those &lt;code&gt;+&lt;/code&gt; sign is done, all the table connected to each name shows up. My script can do it very efficiently. However, the next step is to parse those tabular data. This is where I'm stuck with messy content. The data of each table are getting parsed but lots of blank rows come along out of nowhere. &lt;/p&gt;
&lt;p&gt;How can I kick out those blank rows and keep on parsing only those tabular data?&lt;/p&gt;
&lt;p&gt;&lt;a href="http://agmarknet.gov.in/MarketProfile/MarketProfile.aspx" rel="nofollow noreferrer"&gt;&lt;strong&gt;&lt;em&gt;link to that site&lt;/em&gt;&lt;/strong&gt;&lt;/a&gt;&lt;/p&gt;
&lt;p&gt;This is my script:&lt;/p&gt;
&lt;pre&gt;&lt;code&gt;from selenium import webdriver
from selenium.webdriver.common.by import By
from selenium.webdriver.support.ui import WebDriverWait
from selenium.webdriver.support import expected_conditions as EC
url = "replace with above link"
def get_info(driver,link):
    driver.get(link)
    for items in wait.until(EC.presence_of_all_elements_located((By.CSS_SELECTOR,"table.tableagmark img[style^='cursor:']"))):
        items.location
        items.click()
        wait.until(EC.invisibility_of_element_located((By.CSS_SELECTOR,"table[style='font-size:16px;']")))
    fetch_table()
def fetch_table():
    for items in wait.until(EC.presence_of_all_elements_located((By.CSS_SELECTOR, "table[style='font-size:16px;'] tr"))):
        data = [item.text for item in items.find_elements_by_css_selector("td")]
        print(data)
if __name__ == '__main__':
    driver = webdriver.Chrome()
    wait = WebDriverWait(driver,10)
    try:
        get_info(driver,url)
    finally:
        driver.quit()
&lt;/code&gt;&lt;/pre&gt;
&lt;p&gt;This is how the output looks like (before and after each tabular content):&lt;/p&gt;
&lt;pre&gt;&lt;code&gt;['', '']
['', '']
['', '']
['', '']
['', '']
['', '']
['', '']
['', '']
['', '']
['', '']
[]
['Achanta', 'Apr 16 2018 11:24AM']
['Addanki', 'Apr 13 2018 6:00PM']
['Adoni', 'Apr 18 2018 12:17PM']
&lt;/code&gt;&lt;/pre&gt;</t>
  </si>
  <si>
    <t>2018-07-17 18:36:34.993000+00:00</t>
  </si>
  <si>
    <t>2018-07-17 20:01:08.837000+00:00</t>
  </si>
  <si>
    <t>python|python-3.x|selenium|selenium-webdriver|web-scraping</t>
  </si>
  <si>
    <t>What happens in a Scheme 'cond' clause when the 'else' is omitted?</t>
  </si>
  <si>
    <t>&lt;p&gt;I'm in the process of learning Scheme. I recently spent (too much!) time trying to find a bug in a program before I realized I was missing the 'else' word in a cond clause.  But the behavior in such circumstances appears to be a little weird. Experimenting with the conditions with just a simple program (below) the 'whatever' gets displayed as expected in the else clause, but also gets displayed, but without the 'else', gets displayed with the surrounding double quotes and the un-interpreted new line printed literally.  Can anybody explain to me what's happening?  TIA.&lt;/p&gt;
&lt;pre&gt;&lt;code&gt;   (define (foo x)
    (cond ((eq? x 0) (display "zero\n"))
          (display "whatever\n")))
   (define (bar x)
    (cond ((eq? x 0 ) (display "zero\n"))
          (else (display "whatever\n"))))
In the repl window:
Welcome to DrScheme, version 4.1.5 [3m].
Language: Pretty Big; memory limit: 128 megabytes.
&amp;gt; (foo 0)
zero
&amp;gt; (bar 0)
zero
&amp;gt; (foo 2)
"whatever\n"
&amp;gt; (bar 2)
whatever
&amp;gt; 
&lt;/code&gt;&lt;/pre&gt;</t>
  </si>
  <si>
    <t>2009-05-01 22:37:06.433000+00:00</t>
  </si>
  <si>
    <t>2010-06-08 21:11:57.160000+00:00</t>
  </si>
  <si>
    <t>Having a CSS menu aligned properly</t>
  </si>
  <si>
    <t>&lt;p&gt;I'm working on simple website with a menu bar that's pinned at the top of the page as you scroll down, that part is working properly.&lt;/p&gt;
&lt;p&gt;I have two div tags, one floated to the left with text logo and another div tag floated to the right with a ul menu.&lt;/p&gt;
&lt;p&gt;The website's main content is in a 960 x [variable height] content area.&lt;/p&gt;
&lt;p&gt;I would always like my logo floated to the left to be left aligned to the left edge of the content area and the right end of my menu to always be aligned to the right end of my content area. So that if the website is larger than 960px the logo is always at 0px and the end of the ul list with padding ends at 960px.&lt;/p&gt;
&lt;p&gt;My Logo styling&lt;/p&gt;
&lt;pre&gt;&lt;code&gt;Heading container:
position: relative;
background-color: white;
height: 120px;
margin: 0px auto;
border-bottom: solid 2px #ffc900;
position:fixed;
z-index: 1;
top:0;
left:0;
right:0;
margin:0;
Logo Container H1:
float: left;
font-size: 48px;
color: #ffc900;
text-transform: uppercase;
padding: 15px 0px 0px 120px;
font-weight: normal;
Heading container H5:
clear: both;
float: left;
font-size: 16px;
color: #0070ff;
padding: 0px 0px 0px 124px;
font-weight: normal;
&lt;/code&gt;&lt;/pre&gt;
&lt;p&gt;Here is my list styling:&lt;/p&gt;
&lt;pre&gt;&lt;code&gt;Main_Nav:
float: right;
display: block;
position: relative;
text-decoration: none;
color: #0070ff;
padding: 7px 20px 10px 20px;
margin: -4px 4px 0px 0px;
left: -65px;    
Main_Nav a, .Main_Nav li:
text-decoration: none;
float: left;
display: block;
color: #0070ff;
margin: -5px 3px 0px 0px;
left: 170px;
Main_Nav a 
padding: 7px 15px 10px 15px;
&lt;/code&gt;&lt;/pre&gt;</t>
  </si>
  <si>
    <t>2013-12-16 01:12:57.487000+00:00</t>
  </si>
  <si>
    <t>2018-04-20 01:08:42.353000+00:00</t>
  </si>
  <si>
    <t>Group layout with label truncation</t>
  </si>
  <si>
    <t>&lt;p&gt;I have a group that holds two labels. The text in the labels change dynamically, sometimes with a long text. If I use width=50% for the labels, this may lead to unused lost space like the example below, if one label requires less than 50%. How do I layout the labels so that the maximum space available is used (i.e. the sum of label width = 100% and one or both labels truncate their text if needed) ?&lt;/p&gt;
&lt;pre&gt;&lt;code&gt;&amp;lt;?xml version="1.0"?&amp;gt;
&amp;lt;s:Application
  xmlns:fx="http://ns.adobe.com/mxml/2009"
  xmlns:s="library://ns.adobe.com/flex/spark" 
  xmlns:mx="library://ns.adobe.com/flex/mx"&amp;gt;
  &amp;lt;s:HGroup width="200"&amp;gt;
    &amp;lt;s:Label width="50%" text="Label1" maxDisplayedLines="1"/&amp;gt;
    &amp;lt;s:Label width="50%" text="Label2: some very very long text" maxDisplayedLines="1"/&amp;gt;
  &amp;lt;/s:HGroup&amp;gt;
&amp;lt;/s:Application&amp;gt;
&lt;/code&gt;&lt;/pre&gt;</t>
  </si>
  <si>
    <t>2013-01-10 16:21:57.880000+00:00</t>
  </si>
  <si>
    <t>2013-01-11 04:48:12.960000+00:00</t>
  </si>
  <si>
    <t>2013-01-10 16:52:21.033000+00:00</t>
  </si>
  <si>
    <t>flex</t>
  </si>
  <si>
    <t>nginx rewrite rules for app api</t>
  </si>
  <si>
    <t>&lt;p&gt;I have a question regarding nginx rewrite/redirect rules.&lt;/p&gt;
&lt;p&gt;I have an app that is running on &lt;code&gt;app.example.com&lt;/code&gt;, and I want to forward all requests that hits this server to another subdomain: &lt;code&gt;api.example.com&lt;/code&gt;&lt;/p&gt;
&lt;p&gt;I have all api-related stuff in this folder: &lt;code&gt;/react-api&lt;/code&gt;&lt;/p&gt;
&lt;p&gt;I have managed to get this working:&lt;/p&gt;
&lt;pre&gt;&lt;code&gt;location ~ /react-api {
    rewrite ^(.+)$ http://api.example.com$request_uri? permanent;
}
&lt;/code&gt;&lt;/pre&gt;
&lt;p&gt;It works perfectly in the browser, but when I try to run it in my app, it doesn't work. I think it has something to do with the fact that it is a &lt;code&gt;301 redirect&lt;/code&gt; right? And the app can't work with that?&lt;/p&gt;
&lt;p&gt;How do I solve this problem?&lt;/p&gt;
&lt;p&gt;Appreciate all help!&lt;/p&gt;
&lt;p&gt;&lt;strong&gt;UPDATE&lt;/strong&gt;
I've tried &lt;code&gt;proxy_pass&lt;/code&gt;&lt;/p&gt;
&lt;pre&gt;&lt;code&gt;location /react-api/(.*) {
    proxy_pass http://api.example.com/$is_args$args/;
}
&lt;/code&gt;&lt;/pre&gt;
&lt;p&gt;But I couldn't get that working either.&lt;/p&gt;</t>
  </si>
  <si>
    <t>2017-08-13 07:09:27.313000+00:00</t>
  </si>
  <si>
    <t>2017-08-13 20:15:45.340000+00:00</t>
  </si>
  <si>
    <t>2017-08-13 09:41:16.263000+00:00</t>
  </si>
  <si>
    <t>nginx</t>
  </si>
  <si>
    <t>Bigcommerce create order using API gives "Client Error (400): The field 'products' is invalid."</t>
  </si>
  <si>
    <t>&lt;p&gt;I am trying to create a order with API.&lt;/p&gt;
&lt;pre&gt;&lt;code&gt;   $product_id = 111;
$order_data = array(
'customer_id'=&amp;gt;0,
'status_id' =&amp;gt; 1,
'products'=&amp;gt;array(
'product_id'=&amp;gt;(int)$product_id,
'quantity'=&amp;gt;1
),
'billing_address'=&amp;gt;array(
 "zip"=&amp;gt; "78757",
 "city"=&amp;gt; "Austin",
 "email"=&amp;gt; "kane@test.com",
 "state"=&amp;gt; "Gold Coast",
 "country"=&amp;gt; "Australia",
 "street_1"=&amp;gt; "12345 W Anderson Ln",
 "last_name"=&amp;gt; "Damio",
 "first_name"=&amp;gt; "Kane",
 "country_iso2"=&amp;gt; "AU"
 ),
);
Bigcommerce::failOnError();
try {
    $order = Bigcommerce::createOrder($order_data);
    print_r($order);
} catch(Bigcommerce\Api\Error $error) {
    echo $error-&amp;gt;getCode();
    echo $error-&amp;gt;getMessage();
}
&lt;/code&gt;&lt;/pre&gt;
&lt;p&gt;I am pretty sure i have followed the documentation correctly and i get this in response &lt;/p&gt;
&lt;p&gt;Fatal error: Uncaught Client Error (400): The field 'products' is invalid. Any help will be much appreciated.&lt;/p&gt;</t>
  </si>
  <si>
    <t>2016-06-07 07:07:49.403000+00:00</t>
  </si>
  <si>
    <t>2016-06-07 07:39:37.710000+00:00</t>
  </si>
  <si>
    <t>api|bigcommerce</t>
  </si>
  <si>
    <t>How to compare two tables using PHP and MySQL</t>
  </si>
  <si>
    <t>&lt;p&gt;I need one help. I need to check one table's column data is present in another table in same database using PHP and MySQL.I am explaining my table below.&lt;/p&gt;
&lt;blockquote&gt;
  &lt;p&gt;db_gallery:&lt;/p&gt;
&lt;/blockquote&gt;
&lt;pre&gt;&lt;code&gt;id       subcat_id         image
1           60             123.png
2           60             234.png
3           58             456.png
&lt;/code&gt;&lt;/pre&gt;
&lt;blockquote&gt;
  &lt;p&gt;db_special_image&lt;/p&gt;
&lt;/blockquote&gt;
&lt;pre&gt;&lt;code&gt;id      subcat_id         name        gallery_image
 1         60              aaa          123.png
 2         58              bbb          456.png
&lt;/code&gt;&lt;/pre&gt;
&lt;p&gt;Here I need to check whether any gallery image is present inside the &lt;code&gt;db_special_image&lt;/code&gt; table. I need to check with &lt;code&gt;subcat_id&lt;/code&gt;. Suppose I know the &lt;code&gt;subcat_id=60&lt;/code&gt;. I need to check any image from &lt;code&gt;db_gallery&lt;/code&gt; table belongs to &lt;code&gt;subcat_id=60&lt;/code&gt; is present in &lt;code&gt;db_special_image&lt;/code&gt; table or not. If any image is there then it will return 1 otherwise 0. I need query for this. Please help me.&lt;/p&gt;</t>
  </si>
  <si>
    <t>2017-04-10 05:58:53.963000+00:00</t>
  </si>
  <si>
    <t>2017-04-10 06:37:16.227000+00:00</t>
  </si>
  <si>
    <t>Creating HTML5 applications in SAP cloud platform</t>
  </si>
  <si>
    <t>&lt;p&gt;I am new to SAP CP. I have built a webpage which has html, css and js files. I want to deploy the same in SAP CP and then do the backend (js) and bind to the hana database.&lt;/p&gt;
&lt;p&gt;A few doubts regarding the same:&lt;/p&gt;
&lt;ul&gt;
&lt;li&gt;Can I deploy the same as HTML5 apps in sapui5 or I need to package it
as a war and deploy to Java apps? &lt;/li&gt;
&lt;li&gt;How can I Bind a database to the same?&lt;/li&gt;
&lt;/ul&gt;
&lt;p&gt;Also please note that I have not selected any template from sapui5 its an custom project the whole idea is to run a htnl5 web app in sap CP.&lt;/p&gt;
&lt;p&gt;Any guidance will be great.&lt;/p&gt;</t>
  </si>
  <si>
    <t>2018-08-09 05:54:21.267000+00:00</t>
  </si>
  <si>
    <t>2018-08-19 07:10:37.117000+00:00</t>
  </si>
  <si>
    <t>FormFlow vs Dialogs in Microsoft Bot Framework</t>
  </si>
  <si>
    <t>&lt;p&gt;Can anyone explain me when is better to use Dialogs than FormFlow? 
In my case I do not have to provide a lot of options for user to choose (like in Sandwich bot example), but I'm going to have a lot of logic. For example: if user says something, I'm analyzing his answer by LUIS model and then call a particular method. Depending on what the user said I need to call different methods. &lt;/p&gt;</t>
  </si>
  <si>
    <t>2016-09-08 01:14:28.010000+00:00</t>
  </si>
  <si>
    <t>2017-07-11 11:41:14.113000+00:00</t>
  </si>
  <si>
    <t>2017-05-31 04:33:13.867000+00:00</t>
  </si>
  <si>
    <t>c#|dialog|botframework|formflow</t>
  </si>
  <si>
    <t>download file from s3 to STDOUT</t>
  </si>
  <si>
    <t>&lt;p&gt;I currently use s3cmd to download a file from s3. However I'd rather output the contents to STOUT. Do you know a unix tool that can do it?&lt;/p&gt;
&lt;p&gt;Thanks, Jan&lt;/p&gt;</t>
  </si>
  <si>
    <t>2012-11-07 15:46:04.243000+00:00</t>
  </si>
  <si>
    <t>2012-11-07 15:51:36.153000+00:00</t>
  </si>
  <si>
    <t>unix|amazon-s3</t>
  </si>
  <si>
    <t>Rails 3 - best_in_place editing</t>
  </si>
  <si>
    <t>&lt;p&gt;Hopefully a simple answer; I am using the gem &lt;a href="https://github.com/bernat/best_in_place" rel="nofollow noreferrer"&gt;best_in_place&lt;/a&gt; and it works great. I'm trying to figure out how to create a drop down menu using:  &lt;/p&gt;
&lt;pre&gt;&lt;code&gt;:type =&amp;gt; :select, :collection =&amp;gt; []
&lt;/code&gt;&lt;/pre&gt;
&lt;p&gt;What I want to be able to do is pass in a list of names that have been entered from my user model. &lt;/p&gt;
&lt;p&gt;Any thoughts how to do this? Can I mix it with collection_select?&lt;/p&gt;</t>
  </si>
  <si>
    <t>2011-04-08 02:03:22.293000+00:00</t>
  </si>
  <si>
    <t>2013-08-03 08:44:58.347000+00:00</t>
  </si>
  <si>
    <t>jquery|ruby-on-rails|edit|best-in-place</t>
  </si>
  <si>
    <t>Having problems using KendoUI grid with AngularJS</t>
  </si>
  <si>
    <t>&lt;p&gt;I'm evaluating KendoUI for use within my Angular applications.
I'm having issues with using KendoUI Gird widget: I specify the data source to be a JSON array defined in my controller, but I got absolutely nothing on the page, not even an empty grid.&lt;/p&gt;
&lt;p&gt;Here is my html:&lt;/p&gt;
&lt;pre&gt;&lt;code&gt;&amp;lt;div&amp;gt;
&amp;lt;kendo-grid k-data-source="dataSource"&amp;gt;
&amp;lt;/kendo-grid&amp;gt;
&amp;lt;/div&amp;gt;
&lt;/code&gt;&lt;/pre&gt;
&lt;p&gt;Here is my controller:&lt;/p&gt;
&lt;pre&gt;&lt;code&gt;'use strict';
angular.module('wizardApp').controller('ApplicationGeneralWizardCtrl', ['$scope',
    function ($scope) {
            console.log('Entering ApplicationGeneralWizardCtrl');
         $scope.dataSource = new kendo.data.DataSource({
            data: [
                { id: 1, name: 'Tennis Balls', department: 'Sports', lastShipment: '10/01/2013' },
                { id: 2, name: 'Basket Balls', department: 'Sports', lastShipment: '10/02/2013' },
                { id: 3, name: 'Oil', department: 'Auto', lastShipment: '10/01/2013' },
                { id: 4, name: 'Filters', department: 'Auto', lastShipment: '10/01/2013' },
                { id: 5, name: 'Dresser', department: 'Home Furnishings', lastShipment: '10/01/2013' }
            ],
             columns:
                 [
                     { "field": "name", "title": "Name"},
                     { "field": "department", "title": "Department"},
                     { "field": "lastShipment", "title": "Last Shipment" }
                 ]
         });
    }
]);
&lt;/code&gt;&lt;/pre&gt;
&lt;p&gt;Here is my main app.js:&lt;/p&gt;
&lt;pre&gt;&lt;code&gt;'use strict';
var app = angular.module('wizardApp', [
  'ngCookies',
  'ngResource',
  'ngSanitize',
  'ngRoute',
  'mgo-angular-wizard',
    'ngGrid',
    'kendo.directives'
]);
app.value('host', false /*use local host*/ ? "http://localhost:63428" : "http://sampleservice.breezejs.com");
app.controller('ApplicationTableCtrl', ['$scope', '$location', '$rootScope','ngGrid',
    function ($scope, $location, $rootScope) {
    }
]);
app.controller('MainCtrl',
    ['$scope',  'datacontext','$timeout','WizardHandler','$location',
        function($scope, datacontext, $timeout,WizardHandler,$location) {
            function Customer(name,number,address,contact)
            {
                this.customerName = name;
                this.customerNumber = number;
                this.customerAddress = address;
                this.customerContact = contact;
            }
            console.log('created MainCtrl');
            $scope.items = [];
//            $scope.logList = logger.logList;
//            $scope.lastLog = function(){return logger.lastLog;};
            $scope.step_1_Action = function(name,number){
                 console.log('MainCtrl : step_1_Action dataInput:  ' + name + '  ' + number);
                $scope.currentCustomer = new Customer('','','','');
                 $scope.currentCustomer.customerName = name;
                 $scope.currentCustomer.customerNumber = number;
                    }
            $scope.step_2_Action = function(address,contact){
                console.log('MainCtrl : step_2_Action dataInput:  ' + address + '   ' + contact);
                $scope.currentCustomer.customerAddress = address;
                $scope.currentCustomer.customerContact = contact;
                    }
            $scope.saveCustomerRecord = function(){
                 datacontext.addCustomer($scope.currentCustomer);
                 datacontext.commit();
                $scope.currentCustomer = new Customer('','','','');
                 //$scope.step1Form.$setPristine();
                 $scope.currentCustomer = {};
                 WizardHandler.wizard().goTo(0);
            }
        }]
);
app
  .config(function ($routeProvider) {
    $routeProvider
      .when('/', {
        templateUrl: 'views/main.html',
        controller: 'MainCtrl'
      })
        .when('/IntroductionWizard', {
            templateUrl: 'views/Wizards/IntroductionWizard/IntroductionWizard.html',
            controller: 'IntroductionWizardCtrl'
        })
        .when('/ApplicationGeneralWizard', {
            templateUrl: 'views/Wizards/ApplicationGeneralWizard/ApplicationGeneralWizard.html',
            controller: 'ApplicationGeneralWizardCtrl'
        })
      .otherwise({
        redirectTo: '/'
      });
  }).run(
    function ($rootScope, $location) {
        $rootScope.go = function (path) {
            $location.path(path);
        }
    });
&lt;/code&gt;&lt;/pre&gt;
&lt;p&gt;Here is my index.html:&lt;/p&gt;
&lt;pre&gt;&lt;code&gt;&amp;lt;!doctype html&amp;gt;
  &amp;lt;head&amp;gt;
    &amp;lt;meta charset="utf-8"&amp;gt;
    &amp;lt;meta http-equiv="X-UA-Compatible" content="IE=edge"&amp;gt;
    &amp;lt;title&amp;gt;&amp;lt;/title&amp;gt;
    &amp;lt;meta name="description" content=""&amp;gt;
    &amp;lt;meta name="viewport" content="width=device-width"&amp;gt;
    &amp;lt;link rel="stylesheet" href="bower_components/bootstrap/dist/css/bootstrap.css"&amp;gt;
    &amp;lt;link rel="stylesheet" href="styles/main.css"&amp;gt;
    &amp;lt;script src="bower_components/jquery/jquery.js"&amp;gt;&amp;lt;/script&amp;gt;
    &amp;lt;script src="bower_components/angular/angular.js"&amp;gt;&amp;lt;/script&amp;gt;
    &amp;lt;script src="kendo.all.min.js"&amp;gt;&amp;lt;/script&amp;gt;
    &amp;lt;script src="angular-kendo.js"&amp;gt;&amp;lt;/script&amp;gt;
    &amp;lt;link href="styles/kendo.common.min.css" rel="stylesheet"&amp;gt;
    &amp;lt;link href="styles/kendo.default.min.css" rel="stylesheet"&amp;gt;
  &amp;lt;/head&amp;gt;
  &amp;lt;body ng-app="wizardApp"&amp;gt;
    &amp;lt;div class="container" ng-view=""&amp;gt;&amp;lt;/div&amp;gt;
    &amp;lt;script src="bower_components/underscore/underscore.js"&amp;gt;&amp;lt;/script&amp;gt;
    &amp;lt;script src="bower_components/bootstrap/dist/js/bootstrap.js"&amp;gt;&amp;lt;/script&amp;gt;
    &amp;lt;script src="bower_components/angular-resource/angular-resource.js"&amp;gt;&amp;lt;/script&amp;gt;
    &amp;lt;script src="bower_components/angular-cookies/angular-cookies.js"&amp;gt;&amp;lt;/script&amp;gt;
    &amp;lt;script src="bower_components/angular-sanitize/angular-sanitize.js"&amp;gt;&amp;lt;/script&amp;gt;
    &amp;lt;script src="bower_components/angular-route/angular-route.js"&amp;gt;&amp;lt;/script&amp;gt;
    &amp;lt;!-- Breeze: --&amp;gt;
    &amp;lt;script src="scripts/q.min.js"&amp;gt;&amp;lt;/script&amp;gt;
    &amp;lt;script src="scripts/breeze.min.js"&amp;gt;&amp;lt;/script&amp;gt;
    &amp;lt;script src="scripts/breeze.angular.js"&amp;gt;&amp;lt;/script&amp;gt;
    &amp;lt;script src="scripts/breeze.metadata-helper.js"&amp;gt;&amp;lt;/script&amp;gt;
    &amp;lt;!-- ng-grid: --&amp;gt;
    &amp;lt;script src="bower_components/ng-grid/build/ng-grid.debug.js"&amp;gt;&amp;lt;/script&amp;gt;
    &amp;lt;link rel="stylesheet" href="bower_components/ng-grid/ng-grid.css" /&amp;gt;
    &amp;lt;link rel="stylesheet" href="styles/style.css" /&amp;gt;
    &amp;lt;!-- the actual app: --&amp;gt;
        &amp;lt;script src="scripts/app.js"&amp;gt;&amp;lt;/script&amp;gt;
        &amp;lt;script src="scripts/model.js"&amp;gt;&amp;lt;/script&amp;gt;
        &amp;lt;script src="scripts/datacontext.js"&amp;gt;&amp;lt;/script&amp;gt;
        &amp;lt;script src="scripts/metadataFactory.js"&amp;gt;&amp;lt;/script&amp;gt;
        &amp;lt;script src="scripts/controllers/introductionWizard.js"&amp;gt;&amp;lt;/script&amp;gt;
        &amp;lt;script src="scripts/controllers/applicationGeneralWizard.js"&amp;gt;&amp;lt;/script&amp;gt;
        &amp;lt;script src="scripts/controllers/KendoGridDemoController.js"&amp;gt;&amp;lt;/script&amp;gt;
        &amp;lt;script src="scripts/ngLogger.js"&amp;gt;&amp;lt;/script&amp;gt;
        &amp;lt;script  src="bower_components/angular-wizard/dist/angular-wizard.js"&amp;gt;&amp;lt;/script&amp;gt;
        &amp;lt;link rel="stylesheet" href="bower_components/angular-wizard/dist/angular-wizard.css"&amp;gt;
&amp;lt;/body&amp;gt;
&amp;lt;/html&amp;gt;
&lt;/code&gt;&lt;/pre&gt;
&lt;p&gt;What am I doing wrong, and what is the right 'Angular-Kendo' way to do it?&lt;/p&gt;</t>
  </si>
  <si>
    <t>2014-03-31 21:42:58.673000+00:00</t>
  </si>
  <si>
    <t>2014-04-01 14:48:46.407000+00:00</t>
  </si>
  <si>
    <t>angularjs|kendo-ui|kendo-grid|angular-kendo</t>
  </si>
  <si>
    <t>Grunt.js Get JavaScript Filesize and Show On Page</t>
  </si>
  <si>
    <t>&lt;p&gt;Is there a way using Grunt.js uglify plugin to print/show/display the file size of my javascript files back to my HTML page after it's been concatenating and/or minified?&lt;/p&gt;
&lt;p&gt;What's the recommended plugins? I'm already using &lt;a href="https://github.com/jsoverson/grunt-env" rel="nofollow"&gt;grunt-env&lt;/a&gt; and &lt;a href="https://github.com/jsoverson/grunt-preprocess" rel="nofollow"&gt;grunt-preprocess&lt;/a&gt; to display grunt variables on my HTML page. I also use concat and uglify. &lt;/p&gt;
&lt;p&gt;If anyone can point me in the right direction I would appreciate it.&lt;/p&gt;</t>
  </si>
  <si>
    <t>2013-12-26 03:25:42.557000+00:00</t>
  </si>
  <si>
    <t>2013-12-27 15:08:43.597000+00:00</t>
  </si>
  <si>
    <t>javascript|node.js|gruntjs</t>
  </si>
  <si>
    <t>HP Fortify Pre compilation errors.(could not load file or assembly Oracle.Dataacess )</t>
  </si>
  <si>
    <t>&lt;p&gt;I  try to analyze my .net solution with HP FORTIFY from visual studio .But I am unable  my web project and got pre compilation error message . I tried to trouble shoot from command prompt and got "could not load file or assembly Oracle.Dataacess ". &lt;/p&gt;
&lt;p&gt;In my solution one of the project refers Oracle.Dataacess dll and that project is refered by the web project .I tried to use x64 version of the dll . But I still got the error . &lt;/p&gt;
&lt;p&gt;Appreciate your suggestions to get rid of this pre compilation error .&lt;/p&gt;
&lt;p&gt;Thanks,
Bala&lt;/p&gt;</t>
  </si>
  <si>
    <t>2016-10-20 19:12:51.160000+00:00</t>
  </si>
  <si>
    <t>2016-10-21 10:59:56.773000+00:00</t>
  </si>
  <si>
    <t>odp.net|fortify</t>
  </si>
  <si>
    <t>Why do we need a default constructor to pass an object by reference in C++?</t>
  </si>
  <si>
    <t>&lt;p&gt;My C++ compiler give me an error "no default constructor exists for class Foo" when I try the following.&lt;/p&gt;
&lt;p&gt;MyClass::MyClass(const Foo&amp;amp; foo)
{
...
}&lt;/p&gt;
&lt;p&gt;If I'm passing a reference, the object should already be initialized, correct? And it's not a problem with copy constructors, because I defined one explicitly. So why would one need a default constructor to pass a reference?&lt;/p&gt;
&lt;p&gt;The only thing I've been able to think of is that it might not know how much memory to allocate for it. If that's the problem, is there a way to tell the compiler that I only ever intend to allocate this object dynamically? I haven't been able to find any answers online for this, and I would really appreciate some help.&lt;/p&gt;
&lt;p&gt;EDIT: I'm just going to edit in my actual code.&lt;/p&gt;
&lt;p&gt;MemberManager.cpp:&lt;/p&gt;
&lt;pre&gt;&lt;code&gt;#include "MemberManager.h"
MemberManager::MemberManager(const NodeManager&amp;amp; nodeSet, std::vector&amp;lt;int&amp;gt; cctMat, int n)
{
    for(int i = 0; i &amp;lt; n; i++)
    {
        memSet[i] = Member();
    }
}
&lt;/code&gt;&lt;/pre&gt;
&lt;p&gt;NodeManager.h&lt;/p&gt;
&lt;pre&gt;&lt;code&gt;#include "Node.h"
class NodeManager
{
public:
    //constructors
    NodeManager(std::vector&amp;lt;double&amp;gt; crdMat, std::vector&amp;lt;Constraint&amp;gt; cstMat, int n):
        nodeSet(n) {};
    //copy
    NodeManager(const NodeManager&amp;amp; src):
        nodeSet(src.nodeSet) {};
}
&lt;/code&gt;&lt;/pre&gt;
&lt;p&gt;My precise error message is a red underline under the first body bracket of MemberManager::MemberManager(...) and it says no default constructor exists for NodeManager. This is my intent, but I don't understand WHY it would need a default constructor.&lt;/p&gt;</t>
  </si>
  <si>
    <t>2014-11-18 01:09:53.357000+00:00</t>
  </si>
  <si>
    <t>2014-11-18 02:32:49.683000+00:00</t>
  </si>
  <si>
    <t>2014-11-18 02:32:46.570000+00:00</t>
  </si>
  <si>
    <t>c++|parameters|constructor|default|required</t>
  </si>
  <si>
    <t>ordering edges for sweeping algorithm</t>
  </si>
  <si>
    <t>&lt;p&gt;I have the following data structures in my class:&lt;/p&gt;
&lt;pre&gt;&lt;code&gt;typedef vector&amp;lt; vector&amp;lt;int&amp;gt; &amp;gt; MxInt2d;
typedef vector&amp;lt; vector&amp;lt;double&amp;gt; &amp;gt; MxDouble2d;
class QSweep{   
public:
....
static MxDouble2d myPoints_;
MxDouble2d myEdges_;
}
&lt;/code&gt;&lt;/pre&gt;
&lt;p&gt;where:
Each point has 3 components,thus being given by an index, an x, and a y coordinate; 
Each edge is given by its source index-edge[0] and its destination index-edge[1],where edge[0],edge[1] are indexes of the myPoints data structure).
I have this edges in my variable myEdges_.&lt;/p&gt;
&lt;p&gt;The question is the following: How one has to arrange this edges for applying the sweep algorithm and obtaining the good results and the good results only (that is all the intersections of the edges).
So far I have two different criteria for arranging the edges, but none of them give me the good results and only the good results (either I do not obtain all the intersections or either I get the intersections plus some other points which are not intersections).&lt;/p&gt;
&lt;p&gt;Here are my criteria:&lt;/p&gt;
&lt;p&gt;criteria 1 (idea):&lt;/p&gt;
&lt;ul&gt;
&lt;li&gt;&lt;p&gt;by the x coordinate of their edge[0] coordinate (iff the x's of 2 edges are different) &lt;/p&gt;&lt;/li&gt;
&lt;li&gt;&lt;p&gt;by the y coordinate of their edge[0] coordinate (iff the x's of 2 edges are equal) &lt;/p&gt;&lt;/li&gt;
&lt;li&gt;&lt;p&gt;by their corresponding slopes (iff the x's of edges and the y's of edges are equal).&lt;/p&gt;&lt;/li&gt;
&lt;/ul&gt;
&lt;p&gt;criteria 1 (code):&lt;/p&gt;
&lt;pre&gt;&lt;code&gt;  class QSweep{   
  public:
  ....
 static MxDouble2d myPoints_;
 MxDouble2d myEdges_;
 class order{
 public:
    bool operator() (const vector&amp;lt;int&amp;gt;&amp;amp; edge1, const vector&amp;lt;int&amp;gt;&amp;amp; edge2){
            //std::cout&amp;lt;&amp;lt;"inside sort"&amp;lt;&amp;lt;endl;
            //3 sort criteria
            return (myPoints_[edge1[0]][0]&amp;lt;myPoints_[edge2[0]][0])|| 
                       (myPoints_[edge1[0]][0]==myPoints_[edge2[0]][0]&amp;amp;&amp;amp; 
                        myPoints_[edge1[0]][1]&amp;lt;myPoints_[edge2[0]][1]) 
                   ||
                    (myPoints_[edge1[0]][0]==myPoints_[edge2[0]][0]&amp;amp;&amp;amp; 
                         myPoints_[edge1[0]][1]==myPoints_[edge2[0]][1]&amp;amp;&amp;amp; 
                     getSlope(myPoints_[edge1[0]][0],myPoints_[edge1[0][1],  
                                  myPoints_[edge1[1]][0],myPoints_[edge1[1]][0])
                     &amp;lt;
                         getSlope(myPoints_[edge2[0][0],myPoints_[edge2[0][1],    
                                  myPoints_[edge2[1]][0],myPoints_[edge2[1]][0]));
                    }
};
static double getSlope(double a, double b, double c, double d);
};
&lt;/code&gt;&lt;/pre&gt;
&lt;p&gt;Criteria 2(idea):&lt;/p&gt;
&lt;ul&gt;
&lt;li&gt;&lt;p&gt;by the x coordinate of their edge[0] coordinate (iff the x's of 2 edges are different) &lt;/p&gt;&lt;/li&gt;
&lt;li&gt;&lt;p&gt;by their corresponding slopes(iff the x's of 2 edges are equal) &lt;/p&gt;&lt;/li&gt;
&lt;li&gt;&lt;p&gt;by  the y coordinate of their edge[1] coordinate (iff the x's of edges and the slopes of edges are equal).&lt;/p&gt;&lt;/li&gt;
&lt;/ul&gt;
&lt;p&gt;Criteria 2(code):&lt;/p&gt;
&lt;pre&gt;&lt;code&gt;class QSweep{   
public:
....
static MxDouble2d myPoints_;
MxDouble2d myEdges_;
class order{
public:
    bool operator() (const vector&amp;lt;int&amp;gt;&amp;amp; edge1, const vector&amp;lt;int&amp;gt;&amp;amp; edge2){
    return ((myPoints_[edge1[0]][0]&amp;lt;myPoints_[edge2[0]][0])||
       ((myPoints_[edge1[0]][0]==myPoints_[edge2[0[0])&amp;amp;&amp;amp;
            (getSlope(myPoints_[edge1[0]][0],myPoints_[edge1[0]][1],
                      myPoints_[edge1[1]][0],myPoints_[edge1[1]][1])
             &amp;lt;getSlope(myPoints_[edge2[0]][0],myPoints_[edge2[0]][1],
                      myPoints_[edge2[1]][0],myPoints_[edge2[1]][1]) ))||
    ((myPoints_[edge1[0]][0]==myPoints_[edge2[0]][0])&amp;amp;&amp;amp;(   
             getSlope(myPoints_[edge1[0]][0],myPoints_[edge1[0]][1],
                      myPoints_[edge1[1[0],myPoints_[edge1[1]][1])==
            getSlope(myPoints_[edge2[0]][0],myPoints_[edge2[0]][1],
                     myPoints_[edge2[1]][0],myPoints_[edge2[1]][1]) )
          &amp;amp;&amp;amp;(myPoints_[edge1[1]][1]&amp;lt;myPoints_[edge2[1]][1]))
                 );
}
&lt;/code&gt;&lt;/pre&gt;
&lt;p&gt;};&lt;/p&gt;
&lt;p&gt;yep this looks really complicated, I tried these criteria on my algorithm and I do not obtain all the intersections. So I am guessing the ordering criteria for my edges for the sweeping algorithm is not good, because I detect some intersections but not others.
Thank you for your suggestions (or small opinions) in advance,
madalina&lt;/p&gt;</t>
  </si>
  <si>
    <t>2009-04-09 16:42:13.210000+00:00</t>
  </si>
  <si>
    <t>2009-04-09 17:29:16.983000+00:00</t>
  </si>
  <si>
    <t>c++|geometry</t>
  </si>
  <si>
    <t>Rendering Vue HTML element inside jquery function</t>
  </si>
  <si>
    <t>&lt;p&gt;I was using jsGrid to display a server-side table and stuck with this problem where i want to use vue-color as a color picker on jsGrid editTemplate&lt;/p&gt;
&lt;p&gt;&lt;a href="https://i.stack.imgur.com/sEyrH.png" rel="nofollow noreferrer"&gt;&lt;img src="https://i.stack.imgur.com/sEyrH.png" alt="Import Vue Color"&gt;&lt;/a&gt;&lt;/p&gt;
&lt;p&gt;&lt;a href="https://i.stack.imgur.com/P8vyu.png" rel="nofollow noreferrer"&gt;&lt;img src="https://i.stack.imgur.com/P8vyu.png" alt="Initializing JsGrid Jquery"&gt;&lt;/a&gt;&lt;/p&gt;
&lt;p&gt;&lt;a href="https://i.stack.imgur.com/MpeTV.png" rel="nofollow noreferrer"&gt;&lt;img src="https://i.stack.imgur.com/MpeTV.png" alt="Rendering Vue JS Html element"&gt;&lt;/a&gt;&lt;/p&gt;
&lt;p&gt;So i was wondering if there is anyway to render this chrome-picker element on the return statement of JsGrid editTemplate, as you guys can see in the image below, it didn't work&lt;/p&gt;
&lt;p&gt;&lt;a href="https://i.stack.imgur.com/jcK9Q.png" rel="nofollow noreferrer"&gt;&lt;img src="https://i.stack.imgur.com/jcK9Q.png" alt="not rendered"&gt;&lt;/a&gt;&lt;/p&gt;
&lt;p&gt;i was hoping if you guys could help me on this problem, thanks &lt;/p&gt;</t>
  </si>
  <si>
    <t>2018-06-08 10:02:56.727000+00:00</t>
  </si>
  <si>
    <t>javascript|laravel|vue.js|jsgrid</t>
  </si>
  <si>
    <t>PHP preg_replace string �����contents within brackets</t>
  </si>
  <si>
    <t>&lt;p&gt;I'm struggling to understand PHP &lt;code&gt;preg_replace&lt;/code&gt;��and wondered if you could offer any guidance on how to work out how to keep the word within the brackets but remove everything else from this string:&lt;/p&gt;
&lt;pre&gt;&lt;code&gt;Events (Road)
&lt;/code&gt;&lt;/pre&gt;
&lt;p&gt;So it would return:&lt;/p&gt;
&lt;pre&gt;&lt;code&gt;Road
&lt;/code&gt;&lt;/pre&gt;
&lt;p&gt;I'm keen to learn so don't just need the answer but need to understand how it's possible.&lt;/p&gt;
&lt;p&gt;I know how to remove the words within the brackets (and the brackets) with:&lt;/p&gt;
&lt;pre&gt;&lt;code&gt;trim(preg_replace('/\s*\([^)]*\)/', '', 'Events (Road)')
&lt;/code&gt;&lt;/pre&gt;
&lt;p&gt;Cheers,
R&lt;/p&gt;</t>
  </si>
  <si>
    <t>2015-07-07 14:36:33+00:00</t>
  </si>
  <si>
    <t>2015-07-08 10:33:26.050000+00:00</t>
  </si>
  <si>
    <t>2015-07-07 14:51:16.090000+00:00</t>
  </si>
  <si>
    <t>Content-Disposition: attachment alongside HTML</t>
  </si>
  <si>
    <t>&lt;p&gt;I have the following response headers for one of my file download pages:&lt;/p&gt;
&lt;pre&gt;&lt;code&gt;Content-Disposition: attachment; filename="file.zip"
Content-Length: 286269
Content-Transfer-Encoding: binary
Content-Type: application/zip
&lt;/code&gt;&lt;/pre&gt;
&lt;p&gt;Since it takes some time for the zip to assemble, the request for the most time is blank with no information.&lt;/p&gt;
&lt;p&gt;Is there a way to display a HTML page before/alongside this file download?&lt;/p&gt;</t>
  </si>
  <si>
    <t>2013-12-11 11:03:47.017000+00:00</t>
  </si>
  <si>
    <t>php|html|http</t>
  </si>
  <si>
    <t>Plurals, if statement python</t>
  </si>
  <si>
    <t>&lt;p&gt;So many questions.. At the moment my code is calculating the cost, number of adults and children. If the user only inputs 1 child I want it to print child, not children. &lt;/p&gt;
&lt;pre&gt;&lt;code&gt;serviceType = input("Would you like (M)edium or (R)are steak?")
if serviceType == "r":
    rare = float((noChild * rare) * DISCOUNT) + (noAdult * BASIC)
    print("That is " + formatCurrency(rare) + " for rare choice for " + str(noAdult) + " adults and " + str(noChild) + " children. Enjoy!")
&lt;/code&gt;&lt;/pre&gt;
&lt;p&gt;The output shows 
This is $-- for rare choice for 2 adults and 1 children. 
I need it to say "This is $-- for rare choice for 1 adults and 1 child.&lt;/p&gt;
&lt;p&gt;I figure I would need to put an&lt;/p&gt;
&lt;pre&gt;&lt;code&gt;if noChild == 1
&lt;/code&gt;&lt;/pre&gt;
&lt;p&gt;statement somewhere, but not sure where to add it in?&lt;/p&gt;
&lt;p&gt;I also have the same format of code to calculate "medium" so I can't change the sentence to child, otherwise if the user enters 2 it will be 2 child. I hope I have explained myself properly?&lt;/p&gt;
&lt;p&gt;Thank you &lt;/p&gt;</t>
  </si>
  <si>
    <t>2014-03-24 01:20:45.260000+00:00</t>
  </si>
  <si>
    <t>2014-03-24 04:41:49.107000+00:00</t>
  </si>
  <si>
    <t>2014-03-24 01:39:50.770000+00:00</t>
  </si>
  <si>
    <t>python|eclipse</t>
  </si>
  <si>
    <t>How can you add an API as a distribution of a Dataset - http://schema.org/Dataset</t>
  </si>
  <si>
    <t>&lt;p&gt;According to the description of a distribution (&lt;a href="http://schema.org/DataDownload" rel="nofollow"&gt;DataDownload&lt;/a&gt;) it refers to a file.&lt;/p&gt;
&lt;blockquote&gt;
  &lt;p&gt;A downloadable form of this dataset, at a specific location, in a specific format.&lt;/p&gt;
&lt;/blockquote&gt;
&lt;p&gt;What if your dataset is distributed within a service or an API? You can think of &lt;a href="http://wiki.open311.org/Inquiry_v1" rel="nofollow"&gt;Open311 Inquiry&lt;/a&gt; for instance. Or let's say that a very huge dataset is available for download but also within an JSON API to allow search.&lt;/p&gt;
&lt;p&gt;Thanks&lt;/p&gt;</t>
  </si>
  <si>
    <t>2013-08-07 09:38:38.123000+00:00</t>
  </si>
  <si>
    <t>2013-08-07 19:53:23.170000+00:00</t>
  </si>
  <si>
    <t>schema.org</t>
  </si>
  <si>
    <t>How to set a scrollView to half of screen with ConstraintLayout</t>
  </si>
  <si>
    <t>&lt;p&gt;I have a &lt;code&gt;ConstraintLayout&lt;/code&gt; with some view itens and a &lt;code&gt;listView&lt;/code&gt; to show some values. I need to create a layout with HALF SCREEN and in the first layout i need to use a &lt;code&gt;scrollView&lt;/code&gt;, to complete all infos and register. Can i set layout to half of screen with no using a fixing &lt;code&gt;layout_height&lt;/code&gt;?&lt;/p&gt;
&lt;p&gt;&lt;strong&gt;This is my layout, with a fixed layout_height :&lt;/strong&gt;&lt;/p&gt;
&lt;p&gt;&lt;img src="https://i.stack.imgur.com/ZZNGm.png" alt="This is my layout, with a fixed layout_height"&gt;&lt;/p&gt;
&lt;p&gt;and this is my layout code:&lt;/p&gt;
&lt;pre&gt;&lt;code&gt;&amp;lt;?xml version="1.0" encoding="utf-8"?&amp;gt;
&amp;lt;android.support.constraint.ConstraintLayout
xmlns:app="http://schemas.android.com/apk/res-auto"
xmlns:android="http://schemas.android.com/apk/res/android"
android:orientation="vertical"
android:layout_width="match_parent"
android:layout_height="match_parent"&amp;gt;
&amp;lt;ScrollView
    android:layout_width="match_parent"
    android:layout_height="250dp"
    android:id="@+id/myScrollView"&amp;gt;
    &amp;lt;android.support.constraint.ConstraintLayout
        android:layout_width="match_parent"
        android:layout_height="match_parent"&amp;gt;
        &amp;lt;TextView
            android:id="@+id/txtViewExpense"
            android:layout_width="wrap_content"
            android:layout_height="wrap_content"
            android:layout_marginLeft="8dp"
            android:layout_marginStart="8dp"
            android:layout_marginTop="10dp"
            android:text="@string/expense"
            app:layout_constraintLeft_toLeftOf="parent"
            app:layout_constraintTop_toTopOf="parent" /&amp;gt;
        &amp;lt;EditText
            android:id="@+id/txtExpenseValue"
            android:layout_width="wrap_content"
            android:layout_height="wrap_content"
            android:layout_marginLeft="10dp"
            android:layout_marginTop="5dp"
            android:ems="10"
            android:inputType="textPersonName"
            app:layout_constraintLeft_toLeftOf="parent"
            app:layout_constraintTop_toBottomOf="@+id/txtViewExpense" /&amp;gt;
        &amp;lt;TextView
            android:id="@+id/txtViewPrice"
            android:layout_width="wrap_content"
            android:layout_height="wrap_content"
            android:layout_marginLeft="10dp"
            android:layout_marginTop="10dp"
            android:text="@string/expense_price"
            app:layout_constraintLeft_toLeftOf="parent"
            app:layout_constraintTop_toBottomOf="@+id/txtExpenseValue" /&amp;gt;
        &amp;lt;EditText
            android:id="@+id/txtViewPriceValue"
            android:layout_width="wrap_content"
            android:layout_height="wrap_content"
            android:layout_marginStart="8dp"
            android:layout_marginTop="5dp"
            android:ems="10"
            android:inputType="number"
            app:layout_constraintStart_toStartOf="parent"
            app:layout_constraintTop_toBottomOf="@+id/txtViewPrice" /&amp;gt;
        &amp;lt;TextView
            android:id="@+id/txtViewCategory"
            android:layout_width="wrap_content"
            android:layout_height="wrap_content"
            android:layout_marginLeft="10dp"
            android:layout_marginStart="10dp"
            android:layout_marginTop="10dp"
            android:text="@string/expense_category"
            app:layout_constraintLeft_toLeftOf="parent"
            app:layout_constraintTop_toBottomOf="@+id/txtViewPriceValue" /&amp;gt;
        &amp;lt;Spinner
            android:id="@+id/spnCategory"
            android:layout_width="match_parent"
            android:layout_height="wrap_content"
            android:layout_marginLeft="10dp"
            android:layout_marginTop="10dp"
            app:layout_constraintLeft_toLeftOf="parent"
            app:layout_constraintTop_toBottomOf="@+id/txtViewCategory" /&amp;gt;
        &amp;lt;TextView
            android:id="@+id/txtViewFrequency"
            android:layout_width="wrap_content"
            android:layout_height="wrap_content"
            android:layout_marginLeft="10dp"
            android:layout_marginStart="10dp"
            android:layout_marginTop="5dp"
            android:text="@string/expense_frequency"
            app:layout_constraintLeft_toLeftOf="parent"
            app:layout_constraintTop_toBottomOf="@+id/spnCategory" /&amp;gt;
        &amp;lt;Spinner
            android:id="@+id/spnFrequency"
            android:layout_width="match_parent"
            android:layout_height="wrap_content"
            android:layout_marginLeft="10dp"
            android:layout_marginTop="5dp"
            app:layout_constraintLeft_toLeftOf="parent"
            app:layout_constraintTop_toBottomOf="@+id/txtViewFrequency" /&amp;gt;
        &amp;lt;TextView
            android:id="@+id/txtViewExpenseDate"
            android:layout_width="wrap_content"
            android:layout_height="wrap_content"
            android:layout_marginLeft="10dp"
            android:layout_marginTop="5dp"
            android:text="@string/expense_date"
            app:layout_constraintLeft_toLeftOf="parent"
            app:layout_constraintTop_toBottomOf="@+id/spnFrequency" /&amp;gt;
        &amp;lt;EditText
            android:id="@+id/txtExpenseDateValue"
            android:layout_width="wrap_content"
            android:layout_height="wrap_content"
            android:layout_marginLeft="10dp"
            android:layout_marginTop="5dp"
            android:ems="10"
            android:inputType="date"
            app:layout_constraintLeft_toLeftOf="parent"
            app:layout_constraintTop_toBottomOf="@+id/txtViewExpenseDate" /&amp;gt;
        &amp;lt;Button
            android:id="@+id/btnExpenseDate"
            android:layout_width="wrap_content"
            android:layout_height="wrap_content"
            android:layout_marginLeft="8dp"
            android:layout_marginRight="8dp"
            android:layout_marginTop="5dp"
            android:text="Button"
            app:layout_constraintHorizontal_bias="0.509"
            app:layout_constraintLeft_toRightOf="@+id/txtExpenseDateValue"
            app:layout_constraintRight_toRightOf="parent"
            app:layout_constraintTop_toBottomOf="@+id/txtViewExpenseDate" /&amp;gt;
        &amp;lt;Button
            android:id="@+id/btnRegister"
            android:layout_width="wrap_content"
            android:layout_height="wrap_content"
            android:layout_marginLeft="8dp"
            android:layout_marginRight="8dp"
            android:layout_marginTop="5dp"
            android:text="Button"
            app:layout_constraintLeft_toLeftOf="parent"
            app:layout_constraintRight_toRightOf="parent"
            app:layout_constraintTop_toBottomOf="@+id/txtExpenseDateValue" /&amp;gt;
    &amp;lt;/android.support.constraint.ConstraintLayout&amp;gt;
  &amp;lt;/ScrollView&amp;gt;
  &amp;lt;com.baoyz.swipemenulistview.SwipeMenuListView
    android:id="@+id/listViewExpense"
    android:layout_width="0dp"
    android:layout_height="0dp"
    android:layout_marginBottom="10dp"
    android:layout_marginTop="5dp"
    app:layout_constraintBottom_toBottomOf="parent"
    app:layout_constraintLeft_toLeftOf="parent"
    app:layout_constraintRight_toRightOf="parent"
    app:layout_constraintTop_toBottomOf="@+id/myScrollView" /&amp;gt;
    &amp;lt;/android.support.constraint.ConstraintLayout&amp;gt;
&lt;/code&gt;&lt;/pre&gt;
&lt;p&gt;Any one can help me? Thx o/&lt;/p&gt;</t>
  </si>
  <si>
    <t>2018-07-07 12:34:01.897000+00:00</t>
  </si>
  <si>
    <t>2018-07-07 22:36:39.077000+00:00</t>
  </si>
  <si>
    <t>android|layout|scrollview|android-constraintlayout</t>
  </si>
  <si>
    <t>List Files and Directory Segmented Does not retrieve last Modified date of files</t>
  </si>
  <si>
    <t>&lt;p&gt;I have used &lt;strong&gt;listFilesAndDirectoriesSegmented&lt;/strong&gt; for retrieving list of files within a directory. I can't find a way to get last modified date except calling another method &lt;strong&gt;getFileproperties&lt;/strong&gt; for each file. Is there any other way to achieve this?&lt;/p&gt;</t>
  </si>
  <si>
    <t>2016-07-05 14:05:56.367000+00:00</t>
  </si>
  <si>
    <t>2016-07-05 14:10:42.373000+00:00</t>
  </si>
  <si>
    <t>node.js|azure|azure-storage-files</t>
  </si>
  <si>
    <t>Angular 5 unit test route with guard</t>
  </si>
  <si>
    <t>&lt;p&gt;I have a route that I need to prevent access from students. I'm trying to write a unit test for this, but it is not working.&lt;/p&gt;
&lt;p&gt;My unit tests for the guard itself are working, however when I try to write a test that navigates to /class the canActivate method on the guard does not get called.&lt;/p&gt;
&lt;p&gt;Here is the guard:&lt;/p&gt;
&lt;pre&gt;&lt;code&gt;canActivate(next: ActivatedRouteSnapshot, state: RouterStateSnapshot): boolean {
  const user = StoreActions.User.getCurrentUser(store.getState());
  if(!user) {
    this.router.navigate(['/pages/login']);
    return false;
  }
  if(user.username.match(/\d/) !== null) {
    this.router.navigate(['/home']);
    return false;
  }
  return true;
}
&lt;/code&gt;&lt;/pre&gt;
&lt;p&gt;And the test:&lt;/p&gt;
&lt;pre&gt;&lt;code&gt;it(
  'should activate guard when a student tries to access /class',
  fakeAsync(
    inject([StudentGuard], (guard: StudentGuard) =&amp;gt; {
      const spy = spyOn(guard, 'canActivate');
      store.dispatch(StoreActions.User.setCurrentUser(TestObjects.User.Student));
      router.navigate(['/class/1']);
      tick();
      expect(spy).toHaveBeenCalled();
      discardPeriodicTasks();
    })
  )
);
&lt;/code&gt;&lt;/pre&gt;
&lt;p&gt;Here is the specific route:&lt;/p&gt;
&lt;pre&gt;&lt;code&gt;{
  path: '',
  children: {
    path: 'class',
    loadChildren: './components/class/class.module#ClassModule',
    canActivate: [StudentGuard]
  }
}
&lt;/code&gt;&lt;/pre&gt;
&lt;p&gt;The &lt;code&gt;expect&lt;/code&gt; statement fails in the test. However, if I actually impersonate a student and then navigate to /class in the browser the guard works as expected, but it does not activate in the test. How can I make it activate in the test?&lt;/p&gt;</t>
  </si>
  <si>
    <t>2018-05-24 12:03:52.323000+00:00</t>
  </si>
  <si>
    <t>2018-05-25 16:25:40.937000+00:00</t>
  </si>
  <si>
    <t>angular|karma-jasmine</t>
  </si>
  <si>
    <t>How to automate mail in IBM i system</t>
  </si>
  <si>
    <t>&lt;p&gt;I am currently working with IBMi. I want an automatic mail after completing few jobs for confirmation. How can I achieve this? I can run Python in my system.&lt;/p&gt;</t>
  </si>
  <si>
    <t>2018-05-16 13:37:38.583000+00:00</t>
  </si>
  <si>
    <t>2018-05-17 11:00:15.330000+00:00</t>
  </si>
  <si>
    <t>python-3.x|ibm-midrange</t>
  </si>
  <si>
    <t>retrieve all images with same prefix in drawable folder</t>
  </si>
  <si>
    <t>&lt;p&gt;I have almost 1000 images in my drawable folder with naming convention based on their categories as shown below.&lt;/p&gt;
&lt;ul&gt;
&lt;li&gt;Student_pic1.png&lt;/li&gt;
&lt;li&gt;Student_pic2.png&lt;/li&gt;
&lt;li&gt;Student_pic3.png&lt;/li&gt;
&lt;li&gt;Teacher_pic1.png&lt;/li&gt;
&lt;li&gt;Teacher_pic3.png&lt;/li&gt;
&lt;li&gt;Parent_pic10.png&lt;/li&gt;
&lt;/ul&gt;
&lt;p&gt;Now I want to get all the images of student using &lt;strong&gt;Student&lt;/strong&gt; prefix. How Can I do that ? Thanks for your help&lt;/p&gt;</t>
  </si>
  <si>
    <t>2017-02-26 19:24:33.883000+00:00</t>
  </si>
  <si>
    <t>android|android-studio|android-drawable</t>
  </si>
  <si>
    <t>Horizontal scroll bars in tables</t>
  </si>
  <si>
    <t>&lt;p&gt;In the following  code,&lt;/p&gt;
&lt;pre&gt;&lt;code&gt;&amp;lt;table id=\"preview_table\" class=\"preview_table\" cellspacing=\"0\" border=\"1\" width=\"%s\"&amp;gt;&amp;lt;tr  bgcolor=\"lightgrey\" width=\"%s\"&amp;gt;&amp;lt;th&amp;gt;Category&amp;lt;/th&amp;gt;
&amp;lt;th&amp;gt;Grade&amp;lt;/th&amp;gt;
&amp;lt;th&amp;gt;Grade&amp;lt;/th&amp;gt;
&amp;lt;th&amp;gt;Grade&amp;lt;/th&amp;gt;
&amp;lt;th&amp;gt;Grade&amp;lt;/th&amp;gt;&amp;lt;th&amp;gt;Grade&amp;lt;/th&amp;gt;
&amp;lt;th&amp;gt;Grade&amp;lt;/th&amp;gt;
&amp;lt;th&amp;gt;Grade&amp;lt;/th&amp;gt;
&amp;lt;th&amp;gt;Grade&amp;lt;/th&amp;gt;
&amp;lt;th&amp;gt;Grade&amp;lt;/th&amp;gt;
 &amp;lt;th&amp;gt;Grade&amp;lt;/th&amp;gt;
 &amp;lt;th&amp;gt;Grade&amp;lt;/th&amp;gt;
 &amp;lt;/tr&amp;gt;&amp;lt;tr&amp;gt;&amp;lt;th&amp;gt;&amp;lt;/th&amp;gt;
&amp;lt;th&amp;gt;&amp;lt;/th&amp;gt;&amp;lt;th&amp;gt;&amp;lt;/th&amp;gt;&amp;lt;th&amp;gt;&amp;lt;/th&amp;gt;&amp;lt;th&amp;gt;&amp;lt;/th&amp;gt;&amp;lt;th&amp;gt;&amp;lt;/th&amp;gt;&amp;lt;th&amp;gt;&amp;lt;/th&amp;gt;&amp;lt;th&amp;gt;&amp;lt;/th&amp;gt;&amp;lt;th&amp;gt;&amp;lt;/th&amp;gt;&amp;lt;th&amp;gt;&amp;lt;/th&amp;gt;&amp;lt;th&amp;gt;&amp;lt;/th&amp;gt;&amp;lt;/tr&amp;gt;
 &amp;lt;/table&amp;gt;
&lt;/code&gt;&lt;/pre&gt;
&lt;p&gt;In the above table how to fix the table width such that the horizontal scroll bar doesnt appear in the browser and the cells are equally aligned for what ever the size it has the contents&lt;/p&gt;
&lt;p&gt;Thanks..&lt;/p&gt;</t>
  </si>
  <si>
    <t>2010-05-20 17:21:09.383000+00:00</t>
  </si>
  <si>
    <t>2011-05-27 19:07:08.203000+00:00</t>
  </si>
  <si>
    <t>2010-05-20 17:39:55.407000+00:00</t>
  </si>
  <si>
    <t>Repeater Control in Asp.Net?</t>
  </si>
  <si>
    <t>&lt;p&gt;In web application using asp.net, i am using repeater control, in &lt;code&gt;ItmeCommand&lt;/code&gt; event i am trying to find a control using fid control method, i write the code for finding the control it is working fine, when the control is not in repeater control, i am getting exception. How can i handle the exception if the control is not in repeater control. My code is like this :&lt;/p&gt;
&lt;pre&gt;&lt;code&gt;if (((DropDownList)rpPendingApprovals.Items[i].FindControl "drpBack")).SelectedItem.Value != "0")
&lt;/code&gt;&lt;/pre&gt;
&lt;p&gt;when dropdown controls is not there, in repeater then how can i handle this exception help me, thank  you.&lt;/p&gt;</t>
  </si>
  <si>
    <t>2012-01-18 05:48:13.637000+00:00</t>
  </si>
  <si>
    <t>2012-01-18 06:27:30.173000+00:00</t>
  </si>
  <si>
    <t>2012-01-18 05:55:20.503000+00:00</t>
  </si>
  <si>
    <t>asp.net|repeater|findcontrol</t>
  </si>
  <si>
    <t>Django Upgrade: Static Files Not Served</t>
  </si>
  <si>
    <t>&lt;p&gt;I have upgraded to Django 1.10 from 1.9.6.  Below is my urls.py file which previously worked:&lt;/p&gt;
&lt;pre&gt;&lt;code&gt;from django.conf.urls import include, url
from django.contrib import admin
from django.views.static import serve
from dwad import settings
urlpatterns = [
    url(r'', include('meta.urls')),
    url(r'^straightred/', include('straightred.urls')),
    url(r'^admin/', include(admin.site.urls)),
    url(r'^chaining/', include('smart_selects.urls')),
    url(r'^tinymce/', include('tinymce.urls')),
    url(r'^accounts/', include('allauth.urls')),
]
# Get Django to serve media files in debug mode.
if settings.DEBUG:
    urlpatterns += [url(r'^resources/(?P&amp;lt;path&amp;gt;.*)$', serve, {'document_root': settings.MEDIA_ROOT})]
if not settings.DEBUG:
    urlpatterns += [
        url(r'^resources/(?P&amp;lt;path&amp;gt;.*)$', 'django.views.static.serve',
            {'document_root': settings.MEDIA_ROOT, 'show_indexes': True}),
        url(r'^static/(?P&amp;lt;path&amp;gt;.*)$', 'django.views.static.serve',
            {'document_root': settings.STATIC_ROOT}),
    ]
&lt;/code&gt;&lt;/pre&gt;
&lt;p&gt;When try to run the site I get:&lt;/p&gt;
&lt;pre&gt;&lt;code&gt;view must be a callable or a list/tuple in the case of include().
&lt;/code&gt;&lt;/pre&gt;
&lt;p&gt;I know the above error is due to the 'django.views.static.serve' being in strings.  If I remove them from strings and link to the actual view i get the following error:&lt;/p&gt;
&lt;pre&gt;&lt;code&gt;name 'django' is not defined
&lt;/code&gt;&lt;/pre&gt;
&lt;p&gt;If I delete everything from "Get Django to serve media files in debug mode." and below the site loads but no static or media files are served.  This obviously means no css is applied and no images are loaded.&lt;/p&gt;
&lt;p&gt;If people can offer some advice on next steps that would be appreciated.&lt;/p&gt;
&lt;p&gt;Some settings that may be useful:&lt;/p&gt;
&lt;pre&gt;&lt;code&gt;# Static files
STATIC_URL = '/static/'
STATIC_ROOT = '/var/www/str8red.com/static/'
STATICFILES_FINDERS = (
    'django.contrib.staticfiles.finders.FileSystemFinder',
    'django.contrib.staticfiles.finders.AppDirectoriesFinder',
)
MEDIA_URL = '/resources/'
MEDIA_ROOT = 'media' if DEBUG else '/var/www/str8red.com/resources/'
&lt;/code&gt;&lt;/pre&gt;</t>
  </si>
  <si>
    <t>2017-05-23 07:07:13.667000+00:00</t>
  </si>
  <si>
    <t>2017-05-23 07:31:10.687000+00:00</t>
  </si>
  <si>
    <t>python|css|django</t>
  </si>
  <si>
    <t>$.getJSON Repeating and Incrementing (JSONP)</t>
  </si>
  <si>
    <t>&lt;p&gt;My situation is very similar to what is spelled out here: &lt;/p&gt;
&lt;p&gt;&lt;a href="https://stackoverflow.com/questions/6675898/jquery-getjson-repeats-x-times"&gt;jquery $.getJSON repeats X times&lt;/a&gt;&lt;/p&gt;
&lt;p&gt;However I am not using the &lt;code&gt;live&lt;/code&gt; function so his solution did not make it apparent to my why I'm having this issue.&lt;/p&gt;
&lt;p&gt;My issue is that the first time I call the webservice it is only called once. The user continues on and finishes their process and returns to the main menu. The second time the service is called twice. The third time: three times and so on.&lt;/p&gt;
&lt;p&gt;The service is called from a click event on a site that is a &lt;strong&gt;"one page"&lt;/strong&gt; site using jQuery &lt;code&gt;show&lt;/code&gt; and &lt;code&gt;hide&lt;/code&gt; to navigate. &lt;em&gt;(The site is made for a very small screen)&lt;/em&gt;.&lt;/p&gt;
&lt;p&gt;&lt;strong&gt;Pardon how wonky this is. I understand it that it's a bit roundabout.&lt;/strong&gt;&lt;/p&gt;
&lt;pre&gt;&lt;code&gt;$('.button').click(function() {
    var buttonValue = $(this).attr('value');
    if (buttonValue === 'YES') {
        $.answer('Y');
    } else {
        $.answer('N');
    }
});
&lt;/code&gt;&lt;/pre&gt;
&lt;p&gt;Which calls:&lt;/p&gt;
&lt;pre&gt;&lt;code&gt;(function ($) {
    'use strict';
    $.extend({
        answer: function(SEL) {
            if (SEL === 'Y') {
                $('#label').html('Answer? &amp;lt;strong&amp;gt;Y&amp;lt;/strong&amp;gt;');
                $('#answerPage').hide();
                $.example('Y');
            } else {
                $('#label').html('Answer? &amp;lt;strong&amp;gt;N&amp;lt;/strong&amp;gt;');
                $('#answerPage').hide();
                $.example('N');
            }
        }
    });
}(jQuery));
&lt;/code&gt;&lt;/pre&gt;
&lt;p&gt;Here we populate and append the results:&lt;/p&gt;
&lt;pre&gt;&lt;code&gt;(function ($) {
    'use strict';
    $.extend({
        example: function(SEL) {
            var i,l,
            url = 'http://www.example.com?flag=' + SEL + '&amp;amp;callback=?';
            $.getJSON(url, function(data) {
                for (i = 0, l = data.length; i &amp;lt; l; i = i + 1) {
                    $('#page').append('&amp;lt;p&amp;gt;data[i].Name&amp;lt;/p&amp;gt;);
                }
            });
            $('#page').show();
        }
    });
}(jQuery));
&lt;/code&gt;&lt;/pre&gt;
&lt;p&gt;I noticed that on every request the callback name is unique. IE:&lt;/p&gt;
&lt;p&gt;callback=jQuery11020049298197496682405_1396904089952&amp;amp;_=1396904089953
callback=jQuery11020049298197496682405_1396904089945&amp;amp;_=1396904089951&lt;/p&gt;
&lt;p&gt;&lt;strong&gt;EDIT: The data returned:&lt;/strong&gt;&lt;/p&gt;
&lt;pre&gt;&lt;code&gt;jQuery110207106537006329745_1396907300225([
   {
      "Code":1,
      "Name":"VISUAL",
      "DefaultDueIn":15,
      "EmailSubject":"",
      "EmailContent":"",
      "InStore":true,
      "ReturnStatus":null
   },
   {
      "Code":2,
      "Name":"ALTERATIONS",
      "DefaultDueIn":15,
      "EmailSubject":"",
      "EmailContent":"",
      "InStore":true,
      "ReturnStatus":null
   },
   {
      "Code":3,
      "Name":"HOLD FOR RTV",
      "DefaultDueIn":30,
      "EmailSubject":"",
      "EmailContent":"",
      "InStore":true,
      "ReturnStatus":null
   },
   {
      "Code":4,
      "Name":"MARKETING",
      "DefaultDueIn":15,
      "EmailSubject":"",
      "EmailContent":"",
      "InStore":true,
      "ReturnStatus":null
   },
   {
      "Code":5,
      "Name":"EVIDENCE",
      "DefaultDueIn":90,
      "EmailSubject":"",
      "EmailContent":"",
      "InStore":true,
      "ReturnStatus":null
   }
])
&lt;/code&gt;&lt;/pre&gt;
&lt;p&gt;&lt;strong&gt;The page contents are reset once the user returns to the main menu&lt;/strong&gt; &lt;/p&gt;
&lt;pre&gt;&lt;code&gt;$('#page').html('');
&lt;/code&gt;&lt;/pre&gt;
&lt;p&gt;I can see in the network logs that the request is run more than one time, incrementing each time.&lt;/p&gt;
&lt;p&gt;Are there spurious processes continuing to run until a browser reload kills them? How can I manage this?&lt;/p&gt;</t>
  </si>
  <si>
    <t>2014-04-07 21:30:24.360000+00:00</t>
  </si>
  <si>
    <t>2014-04-07 21:58:06.320000+00:00</t>
  </si>
  <si>
    <t>javascript|jquery|callback|jsonp|getjson</t>
  </si>
  <si>
    <t>How to verify a string in Javascript using regular expression?</t>
  </si>
  <si>
    <t>&lt;p&gt;I am pretty noob at JavaScript RegExp. I just need to verify whether a string is 4 characters long and contains only caps letters (A-Z). Any help, highly appreciated.&lt;/p&gt;</t>
  </si>
  <si>
    <t>2016-12-14 13:34:32.613000+00:00</t>
  </si>
  <si>
    <t>2016-12-14 13:47:01.690000+00:00</t>
  </si>
  <si>
    <t>Choice Exception Strategy and Preserving Payload</t>
  </si>
  <si>
    <t>&lt;p&gt;I want to be able to use a choice-exception-strategy with Mule. However, I want to be able to preserve the original payload in the flow. So that I can pass the payload and some properties to another flow, Below is my attempt at doing that. Is that a legal way of doing it? Will the property be preserved so I can retrieve from the vm dlq at the other end?&lt;/p&gt;
&lt;pre&gt;&lt;code&gt;      &amp;lt;flow name="myFlow"&amp;gt; 
      &amp;lt;vm:inbound-endpoint path="requests"/&amp;gt;
      &amp;lt;set-variable variableName="originalPayload" value="#[payload]"/&amp;gt;
     &amp;lt;catch-exception-strategy when="#
       [exception.causedBy(java.lang.IllegalArgumentException)]"&amp;gt;
              &amp;lt;set-payload value="#[flowVars['originalPayload']"/&amp;gt;
              &amp;lt;set-property propertyName="props" value=""&amp;gt;
              &amp;lt;vm:outbound-endpoint path="dlq"/&amp;gt;
       &amp;lt;/catch-exception-strategy&amp;gt;
        &amp;lt;catch-exception-strategy when="#
             [exception.causedBy(java.lang.IllegalStateException)]"&amp;gt;
              &amp;lt;set-payload value="#[flowVars['originalPayload']"/&amp;gt;
              &amp;lt;set-property propertyName="props" value="...."&amp;gt;
              &amp;lt;vm:outbound-endpoint path="dlq"/&amp;gt;
        &amp;lt;/catch-exception-strategy&amp;gt;
    &amp;lt;/choice-exception-strategy&amp;gt;
&lt;/code&gt;&lt;/pre&gt;</t>
  </si>
  <si>
    <t>2017-04-11 06:11:28.043000+00:00</t>
  </si>
  <si>
    <t>2017-04-11 06:24:37.483000+00:00</t>
  </si>
  <si>
    <t>mule|mule-component</t>
  </si>
  <si>
    <t>Plotting distribution of bootstrapped values in R</t>
  </si>
  <si>
    <t>&lt;p&gt;I need to fit a S-shaped distribution (&lt;code&gt;y = 0~1&lt;/code&gt;) with 95% confidence interval, and get the &lt;code&gt;x&lt;/code&gt; values where &lt;code&gt;y=5%&lt;/code&gt; (termed as &lt;code&gt;hc5&lt;/code&gt;). The original input data file named &lt;code&gt;ZnOLC50.txt&lt;/code&gt;:&lt;/p&gt;
&lt;pre&gt;&lt;code&gt;LC50    Proportion
0.089    0.071428571
0.16    0.214285714
1.155    0.357142857
1.51    0.5
3.97    0.642857143
573.8    0.785714286
789    0.928571429
# Load data
&amp;gt;require(MASS)
&amp;gt;require(ggplot2)
&amp;gt;SSDZnOLC50&amp;lt;-read.delim("ZnOLC50.txt", header = TRUE)
&amp;gt;fitSSDZnOLC50&amp;lt;-fitdistr(SSDZnOLC50$LC50, 'lognormal')
# Extract hc5
&amp;gt;(hc5 &amp;lt;- qlnorm(0.05, meanlog = fitSSDZnOLC50$estimate[1], sdlog = fitSSDZnOLC50$estimate[2]))
[1] 0.01789181
&amp;gt;myboot &amp;lt;- function(fitSSDZnOLC50, p){
# resample from fitted distribution
&amp;gt;xr &amp;lt;- rlnorm(fitSSDZnOLC50$n, meanlog = fitSSDZnOLC50$estimate[1], sdlog = fitSSDZnOLC50$estimate[2])
# fit distribition to new data
&amp;gt;fitr &amp;lt;- fitdistr(xr, 'lognormal')
# return HCp
&amp;gt;hc5r &amp;lt;- qlnorm(p, meanlog = fitr$estimate[1], sdlog = fitr$estimate[2])
return(hc5r)
}
# Get 95% confidence interval
&amp;gt;set.seed(1234)
&amp;gt;hc5_boot &amp;lt;- replicate(1000, myboot(fitSSDZnOLC50, p = 0.05))
&amp;gt;quantile(hc5_boot, probs = c(0.025, 0.5, 0.975))
    2.5%          50%        97.5% 
0.0007278486 0.0370062459 1.4272168899 
&lt;/code&gt;&lt;/pre&gt;
&lt;p&gt;Then I want to draw the &lt;code&gt;hc5&lt;/code&gt; distribution based on the generated matrix &lt;code&gt;hc5_boot&lt;/code&gt;. First I tried this:&lt;/p&gt;
&lt;pre&gt;&lt;code&gt;curve(dnorm(x,mean(hc5_boot),sd(hc5_boot)),xlim=c(-1,10),col="Red",lwd=1)
&lt;/code&gt;&lt;/pre&gt;
&lt;p&gt;and get the curve as shown in &lt;/p&gt;
&lt;p&gt;&lt;a href="https://i.stack.imgur.com/cOZVg.png" rel="nofollow noreferrer"&gt;&lt;img src="https://i.stack.imgur.com/cOZVg.png" alt="enter image description here"&gt;&lt;/a&gt;&lt;/p&gt;
&lt;p&gt;Then I also tried &lt;/p&gt;
&lt;pre&gt;&lt;code&gt;&amp;gt; df &amp;lt;- as.data.frame(hc5_boot)
&amp;gt; ggplot(df, aes(x=hc5_boot)) + geom_density() + scale_x_continuous(limits=c(0,4))
&lt;/code&gt;&lt;/pre&gt;
&lt;p&gt;and get the curve as shown in &lt;/p&gt;
&lt;p&gt;&lt;a href="https://i.stack.imgur.com/3Zsg2.png" rel="nofollow noreferrer"&gt;&lt;img src="https://i.stack.imgur.com/3Zsg2.png" alt="enter image description here"&gt;&lt;/a&gt;&lt;/p&gt;
&lt;p&gt;However, based on the observation, none of those curves seem like to fit the &lt;code&gt;2.5%&lt;/code&gt; quantile of &lt;code&gt;0.0007278486&lt;/code&gt;, as the density values are not even close to 0 when &lt;code&gt;x = 0&lt;/code&gt;.&lt;/p&gt;
&lt;p&gt;So I was wondering what is wrong and how should I do it.&lt;/p&gt;</t>
  </si>
  <si>
    <t>2016-07-20 11:26:37.297000+00:00</t>
  </si>
  <si>
    <t>2016-07-20 13:51:31.700000+00:00</t>
  </si>
  <si>
    <t>2016-07-20 12:28:25.657000+00:00</t>
  </si>
  <si>
    <t>r|distribution|density-plot</t>
  </si>
  <si>
    <t>Remove input value</t>
  </si>
  <si>
    <t>&lt;p&gt;I want to remove "Log In " text from here&lt;/p&gt;
&lt;pre&gt;&lt;code&gt;&amp;lt;input type="submit" name="wp-submit" id="wp-submit" class="button button-primary button-large" value="Log In"&amp;gt;
&lt;/code&gt;&lt;/pre&gt;
&lt;p&gt;Thanks&lt;/p&gt;</t>
  </si>
  <si>
    <t>2013-12-18 18:44:23.973000+00:00</t>
  </si>
  <si>
    <t>2013-12-18 18:47:41.443000+00:00</t>
  </si>
  <si>
    <t>python regex finding all groups of words</t>
  </si>
  <si>
    <t>&lt;p&gt;Here is what I have so far&lt;/p&gt;
&lt;pre&gt;&lt;code&gt;text = "Hello world. It is a nice day today. Don't you think so?"
re.findall('\w{3,}\s{1,}\w{3,}',text)
#['Hello world', 'nice day', 'you think']
&lt;/code&gt;&lt;/pre&gt;
&lt;p&gt;The desired output would be ['Hello world', 'nice day', 'day today', 'today Don't', 'Don't you', 'you think']&lt;/p&gt;
&lt;p&gt;Can this be done with a simple regex pattern?&lt;/p&gt;</t>
  </si>
  <si>
    <t>2010-10-26 22:11:22.260000+00:00</t>
  </si>
  <si>
    <t>2010-10-26 22:54:25.733000+00:00</t>
  </si>
  <si>
    <t>Populate ViewModel with data returned from Entity Framework query</t>
  </si>
  <si>
    <t>&lt;p&gt;I'm new to Entity Framework so please bare with me.&lt;/p&gt;
&lt;p&gt;I have the following view model&lt;/p&gt;
&lt;pre&gt;&lt;code&gt; public class VmPerson
 {
    public Person Person { get; set; }
    public PersonAddress PersonAddress { get; set; }
    public PersonEmploymentHistory PersonEmploymentHistory { get; set; }
 }
&lt;/code&gt;&lt;/pre&gt;
&lt;p&gt;I make a call to a function and pass in a &lt;code&gt;personId&lt;/code&gt;, I then try to populate the &lt;code&gt;Person&lt;/code&gt; class as follows and pass back the &lt;code&gt;ViewModel&lt;/code&gt; (&lt;em&gt;there will be other queries in here to populate the address and employment history&lt;/em&gt;)&lt;/p&gt;
&lt;pre&gt;&lt;code&gt;public VmPerson LoadPersonById(int personId)
{
        var vmPerson = new VmPerson();
        using (var context = new Context())
        {
            var r = (from p in context.Person
                join a in context.PersonAddress on p.PersonId equals a.PersonId
                join e in context.PersonEmployment on p.PersonId equals e.PersonId
                where p.PersonId == personId
                select new
                {
                    vmPerson.Person.PersonFirstName = p.PersonFirstName,
                    vmPerson.Person.PersonSurname = p.PersonSurname,
                    vmPerson.Person.PersonEmail= p.PersonEmail,
                    vmPerson.Person.Age = p.Age
                });
        }
        return vmPerson;
}
&lt;/code&gt;&lt;/pre&gt;
&lt;p&gt;But I get an error on all the statements inside select new{} which is&lt;/p&gt;
&lt;blockquote&gt;
  &lt;p&gt;Anonymous type projection initializer, should be simple name or member access expression&lt;/p&gt;
&lt;/blockquote&gt;
&lt;p&gt;Again I'm new to Entity Framework so any help would be highly appreciated.&lt;/p&gt;
&lt;p&gt;Thanks&lt;/p&gt;</t>
  </si>
  <si>
    <t>2014-10-24 10:36:47.813000+00:00</t>
  </si>
  <si>
    <t>2014-10-24 11:31:08.180000+00:00</t>
  </si>
  <si>
    <t>Putting elements on a horizontal row and spacing issues using Bootstrap</t>
  </si>
  <si>
    <t>&lt;p&gt;So I am tying to get all four images on one row, with equal space and to resize for different screen sizes. I am missing something but I do not know what is causing the extra space between image 2 &amp;amp; 3. Also I think I almost have the re-sizing down but may still be missing something.&lt;/p&gt;
&lt;pre&gt;&lt;code&gt;  &amp;lt;!DOCTYPE html&amp;gt;
    &amp;lt;html&amp;gt;
    &amp;lt;head&amp;gt;
      &amp;lt;title&amp;gt;Connect With Us&amp;lt;/title&amp;gt;
      &amp;lt;meta charset="utf-8"&amp;gt;
      &amp;lt;meta name="viewport" content="width=device-width, initial-scale=1.0"&amp;gt;
      &amp;lt;link rel="stylesheet" href="https://maxcdn.bootstrapcdn.com/bootstrap/3.3.7/css/bootstrap.min.css"&amp;gt;
    &amp;lt;body&amp;gt;
    &amp;lt;div class="container"&amp;gt;
      &amp;lt;div class="row"&amp;gt;
         &amp;lt;div class="col-xs-3 col-sm-4"&amp;gt;
            &amp;lt;a href="https://www.yelp.com/biz/hart-marketing-and-business-development-san-diego" target="_blank"&amp;gt;
              &amp;lt;img src="https://image.ibb.co/gyegWR/Yelp_Button.jpg" alt="Yelp Button" border= 0; margin= 0; display= block; style="width:100%;"&amp;gt;
            &amp;lt;/a&amp;gt;
        &amp;lt;/div&amp;gt;
        &amp;lt;div class="col-xs-3 col-sm-4"&amp;gt;
            &amp;lt;a href="https://plus.google.com/share?app=110&amp;amp;url=https%3A%2F%2Ftest.com%2F" target="_blank"&amp;gt;
             &amp;lt;img src="https://image.ibb.co/fOhPkm/Google_1_button.png" alt="Google 1 button" border= 0; margin= 0; display= block; style="width:80%;"&amp;gt;
            &amp;lt;/a&amp;gt;
        &amp;lt;/div&amp;gt;
        &amp;lt;div class="col-xs-3 col-sm-4"&amp;gt;
            &amp;lt;a href="https://www.linkedin.com/company/18274166/"target="_blank"&amp;gt;
            &amp;lt;img class="three" src="https://image.ibb.co/d6G6y6/Linkedin_Button_New.jpg" alt="Linkedin_Button_New" border= 0; margin= 0; display= block; style="width:50%;"&amp;gt;
            &amp;lt;/a&amp;gt;
             &amp;lt;/div&amp;gt;
         &amp;lt;div class="col-xs-3 col-sm-4"&amp;gt;
            &amp;lt;a href="https://www.facebook.com/HartMarketingandBusinessDevelopment/"target="_blank"&amp;gt;
            &amp;lt;img src="https://image.ibb.co/n6rTVm/facebook_button_oval.jpg" alt="facebook_button_oval" border= 0; margin= 0; display= block; style="width:65%;"&amp;gt;
            &amp;lt;/a&amp;gt;
          &amp;lt;/div&amp;gt;
          &amp;lt;/div&amp;gt;
        &amp;lt;/div&amp;gt;
    &amp;lt;/body&amp;gt;
&lt;/code&gt;&lt;/pre&gt;</t>
  </si>
  <si>
    <t>2017-10-17 02:03:06.860000+00:00</t>
  </si>
  <si>
    <t>2017-10-17 02:25:26.827000+00:00</t>
  </si>
  <si>
    <t>Dotnet webclient timesout but browser works file for json webservice</t>
  </si>
  <si>
    <t>&lt;p&gt;I am trying to get the result of the following json webservice &lt;a href="https://mtgox.com/code/data/getDepth.php" rel="nofollow"&gt;https://mtgox.com/code/data/getDepth.php&lt;/a&gt; into a string using the following code.&lt;/p&gt;
&lt;pre&gt;&lt;code&gt;using (WebClient client = new WebClient())
{
     string data = client.DownloadString("https://mtgox.com/code/data/getDepth.php");
}
&lt;/code&gt;&lt;/pre&gt;
&lt;p&gt;but it always returns a timeout exception and no data. I plan to use fastjson to turn the response into objects and expected that to be that hard part not the returning of the content of the page.&lt;/p&gt;
&lt;pre&gt;&lt;code&gt;  HttpWebRequest request = (HttpWebRequest)WebRequest.Create("https://mtgox.com/code/data/getDepth.php");
  using (HttpWebResponse response = (HttpWebResponse)request.GetResponse())
  {
       using (StreamReader sr = new StreamReader(response.GetResponseStream()))
       {
           string data = sr.ReadToEnd();
       }
   }
&lt;/code&gt;&lt;/pre&gt;
&lt;p&gt;Also resulted in the same error. Can anyone point out what i am doing wrong?&lt;/p&gt;</t>
  </si>
  <si>
    <t>2011-07-06 21:06:50.657000+00:00</t>
  </si>
  <si>
    <t>2011-07-06 21:25:15.983000+00:00</t>
  </si>
  <si>
    <t>2011-07-06 21:18:01.917000+00:00</t>
  </si>
  <si>
    <t>user180326</t>
  </si>
  <si>
    <t>c#|.net|json|webclient</t>
  </si>
  <si>
    <t>WebGrease warning when building a deployment package</t>
  </si>
  <si>
    <t>&lt;p&gt;Getting the following warning from aspnet_compiler.exe when building a deployment package:&lt;/p&gt;
&lt;pre&gt;&lt;code&gt;ASPNETCOMPILER(0,0): Warning : The following assembly has dependencies on a version of the .NET Framework that is higher than the target and might not load correctly during runtime causing a failure: WebGrease, Version=1.6.5135.21930, Culture=neutral, PublicKeyToken=31bf3856ad364e35. The dependencies are: System.Windows.Forms, Version=4.0.0.0, Culture=neutral, PublicKeyToken=b77a5c561934e089. You should either ensure that the dependent assembly is correct for the target framework, or ensure that the target framework you are addressing is that of the dependent assembly.
&lt;/code&gt;&lt;/pre&gt;
&lt;p&gt;Same thing happened before I updated WebGrease from version 1.3.0.0
Tried both of the following assembly bindings without success:&lt;/p&gt;
&lt;pre&gt;&lt;code&gt;&amp;lt;dependentAssembly&amp;gt;
    &amp;lt;assemblyIdentity name="WebGrease" publicKeyToken="31bf3856ad364e35" /&amp;gt;
    &amp;lt;bindingRedirect oldVersion="0.0.0.0-1.6.5135.21930" newVersion="1.6.5135.21930" /&amp;gt;
  &amp;lt;/dependentAssembly&amp;gt;
&amp;lt;dependentAssembly&amp;gt;
    &amp;lt;assemblyIdentity name="System.Windows.Forms" publicKeyToken="b77a5c561934e089" /&amp;gt;
    &amp;lt;bindingRedirect oldVersion="0.0.0.0-4.0.0.0" newVersion="4.0.0.0" /&amp;gt;
&amp;lt;/dependentAssembly&amp;gt;
&lt;/code&gt;&lt;/pre&gt;
&lt;p&gt;I spent 2 days on this already frying different configurations and would greatly appreciate any hint or help.&lt;/p&gt;</t>
  </si>
  <si>
    <t>2014-05-15 17:36:29.650000+00:00</t>
  </si>
  <si>
    <t>2016-06-24 07:41:35.787000+00:00</t>
  </si>
  <si>
    <t>2014-05-16 15:03:48.873000+00:00</t>
  </si>
  <si>
    <t>.net|asp.net-mvc-4|publishing|webdeploy</t>
  </si>
  <si>
    <t>xmlhttprequest POST method in rails</t>
  </si>
  <si>
    <t>&lt;p&gt;In the web,  I'm building local file drag and drop upload to the server with the ruby on rails, dragging and drop a file working fine, but how to get the dragged file content in the controller with the drop event? I'm getting the file with &lt;code&gt;event.datatransfer&lt;/code&gt;, send file through Javascript with &lt;code&gt;XMLHttpRequest&lt;/code&gt;.&lt;/p&gt;
&lt;pre&gt;&lt;code&gt;  function handleDrop(event)
  {
    preventDef(event)
    var dt = event.dataTransfer;
    var files = dt.files;
    for(var i = 0; i &amp;lt; files.length;i++)
    {
      http_request = new XMLHttpRequest();
      var boundaryString = 'the_boundery--';
      var boundary = '--' + boundaryString;
      var requestbody = boundary + '\n'
        + 'Content-Disposition: form-data; name="thefilename"' + '\n'
        + '\n'
        + files[i].fileName + '\n'
        + '\n'
        + boundary + '\n'
        + 'Content-Disposition: form-data; name="thefile"; filename="'
        + files[i].fileName + '"' + '\n'
        + 'Content-Type: application/octet-stream' + '\n'
        + '\n'+files[i].path
        +'\n'+ files[i].getAsBinary()
        + '\n'
        + boundary;
      var preview = document.getElementById("preview");
      preview.src = files[i].getAsDataURL();
      var queryString="";
       queryString="filename="+files[i].fileName+'&amp;amp;'+"file_to_upload=="+files[i].getAsBinary();
      var actionUrl="/shortening/dr";
      http_request.open('POST',actionUrl,true);
      http_request.setRequestHeader("Content-type", "multipart/form-data; \
            boundary=\"" + boundaryString + "\"");
      http_request.setRequestHeader("Connection", "close");
      http_request.setRequestHeader("Content-length", requestbody.length);
      http_request.sendAsBinary(requestbody);
    }
  }
&lt;/code&gt;&lt;/pre&gt;
&lt;p&gt;using this script calling the url and send the file through sendAsBinary method 
Post method not calling the controller with the respective action&lt;/p&gt;
&lt;p&gt;How to get the requestbody in the controller ?&lt;/p&gt;
&lt;p&gt;Any idea?&lt;/p&gt;</t>
  </si>
  <si>
    <t>2010-07-29 12:32:55.653000+00:00</t>
  </si>
  <si>
    <t>2010-08-15 12:07:37+00:00</t>
  </si>
  <si>
    <t>javascript|ruby-on-rails</t>
  </si>
  <si>
    <t>other method to implement varargs</t>
  </si>
  <si>
    <t>&lt;p&gt;i have to write a method, that takes in parameters 1, 2, 3 ....or 32 integers.
we call call this mthod f like that
f(1)
f(1,5)
f(1,2,6,16,32)
...
i have then to export the method  with swig, to be used after that in another langage.
the best manner to do i had found, is to use varargs
f(number,...)
but i think swig doesn't support such functions to export.&lt;/p&gt;
&lt;p&gt;the other way is to use surcharge
f(int)
f(int,int)
f(int,int,int)
....
and write that 32 times &lt;/p&gt;
&lt;p&gt;is there a better way to do it? (with templates of #define preprocessor macros)&lt;/p&gt;
&lt;p&gt;thx&lt;/p&gt;</t>
  </si>
  <si>
    <t>2015-04-01 12:45:21.033000+00:00</t>
  </si>
  <si>
    <t>c++|swig</t>
  </si>
  <si>
    <t>Xcode 10 framework dependency cycle with itself</t>
  </si>
  <si>
    <t>&lt;p&gt;On Xcode 10 I'm getting this build error with one of my frameworks when I do an incremental build (clean builds work):&lt;/p&gt;
&lt;pre&gt;&lt;code&gt;Showing All Messages
:-1: Cycle inside LoggingSharedFramework; building could produce unreliable results.
Cycle details:
��� Target 'LoggingSharedFramework' has a command with output 'blablabla/Build/Products/Debug-iphonesimulator/LoggingSharedFramework.framework/LoggingSharedFramework'
��� Target 'LoggingSharedFramework' has link command with output 'blablabla/Build/Intermediates.noindex/blablablah/Debug-iphonesimulator/LoggingSharedFramework.build/Objects-normal/x86_64/LoggingSharedFramework'
&lt;/code&gt;&lt;/pre&gt;
&lt;ul&gt;
&lt;li&gt;The framework has no target dependencies&lt;/li&gt;
&lt;li&gt;The Headers phase is before Compile Sources&lt;/li&gt;
&lt;li&gt;I have gone through every file and made sure that there are no imports grabbing files outside of LoggingSharedFramework (other than Cocoa stuff)&lt;/li&gt;
&lt;li&gt;I am not using any dependency management system (e.g. carthage) because there are no external dependencies. This framework is maintained within the project&lt;/li&gt;
&lt;/ul&gt;
&lt;p&gt;This error makes no sense to me. What is the actual cause? How can I figure out what is introducing the cycle? How can I fix the cycle?&lt;/p&gt;</t>
  </si>
  <si>
    <t>2018-10-09 15:24:40.077000+00:00</t>
  </si>
  <si>
    <t>2018-10-16 20:12:43.247000+00:00</t>
  </si>
  <si>
    <t>2018-10-11 17:37:42.870000+00:00</t>
  </si>
  <si>
    <t>ios|xcode|circular-dependency|xcode10</t>
  </si>
  <si>
    <t>basic egit operations</t>
  </si>
  <si>
    <t>&lt;p&gt;I have installed &lt;a href="http://eclipse.org/egit/" rel="nofollow"&gt;egit&lt;/a&gt;, and by using &lt;code&gt;Team - Share - commit&lt;/code&gt;, assume that I now have a copy of the entire project in the &lt;code&gt;.git&lt;/code&gt; directory.   &lt;/p&gt;
&lt;p&gt;So I do some work on the project and do another commit.   &lt;/p&gt;
&lt;p&gt;Now if I want to work on the first commit version what steps are needed?&lt;br&gt;
Which egit command gets the saved project and how do I keep it separate from the current project.&lt;br&gt;
Will it show up somewhere that also appears in the Navigation window of Eclipse?   &lt;/p&gt;
&lt;p&gt;Very basic stuff but as you can tell I am somewhat unclear about how the whole thing works.&lt;br&gt;
I've googled as much as I can around tutorials but I find it difficult to relate to the terms and concepts that seem to be taken for granted.&lt;/p&gt;</t>
  </si>
  <si>
    <t>2011-07-16 17:21:28.860000+00:00</t>
  </si>
  <si>
    <t>2011-07-16 21:41:44.563000+00:00</t>
  </si>
  <si>
    <t>eclipse|egit</t>
  </si>
  <si>
    <t>Replicate .NET Entity Framework ConnectionString usage logic for Azure Storage</t>
  </si>
  <si>
    <t>&lt;p&gt;Please consider the following scenario:&lt;/p&gt;
&lt;pre&gt;&lt;code&gt;Executable -&amp;gt; BLL -&amp;gt; DAL -&amp;gt; SQL DB
&lt;/code&gt;&lt;/pre&gt;
&lt;p&gt;With Entity Framework you may declare the connection string in the app.config of the &lt;code&gt;Executable&lt;/code&gt; and let the &lt;code&gt;DbContext&lt;/code&gt; descendant class in &lt;code&gt;DAL&lt;/code&gt; make use of it in order to access the db, something like so:&lt;/p&gt;
&lt;p&gt;Connection string in &lt;code&gt;Executable&lt;/code&gt; app.config:&lt;/p&gt;
&lt;pre&gt;&lt;code&gt;&amp;lt;connectionStrings&amp;gt;
    &amp;lt;add name="EFDBContext" connectionString="xxxx" /&amp;gt;
&amp;lt;/connectionStrings&amp;gt;
&lt;/code&gt;&lt;/pre&gt;
&lt;p&gt;And the DbContext in the &lt;code&gt;DAL&lt;/code&gt;&lt;/p&gt;
&lt;pre&gt;&lt;code&gt;Partial Public Class EFDBContext
    Inherits DbContext
    Public Sub New()
        MyBase.New("name=EFDBContext")
    End Sub
End Class
&lt;/code&gt;&lt;/pre&gt;
&lt;p&gt;or in C# if you may:&lt;/p&gt;
&lt;pre&gt;&lt;code&gt;public partial class EFDBContext : DbContext
{
    public EFDBContext() : base("name=EFDBContext") { }
}
&lt;/code&gt;&lt;/pre&gt;
&lt;p&gt;Now, I'm writing a DAL  to access Azure Table Storage Services (may it be Queues or Tables) and as of now I'm passing the connection string from the &lt;code&gt;Executable&lt;/code&gt; to the ctor of the &lt;code&gt;DAL&lt;/code&gt; (through the &lt;code&gt;BLL&lt;/code&gt;).&lt;/p&gt;
&lt;p&gt;But I started to wonder: is there a way to do it like for DbContext in EF? Or, is there a way to robustly replicate it? I would prefer it to some extent.&lt;/p&gt;
&lt;p&gt;Thank you&lt;/p&gt;</t>
  </si>
  <si>
    <t>2016-10-25 11:11:19.087000+00:00</t>
  </si>
  <si>
    <t>2016-10-26 02:51:40.510000+00:00</t>
  </si>
  <si>
    <t>.net|entity-framework|connection-string|azure-sql-database|azure-storage</t>
  </si>
  <si>
    <t>ASP.NET Control to HTML tag equivalent</t>
  </si>
  <si>
    <t>&lt;p&gt;I'm looking for a cheat sheet that will allow me to show an HTML designer the equivalent asp.net controls for standard HTML tags.  As an example the &amp;lt;asp:Panel&gt; will render as an HTML &amp;lt;div&gt; and an &amp;lt;asp:Label&gt; will render as an HTML &amp;lt;span&gt;.  I've been googling this to no avail.  Can someone post a link to a good cheat sheet so that the designers on this project can understand the markup on the aspx pages more clearly. &lt;/p&gt;
&lt;p&gt;To be clear, I would like a link to a list of major ASP.NET controls, with descriptions as to how they would relate to standard HTML.  It would be great if this were in PDF format or on an easy to read and print web page.  The reason, in my case, would be that we have a PHP developer who is very familiar with HTML coming to work on our project, and I feel it would be useful to have a better understanding of standard ASP.NET server controls if I could hand him such a "cheat sheet". &lt;/p&gt;
&lt;p&gt;I'm referring mainly to the .NET 2.0 framework, but we are also doing work with 3.0/3.5.&lt;/p&gt;</t>
  </si>
  <si>
    <t>2009-01-20 15:59:58.917000+00:00</t>
  </si>
  <si>
    <t>2017-06-20 12:36:58.703000+00:00</t>
  </si>
  <si>
    <t>2009-01-20 19:05:16.250000+00:00</t>
  </si>
  <si>
    <t>stephenbayer</t>
  </si>
  <si>
    <t>asp.net|html|tags|servercontrols</t>
  </si>
  <si>
    <t>Schedule at 24hrs interval</t>
  </si>
  <si>
    <t>&lt;p&gt;I want to know the best method to schedule a code. I have a code that generates reports and sends mail to a set of people at interval of 24hrs. Its a console based java application. I want to know the best method to schedule that. Sometimes I may need to change that to 12hrs interval. However the application doesn't perform any other task in between the interval.&lt;/p&gt;</t>
  </si>
  <si>
    <t>2012-03-08 12:59:23.103000+00:00</t>
  </si>
  <si>
    <t>2012-03-08 13:24:05.337000+00:00</t>
  </si>
  <si>
    <t>Format strings objective c</t>
  </si>
  <si>
    <t>&lt;p&gt;i found this
&lt;a href="https://stackoverflow.com/questions/1671531/is-it-possible-to-use-format-strings-to-align-nsstrings-like-numbers-can-be"&gt;Is it possible to use format strings to align NSStrings like numbers can be?&lt;/a&gt;&lt;/p&gt;
&lt;p&gt;I have a similar task but the opposite format.&lt;/p&gt;
&lt;pre&gt;&lt;code&gt;   TOTAL:      2
SUBTOTAL:   6.00
     TAX:     0%
    CASH:  12.00
&lt;/code&gt;&lt;/pre&gt;
&lt;p&gt;my code is this&lt;/p&gt;
&lt;pre&gt;&lt;code&gt;NSString* item [NSString stringWithFormat:@"%-10s %@", @"TOTAL",@"2"];
&lt;/code&gt;&lt;/pre&gt;
&lt;p&gt;Yet outcome is this&lt;/p&gt;
&lt;pre&gt;&lt;code&gt;TOTAL:   2
SUBTOTAL:  6.00
&lt;/code&gt;&lt;/pre&gt;
&lt;p&gt;&lt;strong&gt;UPDATE&lt;/strong&gt;&lt;/p&gt;
&lt;p&gt;I got it to work with this code.&lt;/p&gt;
&lt;pre&gt;&lt;code&gt;NSString* item [NSString stringWithFormat:@"%12s %7s", [total UTF8String],[amount UTF8String]];
&lt;/code&gt;&lt;/pre&gt;
&lt;p&gt;&lt;strong&gt;UPDATE QUESTION&lt;/strong&gt;&lt;/p&gt;
&lt;p&gt;What if the text is too long?&lt;/p&gt;
&lt;pre&gt;&lt;code&gt;THIS TEXT IS TOO LONG
&lt;/code&gt;&lt;/pre&gt;
&lt;p&gt;I want it to be &lt;/p&gt;
&lt;pre&gt;&lt;code&gt;THIS TEXT
IS TOO LONG
&lt;/code&gt;&lt;/pre&gt;</t>
  </si>
  <si>
    <t>2012-07-27 06:15:46.527000+00:00</t>
  </si>
  <si>
    <t>2012-07-27 07:17:06.463000+00:00</t>
  </si>
  <si>
    <t>2017-05-23 10:24:32.590000+00:00</t>
  </si>
  <si>
    <t>objective-c|format-string</t>
  </si>
  <si>
    <t>Jest with React Native 57 not working with ES7 syntax</t>
  </si>
  <si>
    <t>&lt;p&gt;I've update package.json with&lt;/p&gt;
&lt;p&gt;"^.((?!Saga).)*\.js$": "/node_modules/react-native/jest/preprocessor.js",&lt;/p&gt;
&lt;p&gt;However, every component wrote with ES7 syntax stop working, such as&lt;/p&gt;
&lt;pre&gt;&lt;code&gt;export default class Test extends Component {
  state = { test: '' }
  testFunc = () =&amp;gt; {}
}
&lt;/code&gt;&lt;/pre&gt;</t>
  </si>
  <si>
    <t>2018-10-17 01:06:26.440000+00:00</t>
  </si>
  <si>
    <t>2018-11-03 21:40:19.047000+00:00</t>
  </si>
  <si>
    <t>2018-11-01 15:10:13.980000+00:00</t>
  </si>
  <si>
    <t>reactjs|react-native|jestjs</t>
  </si>
  <si>
    <t>Laravel 4 : Cookies for unique visitor count</t>
  </si>
  <si>
    <t>&lt;p&gt;I am creating a simple blog in which a user can &lt;strong&gt;add, update and view posts&lt;/strong&gt;. I have implemented the &lt;strong&gt;views count functionality in the post that shows the number of views on the post&lt;/strong&gt;. For that, what I did is:&lt;/p&gt;
&lt;ol&gt;
&lt;li&gt;&lt;p&gt;Created an event listener:&lt;/p&gt;
&lt;p&gt;&lt;code&gt;Event::listen('post.viewed', 'PostHandler@updatePostViewsAction');&lt;/code&gt;&lt;/p&gt;&lt;/li&gt;
&lt;li&gt;&lt;p&gt;Created the &lt;code&gt;PostHandler&lt;/code&gt; and &lt;code&gt;updatePostViewsAction&lt;/code&gt;&lt;/p&gt;
&lt;pre&gt;&lt;code&gt;class PostHandler
{
    public function handle()
    {
        // 
    }
    public function updatePostViewsAction( $post )
    {
        // Update view counter of post
        $post-&amp;gt;views_count = $post-&amp;gt;views_count + 1;
        $post-&amp;gt;save();
    }
}
&lt;/code&gt;&lt;/pre&gt;&lt;/li&gt;
&lt;/ol&gt;
&lt;p&gt;This is &lt;strong&gt;working fine and the views count is succesfuly being updated.&lt;/strong&gt; But later on I decided &lt;strong&gt;to make the views to be uniquely counted.&lt;/strong&gt; For this, I have &lt;strong&gt;tried using the cookies&lt;/strong&gt; i.e. create a &lt;strong&gt;cookie on users computer,&lt;/strong&gt; whenever he views a post and &lt;strong&gt;increment the &lt;code&gt;views_count&lt;/code&gt;&lt;/strong&gt; . If the &lt;strong&gt;users comes back again&lt;/strong&gt; and views the post again, check &lt;strong&gt;if there is a cookie&lt;/strong&gt; available, if it is available &lt;strong&gt;then don't increment the &lt;code&gt;views_count&lt;/code&gt;&lt;/strong&gt;, &lt;strong&gt;otherwise increment that&lt;/strong&gt;. Below is, how I have implemented this:&lt;/p&gt;
&lt;pre&gt;&lt;code&gt;class PostHandler
{
    public function handle()
    {
        // 
    }
    public function updatePostViewsAction( $post )
    {
        if ( !Cookie::get('post_viewed') ) {
            // Update view counter of post
            $post-&amp;gt;views_count = $post-&amp;gt;views_count + 1;
            $post-&amp;gt;save();
            Cookie::forever('post_viewed', true);
        }
    }
}
&lt;/code&gt;&lt;/pre&gt;
&lt;p&gt;But it doesn't seem to work, as &lt;strong&gt;the views_count is getting incremented each and every time&lt;/strong&gt;. Can anyone please tell me, what am I doing wrong here?&lt;/p&gt;</t>
  </si>
  <si>
    <t>2014-07-03 11:32:06.693000+00:00</t>
  </si>
  <si>
    <t>2014-07-04 06:20:35.250000+00:00</t>
  </si>
  <si>
    <t>php|cookies|laravel|laravel-4</t>
  </si>
  <si>
    <t>Titanium HealthKit Module - Cant create StatisticsQuery with Cumulative &amp; Separate by source</t>
  </si>
  <si>
    <t>&lt;p&gt;Im trying to create a Ti.Healthkit.StatisticsCollection where I can fetch number of steps taken, grouped per day. The thing is that I also need all sources, so I can filter ("manually") all steps added through Apple Health (manually) and other sources than the device and apple watch.&lt;/p&gt;
&lt;p&gt;So; I've set up the Statistics query, everything looks fine. I can fetch all sources for each date. BUT, here's the thing, I can't no matter what, get the number of steps taken, per source.&lt;/p&gt;
&lt;pre&gt;&lt;code&gt;    var query = HealthKit.createStatisticsCollectionQuery(
    {
        type        : HealthKit.OBJECT_TYPE_STEP_COUNT,
        filter      : HealthKit.createFilterForSamples(
        {
            startDate   : date_from,
            endDate     : date_to
        }),
        options     : HealthKit.STATISTICS_OPTION_CUMULATIVE_SUM | HealthKit.STATISTICS_OPTION_SEPARATE_BY_SOURCE,
        anchorDate  : anchorDate,
        interval    : 3600*24, // 24 hours
        onInitialResults    : function(e) 
        {
            if (e.errorCode !== undefined) 
            {
                //Utils.showError(e);
            } 
            else 
            {
                for(var i in e.statisticsCollection.statistics)
                {
                    var statistics = e.statisticsCollection.statistics[i];
                    console.log(statistics.sources[0]);
                    var quantity = statistics.getSumQuantityForSource(statistics.sources[0]);
                    var stepCount = quantity.valueForUnit(HealthKit.createUnit('count'));
                    console.log(statistics.sources);
                    //console.log(statistics.startDate);
                    console.log(stepCount);
                    for(var k in statistics.sources)
                    {
                        var _source = statistics.sources[k];
                        var quantity = statistics.getSumQuantity(_source);
                        console.log(_source);
                        console.log(quantity);
&lt;/code&gt;&lt;/pre&gt;
&lt;p&gt;I have tried to follow the Apple docs as well as the Ti.HealthKit docs, and as far as I can see I've tried everything now. I've also tried to fetch the steps while I iterate all sources, to put it inside the statistics method;&lt;/p&gt;
&lt;p&gt;sumQuantityForSource(_source)&lt;/p&gt;
&lt;p&gt;but that only returns "null".&lt;/p&gt;
&lt;p&gt;I can get the number of steps for a day, but it contains all sources steps..&lt;/p&gt;
&lt;p&gt;Does anyone have any suggestion what to try? I feel like I've tried everything possible.&lt;/p&gt;</t>
  </si>
  <si>
    <t>2016-03-31 22:38:33.487000+00:00</t>
  </si>
  <si>
    <t>2016-03-31 23:02:26.860000+00:00</t>
  </si>
  <si>
    <t>javascript|ios|titanium|health-kit</t>
  </si>
  <si>
    <t>Vaadin Style Names, where to find?</t>
  </si>
  <si>
    <t>&lt;p&gt;Vaadin 7.6.2&lt;/p&gt;
&lt;p&gt;Where does one find a comprehensive listing of Vaadin component style names to use with .addStyleName(String) ?  Surprisingly, this isn't simple to find on Vaadin's website or Google and I suspect is (or should be) a well documented reference.&lt;/p&gt;</t>
  </si>
  <si>
    <t>2016-03-02 08:39:59.400000+00:00</t>
  </si>
  <si>
    <t>2016-03-02 13:07:09.253000+00:00</t>
  </si>
  <si>
    <t>user1068477</t>
  </si>
  <si>
    <t>vaadin|vaadin7</t>
  </si>
  <si>
    <t>Lucene index searching from text file</t>
  </si>
  <si>
    <t>&lt;p&gt;I'm trying to search a lucene index from a text file that contains keywords instead of including the keywords in the code. In the code below, the keyword "book" is searched in the Lucene index. Instead of this method, I want to read a txt file that will contain the keyword I want to search Do you have any idea on how I can implement this concept in the code below? &lt;/p&gt;
&lt;pre&gt;&lt;code&gt;public class Searcher
{
    public void searchIndex(String instring) throws IOException, ParseException
    {
        System.out.println("Searching for ' " + instring +  " '");          
        IndexSearcher searcher = new IndexSearcher(FSDirectory.open(new File("C:\\indexing\\full")));
        Analyzer analyzer1 = new StandardAnalyzer(Version.LUCENE_34);
        QueryParser queryParser = new QueryParser(Version.LUCENE_34,"content", analyzer1);
        QueryParser queryParserfilename = new QueryParser(Version.LUCENE_34,"fullpath",analyzer1);
        Query query = queryParser.parse(instring);
        Query queryfilename = queryParserfilename.parse(instring);        
        TopDocs hits = searcher.search(query, 100);
        ScoreDoc[] document = hits.scoreDocs;
        System.out.println("Total no of hits for content: " + hits.totalHits);
        for(int i = 0;i &amp;lt;document.length;i++)
        {                 
            Document doc = searcher.doc(document[i].doc);      
            String filePath = doc.get("fullpath");                                      
            System.out.println(filePath);
        }
        TopDocs hitfilename = searcher.search(queryfilename,100);
        ScoreDoc[] documentfilename = hitfilename.scoreDocs;
        System.out.println("Occurrence:" + hitfilename.totalHits);       
        for(int i = 0;i &amp;lt; documentfilename.length ; i++)
        {
            Document doc = searcher.doc(documentfilename[i].doc);
            String filename= doc.get("filename");
            System.out.println(filename);                   
        } 
    }
    public static void main(String args[])
    {
        long startTime = System.currentTimeMillis();
        try {  
            new Searcher().searchIndex("book");
        } catch (IOException ex) {
            Logger.getLogger(Searcher.class.getName()).log(Level.SEVERE, null, ex);
        } catch (ParseException ex) {
            Logger.getLogger(Searcher.class.getName()).log(Level.SEVERE, null, ex);
        }
        long endTime = System.currentTimeMillis();
        System.out.println("Time: " + (endTime - startTime));
    } 
}
&lt;/code&gt;&lt;/pre&gt;</t>
  </si>
  <si>
    <t>2015-05-04 20:41:48.857000+00:00</t>
  </si>
  <si>
    <t>2015-05-04 22:08:54.570000+00:00</t>
  </si>
  <si>
    <t>java|lucene</t>
  </si>
  <si>
    <t>How to refer a third party theme as attribute in AndroidManifest.xml</t>
  </si>
  <si>
    <t>&lt;p&gt;Currently, I have a 3rd party theme used in my &lt;code&gt;AndroidManifest.xml&lt;/code&gt;.&lt;/p&gt;
&lt;h2&gt;AndroidManifest.xml&lt;/h2&gt;
&lt;pre&gt;&lt;code&gt;&amp;lt;application
    ...
    android:theme="@style/Theme.JStock.Light" &amp;gt;
    &amp;lt;!-- 3rd party library with 3rd party theme --&amp;gt;
    &amp;lt;activity
        android:name="group.pals.android.lib.ui.lockpattern.LockPatternActivity"
        android:configChanges="orientation|screenSize|keyboard|keyboardHidden"
        android:screenOrientation="user"
        android:theme="@style/Alp.Theme.Light" /&amp;gt;
&lt;/code&gt;&lt;/pre&gt;
&lt;h2&gt;themes.xml&lt;/h2&gt;
&lt;pre&gt;&lt;code&gt;&amp;lt;?xml version="1.0" encoding="utf-8"?&amp;gt;
&amp;lt;resources&amp;gt;
    &amp;lt;style name="Theme.JStock.Light" parent="Theme.Sherlock.Light"&amp;gt;
        ...
    &amp;lt;/style&amp;gt;
    &amp;lt;style name="Theme.JStock.Dark" parent="Theme.Sherlock.Dark"&amp;gt;
        ...
    &amp;lt;/style&amp;gt;
&lt;/code&gt;&lt;/pre&gt;
&lt;p&gt;Since, I may change my app theme during runtime&lt;/p&gt;
&lt;p&gt;&lt;code&gt;setTheme(R.style.Theme.JStock.Light);&lt;/code&gt; or &lt;code&gt;setTheme(R.style.Theme.JStock.Dark);&lt;/code&gt;&lt;/p&gt;
&lt;p&gt;I wish to have something like below, so that my Java code need not take care on the 3rd party theme.&lt;/p&gt;
&lt;h2&gt;AndroidManifest.xml&lt;/h2&gt;
&lt;pre&gt;&lt;code&gt;&amp;lt;application
    ...
    android:theme="@style/Theme.JStock.Light" &amp;gt;
    &amp;lt;!-- 3rd party library with 3rd party theme --&amp;gt;
    &amp;lt;activity
        android:name="group.pals.android.lib.ui.lockpattern.LockPatternActivity"
        android:configChanges="orientation|screenSize|keyboard|keyboardHidden"
        android:screenOrientation="user"
        android:theme="?attr/thirdPartyTheme" /&amp;gt;
&lt;/code&gt;&lt;/pre&gt;
&lt;h2&gt;themes.xml&lt;/h2&gt;
&lt;pre&gt;&lt;code&gt;&amp;lt;?xml version="1.0" encoding="utf-8"?&amp;gt;
&amp;lt;resources&amp;gt;
    &amp;lt;style name="Theme.JStock.Light" parent="Theme.Sherlock.Light"&amp;gt;
        &amp;lt;item name="thirdPartyTheme"&amp;gt;@style/Alp.Theme.Light&amp;lt;/item&amp;gt;
        ...
    &amp;lt;/style&amp;gt;
    &amp;lt;style name="Theme.JStock.Dark" parent="Theme.Sherlock.Dark"&amp;gt;
        &amp;lt;item name="thirdPartyTheme"&amp;gt;@style/Alp.Theme.Dark&amp;lt;/item&amp;gt;
        ...
    &amp;lt;/style&amp;gt;
&lt;/code&gt;&lt;/pre&gt;
&lt;p&gt;Of course, this will cause run-time error. May I know, what is the proper way to achieve so?&lt;/p&gt;</t>
  </si>
  <si>
    <t>2013-12-17 16:38:33.447000+00:00</t>
  </si>
  <si>
    <t>Why can I still checkout a branch I deleted on remote GitLab</t>
  </si>
  <si>
    <t>&lt;p&gt;I have a project on GitLab, from the master I created a branch called &lt;code&gt;Processing-points&lt;/code&gt;, not from the command line but with the web interface.&lt;/p&gt;
&lt;p&gt;Then I deleted the branch &lt;code&gt;Processing-points&lt;/code&gt;, also from the web interface. So everything is ok from the web interface, but on my local computer, I can still checkout the deleted branch. How is that possible? &lt;/p&gt;
&lt;p&gt;This is the suggestions I get when I ask to checkout:&lt;/p&gt;
&lt;pre&gt;&lt;code&gt;ag@ag-Precision-7520:~/catkin_ws/3D_EM$ git checkout 
HEAD                                    origin/master                           origin/Processing-points-multi-thread 
master                                  origin/origin/parallelization           parallelization 
ORIG_HEAD                               origin/parallelization                  pcl_filters 
origin/HEAD                             origin/pcl_filters                      Processing-points-multi-thread
&lt;/code&gt;&lt;/pre&gt;</t>
  </si>
  <si>
    <t>2018-04-12 08:48:04.210000+00:00</t>
  </si>
  <si>
    <t>2018-04-12 09:42:56.907000+00:00</t>
  </si>
  <si>
    <t>git|version-control|gitlab</t>
  </si>
  <si>
    <t>Rails - How to record two reference IDs at once</t>
  </si>
  <si>
    <t>&lt;p&gt;Only one out of the two reference ID's is being set in one of my tables.&lt;/p&gt;
&lt;p&gt;&lt;strong&gt;schema&lt;/strong&gt;&lt;/p&gt;
&lt;p&gt;&lt;img src="https://i.stack.imgur.com/v9lLD.jpg" alt="enter image description here"&gt;&lt;/p&gt;
&lt;hr&gt;
&lt;p&gt;&lt;strong&gt;Models&lt;/strong&gt;&lt;/p&gt;
&lt;p&gt;&lt;strong&gt;tech.rb&lt;/strong&gt;&lt;/p&gt;
&lt;pre&gt;&lt;code&gt;class Tech &amp;lt; ActiveRecord::Base
    has_many :services
end
&lt;/code&gt;&lt;/pre&gt;
&lt;p&gt;&lt;strong&gt;service_menu&lt;/strong&gt;&lt;/p&gt;
&lt;pre&gt;&lt;code&gt;class ServiceMenu &amp;lt; ActiveRecord::Base
  has_many :services
end
&lt;/code&gt;&lt;/pre&gt;
&lt;p&gt;&lt;strong&gt;service.rb&lt;/strong&gt;&lt;/p&gt;
&lt;pre&gt;&lt;code&gt;class Service &amp;lt; ActiveRecord::Base
  belongs_to :tech
  belongs_to :service_menu
end
&lt;/code&gt;&lt;/pre&gt;
&lt;hr&gt;
&lt;p&gt;&lt;strong&gt;Controller&lt;/strong&gt;&lt;/p&gt;
&lt;p&gt;&lt;strong&gt;services_controller.rb&lt;/strong&gt;&lt;/p&gt;
&lt;pre&gt;&lt;code&gt;def new
    @service = current_tech.services.build
end
def create
    @service = current_tech.services.build(service_params)
    respond_to do |format|
      if @service.save
        format.html { redirect_to @service, notice: 'Service was successfully created.' }
        format.json { render :show, status: :created, location: @service }
      else
        format.html { render :new }
        format.json { render json: @service.errors, status: :unprocessable_entity }
      end
    end
end
private
def service_params
  params.require(:service).permit(:name)
end
&lt;/code&gt;&lt;/pre&gt;
&lt;hr&gt;
&lt;p&gt;&lt;strong&gt;View&lt;/strong&gt;&lt;/p&gt;
&lt;pre&gt;&lt;code&gt;&amp;lt;%= simple_form_for @service do |f| %&amp;gt;
  &amp;lt;div class="field"&amp;gt;
    &amp;lt;%= f.label "Select service category" %&amp;gt;
    &amp;lt;br&amp;gt;
    &amp;lt;%= collection_select(:service, :name, ServiceMenu.all, :name, :name, {:prompt =&amp;gt; true }) %&amp;gt;
  &amp;lt;/div&amp;gt;
  &amp;lt;div class="actions"&amp;gt;
    &amp;lt;%= f.submit %&amp;gt;
  &amp;lt;/div&amp;gt;
&amp;lt;% end %&amp;gt;
&lt;/code&gt;&lt;/pre&gt;
&lt;p&gt;Whenever I create a new service, only the tech_id is recorded but not the service_menu_id.
How can I create a new service that would record both tech and service_menu ids at once to the services table?&lt;/p&gt;
&lt;p&gt;Any help is appreciated.&lt;/p&gt;
&lt;blockquote&gt;
  &lt;p&gt;EDIT 7/3 2:55 PM EST&lt;/p&gt;
&lt;/blockquote&gt;
&lt;p&gt;@Yen-Ju method didn't work for me at first but now it does. At first I've failed to properly reference the &lt;code&gt;service_menu_id&lt;/code&gt; in the &lt;code&gt;services table&lt;/code&gt;.&lt;/p&gt;
&lt;p&gt;My &lt;code&gt;services&lt;/code&gt; db before:&lt;/p&gt;
&lt;pre&gt;&lt;code&gt;| Field           | Type         | Null | Key | Default | Extra          |
+-----------------+--------------+------+-----+---------+----------------+
| id              | int(11)      | NO   | PRI | NULL    | auto_increment |
| name            | varchar(255) | YES  |     | NULL    |                |
| tech_id         | int(11)      | YES  | MUL | NULL    |                |
| service_menu_id | int(11)      | YES  |     | NULL    |                |
| created_at      | datetime     | NO   |     | NULL    |                |
| updated_at      | datetime     | NO   |     | NULL    |                |
+-----------------+--------------+------+-----+---------+----------------+
&lt;/code&gt;&lt;/pre&gt;
&lt;p&gt;Reason for not working before is there was no &lt;code&gt;MUL&lt;/code&gt; value under the &lt;code&gt;KEY&lt;/code&gt; column.&lt;/p&gt;
&lt;p&gt;My &lt;code&gt;services&lt;/code&gt; db now:&lt;/p&gt;
&lt;pre&gt;&lt;code&gt;| Field           | Type         | Null | Key | Default | Extra          |
+-----------------+--------------+------+-----+---------+----------------+
| id              | int(11)      | NO   | PRI | NULL    | auto_increment |
| name            | varchar(255) | YES  |     | NULL    |                |
| tech_id         | int(11)      | YES  | MUL | NULL    |                |
| service_menu_id | int(11)      | YES  | MUL | NULL    |                |
| created_at      | datetime     | NO   |     | NULL    |                |
| updated_at      | datetime     | NO   |     | NULL    |                |
+-----------------+--------------+------+-----+---------+----------------+
&lt;/code&gt;&lt;/pre&gt;
&lt;p&gt;This also allowed me to drop the &lt;code&gt;name&lt;/code&gt; column in the &lt;code&gt;services&lt;/code&gt; db since it's no longer needed.&lt;/p&gt;
&lt;p&gt;Thanks to all who responded.&lt;/p&gt;</t>
  </si>
  <si>
    <t>2015-07-03 02:35:17.453000+00:00</t>
  </si>
  <si>
    <t>2015-07-03 23:40:35.410000+00:00</t>
  </si>
  <si>
    <t>2015-07-03 18:54:26.783000+00:00</t>
  </si>
  <si>
    <t>Get rows from table of last 5 days in IBM DB2 by joining another table</t>
  </si>
  <si>
    <t>&lt;p&gt;I have two tables in DB2. &lt;/p&gt;
&lt;pre&gt;&lt;code&gt;table1
----
sidpk                 pid
--------------------------
24gsr3               xyz
67sfr9               xyz
67sts8               xyz
table2
-------------------------
sid                 date
--------------------------
24gsr3              2017-09-24
67sfr9              2017-09-23
67sts8              2017-09-15
.
.
and so on
&lt;/code&gt;&lt;/pre&gt;
&lt;p&gt;I'm trying to fetch all rows that are available that were created 5 days before from today from table2. &lt;/p&gt;
&lt;p&gt;In the above case, I expect it should return be 24gsr3, 67sfr9&lt;/p&gt;
&lt;p&gt;What is missing in my query? &lt;/p&gt;
&lt;p&gt;Please find it.&lt;/p&gt;
&lt;pre&gt;&lt;code&gt;SELECT a.sidpk from table1 a
LEFT JOIN
table2 b
ON a.sidpk= b.sid
WHERE a.pid='xyz' AND b.date&amp;gt;= DATE_SUB(CURDATE(), INTERVAL 5 DAY) AND 
b.date&amp;lt;= CURDATE()
ORDER BY b.date DESC 
&lt;/code&gt;&lt;/pre&gt;</t>
  </si>
  <si>
    <t>2017-09-24 06:23:50.967000+00:00</t>
  </si>
  <si>
    <t>2017-09-24 07:34:11.953000+00:00</t>
  </si>
  <si>
    <t>2017-09-24 06:58:16.877000+00:00</t>
  </si>
  <si>
    <t>sql|db2</t>
  </si>
  <si>
    <t>iron-form 2.0 in Polymer 2 element: function not defined</t>
  </si>
  <si>
    <t>&lt;p&gt;Trying to replicate on of the iron-form demos from &lt;a href="https://www.webcomponents.org/element/PolymerElements/iron-form/demo/demo/index.html" rel="nofollow noreferrer"&gt;https://www.webcomponents.org/element/PolymerElements/iron-form/demo/demo/index.html&lt;/a&gt; inside a Polymer 2 element, and just can't seem to get it working.&lt;/p&gt;
&lt;p&gt;When clicking Submit, I get &lt;code&gt;Uncaught ReferenceError: _delayedSubmit is not defined&lt;/code&gt;. Any suggestions?&lt;/p&gt;
&lt;p&gt;&lt;strong&gt;JSBin&lt;/strong&gt;: &lt;a href="https://jsbin.com/pinasum/edit?html,console,output" rel="nofollow noreferrer"&gt;https://jsbin.com/pinasum/edit?html,console,output&lt;/a&gt;&lt;/p&gt;
&lt;p&gt;&lt;strong&gt;Code&lt;/strong&gt;:&lt;/p&gt;
&lt;pre&gt;&lt;code&gt;&amp;lt;dom-module id="spp-login"&amp;gt;
    &amp;lt;template&amp;gt;
        &amp;lt;iron-form id="loginForm"&amp;gt;
            &amp;lt;form action="/login" method="post"&amp;gt;
                &amp;lt;paper-input name="username" label="Username" required auto-validate&amp;gt;&amp;lt;/paper-input&amp;gt;
                &amp;lt;paper-input name="password" label="Password" required auto-validate&amp;gt;&amp;lt;/paper-input&amp;gt;
                &amp;lt;paper-button raised onclick="_delayedSubmit(event);" disabled id="loginFormSubmit"&amp;gt;
                    &amp;lt;paper-spinner id="spinner" hidden&amp;gt;&amp;lt;/paper-spinner&amp;gt;
                    Submit
                &amp;lt;/paper-button&amp;gt;
                &amp;lt;paper-button raised onclick="loginForm.reset();"&amp;gt;Reset&amp;lt;/paper-button&amp;gt;
            &amp;lt;/form&amp;gt;
            &amp;lt;div class="output"&amp;gt;&amp;lt;/div&amp;gt;
        &amp;lt;/iron-form&amp;gt;
    &amp;lt;/template&amp;gt;
    &amp;lt;script&amp;gt;
      class SppLogin extends Polymer.Element {
        static get is() {
          return 'spp-login';
        }
        static get properties() {
          return {
            username: String,
            password: String,
          };
        }
        connectedCallback() {
          super.connectedCallback();
          const loginForm = this.$.loginForm;
          const spinner = this.$.spinner;
          const loginFormSubmit = this.$.loginFormSubmit;
          loginForm.addEventListener('iron-form-submit', (event) =&amp;gt; {
            this.querySelector('.output').innerHTML = JSON.stringify(event.detail);
            spinner.active = false;
            spinner.hidden = true;
            loginFormSubmit.disabled = false;
          });
          loginForm.addEventListener('change', (event) =&amp;gt; {
            loginFormSubmit.disabled = !loginForm.validate();
          });
          loginForm.addEventListener('iron-form-presubmit', (event) =&amp;gt; {
            event.preventDefault();
            console.log('here');
          });
        }
        _delayedSubmit(event) {
          const loginForm = this.$.loginForm;
          const spinner = this.$.spinner;
          spinner.active = true;
          spinner.hidden = false;
          loginForm.disabled = true;
          // Simulate a slow server response.
          setTimeout(function() {
            loginForm.submit();
          }, 1000);
        }
      }
      window.customElements.define(SppLogin.is, SppLogin);
    &amp;lt;/script&amp;gt;
&amp;lt;/dom-module&amp;gt;
&lt;/code&gt;&lt;/pre&gt;</t>
  </si>
  <si>
    <t>2017-08-14 21:32:14.147000+00:00</t>
  </si>
  <si>
    <t>2017-08-14 23:38:34.793000+00:00</t>
  </si>
  <si>
    <t>javascript|ecmascript-6|polymer-2.x|iron-form</t>
  </si>
  <si>
    <t>AWS Connecting to Postgres Not Working</t>
  </si>
  <si>
    <t>&lt;p&gt;I am very new to AWS/Elastic Beanstalk/RDS but I can't figure out why I am unable to connect to my Postgres DB via Postico.&lt;/p&gt;
&lt;p&gt;As far as I can tell, I am entering the correct credentials found under "Environment Properties" in the AWS dashboard.&lt;/p&gt;
&lt;p&gt;When I run &lt;code&gt;psql&lt;/code&gt; statements from the terminal (ssh'd in here as "ec2-user@ip-*****") it says "command not found". But my site is actually up and working. And according to the RDS tab on AWS it is definitely using Postgres.&lt;/p&gt;
&lt;p&gt;When I try and connect using Postico (not via SSH), it just hangs for ages and then times out. No error! I'm using the same user, password, and host names stored in the "Environment Properties". I'm even using port 5432.&lt;/p&gt;
&lt;p&gt;What can I try?&lt;/p&gt;</t>
  </si>
  <si>
    <t>2016-02-24 13:10:56.257000+00:00</t>
  </si>
  <si>
    <t>2016-02-24 14:24:28.790000+00:00</t>
  </si>
  <si>
    <t>postgresql|amazon-web-services|elastic-beanstalk|rds</t>
  </si>
  <si>
    <t>how to convert multiple row data into array and subtract it from another array?</t>
  </si>
  <si>
    <t>&lt;p&gt;I am fetching multiple rows from my data base like,&lt;/p&gt;
&lt;pre&gt;&lt;code&gt;$query = "SELECT * FROM student_info where district = '".$admdistrict."' AND user_status = 'approved' ORDER BY id DESC";
$result = mysql_query($query) or die(mysql_error());
$delete = mysql_fetch_array($resultt);
$std_delete_array = explode(',', $delete['id']);
&lt;/code&gt;&lt;/pre&gt;
&lt;p&gt;the value of &lt;code&gt;id&lt;/code&gt; in database is like 4,5,6 in different rows but it is giving only first value 4.&lt;br&gt;
Another array I am fetching is,&lt;/p&gt;
&lt;pre&gt;&lt;code&gt;$query="SELECT * FROM events where id='$district'";
$showdata=mysql_query($query) or die(mysql_error());
$user=mysql_fetch_array($showdata);
$std_fulllist_array = explode(',', $user['std_list']);
&lt;/code&gt;&lt;/pre&gt;
&lt;p&gt;the value in database is 4,5,6,8. But in single coloumn, so it is giving proper output. now I want to subtract &lt;code&gt;$std_delete_array&lt;/code&gt; from &lt;code&gt;$std_fulllist_array&lt;/code&gt;.
I am using following &lt;strong&gt;code&lt;/strong&gt;,&lt;/p&gt;
&lt;pre&gt;&lt;code&gt;$values = array_diff($std_fulllist_array, $std_delete_array);
&lt;/code&gt;&lt;/pre&gt;
&lt;p&gt;which is only subtracting first value of &lt;code&gt;$std_delete&lt;/code&gt; array.&lt;/p&gt;
&lt;p&gt;strucutre of table student_info  is 
id  ! name ! District
4     a      panipat
5     b      panipat
6     c      panipat     &lt;/p&gt;
&lt;p&gt;strucutre of table events is 
id  ! district     !       std_list
1      panipat             4,5,6
2      karnal              4,7,8
3      chandigarh          5,6,7&lt;/p&gt;</t>
  </si>
  <si>
    <t>2017-06-14 05:57:44.317000+00:00</t>
  </si>
  <si>
    <t>2018-09-29 18:25:06.637000+00:00</t>
  </si>
  <si>
    <t>2018-09-29 18:24:58.790000+00:00</t>
  </si>
  <si>
    <t>php|mysql|sql|arrays|arraylist</t>
  </si>
  <si>
    <t>How do I check a json object for the existence of a key with php server side?</t>
  </si>
  <si>
    <t>&lt;p&gt;Ok, So I am working with the reddit api using the php sdk wrapper by @jcleblanc ( &lt;a href="https://github.com/jcleblanc/reddit-php-sdk" rel="nofollow noreferrer"&gt;https://github.com/jcleblanc/reddit-php-sdk&lt;/a&gt; )&lt;/p&gt;
&lt;p&gt;That information is not necessarily relevant to the question but I want to give you a frame of reference so you understand what I am looking to do.&lt;/p&gt;
&lt;p&gt;The api returns what I believe is a mixed json object as a response when I make calls to reddit. The response length varies and is not consistent. The only this that is consistent is if the action was successful, it returns the key pair &lt;/p&gt;
&lt;pre&gt;&lt;code&gt;["success"]=&amp;gt; bool(true)
&lt;/code&gt;&lt;/pre&gt;
&lt;p&gt;I want to basically search whatever is returned by the api for the key "success" and I can simply evaluate for true or false. Can anybody help with some code to do that?&lt;/p&gt;
&lt;p&gt;Here is a sample complete return:&lt;/p&gt;
&lt;pre&gt;&lt;code&gt;object(stdClass)#1171 (2) { ["jquery"]=&amp;gt; array(29) { [0]=&amp;gt; array(4) { [0]=&amp;gt; int(0) [1]=&amp;gt; int(1) [2]=&amp;gt; string(4) "call" [3]=&amp;gt; array(1) { [0]=&amp;gt; string(4) "body" } } [1]=&amp;gt; array(4) { [0]=&amp;gt; int(1) [1]=&amp;gt; int(2) [2]=&amp;gt; string(4) "attr" [3]=&amp;gt; string(4) "find" } [2]=&amp;gt; array(4) { [0]=&amp;gt; int(2) [1]=&amp;gt; int(3) [2]=&amp;gt; string(4) "call" [3]=&amp;gt; array(1) { [0]=&amp;gt; string(7) ".status" } } [3]=&amp;gt; array(4) { [0]=&amp;gt; int(3) [1]=&amp;gt; int(4) [2]=&amp;gt; string(4) "attr" [3]=&amp;gt; string(4) "hide" } [4]=&amp;gt; array(4) { [0]=&amp;gt; int(4) [1]=&amp;gt; int(5) [2]=&amp;gt; string(4) "call" [3]=&amp;gt; array(0) { } } [5]=&amp;gt; array(4) { [0]=&amp;gt; int(5) [1]=&amp;gt; int(6) [2]=&amp;gt; string(4) "attr" [3]=&amp;gt; string(4) "html" } [6]=&amp;gt; array(4) { [0]=&amp;gt; int(6) [1]=&amp;gt; int(7) [2]=&amp;gt; string(4) "call" [3]=&amp;gt; array(1) { [0]=&amp;gt; string(0) "" } } [7]=&amp;gt; array(4) { [0]=&amp;gt; int(7) [1]=&amp;gt; int(8) [2]=&amp;gt; string(4) "attr" [3]=&amp;gt; string(3) "end" } [8]=&amp;gt; array(4) { [0]=&amp;gt; int(8) [1]=&amp;gt; int(9) [2]=&amp;gt; string(4) "call" [3]=&amp;gt; array(0) { } } [9]=&amp;gt; array(4) { [0]=&amp;gt; int(1) [1]=&amp;gt; int(10) [2]=&amp;gt; string(4) "attr" [3]=&amp;gt; string(8) "redirect" } [10]=&amp;gt; array(4) { [0]=&amp;gt; int(10) [1]=&amp;gt; int(11) [2]=&amp;gt; string(4) "call" [3]=&amp;gt; array(1) { [0]=&amp;gt; string(66) "https://www.reddit.com/r/mysubreddit/comments/12hyas2/my_no_link_post/" } } [11]=&amp;gt; array(4) { [0]=&amp;gt; int(1) [1]=&amp;gt; int(12) [2]=&amp;gt; string(4) "attr" [3]=&amp;gt; string(4) "find" } [12]=&amp;gt; array(4) { [0]=&amp;gt; int(12) [1]=&amp;gt; int(13) [2]=&amp;gt; string(4) "call" [3]=&amp;gt; array(1) { [0]=&amp;gt; string(11) "*[name=url]" } } [13]=&amp;gt; array(4) { [0]=&amp;gt; int(13) [1]=&amp;gt; int(14) [2]=&amp;gt; string(4) "attr" [3]=&amp;gt; string(3) "val" } [14]=&amp;gt; array(4) { [0]=&amp;gt; int(14) [1]=&amp;gt; int(15) [2]=&amp;gt; string(4) "call" [3]=&amp;gt; array(1) { [0]=&amp;gt; string(0) "" } } [15]=&amp;gt; array(4) { [0]=&amp;gt; int(15) [1]=&amp;gt; int(16) [2]=&amp;gt; string(4) "attr" [3]=&amp;gt; string(3) "end" } [16]=&amp;gt; array(4) { [0]=&amp;gt; int(16) [1]=&amp;gt; int(17) [2]=&amp;gt; string(4) "call" [3]=&amp;gt; array(0) { } } [17]=&amp;gt; array(4) { [0]=&amp;gt; int(1) [1]=&amp;gt; int(18) [2]=&amp;gt; string(4) "attr" [3]=&amp;gt; string(4) "find" } [18]=&amp;gt; array(4) { [0]=&amp;gt; int(18) [1]=&amp;gt; int(19) [2]=&amp;gt; string(4) "call" [3]=&amp;gt; array(1) { [0]=&amp;gt; string(12) "*[name=text]" } } [19]=&amp;gt; array(4) { [0]=&amp;gt; int(19) [1]=&amp;gt; int(20) [2]=&amp;gt; string(4) "attr" [3]=&amp;gt; string(3) "val" } [20]=&amp;gt; array(4) { [0]=&amp;gt; int(20) [1]=&amp;gt; int(21) [2]=&amp;gt; string(4) "call" [3]=&amp;gt; array(1) { [0]=&amp;gt; string(0) "" } } [21]=&amp;gt; array(4) { [0]=&amp;gt; int(21) [1]=&amp;gt; int(22) [2]=&amp;gt; string(4) "attr" [3]=&amp;gt; string(3) "end" } [22]=&amp;gt; array(4) { [0]=&amp;gt; int(22) [1]=&amp;gt; int(23) [2]=&amp;gt; string(4) "call" [3]=&amp;gt; array(0) { } } [23]=&amp;gt; array(4) { [0]=&amp;gt; int(1) [1]=&amp;gt; int(24) [2]=&amp;gt; string(4) "attr" [3]=&amp;gt; string(4) "find" } [24]=&amp;gt; array(4) { [0]=&amp;gt; int(24) [1]=&amp;gt; int(25) [2]=&amp;gt; string(4) "call" [3]=&amp;gt; array(1) { [0]=&amp;gt; string(13) "*[name=title]" } } [25]=&amp;gt; array(4) { [0]=&amp;gt; int(25) [1]=&amp;gt; int(26) [2]=&amp;gt; string(4) "attr" [3]=&amp;gt; string(3) "val" } [26]=&amp;gt; array(4) { [0]=&amp;gt; int(26) [1]=&amp;gt; int(27) [2]=&amp;gt; string(4) "call" [3]=&amp;gt; array(1) { [0]=&amp;gt; string(1) " " } } [27]=&amp;gt; array(4) { [0]=&amp;gt; int(27) [1]=&amp;gt; int(28) [2]=&amp;gt; string(4) "attr" [3]=&amp;gt; string(3) "end" } [28]=&amp;gt; array(4) { [0]=&amp;gt; int(28) [1]=&amp;gt; int(29) [2]=&amp;gt; string(4) "call" [3]=&amp;gt; array(0) { } } } ["success"]=&amp;gt; bool(true) }
&lt;/code&gt;&lt;/pre&gt;</t>
  </si>
  <si>
    <t>2017-05-10 14:39:57.370000+00:00</t>
  </si>
  <si>
    <t>2017-05-10 15:31:01.420000+00:00</t>
  </si>
  <si>
    <t>php|arrays|json|object</t>
  </si>
  <si>
    <t>Multi-thread C# application with BindingList&lt;T&gt; and DataGridView</t>
  </si>
  <si>
    <t>&lt;p&gt;I have &lt;code&gt;public static class MyGlobals&lt;/code&gt; for my application wide variables and multiple threads processing and changing these variables.&lt;/p&gt;
&lt;pre&gt;&lt;code&gt;public static class MyGlobals
{
    public static BindingList&amp;lt;Device&amp;gt; devicesList;
    public static BindingList&amp;lt;Device&amp;gt; availableList;
    public static object listLock = new object();
}
&lt;/code&gt;&lt;/pre&gt;
&lt;p&gt;I have one &lt;code&gt;Timer&lt;/code&gt; thread, that updates part of the list (for example &lt;code&gt;Device.status&lt;/code&gt; fields) and UI thread where these lists are binded to &lt;code&gt;DataGridView&lt;/code&gt; tables and some of the fields (for example &lt;code&gt;Device.description&lt;/code&gt; field) can be manually edited there.&lt;/p&gt;
&lt;p&gt;My problem is that when Timer thread wants to update Binding list content then I get &lt;code&gt;InvalidOperationException&lt;/code&gt;:&lt;/p&gt;
&lt;pre&gt;&lt;code&gt;Additional information: Cross-thread operation not valid: Control 'gridView1' accessed from a thread other than the thread it was created on.
&lt;/code&gt;&lt;/pre&gt;
&lt;p&gt;I use &lt;code&gt;lock(listLock)&lt;/code&gt; statement around every code block where I modify &lt;code&gt;MyGlogals&lt;/code&gt; lists, but I cannot control how &lt;code&gt;DataGridView&lt;/code&gt; handles the lists. How to make this application thread safe?&lt;/p&gt;</t>
  </si>
  <si>
    <t>2013-09-12 08:36:49.830000+00:00</t>
  </si>
  <si>
    <t>2013-09-12 08:44:58.770000+00:00</t>
  </si>
  <si>
    <t>c#|multithreading|winforms|datagridview</t>
  </si>
  <si>
    <t>DotNet Core 2.1 with Angular and Material version 7 - display issue - With Code</t>
  </si>
  <si>
    <t>&lt;p&gt;I am using Angular 7.0.3 with Material 6.4.1. The problem is that I have to click inside the json-form for the Angular Material controls to appear. I would like the controls to appear when I refresh the browser (Chrome) or click on the component's menu item. &lt;/p&gt;
&lt;p&gt;&lt;strong&gt;json-form.component.ts&lt;/strong&gt;&lt;/p&gt;
&lt;pre&gt;&lt;code&gt;import { Component, OnInit } from '@angular/core';
import { FormBuilder, FormGroup, Validators,FormsModule, FormControl, 
NgForm } from '@angular/forms';  
import { DhNgService } from '../services/dhngservice.service';
import { Global } from '../shared/Global';
import { IJsonObjects } from '../model/jsonObjects';
import { ISurfaceLoadingRoofSecondaryByShape } from 
'../model/jsonObjects';
import { IRoofSecondaryLoadingByShape } from '../model/jsonObjects';
import { ILoadingData } from '../model/jsonObjects';
@Component({
  selector: 'app-json-form',
  templateUrl: './json-form.component.html',
  styleUrls: ['./json-form.component.css']
})
export class JsonFormComponent implements OnInit {
  jsonObjects:IJsonObjects;
  surfaceLoadingRoofSecondaryByShape: ISurfaceLoadingRoofSecondaryByShape;
  roofSecondaryLoadingByShape: IRoofSecondaryLoadingByShape;
  loadingData: ILoadingData; 
  roofFrm: FormGroup;  
  designCode:string='';  
  roofLiveLoad:number=0;
  calculatedFlatRoofSnow:number=0; 
  specifiedMinRoofSnowValue:number=0;
  surfaceType:string;
  secondaryType:string;
  selectedValue:string;
  constructor(  private _productService: DhNgService, private fb: 
FormBuilder) 
  { 
     // To initialize FormGroup  
     this.roofFrm = fb.group({  
      'DesignCode' : [null],  
      'RoofLiveLoad' : [null],  
      'CalculatedFlatRoofSnow' : [null],   
      'SpecifiedMinRoofSnowValue' : [null]     
    });    
  }    
  ngOnInit() {
    this._productService.getJsonObjects(Global.BASE_USER_ENDPOINT + 
'getJsonObjects').subscribe(jsonObjects =&amp;gt; {
        this.surfaceLoadingRoofSecondaryByShape = 
jsonObjects.surfaceLoadingRoofSecondaryByShape;
        this.roofSecondaryLoadingByShape = 
jsonObjects.roofSecondaryLoadingByShape;
        this.loadingData = jsonObjects.loadingData;
        // Object.keys(this.roofFrm.controls).forEach(key =&amp;gt; {
        //   const ctrl = this.roofFrm.get(key);
        //   ctrl.markAsTouched({ onlySelf: true });
        //   ctrl.markAsDirty({ onlySelf: true });
        // });
     });   
  }     
   onSubmit(formData: any)     
   {  
      var newLoadingData = this.mapLoadingData(formData.value);  
      var selectedSurfaceLoadTypes = [];
      selectedSurfaceLoadTypes.push(this.surfaceType);
      this.surfaceLoadingRoofSecondaryByShape.type = 
selectedSurfaceLoadTypes.toString();
      var selectedRoofSecondaryLoadTypes = [];
      selectedRoofSecondaryLoadTypes.push(this.secondaryType);
      this.roofSecondaryLoadingByShape.type = 
selectedRoofSecondaryLoadTypes.toString();   
      var jsonObjs = {} as IJsonObjects;
      jsonObjs.surfaceLoadingRoofSecondaryByShape = 
this.surfaceLoadingRoofSecondaryByShape;
      jsonObjs.roofSecondaryLoadingByShape = 
this.roofSecondaryLoadingByShape;
      jsonObjs.loadingData = newLoadingData;
      this._productService.updateJsonObjects(Global.BASE_USER_ENDPOINT + 
'updateJsonObjects', jsonObjs).subscribe(
        data =&amp;gt; {
          if (data.message) {               
          } else {                
          }
        },
        error =&amp;gt; {
        }
      );  
   }      
   mapLoadingData(loadingData: ILoadingData): ILoadingData {    
    return loadingData;
  }     
  surfaceTypeChanged(e: any)
  {
    this.surfaceType = e.value;
  }    
  secondaryChanged(e: any)
  {
    this.secondaryType = e.value;
  }
 }
&lt;/code&gt;&lt;/pre&gt;
&lt;p&gt;&lt;strong&gt;json-form.component.html file.&lt;/strong&gt;&lt;/p&gt;
&lt;pre&gt;&lt;code&gt;&amp;lt;form  (ngSubmit)="onSubmit(roofFrm)"  [formGroup]="roofFrm"&amp;gt;  
  &amp;lt;h2&amp;gt;Loading Data&amp;lt;/h2&amp;gt;  
  &amp;lt;br /&amp;gt;  
  &amp;lt;table class="fullwidth" cellspacing="0"&amp;gt;
    &amp;lt;tr&amp;gt;
      &amp;lt;td&amp;gt;
        &amp;lt;div&amp;gt;  
          &amp;lt;mat-form-field appearance="outline"&amp;gt;  
            &amp;lt;mat-label&amp;gt;Design Code&amp;lt;/mat-label&amp;gt;  
            &amp;lt;input matInput placeholder="designCode" 
formControlName="DesignCode"  value="{{ loadingData.designCode }}"&amp;gt;            
          &amp;lt;/mat-form-field&amp;gt;  
        &amp;lt;/div&amp;gt;   
      &amp;lt;/td&amp;gt;
      &amp;lt;td&amp;gt;
        &amp;lt;div&amp;gt;  
          &amp;lt;mat-form-field appearance="outline"&amp;gt;  
            &amp;lt;mat-label&amp;gt;Roof Live Load&amp;lt;/mat-label&amp;gt;  
            &amp;lt;input matInput placeholder="roofLiveLoad" 
formControlName="RoofLiveLoad"  value="{{ loadingData.roofLiveLoad }}"&amp;gt; 
          &amp;lt;/mat-form-field&amp;gt;  
        &amp;lt;/div&amp;gt;   
      &amp;lt;/td&amp;gt;        
    &amp;lt;/tr&amp;gt;
    &amp;lt;tr&amp;gt;         
        &amp;lt;td&amp;gt;
          &amp;lt;div&amp;gt;  
            &amp;lt;mat-form-field appearance="outline"&amp;gt;  
              &amp;lt;mat-label&amp;gt;Calculated Flat Roof Snow&amp;lt;/mat-label&amp;gt;  
              &amp;lt;input matInput placeholder="calculatedFlatRoofSnow" 
formControlName="CalculatedFlatRoofSnow"  value="{{ 
loadingData.calculatedFlatRoofSnow }}"&amp;gt;               
            &amp;lt;/mat-form-field&amp;gt;  
          &amp;lt;/div&amp;gt;   
        &amp;lt;/td&amp;gt;
        &amp;lt;td&amp;gt;
          &amp;lt;div&amp;gt;  
            &amp;lt;mat-form-field appearance="outline"&amp;gt;  
              &amp;lt;mat-label&amp;gt;Specified Min Roof Snow Value&amp;lt;/mat-label&amp;gt;  
              &amp;lt;input matInput placeholder="specifiedMinRoofSnowValue" 
formControlName="SpecifiedMinRoofSnowValue"  value="{{ 
loadingData.specifiedMinRoofSnowValue }}"&amp;gt;                  
            &amp;lt;/mat-form-field&amp;gt;  
          &amp;lt;/div&amp;gt; 
        &amp;lt;/td&amp;gt;
    &amp;lt;/tr&amp;gt;
    &amp;lt;tr&amp;gt;
      &amp;lt;td&amp;gt;
        &amp;lt;div&amp;gt;  
          &amp;lt;mat-form-field appearance="outline"&amp;gt;  
            &amp;lt;mat-label&amp;gt;Surface Loading Roof Secondary By Shape&amp;lt;/mat-label&amp;gt;      
              &amp;lt;mat-select placeholder="surfaceLoading" 
(selectionChange)="surfaceTypeChanged($event)" [(ngModel)]="selectedValue" 
formControlName="surfaceType"&amp;gt;
                &amp;lt;mat-option *ngFor="let surfaceType of 
surfaceLoadingRoofSecondaryByShape.type" [value]="surfaceType"&amp;gt;
                  {{ surfaceType }}
                &amp;lt;/mat-option&amp;gt;
              &amp;lt;/mat-select&amp;gt;    
          &amp;lt;/mat-form-field&amp;gt;  
        &amp;lt;/div&amp;gt;   
      &amp;lt;/td&amp;gt;
      &amp;lt;td&amp;gt;
        &amp;lt;div&amp;gt;  
          &amp;lt;mat-form-field appearance="outline"&amp;gt;  
            &amp;lt;mat-label&amp;gt;Roof Secondary Loading By Shape&amp;lt;/mat-label&amp;gt;      
              &amp;lt;mat-select placeholder="roofSecondary" 
(selectionChange)="secondaryChanged($event)" [(ngModel)]="selectedValue" 
formControlName="secondaryType"&amp;gt;
                &amp;lt;mat-option *ngFor="let roofSecondary of 
roofSecondaryLoadingByShape.type" [value]="roofSecondary"&amp;gt;
                  {{ roofSecondary }}
                &amp;lt;/mat-option&amp;gt;
              &amp;lt;/mat-select&amp;gt;             
          &amp;lt;/mat-form-field&amp;gt;  
        &amp;lt;/div&amp;gt;   
      &amp;lt;/td&amp;gt;
    &amp;lt;/tr&amp;gt;
  &amp;lt;/table&amp;gt; 
  &amp;lt;div&amp;gt;
    &amp;lt;button mat-raised-button color="accent" 
[disabled]="!roofFrm.valid"&amp;gt;Submit&amp;lt;/button&amp;gt;  
  &amp;lt;/div&amp;gt;
&amp;lt;/form&amp;gt;  
&lt;/code&gt;&lt;/pre&gt;</t>
  </si>
  <si>
    <t>2018-10-26 22:16:55.163000+00:00</t>
  </si>
  <si>
    <t>2018-10-30 11:30:07.860000+00:00</t>
  </si>
  <si>
    <t>2018-10-30 02:46:49.467000+00:00</t>
  </si>
  <si>
    <t>angular|angular-material</t>
  </si>
  <si>
    <t>Preventing duplicate entries with sqlalchemy in preexisting sqllite table</t>
  </si>
  <si>
    <t>&lt;p&gt;I have a preexisting sqllite table which I am accessing with sqlalchemy. I realized has a number of duplicate 'case' numbers exist. If I understand correctly it appears that you cannot add a unique constraint to a table after table creation with sqllite, after removing the dups using:&lt;/p&gt;
&lt;pre&gt;&lt;code&gt;DELETE FROM mytable
WHERE id NOT IN
(
SELECT MIN(id)
FROM judgements
GROUP BY "case"
&lt;/code&gt;&lt;/pre&gt;
&lt;p&gt;I've decided to use sqlalchemy to prevent addition of additional dups. I'm working with scrapy and have a pipeline element that looks like:&lt;/p&gt;
&lt;pre&gt;&lt;code&gt;class DynamicSQLlitePipeline(object):
    def __init__(self,table_name):
        db_path = "sqlite:///"+settings.SETTINGS_PATH+"\\data.db"
        _engine = create_engine(db_path)
        _connection = _engine.connect()
        _metadata = MetaData()
        _stack_items = Table(table_name, _metadata,
                             Column("id", Integer, primary_key=True),
                             Column("case", Text , unique=True),
                              ....)
        _metadata.create_all(_engine)
        self.connection = _connection
        self.stack_items = _stack_items
    def process_item(self, item, spider):
        try:
            ins_query = self.stack_items.insert().values(
            case=item['case'],
            ....
            )
            self.connection.execute(ins_query)
        except IntegrityError:
                print('THIS IS A DUP')
        return item
&lt;/code&gt;&lt;/pre&gt;
&lt;p&gt;The only change I've made is to add  unique=True to column 'case'  . However on testing, dups are still being added/ How can I get this working?&lt;/p&gt;</t>
  </si>
  <si>
    <t>2016-12-14 14:48:57.970000+00:00</t>
  </si>
  <si>
    <t>2016-12-15 04:56:37.690000+00:00</t>
  </si>
  <si>
    <t>python|sqlite|sqlalchemy|scrapy</t>
  </si>
  <si>
    <t>Difference between == operator and Equals() method in C#?</t>
  </si>
  <si>
    <t>&lt;p&gt;What is the difference between &lt;code&gt;==&lt;/code&gt; and &lt;code&gt;Equals()&lt;/code&gt; with example? I know that &lt;code&gt;==&lt;/code&gt; is used to compare operator and &lt;code&gt;Equals()&lt;/code&gt; method is used to compare content of string.So i tried&lt;/p&gt;
&lt;pre&gt;&lt;code&gt;// first example
string s1 = "a";
string s2 = "a";
Console.Write(a.Equals(s2)); // returns true, but if I assign "b" to s2,
                             // then result will be false
// second example
string s1 ="a";
string s2 ="a";
Console.Write(s1 == s2);     // returns true
&lt;/code&gt;&lt;/pre&gt;
&lt;p&gt;How this is so? Both are different object references. Suppose we consider that these are reference. But I tried to use like this&lt;/p&gt;
&lt;pre&gt;&lt;code&gt;string s1 = new string("ab");
string s2 = new string("ab");
&lt;/code&gt;&lt;/pre&gt;
&lt;p&gt;I am getting compile time error that can not convert string to char&lt;/p&gt;</t>
  </si>
  <si>
    <t>2012-03-02 07:15:01.883000+00:00</t>
  </si>
  <si>
    <t>2012-06-13 12:41:30.737000+00:00</t>
  </si>
  <si>
    <t>2012-03-06 08:39:40.617000+00:00</t>
  </si>
  <si>
    <t>c#|string|equals|equals-operator</t>
  </si>
  <si>
    <t>Unable to hide/show one accordian panel tab on the basis of radio button selection under another tab</t>
  </si>
  <si>
    <t>&lt;p&gt;I have a xhtml in which I have an accordian panel with 2 tabs :&lt;/p&gt;
&lt;pre&gt;&lt;code&gt;    &amp;lt;p:accordionPanel id="accordianPanel"&amp;gt;
        &amp;lt;p:tab title="Type of movement" id="typeOfMovementTab"
              &amp;lt;typeofmovement:typeOfMovementPanelGuiData id="typeOfMovementPanelGuiData"
                    typeOfMovementPanelGuiData="#{cc.attrs.searchCriteriaSecuritiesEntriesViewGUIData.typeOfMovementPanelGuiData}" /&amp;gt;
            &amp;lt;/f:subview&amp;gt;
        &amp;lt;/p:tab&amp;gt;
         &amp;lt;p:tab title="Client" id="clientTab" rendered="#{cc.attrs.searchCriteriaSecuritiesEntriesViewGUIData.typeOfMovementPanelGuiData.typeOfMovement == 'ONLY_RECOUNCILE_MOVEMENT'}"
                &amp;lt;customer:customerCPanelGUIData id="customerCPanelGUIData"
                    customerCPanelGUIData="#{cc.attrs.searchCriteriaSecuritiesEntriesViewGUIData.customerCPanelGUIData}" /&amp;gt;
            &amp;lt;/f:subview&amp;gt;
         &amp;lt;/p:tab&amp;gt;
 &amp;lt;p:accordionPanel&amp;gt;
&lt;/code&gt;&lt;/pre&gt;
&lt;p&gt;Now I want to render &lt;strong&gt;clientTab&lt;/strong&gt; on the basis of radio button selection inside &lt;strong&gt;typeOfMovementTab&lt;/strong&gt;. I tried to do ajax:update  inside typeOfMovementPanelGuiData (typeOfMovementTab) as below but it's not causing any impact on radion button change :&lt;/p&gt;
&lt;pre&gt;&lt;code&gt;&amp;lt;p:selectOneRadio id="typeOfMovementSelectOneRadio" value="#{cc.attrs.typeOfMovementPanelGuiData.typeOfMovement}" layout="custom"&amp;gt;
            &amp;lt;f:selectItem itemLabel="#{typeOfMovementPanelMsg['typeofmovement.onlyclientmovements']}" itemValue="ONLY_CLIENT_MOVEMENT"/&amp;gt;
            &amp;lt;f:selectItem itemLabel="#{typeOfMovementPanelMsg['typeofmovement.onlyunreconciledmovements']}" itemValue="ONLY_RECOUNCILE_MOVEMENT"/&amp;gt;
            &amp;lt;f:selectItem itemLabel="#{typeOfMovementPanelMsg['typeofmovement.bothclientandunreconciledmovements']}" itemValue="BOTH_CLIENT_RECOUNCILE_MOVEMENT"/&amp;gt;
            &amp;lt;p:ajax event="click" process="@this" update=":searchAndConsultSecurityForm:searchCriteriaSecuritiesEntriesViewGUIDataPanel:accordianPanel:clientTab"/&amp;gt;
        &amp;lt;/p:selectOneRadio&amp;gt;
&lt;/code&gt;&lt;/pre&gt;
&lt;p&gt;I  have seen below warning in console :&lt;/p&gt;
&lt;pre&gt;&lt;code&gt;WARNING: Can not update component   "org.primefaces.component.tabview.Tab"  with id  
&lt;/code&gt;&lt;/pre&gt;
&lt;p&gt;"searchAndConsultSecurityForm:searchCriteriaSecuritiesEntriesViewGUIDataPanel:a
ccordianPanel:clientPanel" without a attached renderer. Expression ":searchAndCo
nsultSecurityForm:searchCriteriaSecuritiesEntriesViewGUIDataPanel:accordianPanel
:clientPanel" referenced from "searchAndConsultSecurityForm:searchCriteriaSecuri
tiesEntriesViewGUIDataPanel:accordianPanel:typeOfMovement:typeOfMovementPanelGui
Data:typeOfMovementSelectOneRadio"&lt;/p&gt;
&lt;p&gt;&lt;strong&gt;Update&lt;/strong&gt; :&lt;/p&gt;
&lt;p&gt;I got it working by using &lt;code&gt;f:ajax&lt;/code&gt; and &lt;code&gt;render&lt;/code&gt;&lt;/p&gt;
&lt;pre&gt;&lt;code&gt; &amp;lt;p:selectOneRadio id="typeOfMovementSelectOneRadio" value="#{cc.attrs.typeOfMovementPanelGuiData.typeOfMovement}" layout="custom"&amp;gt;
            &amp;lt;f:selectItem itemLabel="#{typeOfMovementPanelMsg['typeofmovement.onlyclientmovements']}" itemValue="ONLY_CLIENT_MOVEMENT"/&amp;gt;
            &amp;lt;f:selectItem itemLabel="#{typeOfMovementPanelMsg['typeofmovement.onlyunreconciledmovements']}" itemValue="ONLY_RECOUNCILE_MOVEMENT"/&amp;gt;
            &amp;lt;f:selectItem itemLabel="#{typeOfMovementPanelMsg['typeofmovement.bothclientandunreconciledmovements']}" itemValue="BOTH_CLIENT_RECOUNCILE_MOVEMENT"/&amp;gt;
            &amp;lt;f:ajax event="click" process="@this" render="@form"/&amp;gt;
        &amp;lt;/p:selectOneRadio&amp;gt;
&lt;/code&gt;&lt;/pre&gt;</t>
  </si>
  <si>
    <t>2016-02-19 06:54:43.543000+00:00</t>
  </si>
  <si>
    <t>2016-02-19 19:13:45.787000+00:00</t>
  </si>
  <si>
    <t>jsf-2|primefaces|accordion</t>
  </si>
  <si>
    <t>Retrieve all builtin functions</t>
  </si>
  <si>
    <t>&lt;p&gt;I intent to retrieve a list of default Built-in Functions specified in &lt;a href="https://docs.python.org/3.6/library/functions.html" rel="nofollow noreferrer"&gt;2. Built-in Functions&lt;/a&gt;&lt;/p&gt;
&lt;p&gt;How to list them all?&lt;/p&gt;
&lt;p&gt;Just as list all the keywords as:&lt;/p&gt;
&lt;pre&gt;&lt;code&gt;python
import keyword
keyword.kwlist
&lt;/code&gt;&lt;/pre&gt;
&lt;p&gt;is it possible to list all the 68 functions?&lt;/p&gt;
&lt;hr&gt;
&lt;p&gt;This is my first question on SO, please note that it definitely not duplicate to the existing stuff on stackoverflow or even the world.&lt;/p&gt;
&lt;p&gt;My question asked about the 68 builtin functions listed by docs which are absolutely different from &lt;code&gt;dir(__builtins__)&lt;/code&gt;:
&lt;a href="https://i.stack.imgur.com/LxITc.png" rel="nofollow noreferrer"&gt;&lt;img src="https://i.stack.imgur.com/LxITc.png" alt="enter image description here"&gt;&lt;/a&gt;&lt;/p&gt;</t>
  </si>
  <si>
    <t>2017-08-06 04:36:45.047000+00:00</t>
  </si>
  <si>
    <t>2018-05-21 14:52:54.493000+00:00</t>
  </si>
  <si>
    <t>python|function|built-in</t>
  </si>
  <si>
    <t>UIMA Ruta : script for the combination of chars and numbers</t>
  </si>
  <si>
    <t>&lt;p&gt;I've just started with Ruta and I would like to write a rule that finds any combination of chars, numbers and dot (.) .&lt;/p&gt;
&lt;p&gt;(JAVA Regex for it - ([a-z0-9.]+) )&lt;/p&gt;
&lt;p&gt;for e.g. - &lt;/p&gt;
&lt;p&gt;abcd.03ef0.3abc &lt;/p&gt;
&lt;p&gt;03a.bcd.03eeff903a.bc&lt;/p&gt;</t>
  </si>
  <si>
    <t>2014-06-26 12:44:09.690000+00:00</t>
  </si>
  <si>
    <t>2014-07-05 15:46:46.910000+00:00</t>
  </si>
  <si>
    <t>ruta</t>
  </si>
  <si>
    <t>jQuery mouse over menu and animate position element behind</t>
  </si>
  <si>
    <t>&lt;p&gt;Is there a jQuery equivalent to provide the same functionality as &lt;a href="http://www.scriptiny.com/2008/05/sliding-javascript-menu-highlight-1kb/" rel="nofollow"&gt;here&lt;/a&gt;? &lt;/p&gt;
&lt;p&gt;JavaScript&lt;/p&gt;
&lt;pre&gt;&lt;code&gt;var menuSlider=function(){
var m,e,g,s,q,i; e=[]; q=8; i=8;
return{
    init:function(j,k){
        m=document.getElementById(j); e=m.getElementsByTagName('li');
        var i,l,w,p; i=0; l=e.length;
        for(i;i&amp;lt;l;i++){
            var c,v; c=e[i]; v=c.value; if(v==1){s=c; w=c.offsetWidth; p=c.offsetLeft}
            c.onmouseover=function(){menuSlider.mo(this)}; c.onmouseout=function(){menuSlider.mo(s)};
        }
        g=document.getElementById(k); g.style.width=w+'px'; g.style.left=p+'px';
    },
    mo:function(d){
        clearInterval(m.tm);
        var el,ew; el=parseInt(d.offsetLeft); ew=parseInt(d.offsetWidth);
        m.tm=setInterval(function(){menuSlider.mv(el,ew)},i);
    },
    mv:function(el,ew){
        var l,w; l=parseInt(g.offsetLeft); w=parseInt(g.offsetWidth);
        if(l!=el||w!=ew){
            if(l!=el){var ld,lr,li; ld=(l&amp;gt;el)?-1:1; lr=Math.abs(el-l); li=(lr&amp;lt;q)?ld*lr:ld*q; g.style.left=(l+li)+'px'}
            if(w!=ew){var wd,wr,wi; wd=(w&amp;gt;ew)?-1:1; wr=Math.abs(ew-w); wi=(wr&amp;lt;q)?wd*wr:wd*q; g.style.width=(w+wi)+'px'}
        }else{clearInterval(m.tm)}
}};}();
&lt;/code&gt;&lt;/pre&gt;</t>
  </si>
  <si>
    <t>2011-09-20 16:01:52.203000+00:00</t>
  </si>
  <si>
    <t>2011-09-20 16:44:25.043000+00:00</t>
  </si>
  <si>
    <t>how to assign table aliases through activerecord</t>
  </si>
  <si>
    <t>&lt;p&gt;I am trying to use ActiveRecord to access a table in a different database.  the normal sql would look something like&lt;/p&gt;
&lt;pre&gt;&lt;code&gt;select * from users, group_users@db2
where users.id = group_users.user_id
and group_users.group_id = 1
&lt;/code&gt;&lt;/pre&gt;
&lt;p&gt;I've tried adding the @db2 to the table name in the class file&lt;/p&gt;
&lt;p&gt;&lt;code&gt;self.table_name = 'group_users@db2'&lt;/code&gt;&lt;/p&gt;
&lt;p&gt;but of course that causes issues in the "where" clause as it puts&lt;/p&gt;
&lt;pre&gt;&lt;code&gt;where users.id = group_users@db2.user_id
&lt;/code&gt;&lt;/pre&gt;
&lt;p&gt;so I was looking for a way to alias the table_name attribute, that way&lt;/p&gt;
&lt;pre&gt;&lt;code&gt;select * from users, group_users@db2 gu
where users.id = gu.user_id
and group_users.group_id = 1
&lt;/code&gt;&lt;/pre&gt;</t>
  </si>
  <si>
    <t>2014-07-07 18:44:38.753000+00:00</t>
  </si>
  <si>
    <t>sql|ruby-on-rails|ruby|activerecord</t>
  </si>
  <si>
    <t>Programmatic Toolbar</t>
  </si>
  <si>
    <t>&lt;p&gt;In my Android assignment we have to create a simple App using only Java and not design view. I want to add icons and text to the toolbar. I can get it to work using design view but I cannot get it to work using Java. &lt;/p&gt;
&lt;p&gt;Please advice me if my idea is right. For example to add a button to the toolbar, I create a &lt;/p&gt;
&lt;p&gt;&lt;code&gt;android.widget.Button button = new android.widget.Button()&lt;/code&gt;  &lt;/p&gt;
&lt;p&gt;and then add the &lt;code&gt;button&lt;/code&gt; to the &lt;code&gt;Toolbar&lt;/code&gt;. &lt;/p&gt;
&lt;p&gt;My &lt;code&gt;onCreate()&lt;/code&gt; function is as follows:&lt;/p&gt;
&lt;pre&gt;&lt;code&gt;@Override
protected void onCreate(Bundle savedInstanceState) {
    super.onCreate(savedInstanceState);
    setRequestedOrientation(ActivityInfo.SCREEN_ORIENTATION_PORTRAIT);
    relative_layout = new RelativeLayout(this);
    relative_layout.setBackgroundColor(Color.WHITE);
    Toolbar tool_bar = new Toolbar(this);
    tool_bar.setTitle("Hello");
    tool_bar.setBackgroundColor(Color.RED);  // actual one I read from R.color.xyz
    tool_bar.setTitleTextColor(Color.WHITE);
    tool_bar.setId(1);
    // tool_bar.setNavigationIcon(R.drawable.ic_launcher_foreground);
    tool_bar.setPopupTheme(R.style.Theme_AppCompat_Dialog);
    this.setVisible(true);
    this.setSupportActionBar(tool_bar);
    RelativeLayout.LayoutParams toolbar_layout = new RelativeLayout.LayoutParams(
            RelativeLayout.LayoutParams.MATCH_PARENT,
            RelativeLayout.LayoutParams.WRAP_CONTENT);
    toolbar_layout.addRule(RelativeLayout.ALIGN_PARENT_TOP);
    toolbar_layout.addRule(RelativeLayout.CENTER_HORIZONTAL);
    Button button = new Button(this);
    button.setBackgroundColor(Color.GREEN);
    button.setText("Button");
    button.setId(2);
    RelativeLayout.LayoutParams button_layout = new RelativeLayout.LayoutParams(
            RelativeLayout.LayoutParams.WRAP_CONTENT,
            RelativeLayout.LayoutParams.WRAP_CONTENT);
    button_layout.addRule(RelativeLayout.CENTER_HORIZONTAL);
    button_layout.addRule(RelativeLayout.ALIGN_PARENT_RIGHT);
    // button_layout.setMargins(400, 0, 0, 0);
    tool_bar.addView(button, button_layout);
    relative_layout.addView(tool_bar, toolbar_layout);
    this.setContentView(relative_layout);
}
&lt;/code&gt;&lt;/pre&gt;
&lt;p&gt;1) I would like to confirm is this is correct way of doing this?&lt;/p&gt;
&lt;p&gt;2) I cannot move the button to the right of the screen as shown in the picture, although I used &lt;/p&gt;
&lt;pre&gt;&lt;code&gt;RelativeLayout.ALIGN_PARENT_RIGHT
&lt;/code&gt;&lt;/pre&gt;
&lt;p&gt;How can we set the alignment to the right?&lt;/p&gt;
&lt;p&gt;&lt;a href="https://i.stack.imgur.com/DJe2k.png" rel="nofollow noreferrer"&gt;&lt;img src="https://i.stack.imgur.com/DJe2k.png" alt="enter image description here"&gt;&lt;/a&gt;&lt;/p&gt;</t>
  </si>
  <si>
    <t>2018-02-02 16:24:47.290000+00:00</t>
  </si>
  <si>
    <t>2018-02-02 16:37:30.810000+00:00</t>
  </si>
  <si>
    <t>Protractor - Locating table elements using filter</t>
  </si>
  <si>
    <t>&lt;p&gt;There are a couple of rows in a table and I need to click the edit link of row by matching the following text: &lt;code&gt;name1&lt;/code&gt;&lt;/p&gt;
&lt;p&gt;I cannot find 'edit' which is in the first row. I tried to locate the element using XPath and CSS but it didn't work.&lt;/p&gt;
&lt;p&gt;Here is my HTML code: &lt;/p&gt;
&lt;pre&gt;&lt;code&gt;&amp;lt;tr ng-repeat="medication in modelCaseMed.medicationInfo" class="ng-scope odd" role="row"&amp;gt;
  &amp;lt;td class="ng-binding"&amp;gt;name1&amp;lt;/td&amp;gt;
  &amp;lt;td class="ng-binding"&amp;gt;04/06/2017&amp;lt;/td&amp;gt;
  &amp;lt;td class="ng-binding"&amp;gt;04/28/2017&amp;lt;/td&amp;gt;
  &amp;lt;td class="ng-binding"&amp;gt;12&amp;lt;/td&amp;gt;
  &amp;lt;td class="ng-binding"&amp;gt;Hourly&amp;lt;/td&amp;gt;
  &amp;lt;td class="ng-binding"&amp;gt;1&amp;lt;/td&amp;gt;
  &amp;lt;td&amp;gt;
    &amp;lt;a href="" ng-click="addMedication(medication, 'edit')"&amp;gt;
      &amp;lt;i class="fa fa-pencil-square-o"&amp;gt;&amp;lt;/i&amp;gt; Edit&amp;lt;/a&amp;gt; |  
    &amp;lt;a href="" ng-click="deleteMedication(medication, 'Modify')"&amp;gt;
      &amp;lt;i class="fa fa-trash"&amp;gt;&amp;lt;/i&amp;gt; Delete&amp;lt;/a&amp;gt;
  &amp;lt;/td&amp;gt;
&amp;lt;/tr&amp;gt;
&lt;/code&gt;&lt;/pre&gt;
&lt;p&gt;Can you please help me to match the text &lt;code&gt;name1&lt;/code&gt; in rows and then click edit link of the first row?&lt;/p&gt;</t>
  </si>
  <si>
    <t>2017-04-28 09:41:05.010000+00:00</t>
  </si>
  <si>
    <t>2017-05-04 09:28:00.803000+00:00</t>
  </si>
  <si>
    <t>2017-04-28 17:06:43.280000+00:00</t>
  </si>
  <si>
    <t>javascript|css|xpath|filter|protractor</t>
  </si>
  <si>
    <t>FFMPEG trim by remux doesn't write a keyframe</t>
  </si>
  <si>
    <t>&lt;p&gt;I am using the FFMPEG libraries to trim video files. I do this all as a remux, with no encoding or decoding.&lt;/p&gt;
&lt;p&gt;Trimming currently works correctly with audio, but the trimmed video data appears as a solid color, with small squares of pixels changing. I believe this is because I am not catching/writing a keyframe. It is my understanding that av_seek_frame will seek to a keyframe, which does not seem to be the case..&lt;/p&gt;
&lt;p&gt;If need be, can I decode and then reencode just the first video frame I read after seeking? This will probably be more code than reencoding every frame, but speed is the primary issue here, not complexity.&lt;/p&gt;
&lt;p&gt;Thank you for any help. Also I apologize if I am misunderstanding something to do with video files, I'm still new to this.&lt;/p&gt;
&lt;p&gt;Example output frame:
&lt;a href="https://i.stack.imgur.com/ZoTMH.jpg" rel="nofollow noreferrer"&gt;&lt;img src="https://i.stack.imgur.com/ZoTMH.jpg" alt="enter image description here"&gt;&lt;/a&gt;&lt;/p&gt;
&lt;p&gt;Code, adapted from the remux example provided with ffmpeg:&lt;/p&gt;
&lt;pre&gt;&lt;code&gt;const char *out_filename = "aaa.mp4";
FILE *fp = fdopen(fd, "r");
fseek(fp, 0, SEEK_SET);
if ( fp ) {
    // Build an ffmpeg file
    char path[512];
    sprintf(path, "pipe:%d", fileno(fp));
    // Turn on verbosity
    av_log_set_level( AV_LOG_DEBUG );
    av_log_set_callback( avLogCallback );
    av_register_all();
    avcodec_register_all();
    AVOutputFormat *ofmt = NULL;
    AVFormatContext *ifmt_ctx = avformat_alloc_context(), *ofmt_ctx = NULL;
    AVPacket pkt;
    int ret, i;
    if ((ret = avformat_open_input(&amp;amp;ifmt_ctx, path, av_find_input_format("mp4"), NULL)) &amp;lt; 0) {
        LOG("Could not open input file '%s'", path);
        goto end;
    }
    if ((ret = avformat_find_stream_info(ifmt_ctx, 0)) &amp;lt; 0) {
        LOG("Failed to retrieve input stream information", "");
        goto end;
    }
    avformat_alloc_output_context2(&amp;amp;ofmt_ctx, NULL, NULL, out_filename);
    if (!ofmt_ctx) {
        LOG("Could not create output context\n");
        ret = AVERROR_UNKNOWN;
        goto end;
    }
    ofmt = ofmt_ctx-&amp;gt;oformat;
    for (i = 0; i &amp;lt; ifmt_ctx-&amp;gt;nb_streams; i++) {
        AVStream *in_stream = ifmt_ctx-&amp;gt;streams[i];
        AVStream *out_stream = avformat_new_stream(ofmt_ctx, NULL);
        if (!out_stream) {
            LOG("Failed allocating output stream\n");
            goto end;
        }
        ret = avcodec_parameters_copy(out_stream-&amp;gt;codecpar, in_stream-&amp;gt;codecpar);
        if (ret &amp;lt; 0) {
            LOG("Failed to copy context from input to output stream codec context\n");
            goto end;
        }
        out_stream-&amp;gt;codecpar-&amp;gt;codec_tag = 0;
    }
    if (!(ofmt-&amp;gt;flags &amp;amp; AVFMT_NOFILE)) {
        ret = avio_open(&amp;amp;ofmt_ctx-&amp;gt;pb, out_filename, AVIO_FLAG_WRITE);
        if (ret &amp;lt; 0) {
            LOG("Could not open output file '%s'", out_filename);
            goto end;
        }
    }
    ret = avformat_write_header(ofmt_ctx, NULL);
    if (ret &amp;lt; 0) {
        LOG("Error occurred when writing headers\n");
        goto end;
    }
    ret = av_seek_frame(ifmt_ctx, -1, from_seconds * AV_TIME_BASE, AVSEEK_FLAG_ANY);
    if (ret &amp;lt; 0) {
        LOG("Error seek\n");
        goto end;
    }
    int64_t *dts_start_from;
    int64_t *pts_start_from;
    dts_start_from = (int64_t *) malloc(sizeof(int64_t) * ifmt_ctx-&amp;gt;nb_streams);
    memset(dts_start_from, 0, sizeof(int64_t) * ifmt_ctx-&amp;gt;nb_streams);
    pts_start_from = (int64_t *) malloc(sizeof(int64_t) * ifmt_ctx-&amp;gt;nb_streams);
    memset(pts_start_from, 0, sizeof(int64_t) * ifmt_ctx-&amp;gt;nb_streams);
    while (1) {
        AVStream *in_stream, *out_stream;
        ret = av_read_frame(ifmt_ctx, &amp;amp;pkt);
        LOG("while %d", ret);
        LOG("Packet size: %d", pkt.size);
        LOG("Packet stream: %d", pkt.stream_index);
        if (ret &amp;lt; 0)
            break;
        in_stream = ifmt_ctx-&amp;gt;streams[pkt.stream_index];
        out_stream = ofmt_ctx-&amp;gt;streams[pkt.stream_index];
        if (av_q2d(in_stream-&amp;gt;time_base) * pkt.pts &amp;gt; end_seconds) {
            av_packet_unref(&amp;amp;pkt);
            break;
        }
        if (dts_start_from[pkt.stream_index] == 0) {
            dts_start_from[pkt.stream_index] = pkt.dts;
            printf("dts_start_from: %s\n", av_ts_make_string((char[AV_TS_MAX_STRING_SIZE]){0},dts_start_from[pkt.stream_index]));
        }
        if (pts_start_from[pkt.stream_index] == 0) {
            pts_start_from[pkt.stream_index] = pkt.pts;
            printf("pts_start_from: %s\n", av_ts_make_string((char[AV_TS_MAX_STRING_SIZE]){0},pts_start_from[pkt.stream_index]));
        }
        /* copy packet */
        pkt.pts = ::av_rescale_q_rnd(pkt.pts - pts_start_from[pkt.stream_index], in_stream-&amp;gt;time_base, out_stream-&amp;gt;time_base, (AVRounding) (AV_ROUND_NEAR_INF |
                                                                                                                                            AV_ROUND_PASS_MINMAX));
        pkt.dts = ::av_rescale_q_rnd(pkt.dts - dts_start_from[pkt.stream_index], in_stream-&amp;gt;time_base, out_stream-&amp;gt;time_base, (AVRounding) (AV_ROUND_NEAR_INF |
                                                                                                                                            AV_ROUND_PASS_MINMAX));
        if (pkt.pts &amp;lt; 0) {
            pkt.pts = 0;
        }
        if (pkt.dts &amp;lt; 0) {
            pkt.dts = 0;
        }
        pkt.duration = (int) av_rescale_q((int64_t) pkt.duration, in_stream-&amp;gt;time_base, out_stream-&amp;gt;time_base);
        pkt.pos = -1;
        printf("\n");
        ret = av_interleaved_write_frame(ofmt_ctx, &amp;amp;pkt);
        if (ret &amp;lt; 0) {
            LOG("Error muxing packet\n");
            break;
        }
        av_packet_unref(&amp;amp;pkt);
    }
    free(dts_start_from);
    free(pts_start_from);
    av_write_trailer(ofmt_ctx);
    end:
    LOG("END");
    avformat_close_input(&amp;amp;ifmt_ctx);
    // Close output
    if (ofmt_ctx &amp;amp;&amp;amp; !(ofmt-&amp;gt;flags &amp;amp; AVFMT_NOFILE))
        avio_closep(&amp;amp;ofmt_ctx-&amp;gt;pb);
    avformat_free_context(ofmt_ctx);
    if (ret &amp;lt; 0 &amp;amp;&amp;amp; ret != AVERROR_EOF) {
        LOG("-- Error occurred: %s\n", av_err2str(ret));
        return 1;
    }
}
&lt;/code&gt;&lt;/pre&gt;</t>
  </si>
  <si>
    <t>2017-05-31 17:36:06.487000+00:00</t>
  </si>
  <si>
    <t>2017-05-31 18:04:59.960000+00:00</t>
  </si>
  <si>
    <t>c|video|ffmpeg|libav</t>
  </si>
  <si>
    <t>execure a storedprocedure with version semicolon in c#</t>
  </si>
  <si>
    <t>&lt;p&gt;How can I execute a stored procedure with version control in my slqdatasource in c#?
I have a large database with a much-stored procedure that is controlled with version control, but I have a problem to execute my SQL data source with this stored procedure.
Here is a sample of my code :&lt;/p&gt;
&lt;pre&gt;&lt;code&gt;&amp;lt;asp:SqlDataSource ID="SqlDataSource9" runat="server" 
        ConnectionString="&amp;lt;%$ ConnectionStrings:TestConnectionString %&amp;gt;" 
        ProviderName="&amp;lt;%$ ConnectionStrings:TestConnectionString.ProviderName %&amp;gt;"                                             
        SelectCommand="SELECT [pyprmtflID], [pt_desc] FROM [Treasury].[STP_T00042005];3"&amp;gt;
&amp;lt;/asp:SqlDataSource&amp;gt;
&lt;/code&gt;&lt;/pre&gt;
&lt;p&gt;With this code, I'm getting error invalid Object name.&lt;/p&gt;</t>
  </si>
  <si>
    <t>2015-10-08 11:44:05.293000+00:00</t>
  </si>
  <si>
    <t>2015-10-08 12:23:13.257000+00:00</t>
  </si>
  <si>
    <t>Get Scanner Info</t>
  </si>
  <si>
    <t>&lt;p&gt;I have a vb.net 2010 application and I would like to get the scanner info (modal name, port, etc.) attached with my PC. I use windows xp SP 3 in my machine and Cannon scanner is attached with my machine.&lt;/p&gt;
&lt;p&gt;Kindly let me know.&lt;/p&gt;
&lt;p&gt;thanks&lt;/p&gt;</t>
  </si>
  <si>
    <t>2012-02-27 07:53:53.547000+00:00</t>
  </si>
  <si>
    <t>2012-02-27 08:16:12.307000+00:00</t>
  </si>
  <si>
    <t>Static force layout in D3 v4</t>
  </si>
  <si>
    <t>&lt;p&gt;I am trying to reproduce &lt;a href="http://bl.ocks.org/mbostock/1667139" rel="nofollow"&gt;this example ("Static Force Layout" by Mike Bostock)&lt;/a&gt; in D3 v4.&lt;/p&gt;
&lt;p&gt;I have combined Mike's code with what I learned while creating a dynamic force graph (which can be found &lt;a href="http://bl.ocks.org/Federicopvs/8ce3840933bb44fbdeb1e95ae8d3f814" rel="nofollow"&gt;here&lt;/a&gt;).&lt;/p&gt;
&lt;p&gt;I (perhaps mistakenly) thought that making a static force graph would be easier, but I do not fully understand the logic of Mike's tutorial and I cannot "translate it to v4 language".&lt;/p&gt;
&lt;p&gt;&lt;a href="http://bl.ocks.org/Federicopvs/7bbfc373d6f6ceb2f2524218f8a788e8" rel="nofollow"&gt;This is how far I got.&lt;/a&gt;&lt;/p&gt;
&lt;p&gt;In Mike's example each time the page is refreshed the nodes take a different position. My understanding is that the each tick operation moves each node randomly. Hence the position is determined (randomly) by this part of the code:&lt;/p&gt;
&lt;pre&gt;&lt;code&gt;// Use a timeout to allow the rest of the page to load first.
setTimeout(function() {
// Run the layout a fixed number of times.
// The ideal number of times scales with graph complexity.
// Of course, don't run too long���you'll hang the page!
force.start();
for (var i = n * n; i &amp;gt; 0; --i) force.tick();
force.stop();
svg.selectAll("line")
  .data(links)
  .enter().append("line")
  .attr("x1", function(d) { return d.source.x; })
  .attr("y1", function(d) { return d.source.y; })
  .attr("x2", function(d) { return d.target.x; })
  .attr("y2", function(d) { return d.target.y; });
svg.selectAll("circle")
  .data(nodes)
  .enter().append("circle")
  .attr("cx", function(d) { return d.x; })
  .attr("cy", function(d) { return d.y; })
  .attr("r", 4.5);
loading.remove();
}, 10);
&lt;/code&gt;&lt;/pre&gt;
&lt;p&gt;Where n is set arbitrarily.&lt;/p&gt;
&lt;p&gt;This is how I translated that part:&lt;/p&gt;
&lt;pre&gt;&lt;code&gt;setTimeout(function() {
var simulation = d3.forceSimulation()
        .force('link', d3.forceLink().id(function (d) { return d.ID; }))
        .force('charge', d3.forceManyBody())
        .force('center', d3.forceCenter(width / 2, height / 2));
var n = 1000;
//I thought that since I have many nodes and edges in my graph I should use a highgher n. However, wheter n=10 or 1000 nothing changes in the final result
for (var i = n * n; i &amp;gt; 0; --i) simulation.tick();
simulation
  .nodes(data.nodes)
  .on('tick', ticked);
simulation.force('link')
  .links(data.edges)
  .distance(distance);
function ticked () {
    d3.selectAll('circle')
        .attr('cx', function(d) { return d.x = Math.max(radius,  Math.min(width - radius, d.x)); })
        .attr('cy', function(d) { return d.y = Math.max(radius, Math.min(height - radius, d.y)); });
    d3.selectAll('line')
        .attr('x1', function(d) { return d.source.x; })
        .attr('y1', function(d) { return d.source.y; })
        .attr('x2', function(d) { return d.target.x; })
        .attr('y2', function(d) { return d.target.y; });        
}   
//Strange fact: I need to have both this tick function and the position attributes for each node and edge for the visualization to show something.
simulation.stop();
var link = graph.append("g")
    .attr('class', 'links')
    .selectAll("line")
    .data(data.edges)
    .enter()
    .append("line")
    .attr('x1', function(d) { return d.source.x; })
    .attr('y1', function(d) { return d.source.y; })
    .attr('x2', function(d) { return d.target.x; })
    .attr('y2', function(d) { return d.target.y; });
var node = graph.append("g")
    .attr('class', 'nodes')
    .selectAll("circle")
    .data(data.nodes)
    .enter()
    .append("circle")
    .attr("r", radius)
    .attr('fill', 'red')
    .attr('cx', function(d) { return d.x = Math.max(radius, Math.min(width - radius, d.x)); })
    .attr('cy', function(d) { return d.y = Math.max(radius, Math.min(height - radius, d.y)); });
loading.remove();
}, 10);
&lt;/code&gt;&lt;/pre&gt;
&lt;p&gt;Any idea what I am doing wrong?&lt;/p&gt;</t>
  </si>
  <si>
    <t>2016-08-26 15:58:33.637000+00:00</t>
  </si>
  <si>
    <t>2017-09-30 23:48:16.630000+00:00</t>
  </si>
  <si>
    <t>force-layout|d3.js-v4</t>
  </si>
  <si>
    <t>Using express-babelify-middleware with FeathersJS</t>
  </si>
  <si>
    <t>&lt;p&gt;I am trying to use &lt;a href="https://www.npmjs.com/package/express-babelify-middleware" rel="nofollow noreferrer"&gt;express-babelify-middleware&lt;/a&gt;&lt;br&gt;
with FeathersJS and the error shows up in the browser console:  &lt;/p&gt;
&lt;p&gt;ReferenceError: main_run is not defined  &lt;/p&gt;
&lt;p&gt;I take this to mean that babelify is not working or I am using it incorrectly as main_run is in the global namespace of the src in my html file.&lt;br&gt;
Here is my setup using the structure from feathers generate:  &lt;/p&gt;
&lt;h2&gt;public/index.html:&lt;/h2&gt;
&lt;pre&gt;&lt;code&gt;&amp;lt;!DOCTYPE html&amp;gt;
&amp;lt;html&amp;gt;
&amp;lt;head&amp;gt;
&amp;lt;title&amp;gt;babelify test&amp;lt;/title&amp;gt;
&amp;lt;script src="main.js"&amp;gt;&amp;lt;/script&amp;gt;
&amp;lt;script&amp;gt;
main_run()
&amp;lt;/script&amp;gt;
&amp;lt;/head&amp;gt;&amp;lt;body&amp;gt;
&amp;lt;p&amp;gt;Testing feathers with babelify&amp;lt;/p&amp;gt;
&amp;lt;/body&amp;gt;&amp;lt;/html&amp;gt;
&lt;/code&gt;&lt;/pre&gt;
&lt;h2&gt;public/main.js&lt;/h2&gt;
&lt;pre&gt;&lt;code&gt;const external_module = require('./test')
function main_run(){
external_module()
}
&lt;/code&gt;&lt;/pre&gt;
&lt;h2&gt;public/test.js&lt;/h2&gt;
&lt;pre&gt;&lt;code&gt;module.exports = function(){
console.log("Hello world for an external module")
}
&lt;/code&gt;&lt;/pre&gt;
&lt;h2&gt;among the .uses of src/app.js:&lt;/h2&gt;
&lt;p&gt;...  &lt;/p&gt;
&lt;pre&gt;&lt;code&gt;const babelify = require('express-babelify-middleware')
&lt;/code&gt;&lt;/pre&gt;
&lt;p&gt;...  &lt;/p&gt;
&lt;pre&gt;&lt;code&gt;app.use(compress())
  .options('*', cors())
  .use(cors())
//the line that is not working:
.use('/main.js', babelify( path.join(app.get('public'), 'main.js') ))
  .use(favicon( path.join(app.get('public'), 'favicon.ico') ))
  .use('/', serveStatic( app.get('public') ))
&lt;/code&gt;&lt;/pre&gt;
&lt;p&gt;When I visit localhost:3030/main.js I can see the file, but the functions look to be in a function of their own, so I don't know how to get into that function.&lt;/p&gt;</t>
  </si>
  <si>
    <t>2016-12-19 14:26:33.463000+00:00</t>
  </si>
  <si>
    <t>2016-12-19 15:54:13.017000+00:00</t>
  </si>
  <si>
    <t>javascript|node.js|express|feathersjs</t>
  </si>
  <si>
    <t>Search a data in table using datepicker in extjs</t>
  </si>
  <si>
    <t>&lt;p&gt;I created a table where I need to sort the values using the dates, so I used the &lt;strong&gt;datepicker&lt;/strong&gt; but its not working how to sort the data using the date picker.&lt;br&gt;
 The exact output is if i select the date &lt;strong&gt;"17-09-01"&lt;/strong&gt; I need to get the columns which have these dates.
once if i given some date on textbox, based on textbox value I need to filter related records from all columns. Can you tell me how to achieve? 
What change I need to do?
You can view my code in &lt;a href="https://fiddle.sencha.com/#view/editor&amp;amp;fiddle/27qc" rel="nofollow noreferrer"&gt;Fiddle&lt;/a&gt;&lt;/p&gt;</t>
  </si>
  <si>
    <t>2017-10-05 11:59:09.690000+00:00</t>
  </si>
  <si>
    <t>2017-10-06 07:29:14.260000+00:00</t>
  </si>
  <si>
    <t>2017-10-06 04:13:24.783000+00:00</t>
  </si>
  <si>
    <t>user8601905</t>
  </si>
  <si>
    <t>extjs|extjs4|extjs4.2</t>
  </si>
  <si>
    <t>Surface Plot of Multivariate Normal Density</t>
  </si>
  <si>
    <t>&lt;p&gt;I have a likelihood function with Multivariate Normal Density whose mean is mu=[3 5]' and covariance=9*I. How can I plot its 2D surface in Matlab? Can anybody help me? Thanks.&lt;/p&gt;</t>
  </si>
  <si>
    <t>2018-11-27 23:14:25.747000+00:00</t>
  </si>
  <si>
    <t>2018-11-28 15:13:52.487000+00:00</t>
  </si>
  <si>
    <t>Possible to do a JOIN in SQL against a proprietary non-sql-server-based data source</t>
  </si>
  <si>
    <t>&lt;p&gt;I think this is likely possible in c# via Linq or something like that, but I'm wondering if it is possible within a SQL stored procedure.&lt;/p&gt;
&lt;p&gt;What I'd like to, within SQL, is a join between a SQL Server table and a non-sql datasource, for example some proprietary 3rd part API like OsiSoft PI, for example.&lt;/p&gt;
&lt;p&gt;I think provided a driver compatible with OPENROWSET is available, that would be one workable approach, but I'm wondering if there may perhaps be an alternative, more flexible approach that doesn't require that (perhaps a c# managed code stored procedure)?&lt;/p&gt;</t>
  </si>
  <si>
    <t>2015-03-08 20:10:10.117000+00:00</t>
  </si>
  <si>
    <t>2015-03-09 12:26:36.257000+00:00</t>
  </si>
  <si>
    <t>sql-server|tsql</t>
  </si>
  <si>
    <t>"Myfanpage on facebook" how to add this "on facebook" line?</t>
  </si>
  <si>
    <t>&lt;p&gt;I added likebox to my site, I want to look it like &lt;a href="http://society6.com/" rel="nofollow"&gt;http://society6.com/&lt;/a&gt; (at the bottom of the page). My likebox only displays the name of my fanpage. How to add this "on facebook" part?  Also, my fan page is something facebook.com/pages/myfanpagename/32323523433 How to edit my fan page name to facebook.com/myfanpage Any ideas?&lt;/p&gt;
&lt;p&gt;Thanks!&lt;/p&gt;</t>
  </si>
  <si>
    <t>2011-08-12 16:50:09.033000+00:00</t>
  </si>
  <si>
    <t>2011-08-12 17:19:30.557000+00:00</t>
  </si>
  <si>
    <t>2011-08-12 17:01:10.793000+00:00</t>
  </si>
  <si>
    <t>Winform user authorization via active directory</t>
  </si>
  <si>
    <t>&lt;p&gt;I have a situation where I am using the following code to verify user membership in AD before executing tasks in my app&lt;/p&gt;
&lt;pre&gt;&lt;code&gt;using System.Security.Principal;
WindowsIdentity  identity = WindowsIdentity.GetCurrent();
WindowsPrincipal principal = new WindowsPrincipal(identity);
return principal.IsInRole("someGroup");
&lt;/code&gt;&lt;/pre&gt;
&lt;p&gt;The above code works fine for machines on my domain, however I do have some machines which are not on my domain on which I have the WINFORM application installed. How can I verify the user membership in AD? &lt;/p&gt;
&lt;p&gt;Edit - is there a way to prompt the windows login?&lt;/p&gt;</t>
  </si>
  <si>
    <t>2011-01-13 05:27:00.603000+00:00</t>
  </si>
  <si>
    <t>2011-01-14 06:23:23.100000+00:00</t>
  </si>
  <si>
    <t>2011-01-13 08:45:08.550000+00:00</t>
  </si>
  <si>
    <t>winforms|active-directory|.net-2.0</t>
  </si>
  <si>
    <t>R - calculate pairwise orthographic similarity of a list</t>
  </si>
  <si>
    <t>&lt;p&gt;I need to calculate orthographic similarity (edit/Levenshtein distance) among words in a given corpus.&lt;/p&gt;
&lt;p&gt;The R package &lt;code&gt;vwr&lt;/code&gt; seems to be able to calculate this:&lt;/p&gt;
&lt;pre&gt;&lt;code&gt;coltheart.N(list1, list2)
&lt;/code&gt;&lt;/pre&gt;
&lt;p&gt;in which the Levenshtein distance is computed pairwise between the matching words of the two word lists. &lt;/p&gt;
&lt;p&gt;I was wondering if there was a way to calculate the Levenshtein distance between all possible word combinations of a given word list. Can somebody give me a hint?&lt;/p&gt;</t>
  </si>
  <si>
    <t>2017-12-07 12:31:02.767000+00:00</t>
  </si>
  <si>
    <t>2017-12-07 13:39:55.887000+00:00</t>
  </si>
  <si>
    <t>r|levenshtein-distance</t>
  </si>
  <si>
    <t>Draw bitmap over bitmap and set some pixels transparent</t>
  </si>
  <si>
    <t>&lt;p&gt;I have a custom &lt;code&gt;View&lt;/code&gt; and two &lt;code&gt;Bitmap&lt;/code&gt;s. I draw the one above the other like this&lt;/p&gt;
&lt;pre&gt;&lt;code&gt;canvas.drawBitmap(backImage,0,0,null);
canvas.drawBitmap(frontImage,0,0,null);
&lt;/code&gt;&lt;/pre&gt;
&lt;p&gt;Before painting I set some pixels in the frontImage transparent using the &lt;code&gt;setPixel(...)&lt;/code&gt; function of &lt;code&gt;Bitmap&lt;/code&gt;&lt;/p&gt;
&lt;pre&gt;&lt;code&gt;frontImage.setPixel(x,y, Color.TRANSPARENT);
&lt;/code&gt;&lt;/pre&gt;
&lt;p&gt;Instead of viewing backImage's pixels at x,y I see black color...&lt;/p&gt;</t>
  </si>
  <si>
    <t>2014-09-18 19:50:13.623000+00:00</t>
  </si>
  <si>
    <t>2014-09-19 15:14:25.537000+00:00</t>
  </si>
  <si>
    <t>2014-09-18 20:29:55.470000+00:00</t>
  </si>
  <si>
    <t>android|bitmap|transparency</t>
  </si>
  <si>
    <t>Testing action class which depends on the interface</t>
  </si>
  <si>
    <t>&lt;p&gt;TestNG 6.8.8&lt;/p&gt;
&lt;p&gt;I have the following interface and implementation:&lt;/p&gt;
&lt;pre&gt;&lt;code&gt;public interface HolderService {
    String str();
    //other-methods
}
public interface Act1{
    public String action(Collection&amp;lt;HolderService&amp;gt; context);
}
//The action class for testing    
public class ActImpl implements Act1{
    public String action(Collection&amp;lt;HolderService&amp;gt; context){
        //implementation
    }
}
&lt;/code&gt;&lt;/pre&gt;
&lt;p&gt;The problem is the implementation of the &lt;code&gt;HolderService&lt;/code&gt; is kind of messy to initialize it with test data which makes the test be quite large.&lt;/p&gt;
&lt;p&gt;So my first thought was to write a simple test implementation and supply it with test data like this:&lt;/p&gt;
&lt;pre&gt;&lt;code&gt;public class ActImplTest{
    @Test
    public void some_Test(){
        //...
    }
    private static class ServiceHolderTestImpl implemets HolderService{
        //Just a JavaBean with getters and setters
    }
}
&lt;/code&gt;&lt;/pre&gt;
&lt;p&gt;But it looks a little wierd that in order for to make tests look simpler I need to provide some test implementation. Maybe there is another way to deal with the problem. I also looked at Parametrization, shown in this &lt;a href="https://stackoverflow.com/a/6724555/3663882"&gt;&lt;strong&gt;&lt;em&gt;example&lt;/em&gt;&lt;/strong&gt;&lt;/a&gt;, but it doesn't seem fit my needs.&lt;/p&gt;</t>
  </si>
  <si>
    <t>2016-07-19 13:18:37.707000+00:00</t>
  </si>
  <si>
    <t>2017-05-23 12:08:18.403000+00:00</t>
  </si>
  <si>
    <t>java|testing|testng</t>
  </si>
  <si>
    <t>cakephp rewrite url not working</t>
  </si>
  <si>
    <t>&lt;p&gt;I have the CakePHP simple program ( CakePHP: version 2.1.3,  Centos 6.x and Apache: 2.2.15).&lt;/p&gt;
&lt;p&gt;Now I want to change url from: &lt;a href="http://domain.com/frontend/login" rel="nofollow"&gt;http://domain.com/frontend/login&lt;/a&gt;&lt;/p&gt;
&lt;p&gt;to new url like: &lt;a href="http://domain.com/user-login.html" rel="nofollow"&gt;http://domain.com/user-login.html&lt;/a&gt;&lt;/p&gt;
&lt;p&gt;I want to use new URL, and remove old URL.&lt;/p&gt;
&lt;p&gt;I tried to rewrite ( by config .htaccess with mod rewrite, I configed /etc/httpd/conf/httpd.conf already: Change AllowOverride None to AllowOverride All). &lt;/p&gt;
&lt;p&gt;and some .htaccess files like belows:&lt;/p&gt;
&lt;p&gt;/root/.htaccess&lt;/p&gt;
&lt;pre&gt;&lt;code&gt;&amp;lt;IfModule mod_rewrite.c&amp;gt;
   RewriteEngine on
   RewriteRule    ^$ app/webroot/    [L]
   RewriteRule    (.*) app/webroot/$1 [L]
   #rewrite to new url
   RewriteRule ^frontend/login$  user-login.html [L]
 &amp;lt;/IfModule&amp;gt;
&lt;/code&gt;&lt;/pre&gt;
&lt;p&gt;/root/app/.htaccess&lt;/p&gt;
&lt;pre&gt;&lt;code&gt; &amp;lt;IfModule mod_rewrite.c&amp;gt;
   RewriteEngine on
   RewriteRule    ^$    webroot/    [L]
   RewriteRule    (.*) webroot/$1    [L]
 &amp;lt;/IfModule&amp;gt;
&lt;/code&gt;&lt;/pre&gt;
&lt;p&gt;and /root/app/webroot/.htaccess&lt;/p&gt;
&lt;pre&gt;&lt;code&gt;&amp;lt;IfModule mod_rewrite.c&amp;gt;
   RewriteEngine On
   RewriteCond %{REQUEST_FILENAME} !-d
   RewriteCond %{REQUEST_FILENAME} !-f
   RewriteRule ^(.*)$ index.php [QSA,L]
&amp;lt;/IfModule&amp;gt;
&lt;/code&gt;&lt;/pre&gt;
&lt;p&gt;But my new url &lt;a href="http://domain.com/user-login.html" rel="nofollow"&gt;http://domain.com/user-login.html&lt;/a&gt; is not work.&lt;/p&gt;
&lt;p&gt;There is any thing wrong in my config?&lt;/p&gt;</t>
  </si>
  <si>
    <t>2015-06-24 01:53:48.007000+00:00</t>
  </si>
  <si>
    <t>2015-06-29 13:18:45.873000+00:00</t>
  </si>
  <si>
    <t>php|.htaccess|cakephp|mod-rewrite|cakephp-2.1</t>
  </si>
  <si>
    <t>Scala macros: contextual DSL (limiting usage of macros to scopes)</t>
  </si>
  <si>
    <t>&lt;p&gt;I am attempting to build a DSL using Scala macros.&lt;/p&gt;
&lt;p&gt;Suppose I have two macros&lt;/p&gt;
&lt;pre&gt;&lt;code&gt;def add(x: Int, y: Int): Unit = macro Macros.mImpl
def builder(body: =&amp;gt; Unit): Unit = macro Macros.builderImpl
&lt;/code&gt;&lt;/pre&gt;
&lt;p&gt;where &lt;code&gt;Macros&lt;/code&gt; is some object in which the macro behaviour is defined.&lt;/p&gt;
&lt;p&gt;The intended use of these macros is to write things such as:&lt;/p&gt;
&lt;pre&gt;&lt;code&gt;def example: Unit =
  builder {
    println("Hello, world!")
    // Some statements...
    add(4, 5)
    // Some more statements...
  }
&lt;/code&gt;&lt;/pre&gt;
&lt;p&gt;The key thing here is that within the DSL, &lt;code&gt;add&lt;/code&gt; should only be only allowed to occur within a &lt;code&gt;builder&lt;/code&gt; block.&lt;/p&gt;
&lt;p&gt;For example, the following should &lt;em&gt;not&lt;/em&gt; be allowed:&lt;/p&gt;
&lt;pre&gt;&lt;code&gt;def bad: Unit = add(4, 5)
&lt;/code&gt;&lt;/pre&gt;
&lt;p&gt;I would like to find some way of ensuring that such occurrences of &lt;code&gt;add&lt;/code&gt; are forbidden by the compiler.&lt;/p&gt;
&lt;p&gt;Any solution will do: either through the type system (but I really don't see how), or through the macro mechanism itself.&lt;/p&gt;
&lt;p&gt;Since macros are expanded from the innermost context outwards (that is, bottom up, not top down), I don't see how I can achieve this from within the macro definition of &lt;code&gt;add&lt;/code&gt;.&lt;/p&gt;
&lt;p&gt;(Feel free to modify the return types or definition sites of the macros if it helps; they were chosen for the sake of a simple example.)&lt;/p&gt;</t>
  </si>
  <si>
    <t>2014-11-11 18:51:38.500000+00:00</t>
  </si>
  <si>
    <t>2014-11-12 10:44:38.853000+00:00</t>
  </si>
  <si>
    <t>scala|macros|dsl|scala-macros</t>
  </si>
  <si>
    <t>Why I get a lot of unwanted output when I convert ByteBuffer to String?</t>
  </si>
  <si>
    <t>&lt;p&gt;I write a UDP server to receive messages from clients using NIO:&lt;/p&gt;
&lt;pre&gt;&lt;code&gt;DatagramChannel channel = DatagramChannel.open();
channel.socket().bind(new InetSocketAddress(9999));
ByteBuffer buf = ByteBuffer.allocate(1024);
buf.clear();
while (channel.receive(buf) != null) {
      System.out.println("---has received data:" + new String(buf.array(), ASCII));
      buf.clear();
}
&lt;/code&gt;&lt;/pre&gt;
&lt;p&gt;then I use nc command to send some data to the UDP server&lt;/p&gt;
&lt;pre&gt;&lt;code&gt;nc -u 127.0.0.1 9999 &amp;lt; ./test.txt
&lt;/code&gt;&lt;/pre&gt;
&lt;p&gt;there is only one line in test.txt&lt;/p&gt;
&lt;pre&gt;&lt;code&gt;#cat ./test.txt
12345678
&lt;/code&gt;&lt;/pre&gt;
&lt;p&gt;and the output of the server is like this
&lt;a href="https://i.stack.imgur.com/sxDp3.png" rel="nofollow noreferrer"&gt;&lt;img src="https://i.stack.imgur.com/sxDp3.png" alt="enter image description here"&gt;&lt;/a&gt;&lt;/p&gt;
&lt;p&gt;so how could I get the 12345678 string and remove the following '���' things?&lt;/p&gt;</t>
  </si>
  <si>
    <t>2017-07-14 01:43:14.430000+00:00</t>
  </si>
  <si>
    <t>2017-07-21 23:47:21.570000+00:00</t>
  </si>
  <si>
    <t>java|nio</t>
  </si>
  <si>
    <t>Swift DateFormatter returning wrong date</t>
  </si>
  <si>
    <t>&lt;p&gt;I have a issue with getting the correct date in the following case&lt;/p&gt;
&lt;pre&gt;&lt;code&gt;let dateString = "May 2, 2018 at 3:31 PM"
let dateFormatter = DateFormatter()
dateFormatter.dateFormat = "MMM dd, yyyy 'at' HH:mm a"
dateFormatter.timeZone = TimeZone(identifier: "UTC")
dateFormatter.locale = Locale(identifier: "en_US_POSIX")
let date = dateFormatter.date(from: dateString)!
&lt;/code&gt;&lt;/pre&gt;
&lt;p&gt;I am getting "May 2, 2018 at 8:31 AM" as the date, which is wrong&lt;/p&gt;
&lt;p&gt;When the same date is used with a different dateformatting string i get the correct date&lt;/p&gt;
&lt;pre&gt;&lt;code&gt;let dateFormatter3 = DateFormatter()
dateFormatter3.dateFormat = "yyyy-MM-dd'T'HH:mm:ss"
dateFormatter3.locale = Locale(identifier: "en_US_POSIX")
dateFormatter3.timeZone = TimeZone(identifier: "UTC")
let date3 = dateFormatter3.date(from: "2018-05-02T15:31:00")!
&lt;/code&gt;&lt;/pre&gt;
&lt;p&gt;Date returned is "May 2, 2018 at 11:31 AM" which is correct.&lt;/p&gt;
&lt;p&gt;I like to know what i am doing wrong in the first code block? Or is this a bug in the date formatter class ?&lt;/p&gt;</t>
  </si>
  <si>
    <t>2018-05-02 21:06:10.453000+00:00</t>
  </si>
  <si>
    <t>2018-05-03 05:25:04.727000+00:00</t>
  </si>
  <si>
    <t>ios|swift|dateformatter</t>
  </si>
  <si>
    <t>Sprite Kit how to delete game scene</t>
  </si>
  <si>
    <t>&lt;p&gt;I used profiler and detect that after I go back from view controller that contains game scene view (for example pop back to the main menu). The game scene is still in the memory.&lt;/p&gt;
&lt;p&gt;I supposed it's connected to some SKAction I use. How track which object cause that issue.&lt;/p&gt;
&lt;p&gt;I use some SKAction run block, repeat forever and etc, and I am sure that the something happen with it.&lt;/p&gt;</t>
  </si>
  <si>
    <t>2015-03-12 21:07:39.003000+00:00</t>
  </si>
  <si>
    <t>2015-03-29 18:14:36.727000+00:00</t>
  </si>
  <si>
    <t>ios|sprite-kit|skaction</t>
  </si>
  <si>
    <t>HTML Select, embed object with text?</t>
  </si>
  <si>
    <t>&lt;p&gt;Is it possible to have a HTML Select containing elements, not just text values but say an object (specifically i'd like to add a JQuery slider with the text) but if someone could advice me generally how to do this, i could investigate.&lt;/p&gt;</t>
  </si>
  <si>
    <t>2010-09-11 20:22:00.213000+00:00</t>
  </si>
  <si>
    <t>2010-09-11 20:34:16.617000+00:00</t>
  </si>
  <si>
    <t>How to use cloudinary plugin with NativeScript</t>
  </si>
  <si>
    <t>&lt;p&gt;I wan to use cloudinary in my nativescript angular project. I am using {NS} 5 and angular 7 that is why I have installed @cludinary-5.x&lt;/p&gt;
&lt;pre&gt;&lt;code&gt;npm install cloudinary-core @cloudinary/angular-5.x --save
&lt;/code&gt;&lt;/pre&gt;
&lt;p&gt;I have imported required dependencies in app.modules.ts&lt;/p&gt;
&lt;pre&gt;&lt;code&gt;import { CloudinaryModule, CloudinaryConfiguration } from '@cloudinary/angular-5.x';
import { Cloudinary as CloudinaryCore } from 'cloudinary-core';
export const cloudinary = {
  Cloudinary: CloudinaryCore
};
export const config: CloudinaryConfiguration = cloudinaryConfiguration;
&lt;/code&gt;&lt;/pre&gt;
&lt;p&gt;and in the the imports section&lt;/p&gt;
&lt;pre&gt;&lt;code&gt;CloudinaryModule.forRoot(cloudinary,config),
&lt;/code&gt;&lt;/pre&gt;
&lt;p&gt;config.ts is the file where I am keeping my cloud_name and api_keys.&lt;/p&gt;
&lt;p&gt;in my html, i have tried in following way&lt;/p&gt;
&lt;pre&gt;&lt;code&gt;&amp;lt;cl-image public-id="981c055a2785580d-1543374407398.jpg" width="100" height="100" crop="scale"&amp;gt;
                        &amp;lt;/cl-image&amp;gt;
&lt;/code&gt;&lt;/pre&gt;
&lt;p&gt;But is not showing anything. Does anyone has any idea how to debug this or what is wrong here?&lt;/p&gt;</t>
  </si>
  <si>
    <t>2018-11-28 04:05:19.070000+00:00</t>
  </si>
  <si>
    <t>2018-12-01 17:07:36.207000+00:00</t>
  </si>
  <si>
    <t>angular|nativescript|cloudinary|angular7</t>
  </si>
  <si>
    <t>Remove Last Number of a Integer</t>
  </si>
  <si>
    <t>&lt;p&gt;I have searched for a few answers and none of them seems to work.&lt;/p&gt;
&lt;p&gt;Below is an example but the code does not work and gives errors. I am using Python 2.7.&lt;/p&gt;
&lt;pre&gt;&lt;code&gt;operationTwo = 91239
operationTwo = operationTwo[:-1]
print(operationTwo)
&lt;/code&gt;&lt;/pre&gt;</t>
  </si>
  <si>
    <t>2017-05-30 15:14:11.287000+00:00</t>
  </si>
  <si>
    <t>2017-05-30 15:23:13.783000+00:00</t>
  </si>
  <si>
    <t>On the use of static const variable in multi-threaded environment</t>
  </si>
  <si>
    <t>&lt;p&gt;I am trying to understand a potential scenario and whether it is likely to be a problem.&lt;/p&gt;
&lt;p&gt;So I have a static function that is currently thread-safe.
The function being like so:&lt;/p&gt;
&lt;pre&gt;&lt;code&gt;static thread_safe_func()
{
    ... process
}
&lt;/code&gt;&lt;/pre&gt;
&lt;p&gt;Now in this function, I add the following:&lt;/p&gt;
&lt;pre&gt;&lt;code&gt;static thread_safe_func()
{
  static const Class::NonThreadSafeClassName() *array[16] = {
    Class::NonThreadSafeClassName(),
    Class::NonThreadSafeClassName(),
    Class::NonThreadSafeClassName(),
    Class::NonThreadSafeClassName(),
    Class::NonThreadSafeClassName(),
    Class::NonThreadSafeClassName(),
    Class::NonThreadSafeClassName(),
  }
  ... code continues here
}
&lt;/code&gt;&lt;/pre&gt;
&lt;p&gt;Now is it in itself thread-safe?
The array will be initialized once for the entire duration of the application's life, so once the function thread_safe_func() has been called, and fully run, I would expect this to be thread-safe.&lt;/p&gt;
&lt;p&gt;The issue is obviously what could occur during the first calls,
what would happen in a scenario where a thread calls thread_safe_func(), the initialization of the const array occurs, but before that initialization completes, another thread is calling thread_safe_func().&lt;/p&gt;
&lt;p&gt;Would a change to:&lt;/p&gt;
&lt;pre&gt;&lt;code&gt;static ClassMutex lock = ClassMutex()
static thread_safe_func()
{
  lock.Lock()
  static const Class::NonThreadSafeClassName() *array[16] = {
    Class::NonThreadSafeClassName(),
    Class::NonThreadSafeClassName(),
    Class::NonThreadSafeClassName(),
    Class::NonThreadSafeClassName(),
    Class::NonThreadSafeClassName(),
    Class::NonThreadSafeClassName(),
    Class::NonThreadSafeClassName(),
  }
  lock.Unlock()
  ... code continues here
}
&lt;/code&gt;&lt;/pre&gt;
&lt;p&gt;be worthwhile and guarantee that this code is now thread-safe?&lt;/p&gt;</t>
  </si>
  <si>
    <t>2012-03-04 22:23:52.497000+00:00</t>
  </si>
  <si>
    <t>2012-03-05 00:33:09.013000+00:00</t>
  </si>
  <si>
    <t>2012-03-04 22:29:46.130000+00:00</t>
  </si>
  <si>
    <t>c++|thread-safety</t>
  </si>
  <si>
    <t>Visual C++ with OpenGL: Failing to use GLUT</t>
  </si>
  <si>
    <t>&lt;p&gt;I am trying to run a C project in Visual Studio 2013, with GLUT.&lt;/p&gt;
&lt;p&gt;After some readings over the web, I tried with &lt;strong&gt;freeglut&lt;/strong&gt;, but I get the following error when trying to run my project:&lt;/p&gt;
&lt;pre&gt;&lt;code&gt;1&amp;gt;LINK : fatal error LNK1104: cannot open file 'freeglutd.lib'
&lt;/code&gt;&lt;/pre&gt;
&lt;p&gt;Can anyone explain how to use GLUT in Visual Studio?&lt;/p&gt;</t>
  </si>
  <si>
    <t>2015-03-20 00:51:55.470000+00:00</t>
  </si>
  <si>
    <t>2015-03-20 10:50:29.730000+00:00</t>
  </si>
  <si>
    <t>opengl|visual-c++|glut|freeglut</t>
  </si>
  <si>
    <t>How to refresh the table list using vba in access 2007</t>
  </si>
  <si>
    <t>&lt;p&gt;How to refresh the table list using vba in &lt;code&gt;Access 2007&lt;/code&gt;.
I make table in &lt;code&gt;Sql&lt;/code&gt; code using &lt;code&gt;vba&lt;/code&gt;:&lt;/p&gt;
&lt;pre&gt;&lt;code&gt;DoCmd.RunSQL "SELECT * INTO table2 FROM table1", True    
RefreshDatabaseWindow
DoCmd.TransferDatabase acExport, "Microsoft Access", "C:\import.mdb", , "table2", tab2, 0
&lt;/code&gt;&lt;/pre&gt;
&lt;p&gt;Error message: Microsoft Office Access can not find the object table2
if pause &lt;code&gt;RefreshDatabaseWindow&lt;/code&gt; and refresh manualy press &lt;code&gt;F5&lt;/code&gt; and run back to work correctly. How to do it automatically? In Access 2003 work correctly if table list is active.&lt;/p&gt;
&lt;p&gt;I try pause but not work:&lt;/p&gt;
&lt;pre&gt;&lt;code&gt;Private Declare Sub sApiSleep Lib "kernel32" Alias "Sleep" (ByVal dwMilliseconds As Long)
...
RefreshDatabaseWindow
Call sApiSleep(4000)
...
&lt;/code&gt;&lt;/pre&gt;</t>
  </si>
  <si>
    <t>2012-10-03 12:54:27.930000+00:00</t>
  </si>
  <si>
    <t>2014-02-28 18:12:04.223000+00:00</t>
  </si>
  <si>
    <t>2012-11-13 14:52:22.213000+00:00</t>
  </si>
  <si>
    <t>sql-server|ms-access|ms-access-2007|access-vba|adp</t>
  </si>
  <si>
    <t>How to move flash movie which embed in DIV with javascript?</t>
  </si>
  <si>
    <t>&lt;p&gt;All:
I create a DIV in HTML and embed one flash in DIV. below is the HTML:&lt;/p&gt;
&lt;pre&gt;&lt;code&gt;&amp;lt;head&amp;gt;
...
&amp;lt;script src="Scripts/swfobject_modified.js" type="text/javascript"&amp;gt; &amp;lt;/script&amp;gt;
&amp;lt;script src="Scripts/GHAnimateObjectMove.js" type="text/javascript"&amp;gt; &amp;lt;/script&amp;gt;
&amp;lt;style type="text/css"&amp;gt;
.GHLogoAniFlashDiv {
    margin: auto auto auto auto;
    height: 302px;
    width: auto;
    left: 0px;
    top: 0px;
    overflow:hidden;
}
.FlashID {
    margin: auto auto auto auto;
    height: 302px;
    width: 402px;
    left: auto;
    top: auto;
    overflow:hidden;
}  
&amp;lt;/style&amp;gt;
&amp;lt;/head&amp;gt;
&amp;lt;body&amp;gt;
&amp;lt;!-- align="center" align="absmiddle" align="center"  --&amp;gt;
&amp;lt;div id="GHLogoAniFlashDiv" &amp;gt; 
&amp;lt;object classid="clsid:D27CDB6E-AE6D-11cf-96B8-444553540000" width="402" height="302"     class="FlashID" id="FlashID" title="GHLogoAniFlash"&amp;gt;
&amp;lt;param name="movie" value="Animate/GHLogoAniFlash.swf" /&amp;gt;
&amp;lt;param name="quality" value="high" /&amp;gt;
&amp;lt;param name="wmode" value="transparent" /&amp;gt;
&amp;lt;param name="swfversion" value="6.0.65.0" /&amp;gt;
&amp;lt;param name="expressinstall" value="Scripts/expressInstall.swf" /&amp;gt;
&amp;lt;param name="SCALE" value="noscale" /&amp;gt;
&amp;lt;embed src="Animate/GHLogoAniFlash.swf" quality="high" 
    width="402" height="302" name="movie"  
    play="true"
    loop="ture"
    quality="high"
    allowScriptAccess="sameDomain"
    type="application/x-shockwave-flash"
    pluginspage="http://www.adobe.com/go/getflashplayer"&amp;gt;
&amp;lt;/embed&amp;gt;
&amp;lt;!-- No IE --&amp;gt;
&amp;lt;!--[if !IE]&amp;gt; align="absmiddle"--&amp;gt;
&amp;lt;object data="Animate/GHLogoAniFlash.swf" type="application/x-shockwave-flash" width="402" height="302" &amp;gt;
 &amp;lt;!--[end if]--&amp;gt;
  &amp;lt;param name="quality" value="high" /&amp;gt;
  &amp;lt;param name="wmode" value="transparent" /&amp;gt;
  &amp;lt;param name="swfversion" value="6.0.65.0" /&amp;gt;
  &amp;lt;param name="expressinstall" value="Scripts/expressInstall.swf" /&amp;gt;
  &amp;lt;param name="SCALE" value="noscale" /&amp;gt;
  &amp;lt;!-- Version of Flash Player &amp;lt;6.0 --&amp;gt;
  &amp;lt;div&amp;gt;
    &amp;lt;h4&amp;gt;Need Latest Adobe Flash Player���&amp;lt;/h4&amp;gt;
    &amp;lt;p&amp;gt;&amp;lt;a href="http://www.adobe.com/go/getflashplayer"&amp;gt;&amp;lt;img  src="http://www.adobe.com/images/shared/download_buttons/get_flash_player.gif" alt="Get Adobe Flash Player" width="112" height="33" /&amp;gt;&amp;lt;/a&amp;gt;&amp;lt;/p&amp;gt;
  &amp;lt;/div&amp;gt;
  &amp;lt;!--[if !IE]&amp;gt;--&amp;gt;
  &amp;lt;/object&amp;gt;
  &amp;lt;!--&amp;lt;![end if]--&amp;gt;
  &amp;lt;/object&amp;gt;
  &amp;lt;/div&amp;gt;
  ...
&lt;/code&gt;&lt;/pre&gt;
&lt;p&gt;Then I use javascript in "GHAnimateObjectMove.js" to move the flash to one position of browser:&lt;/p&gt;
&lt;pre&gt;&lt;code&gt;function SetGHLogoDivLocation()//Set Logo DIV location;
{
        var leftoffset=0;
    var rightoffset=0;
    LogoDivObj=document.getElementById("GHLogoAniFlashDiv");
    FlashObj=document.getElementById("FlashID");    
    try{
        findDimensions();
        leftoffset=parseInt(600);
        rightoffset=parseInt(300);
        LogoDivObj.style.postion="relative";
        if(LogoDivObj &amp;amp;&amp;amp; FlashObj)
        {
            LogoDivObj.style.left=leftoffset+"px";
            LogoDivObj.style.top=rightoffset+"px";
            FlashObj.style.left=LogoDivObj.style.left;
            FlashObj.style.top=LogoDivObj.style.top;
        }
    }
    catch(err){
        window.alert(err.message);
    }
} 
...
window.onresize=function (){SetGHLogoDivLocation();};
window.onload=function () {SetGHLogoDivLocation()};
&lt;/code&gt;&lt;/pre&gt;
&lt;p&gt;But It seem can't move flash to new position (600px,300px). It still stay at left of the page. Why? anyone know it?
I test on IE 9 win7. I debug in eclipse. I saw the LogoDivObj.style.left ,LogoDivObj.style.top,FlashObj.style.left and FlashObj.style.top already been changed. But why flash can't move to new position?&lt;/p&gt;</t>
  </si>
  <si>
    <t>2012-10-31 10:53:41.810000+00:00</t>
  </si>
  <si>
    <t>2012-11-01 05:01:58.573000+00:00</t>
  </si>
  <si>
    <t>javascript|flash|move</t>
  </si>
  <si>
    <t>How to securely obtain/store API credentials in a Unity game?</t>
  </si>
  <si>
    <t>&lt;p&gt;I have created a global leaderboards API with node.js and I'm trying to integrate with a game created in Unity.  The leaderboards require authentication via username/pw and then use JWT tokens to secure the API.  I have a single username/pw combo for the game itself, so the game will first "login" to the API and then use the web token to make requests (post scores and retrieve them).&lt;/p&gt;
&lt;p&gt;What I'm trying to figure out is how or where to store this login and pw. I'm apprehensive about hard coding it, because I don't want players to get locked out if I need to change it.  I should note that this user has limited access, but I still wouldn't want a malicious person to discover it since they can use it to post scores, so they could for example flood the leaderboards with bogus or inappropriate data.&lt;/p&gt;</t>
  </si>
  <si>
    <t>2015-09-13 14:16:47.587000+00:00</t>
  </si>
  <si>
    <t>node.js|rest|unity3d</t>
  </si>
  <si>
    <t>mysql fulltext search doesn't work with some keywords</t>
  </si>
  <si>
    <t>&lt;p&gt;i have the following query&lt;/p&gt;
&lt;pre&gt;&lt;code&gt;SELECT * FROM products 
LEFT JOIN product_variations ON products.id=product_variations.productID
WHERE 
(
    MATCH(products.title, products.metatitle) AGAINST('+����*' IN BOOLEAN MODE) &amp;gt; 0 OR 
    MATCH(product_variations.title, product_variations.metatitle) AGAINST('+����*' IN BOOLEAN MODE) &amp;gt; 0
)
&lt;/code&gt;&lt;/pre&gt;
&lt;p&gt;why this query doesn't find any result with &lt;strong&gt;����&lt;/strong&gt; keyword but find some results with &lt;strong&gt;����&lt;/strong&gt; keyword (there is one character difference)&lt;/p&gt;
&lt;p&gt;note1: &lt;code&gt;ft_min_word_len = 2&lt;/code&gt;&lt;/p&gt;
&lt;p&gt;note2: there is enough results in database for both keywords&lt;/p&gt;</t>
  </si>
  <si>
    <t>2018-06-15 22:08:23.250000+00:00</t>
  </si>
  <si>
    <t>2018-06-16 02:24:00.153000+00:00</t>
  </si>
  <si>
    <t>2018-06-15 22:25:07.317000+00:00</t>
  </si>
  <si>
    <t>mysql|sql|indexing|full-text-search</t>
  </si>
  <si>
    <t>difference between a field and the field.keyword</t>
  </si>
  <si>
    <t>&lt;p&gt;If I add a document with several fields to an Elasticsearch index, when I view it in Kibana, I get each time the same field twice. One of them will be called&lt;/p&gt;
&lt;pre&gt;&lt;code&gt;some_field
&lt;/code&gt;&lt;/pre&gt;
&lt;p&gt;and the other one will be called &lt;/p&gt;
&lt;pre&gt;&lt;code&gt;some_field.keyword
&lt;/code&gt;&lt;/pre&gt;
&lt;p&gt;Where does this behaviour come from and what is the difference between both of them?&lt;/p&gt;
&lt;p&gt;PS: one of them is aggregatable (not sure what that means) and the other (without keyword) is not.&lt;/p&gt;</t>
  </si>
  <si>
    <t>2018-02-19 15:59:31.080000+00:00</t>
  </si>
  <si>
    <t>2018-05-06 14:06:38.073000+00:00</t>
  </si>
  <si>
    <t>2018-02-20 01:47:23.593000+00:00</t>
  </si>
  <si>
    <t>elasticsearch|kibana</t>
  </si>
  <si>
    <t>Best way to deinit Initial view controller?</t>
  </si>
  <si>
    <t>&lt;p&gt;I have a loading view controller when my app starts(is is my initial view controller).When an animation in this view controller finished I want it to show another view controller and dismiss the view controller with the animation.&lt;/p&gt;
&lt;p&gt;The loading view controller is the initial view controller,&lt;/p&gt;
&lt;p&gt;I have this code when UIStoryboard.mflMainTabBarViewController(). returns the view controller that I want to present&lt;/p&gt;
&lt;pre&gt;&lt;code&gt;func animationDidStop(_ anim: CAAnimation, finished flag: Bool) {
    let animationID = anim.value(forKey: "animationID")
    if animationID as! NSString == "transform" {
        self.present(UIStoryboard.mflMainTabBarViewController(), animated: true, completion: {
            _ = self.popoverPresentationController
        })
    }
}
&lt;/code&gt;&lt;/pre&gt;
&lt;p&gt;But when deinit is never called&lt;/p&gt;
&lt;pre&gt;&lt;code&gt;deinit {
print("deinit")
&lt;/code&gt;&lt;/pre&gt;
&lt;p&gt;}
What is the best way to deinit the first view controller, and making the presenting view controller the root view controller?&lt;/p&gt;</t>
  </si>
  <si>
    <t>2017-08-09 21:46:28.530000+00:00</t>
  </si>
  <si>
    <t>2017-08-09 22:04:59.050000+00:00</t>
  </si>
  <si>
    <t>ios|swift|xcode|ios10</t>
  </si>
  <si>
    <t>How to change the border colour for the button and changing the colour for underline in the editText?</t>
  </si>
  <si>
    <t>&lt;p&gt;I have tried many methods but my issues is not solved.I am facing the issue in changing the colour for the border of the button and underline in the editText. In changing the colour of the button the background colour should be transparent but the border of the button should be visible in white colour. EditText underline colour is should be in white. How to create the design like below image.&lt;a href="https://i.stack.imgur.com/XQnWY.jpg" rel="nofollow noreferrer"&gt;&lt;img src="https://i.stack.imgur.com/XQnWY.jpg" alt="enter image description here"&gt;&lt;/a&gt;  &lt;/p&gt;
&lt;p&gt;Please help me how to design Login with Facebook button border is in white colour should be visible and also edittext underline colour should be in white. &lt;/p&gt;</t>
  </si>
  <si>
    <t>2017-03-13 05:45:19.547000+00:00</t>
  </si>
  <si>
    <t>2017-03-15 05:17:20.683000+00:00</t>
  </si>
  <si>
    <t>2017-03-13 07:33:59.393000+00:00</t>
  </si>
  <si>
    <t>android|android-edittext|android-button</t>
  </si>
  <si>
    <t>invalidateLater - Shiny</t>
  </si>
  <si>
    <t>&lt;p&gt;Is there any way to undo the invalidateLater function after it has been turn on?&lt;/p&gt;
&lt;p&gt;You would agree that reactivity is not need all the time, maybe after certain hour, when grabbing of data is no longer needed.  Any suggestion?  &lt;/p&gt;
&lt;p&gt;It is also officially documented that "It's possible to stop this cycle by adding conditional logic that prevents the invalidateLater from being run.", but I cannot find any example to understand how this work.&lt;/p&gt;
&lt;p&gt;Thanks&lt;/p&gt;</t>
  </si>
  <si>
    <t>2017-11-25 12:28:51.147000+00:00</t>
  </si>
  <si>
    <t>2017-11-25 13:31:20.887000+00:00</t>
  </si>
  <si>
    <t>shiny|invalidate</t>
  </si>
  <si>
    <t>Using variables outside the function</t>
  </si>
  <si>
    <t>&lt;p&gt;this is probebly a silly question but I don't know where else to ask this.
I need to call on $conn in the functions below, but if I try to turn it into a global it doesn't work. If someone can explain to me how to use an outside variable inside a function I'd be very grateful.&lt;/p&gt;
&lt;p&gt;Here's my little piece of code:&lt;/p&gt;
&lt;pre&gt;&lt;code&gt;&amp;lt;?php
error_reporting(E_ALL);
ini_set('display_errors', 1);
 //Maak connectie met database
 $host = "localhost";
 $username = "i266161_studie";
 $password = "studie";
 $dbnaam = "test";
 $fout = "Error: Failed to open database";
 $conn = mysqli_connect($host, $username, $password, $dbnaam)
 or die ("Connection failed: ".mysqli_connect_error()); 
function insert_once($conn){
$query = 'INSERT INTO gebruikers (naam, leeftijd, woonplaats)
VALUES ("Henk", 17, "Eindhoven")';
mysqli_query($conn,$query);
}
function insert_twice($conn){
$query = 'INSERT INTO gebruikers (naam, leeftijd, woonplaats)
VALUES ("Bert", 21, "Helmond"), ("Ruud", 32, "Helmond")';
mysqli_query($conn,$query);
}
insert_twice();
?&amp;gt;
&lt;/code&gt;&lt;/pre&gt;</t>
  </si>
  <si>
    <t>2015-07-26 13:07:34.237000+00:00</t>
  </si>
  <si>
    <t>2015-07-26 16:32:13.650000+00:00</t>
  </si>
  <si>
    <t>2015-07-26 13:48:50.623000+00:00</t>
  </si>
  <si>
    <t>encoding issues with XHTML in JSP Page</t>
  </si>
  <si>
    <t>&lt;p&gt;I am using the following in my jsp page&lt;/p&gt;
&lt;pre&gt;&lt;code&gt;&amp;lt;% response.setContentType("application/xhtml+xml"); %&amp;gt;
&lt;/code&gt;&lt;/pre&gt;
&lt;p&gt;and the page renders properly except that some characters do not render correctly, for example the "copyright" character/symbol.&lt;/p&gt;
&lt;p&gt;However, if I use:&lt;/p&gt;
&lt;pre&gt;&lt;code&gt;&amp;lt;% response.setContentType("application/xhtml+xml;charset=UTF-8"); %&amp;gt;
&lt;/code&gt;&lt;/pre&gt;
&lt;p&gt;Internet explorer renders the page as XML document (xml tree displayed) but the good thing is that all characters are resolved and displayed correctly.&lt;/p&gt;
&lt;p&gt;Can anyone shed some light on this?&lt;/p&gt;
&lt;p&gt;Thanks.&lt;/p&gt;</t>
  </si>
  <si>
    <t>2009-12-22 15:39:14.350000+00:00</t>
  </si>
  <si>
    <t>2009-12-23 00:02:36.683000+00:00</t>
  </si>
  <si>
    <t>jsp|xhtml</t>
  </si>
  <si>
    <t>Can I get fcntl and Perl alarms to cooperate?</t>
  </si>
  <si>
    <t>&lt;p&gt;I'm on linux, nfs, with multiple machines involved.&lt;/p&gt;
&lt;p&gt;I'm trying to use fcntl to implement filelocking. I was using flock until I discovered it only works between processes on the same machine.&lt;/p&gt;
&lt;p&gt;Now when I call fcntl with F_SETLKW, perl alarms (for adding a timeout) don't work as before. This would normally be ok, but ctrl-c doesn't really work either.&lt;/p&gt;
&lt;p&gt;What I believe is happening, is that fcntl is only checking for signals every 30 seconds or so. The alarm does come back eventually. The ctrl-c is caught,... eventually.&lt;/p&gt;
&lt;p&gt;Is there anything I can do to adjust the frequency with which fcntl checks for these signals?&lt;/p&gt;</t>
  </si>
  <si>
    <t>2010-09-23 18:56:49.340000+00:00</t>
  </si>
  <si>
    <t>2010-10-30 08:55:43.540000+00:00</t>
  </si>
  <si>
    <t>2010-09-23 19:12:06.793000+00:00</t>
  </si>
  <si>
    <t>perl|locking|nfs|fcntl</t>
  </si>
  <si>
    <t>Record HTTP Audio stream to file</t>
  </si>
  <si>
    <t>&lt;p&gt;In C# I want to record an audio stream &lt;/p&gt;
&lt;p&gt;I am doing something along the lines of:&lt;/p&gt;
&lt;pre&gt;&lt;code&gt;HttpWebRequest req;
req = (HttpWebRequest)WebRequest.Create("http://url.com/stream");
Webresponse resp = req.GetResponse();
Stream s = resp.GetResponseStream();
fs = File.Exists(fileName)
    ? new FileStream(fileName, FileMode.Append)
    : new FileStream(fileName, FileMode.Create);
byte[] buffer = new byte[4096];
while (s.CanRead)
{
    Array.Clear(buffer, 0, buffer.Length);
    total += s.Read(buffer, 0, buffer.Length);
    fs.Write(buffer, 0, buffer.Length);
}
&lt;/code&gt;&lt;/pre&gt;
&lt;p&gt;and the file size grows but can't be played back by &lt;a href="http://www.videolan.org/vlc/" rel="nofollow"&gt;VLC&lt;/a&gt; or any other program.&lt;/p&gt;
&lt;p&gt;This is not my exact code I do a lot of error checking etc, but this gives the general idea.&lt;/p&gt;</t>
  </si>
  <si>
    <t>2011-05-06 17:38:19.043000+00:00</t>
  </si>
  <si>
    <t>2011-05-06 17:56:27.207000+00:00</t>
  </si>
  <si>
    <t>2011-05-06 17:48:41.767000+00:00</t>
  </si>
  <si>
    <t>c#|io|streaming|shoutcast</t>
  </si>
  <si>
    <t>ajax request not executing synchronously?</t>
  </si>
  <si>
    <t>&lt;p&gt;I have this code:&lt;/p&gt;
&lt;pre&gt;&lt;code&gt;let channels = ["freecodecamp","test_channel","ESL_SC2"];
    channels.map(function(channel) {
      function genUrl(type, name) {
        return 'https://wind-bow.gomix.me/twitch-api/' + type + '/' + name + '?callback=?';
      }
        $.ajax({ // 2 ajax requests
          url: genUrl("streams", channel),
          dataType: 'jsonp',
          success: function(data) {
                console.log("data = ",data)
            setState(data);      
            $.ajax({
              url: genUrl("channels", channel),
              dataType: 'jsonp',
              success: function(res) { // res = result
                console.log("res = ",res)
                setState(res);
              },
            });
          },
        });
    });
&lt;/code&gt;&lt;/pre&gt;
&lt;p&gt;but when I log, the resulting ajax isn't executing synchronously. on the map, I am expecting both ajax req to execute the same channel upon req(same index), but it's not, because the result is scrambled.
let's say on the first ajax, the map is executed like &lt;code&gt;["ESL_SC2","freecodecamp","test_channel"]&lt;/code&gt;
and on the second: 
&lt;code&gt;["freecodecamp","test_channel","ESL_SC2"]&lt;/code&gt;
I want the result to be same index as it was declared?&lt;/p&gt;
&lt;pre&gt;&lt;code&gt;let channels = ["freecodecamp","test_channel","ESL_SC2"];
&lt;/code&gt;&lt;/pre&gt;
&lt;p&gt;sample of my resulted logs:&lt;/p&gt;
&lt;pre&gt;&lt;code&gt;data =  {mature: false, status: "RERUN: Zest vs. data =  {mature: false, status: "RERUN: Zest vs. Trust [PvP] - Group B Elimination Map 2 - IEM Gyeonggi 2016", broadcaster_language: "en", display_name: "ESL_SC2", game: "StarCraft II",�����}background: nullbanner: nullbroadcaster_language: "en"created_at: "2012-05-02T09:59:20Z"delay: nulldisplay_name: "ESL_SC2"followers: 192328game: "StarCraft II"language: "en"logo: "https://static-cdn.jtvnw.net/jtv_user_pictures/esl_sc2-profile_image-d6db9488cec97125-300x300.jpeg"mature: falsename: "esl_sc2"partner: trueprofile_banner: "https://static-cdn.jtvnw.net/jtv_user_pictures/esl_sc2-profile_banner-f8295b33d1846e75-480.jpeg"profile_banner_background_color: "#050506"status: "RERUN: Zest vs. Trust [PvP] - Group B Elimination Map 2 - IEM Gyeonggi 2016"updated_at: "2017-09-05T18:05:46Z"url: "https://www.twitch.tv/esl_sc2"video_banner: "https://static-cdn.jtvnw.net/jtv_user_pictures/esl_sc2-channel_offline_image-5a8657f8393c9d85-1920x1080.jpeg"views: 68095345_id: 30220059_links: {self: "https://api.twitch.tv/kraken/channels/esl_sc2", follows: "https://api.twitch.tv/kraken/channels/esl_sc2/follows", commercial: "https://api.twitch.tv/kraken/channels/esl_sc2/commercial", stream_key: "https://api.twitch.tv/kraken/channels/esl_sc2/stream_key", chat: "https://api.twitch.tv/kraken/chat/esl_sc2",�����}__proto__: Object
 data =  {mature: false, status: "TESTING  TESTING   TESTING", broadcaster_language: null, display_name: "test_channel", game: null,�����}
 data =  {mature: false, status: "Some GoLang Today #go #golang #youtube", broadcaster_language: "en", display_name: "FreeCodeCamp", game: "Creative",�����}
res =  {stream: null, _links: {���}}
res =  {stream: {���}, _links: {���}}
res =  {stream: null, _links: {���}}
&lt;/code&gt;&lt;/pre&gt;
&lt;p&gt;what I am trying to say here is like, on the first index of data let's say it's a result by "freecodecamp" as argument but on the 1st index res it's not "freecodecamp" being evaluated, it's "test_channel", so upon the execution of the map, I assume the response is long so it evaluates the next index? so in other words 1st index of data and 1st index of res is not match&lt;/p&gt;</t>
  </si>
  <si>
    <t>2017-09-05 18:41:16.867000+00:00</t>
  </si>
  <si>
    <t>2017-09-05 19:39:14.797000+00:00</t>
  </si>
  <si>
    <t>2017-09-05 19:06:52.990000+00:00</t>
  </si>
  <si>
    <t>Project Euler #3 in Ruby solution times out</t>
  </si>
  <si>
    <t>&lt;p&gt;I'm going through a few of the Project Euler problems to practice problem solving using Ruby.  I came  up with the following solution for problem 3, and while it works for smaller numbers, it never seems to return a value for larger numbers.  Is this because of something to do with Bignum?  Can someone describe to me why it's timing out, and better way to solve this problem  (preferably with reasoning/info on what's going on behind the scenes.  I'm trying to &lt;em&gt;understand&lt;/em&gt;)&lt;/p&gt;
&lt;p&gt;Project Euler problem:&lt;/p&gt;
&lt;p&gt;The prime factors of 13195 are 5, 7, 13 and 29.
What is the largest prime factor of the number 600851475143 ?&lt;/p&gt;
&lt;p&gt;My solution:&lt;/p&gt;
&lt;pre&gt;&lt;code&gt;def primecheck(number)
  (2...number).each { |x| return false if number % x == 0}
  true
end
def largestprime(number1)
  factors = []
    (1..number1).each do |i|
      if number1 % i == 0 &amp;amp;&amp;amp; primecheck(i)
        factors &amp;lt;&amp;lt; i
      end
    end
puts "The answer is #{factors.last}"
end
largestprime(600_851_475_143)
&lt;/code&gt;&lt;/pre&gt;</t>
  </si>
  <si>
    <t>2013-05-10 02:37:10.320000+00:00</t>
  </si>
  <si>
    <t>2017-01-10 22:43:30.170000+00:00</t>
  </si>
  <si>
    <t>2015-01-22 17:11:01.817000+00:00</t>
  </si>
  <si>
    <t>print dynamic array in c language</t>
  </si>
  <si>
    <t>&lt;p&gt;i try to get numbers from my user and this is my function,&lt;/p&gt;
&lt;p&gt;my function get arr as pointer and set it to a new array and return the counter of the number that i get for printing.&lt;/p&gt;
&lt;p&gt;but when i try to print the array i get an ERROR that ther is noting&lt;/p&gt;
&lt;pre&gt;&lt;code&gt;int GetNumber(int *arr)
{
    int n,i=0;
    int *temp;
    temp = (int*)calloc(1,sizeof(int));
    assert(temp);
    scanf("%d",&amp;amp;n);
    while(n != -1)
    {
        i++;
        temp = (int*) realloc(temp,i*sizeof(int));
        assert(temp);
        temp[i-1] = n;
        scanf("%d",&amp;amp;n);
    }
    arr = temp;
    return i;
}
&lt;/code&gt;&lt;/pre&gt;</t>
  </si>
  <si>
    <t>2017-05-27 21:16:44.307000+00:00</t>
  </si>
  <si>
    <t>2017-05-27 21:21:54.387000+00:00</t>
  </si>
  <si>
    <t>How do you break a persistent login in a Codeception acceptance test?</t>
  </si>
  <si>
    <t>&lt;p&gt;I recently took on a new role at work in the form of using Codeception to create acceptance tests. As this is a learning experience for me I have been dumping a lot of questions onto Stack Overflow. Thanks for all of your help! But here is my newest dilemma. First of all, I am running a cept test. First, it logs in to a website, runs a bunch of tests, then logs out:&lt;/p&gt;
&lt;pre&gt;&lt;code&gt;$I-&amp;gt;am('user');
$I-&amp;gt;amOnPage('/');
$I-&amp;gt;wait('2');
$I-&amp;gt;amOnPage('?realm=ab-cd');
$I-&amp;gt;amGoingTo('Login to website');
$I-&amp;gt;fillField('username', 'REMOVED');
$I-&amp;gt;fillField('password', 'REMOVED');
$I-&amp;gt;click('Sign In');
$I-&amp;gt;expect('Signing In');
// Should be on dashboard
$I-&amp;gt;wait('5');
$I-&amp;gt;see('Dashboard');
$I-&amp;gt;see('Messages');
$I-&amp;gt;see('Assignments');
$I-&amp;gt;see('Reports');
$I-&amp;gt;see('Help');
$I-&amp;gt;click('Sign Out');
$I-&amp;gt;expect('Signed Out');
$I-&amp;gt;wait('5');
$I-&amp;gt;makeScreenshot('Screenshot');
$I-&amp;gt;seeCurrentUrlEquals('/');
&lt;/code&gt;&lt;/pre&gt;
&lt;p&gt;The screen shot it takes is as if it never logged out. I have tried both clicking the sign out button, and also using the id(as above) to select the sign out button. The problem here, is that i have multiple tests running and when this does not sign out, it makes my next test fail. Is there a way to force sign out a user doing a cest test?
I saw in articles about an issue like this a few years ago, but looks like since has been fixed. I tried all recommendations from those articles. Any thoughts?&lt;/p&gt;
&lt;p&gt;The link in question that provides the Sign Out:&lt;/p&gt;
&lt;pre&gt;&lt;code&gt;&amp;lt;button id="log-out" class="red-btn"&amp;gt;Sign Out&amp;lt;/button&amp;gt;
&lt;/code&gt;&lt;/pre&gt;
&lt;p&gt;UPDATE: After adding the line $I-&gt;seeCurrentUrlEquals('/');
        An error occurs:&lt;/p&gt;
&lt;pre&gt;&lt;code&gt;[Facebook\WebDriver\Exception\UnexpectedAlertOpenException] Unexpected modal
dialog (text: Fallback login. Enter password): Fallback login. Enter
password
&lt;/code&gt;&lt;/pre&gt;</t>
  </si>
  <si>
    <t>2016-08-24 19:38:03.397000+00:00</t>
  </si>
  <si>
    <t>2016-08-25 16:02:25.250000+00:00</t>
  </si>
  <si>
    <t>codeception</t>
  </si>
  <si>
    <t>How can a total, complete beginner read source code?</t>
  </si>
  <si>
    <t>&lt;p&gt;I am a complete, total beginner in programming, although I do have knowledge of CSS and HTML.&lt;/p&gt;
&lt;p&gt;I would like to learn Python. I downloaded lots of source code but the amount of files and the complexity really confuses me. I don't know where to begin. Is there a particular order I should look for?&lt;/p&gt;
&lt;p&gt;Thanks.&lt;/p&gt;
&lt;p&gt;EDIT: Sorry guys, I forgot to mention that I already have both the online tutorial and a couple of books handy. I basically I don't quite understand how to "dismantle" and understand complex source code, in order to grasp programming techniques and concepts. &lt;/p&gt;
&lt;p&gt;EDIT2: Thanks for the extremely quick comments, guys. I really appreciate it. This website is awesome.&lt;/p&gt;</t>
  </si>
  <si>
    <t>2009-12-06 09:04:20.397000+00:00</t>
  </si>
  <si>
    <t>2015-07-29 02:36:13.553000+00:00</t>
  </si>
  <si>
    <t>python|coding-style|code-readability</t>
  </si>
  <si>
    <t>How to implement service after installing application in android</t>
  </si>
  <si>
    <t>&lt;p&gt;I want a application , when after installation complete service start without launching activity.&lt;/p&gt;</t>
  </si>
  <si>
    <t>2013-12-23 09:36:26.237000+00:00</t>
  </si>
  <si>
    <t>2013-12-23 10:06:43.123000+00:00</t>
  </si>
  <si>
    <t>How to search for only inventory items using SuiteTalk</t>
  </si>
  <si>
    <t>&lt;p&gt;I'm using C# in VS 2013.&lt;/p&gt;
&lt;p&gt;I use this code:&lt;/p&gt;
&lt;pre&gt;&lt;code&gt;    var request = new ItemSearchBasic
    {
        type = new SearchEnumMultiSelectField
        {
            searchValue = new string[]
            {
                "_inventoryItem"
            },
            @operator = SearchEnumMultiSelectFieldOperator.anyOf,
            operatorSpecified = true
        }
    };
&lt;/code&gt;&lt;/pre&gt;
&lt;p&gt;and I get not just inventory items but other types of item too.&lt;/p&gt;
&lt;p&gt;My soap request looks like this:&lt;/p&gt;
&lt;pre&gt;&lt;code&gt;&amp;lt;soap:Envelope xmlns:xsd="http://www.w3.org/2001/XMLSchema" xmlns:soap="http://schemas.xmlsoap.org/soap/envelope/" xmlns:xsi="http://www.w3.org/2001/XMLSchema-instance"&amp;gt;
    &amp;lt;soap:Header&amp;gt;
        &amp;lt;passport xmlns="urn:messages_2014_2.platform.webservices.netsuite.com"&amp;gt;
            &amp;lt;email xmlns="urn:core_2014_2.platform.webservices.netsuite.com"&amp;gt;xxxxxxxxx&amp;lt;/email&amp;gt;
            &amp;lt;password xmlns="urn:core_2014_2.platform.webservices.netsuite.com"&amp;gt;********************&amp;lt;/password&amp;gt;
            &amp;lt;account xmlns="urn:core_2014_2.platform.webservices.netsuite.com"&amp;gt;xxxxxxxxx&amp;lt;/account&amp;gt;
            &amp;lt;role internalId="3" xmlns="urn:core_2014_2.platform.webservices.netsuite.com"/&amp;gt;
        &amp;lt;/passport&amp;gt;
        &amp;lt;searchPreferences xmlns="urn:messages_2014_2.platform.webservices.netsuite.com"&amp;gt;
            &amp;lt;bodyFieldsOnly&amp;gt;false&amp;lt;/bodyFieldsOnly&amp;gt;
            &amp;lt;pageSize&amp;gt;5&amp;lt;/pageSize&amp;gt;
        &amp;lt;/searchPreferences&amp;gt;
    &amp;lt;/soap:Header&amp;gt;
    &amp;lt;soap:Body&amp;gt;
        &amp;lt;search xmlns="urn:messages_2014_2.platform.webservices.netsuite.com"&amp;gt;
            &amp;lt;searchRecord xsi:type="q1:ItemSearchBasic" xmlns:q1="urn:common_2014_2.platform.webservices.netsuite.com"&amp;gt;
                &amp;lt;q1:type operator="anyOf"&amp;gt;
                    &amp;lt;searchValue xmlns="urn:core_2014_2.platform.webservices.netsuite.com"&amp;gt;_inventoryItem&amp;lt;/searchValue&amp;gt;
                &amp;lt;/q1:type&amp;gt;
            &amp;lt;/searchRecord&amp;gt;
        &amp;lt;/search&amp;gt;
    &amp;lt;/soap:Body&amp;gt;
&amp;lt;/soap:Envelope&amp;gt;
&lt;/code&gt;&lt;/pre&gt;
&lt;p&gt;The NetSuite help does't mention how to filter by item type and I've guessed this method from various non-NetSuite web pages.&lt;/p&gt;
&lt;p&gt;If I remove the filter on type then my search returns inventoryItem, serializedInventoryItem, lotNumberedInventoryItem and nonInventoryPurchaseItem.&lt;/p&gt;
&lt;p&gt;If I use the _inventoryItem filter then I get inventoryItem, serializedInventoryItem and lotNumberedInventoryItem. So maybe NetSuite considers serializedInventoryItem and lotNumberedInventoryItem to both be inventoryItem.&lt;/p&gt;</t>
  </si>
  <si>
    <t>2014-12-23 21:14:38.990000+00:00</t>
  </si>
  <si>
    <t>2015-01-03 15:58:22.187000+00:00</t>
  </si>
  <si>
    <t>c#|web-services|netsuite</t>
  </si>
  <si>
    <t>How to install older version of Firefox on AWS (Ubuntu)?</t>
  </si>
  <si>
    <t>&lt;p&gt;I'm trying to use an older version of Firefox on AWS (running selenium, 55 isn't compatible) but I haven't had any luck. When I try to download the compressed older files, I get&lt;/p&gt;
&lt;pre&gt;&lt;code&gt;(firefox:6186): GConf-WARNING **: Client failed to connect to the D-BUS daemon:
/usr/bin/dbus-launch terminated abnormally without any error message
&lt;/code&gt;&lt;/pre&gt;
&lt;p&gt;Any ways to fix this/alternate ways to download?&lt;/p&gt;</t>
  </si>
  <si>
    <t>2017-09-01 07:58:31.360000+00:00</t>
  </si>
  <si>
    <t>2017-09-01 08:14:33.287000+00:00</t>
  </si>
  <si>
    <t>amazon-web-services|selenium|firefox</t>
  </si>
  <si>
    <t>Remove red border on a field after using MVC unobtrusive validation</t>
  </si>
  <si>
    <t>&lt;p&gt;I am trying to remove the red border on a field after validation. I still want that field to be validated but not have the red border around it. I want red border on the rest of the fields if the validation fails though.&lt;/p&gt;
&lt;p&gt;I tried this and it did not remove the red border on that one field.&lt;/p&gt;
&lt;pre&gt;&lt;code&gt;$(function () {
    $("form").submit(function (e) {
        $(this).validate();
        $(".SomeClass").removeClass("input-validation-error");
        alert();
    });
});
&lt;/code&gt;&lt;/pre&gt;
&lt;p&gt;I did not get any error messages. The alert displayed but the red border remained on that field.&lt;/p&gt;</t>
  </si>
  <si>
    <t>2014-12-31 16:40:06.860000+00:00</t>
  </si>
  <si>
    <t>2014-12-31 17:57:54.423000+00:00</t>
  </si>
  <si>
    <t>2014-12-31 16:50:56.153000+00:00</t>
  </si>
  <si>
    <t>jquery|asp.net-mvc|validation</t>
  </si>
  <si>
    <t>How to modify Totals row in Access 2013</t>
  </si>
  <si>
    <t>&lt;p&gt;I'm trying to modify a total query so that if the amount of the sum surpasses 1000 for example it changes the value in 2 fields. for example, 1000 grams change to 1 kilogram, and vice versa.
For example, if I have 20 items in grams, and the total of the sum of those 20 items is 1200 grams, how do I make it so that it automatically changes it to 1.2 kilograms. How do I make it detect that its over 1000 to convert it from grams to kilograms.&lt;/p&gt;</t>
  </si>
  <si>
    <t>2015-05-21 19:17:28.080000+00:00</t>
  </si>
  <si>
    <t>2015-05-21 20:08:40.967000+00:00</t>
  </si>
  <si>
    <t>2015-05-21 19:52:24.740000+00:00</t>
  </si>
  <si>
    <t>database|ms-access</t>
  </si>
  <si>
    <t>knockout.js 2.1 and multiple select binding bug</t>
  </si>
  <si>
    <t>&lt;p&gt;Im not sure if this is a bug or not but knockout.js 2.1 doesn't work with this sample when 1.2.1 does.
&lt;a href="http://jsfiddle.net/gurkavcu/kKNtv/" rel="nofollow"&gt;http://jsfiddle.net/gurkavcu/kKNtv/&lt;/a&gt;&lt;/p&gt;
&lt;p&gt;Update the external resource to use 2.1 and it stops working:
&lt;a href="http://cloud.github.com/downloads/SteveSanderson/knockout/knockout-2.1.0.js" rel="nofollow"&gt;http://cloud.github.com/downloads/SteveSanderson/knockout/knockout-2.1.0.js&lt;/a&gt;&lt;/p&gt;
&lt;pre&gt;&lt;code&gt;dataList = [ {name:'length1',id:1},
             {name:'length2',id:2},
             {name:'length3',id:3},
             {name:'length4',id:4},
             {name:'length5',id:5} ]
var editOfferViewModel = { 
    selectedLength: ko.observable(),
    multiSelectedLength: ko.observableArray()    
}; 
ko.applyBindings(editOfferViewModel); 
$(document).ready(function() {
    editOfferViewModel.selectedLength(2);
    editOfferViewModel.multiSelectedLength(['2','3']);
});
&lt;/code&gt;&lt;/pre&gt;</t>
  </si>
  <si>
    <t>2012-05-28 05:57:19.510000+00:00</t>
  </si>
  <si>
    <t>2012-05-28 22:10:09.807000+00:00</t>
  </si>
  <si>
    <t>knockout.js</t>
  </si>
  <si>
    <t>How to find the process id with the help of the sql transaction id in mysql</t>
  </si>
  <si>
    <t>&lt;p&gt;Below are the two transactions(1054674323,1054543833) working on one table. The transaction(1054543833) is locking the table more than 2 hours and not allowing for other queries on same table. &lt;/p&gt;
&lt;pre&gt;&lt;code&gt;lock_id                         lock_trx_id     lock_mode       lock_type       
1054674323:65023:2362:49        1054674323      X       RECORD  
1054543833:65023:2362:49        1054543833      X       RECORD  
&lt;/code&gt;&lt;/pre&gt;
&lt;p&gt;Could you please tell me how to find the process ID of the 1054543833 transaction?&lt;/p&gt;</t>
  </si>
  <si>
    <t>2017-02-08 18:16:15.067000+00:00</t>
  </si>
  <si>
    <t>2017-02-08 18:32:25.570000+00:00</t>
  </si>
  <si>
    <t>2017-02-08 18:25:56.133000+00:00</t>
  </si>
  <si>
    <t>mysql|performance|transactions</t>
  </si>
  <si>
    <t>BiqQuery which tool is used to produce reports online?</t>
  </si>
  <si>
    <t>&lt;p&gt;I'am new to BigQuery and I come to Google cloud from "oracle forms/reports"...
Can someone give me some direction which tool is used to produce some kind of report connected to BigQuery? 
For now I have tried to export BigQuery datas into CSV and use that data in Excel or some other program..&lt;/p&gt;
&lt;p&gt;thank you&lt;/p&gt;</t>
  </si>
  <si>
    <t>2015-05-29 06:30:20.803000+00:00</t>
  </si>
  <si>
    <t>2015-05-29 16:12:37.447000+00:00</t>
  </si>
  <si>
    <t>2015-05-29 14:36:12.657000+00:00</t>
  </si>
  <si>
    <t>report|google-bigquery</t>
  </si>
  <si>
    <t>C write uint16 to file got Error</t>
  </si>
  <si>
    <t>&lt;p&gt;My operation-system is window,I want to write my data to a pcm with 16bit.Here is my code:&lt;/p&gt;
&lt;pre&gt;&lt;code&gt;typedef unsigned short uint16;
void write2PCM(char* file_path, int length, double* data) {
FILE* file=NULL;
file = fopen(file_path, "wb+");
for (int i = 0; i &amp;lt; length; i++) {
    uint16 val=data[i]*10000;
    uint16 fin_val = (val &amp;gt;&amp;gt; 8 &amp;amp; 0x00ff) | (val &amp;lt;&amp;lt; 8 &amp;amp; 0xff00);
    fwrite(fin_val,sizeof(fin_val),1,file);
}
fclose;}
&lt;/code&gt;&lt;/pre&gt;
&lt;p&gt;and when I invoke it,I got Error in the place  of  fwrite:
"An access violation occurred while reading location 0x....",
 I can see the file has been created successfully,so I don't konw why this Error occured.&lt;/p&gt;</t>
  </si>
  <si>
    <t>2017-07-27 08:21:24.153000+00:00</t>
  </si>
  <si>
    <t>2017-07-27 08:30:38.843000+00:00</t>
  </si>
  <si>
    <t>c|fwrite|uint16</t>
  </si>
  <si>
    <t>How to evaluate TWave instance of Sympy Optics module?</t>
  </si>
  <si>
    <t>&lt;p&gt;I have problem evaluating the TWave instance of Sympy optics module.&lt;/p&gt;
&lt;p&gt;At first, I tried with &lt;code&gt;lambdify()&lt;/code&gt; using this code:&lt;/p&gt;
&lt;pre&gt;&lt;code&gt;from sympy import symbols
from sympy.physics.optics import TWave
import numpy as np
A, f, phi = symbols('A f phi')
wave = TWave(A, f, phi)
# the evaluation
xpoint = tpoint = np.linspace(0, 10, 100)
fb = lambdify([A, f, phi, x, t, n], wave.rewrite('cos'))
fb(1, 1000, 0.5*np.pi, xpoint, tpoint, 1)
&lt;/code&gt;&lt;/pre&gt;
&lt;p&gt;However, I got this error: &lt;code&gt;AttributeError: 'Float' object has no attribute 'cos'&lt;/code&gt; instead.&lt;/p&gt;
&lt;hr&gt;
&lt;p&gt;Then I try a simple &lt;code&gt;evalf()&lt;/code&gt; for just one point, just to make sure.&lt;/p&gt;
&lt;pre&gt;&lt;code&gt;# evaluation with evalf()
data = {
    'A0': 1,
    'f' : 100,
    'phi' : np.pi/2,
}
ff = wave.subs(data).rewrite('cos')
ff
# result: TWave instance, rewritten in cosine term, with variable substituted
&lt;/code&gt;&lt;/pre&gt;
&lt;p&gt;Now, what came afterward made me wonder:
At a glance, I saw that there are 3 variables that need to be substituted, namely &lt;code&gt;x, t, n&lt;/code&gt;. However, when I tried this:&lt;/p&gt;
&lt;pre&gt;&lt;code&gt;ff.subs({'x':1, 't':10, 'n':1})
&lt;/code&gt;&lt;/pre&gt;
&lt;p&gt;I got &lt;code&gt;ValueError: summation of quantities of incompatible dimensions&lt;/code&gt; error instead. I tried to remove the &lt;code&gt;n&lt;/code&gt; from the subs dictionary:&lt;/p&gt;
&lt;pre&gt;&lt;code&gt;ff.subs({'x':1, 't':10})
&lt;/code&gt;&lt;/pre&gt;
&lt;p&gt;it worked, but with &lt;code&gt;n&lt;/code&gt; still a symbolic instance. Thus, I cannot get any numeric value out of &lt;code&gt;ff.subs({'x':1, 't':10}).evalf()&lt;/code&gt;&lt;/p&gt;
&lt;p&gt;Any idea? I just want to be able to evaluate the transverse wave value at any given point(s).&lt;/p&gt;
&lt;p&gt;Thanks,&lt;/p&gt;
&lt;p&gt;PS: might not relevant, but I'm using Sympy 1.2 on Anaconda&lt;/p&gt;</t>
  </si>
  <si>
    <t>2018-09-26 15:51:14.590000+00:00</t>
  </si>
  <si>
    <t>2018-09-26 19:42:59.757000+00:00</t>
  </si>
  <si>
    <t>python|sympy</t>
  </si>
  <si>
    <t>Learning java custom exceptions, need to change implementation somehow</t>
  </si>
  <si>
    <t>&lt;p&gt;I'm learning java, I'm supposed to add an exception handler to a class for a fixed queue. It seems the interface needs to be changed but I'm not sure how.&lt;/p&gt;
&lt;p&gt;Code: &lt;/p&gt;
&lt;pre&gt;&lt;code&gt;//ICharQ.java
package qpack;
public interface ICharQ {
    void put(char ch);
    char get();
    void reset();
}
//QExcDemo.java
package qpack;
class QueueFullException extends Exception {
    int size;
    QueueFullException(int s) { size = s; }
    public String toString() {
        return "\nQueue is full. Max size is " + size;
    }
}
class QueueEmptyException extends Exception {
    public String toString() {
        return "\nQueue is empty.";
    }
}
//Excerpt from IQClasses.java
package qpack;
class FixedQueue implements ICharQ {
        private char q[];
        private int putloc, getloc;
        public FixedQueue(int size) {
                q = new char[size+1];
                putloc = getloc = 0;
        }
        public void put(char ch)
         throws QueueFullException {
                if (putloc == q.length-1)
                        throw new QueueFullException(q.length-1);
                putloc++;
                q[putloc] = ch;
        }
        public char get()
         throws QueueEmptyException {
                if (getloc == putloc)
                        throw new QueueEmptyException();
                getloc++;
                return q[getloc];
        }
        public void reset() {
                putloc = getloc = 0;
        }
}
&lt;/code&gt;&lt;/pre&gt;
&lt;p&gt;Compiler output...&lt;/p&gt;
&lt;pre&gt;&lt;code&gt;qpack/IQClasses.java:22: error: get() in FixedQueue cannot implement get() in ICharQ
public char get() 
            ^
   overridden method does not throw QueueEmptyException
qpack/IQClasses.java:12: error: put(char) in FixedQueue cannot implement put(char) in ICharQ
public void put(char ch) 
            ^
   overridden method does not throw QueueFullException
&lt;/code&gt;&lt;/pre&gt;
&lt;p&gt;2 errors&lt;/p&gt;</t>
  </si>
  <si>
    <t>2012-11-06 08:35:03.233000+00:00</t>
  </si>
  <si>
    <t>2012-11-06 08:51:40.453000+00:00</t>
  </si>
  <si>
    <t>2012-11-06 08:38:44.673000+00:00</t>
  </si>
  <si>
    <t>How to install .apk file in android studio?</t>
  </si>
  <si>
    <t>&lt;p&gt;I am new to android studio (1.5.1) and would like to open an &lt;code&gt;*.APK&lt;/code&gt; extension file. Please tell me steps to open the file in android studio.&lt;/p&gt;</t>
  </si>
  <si>
    <t>2015-12-18 12:26:32.380000+00:00</t>
  </si>
  <si>
    <t>2015-12-18 13:58:45.650000+00:00</t>
  </si>
  <si>
    <t>2015-12-18 13:48:10.517000+00:00</t>
  </si>
  <si>
    <t>android-studio|adb|apk</t>
  </si>
  <si>
    <t>Is it important to check if the sensors are supported before reading any values from them?</t>
  </si>
  <si>
    <t>&lt;p&gt;I'm developing an application based mainly on the sensors.&lt;/p&gt;
&lt;p&gt;I just want to know whether or not it is important to check if the sensor is supported before acquiring values from it? and what is the best way to perform such a check?&lt;/p&gt;
&lt;p&gt;For an Example: 
1- should write the following code as a preliminary step before reading any values from the sensor? &lt;/p&gt;
&lt;p&gt;2-Is there any better way to make such a check?&lt;/p&gt;
&lt;p&gt;&lt;strong&gt;Sample Code&lt;/strong&gt;:&lt;/p&gt;
&lt;pre&gt;&lt;code&gt;public void onCreate(Bundle savedInstanceState) {
    super.onCreate(savedInstanceState);
    setContentView(R.layout.sensorssystemservice);
    getDefaultSensor();
    if (registerSensors() !=null) ) {
      //....
     //.....
}
private void getDefaultSensor() {
    sm=(SensorManager)getSystemService(SENSOR_SERVICE);        
    mAccelerometer = sm.getDefaultSensor(Sensor.TYPE_ACCELEROMETER);
           }
private boolean registerSensor() {
     return sm.registerListener(this, mAccelerometer,SensorManager.SENSOR_DELAY_NORMAL);
&lt;/code&gt;&lt;/pre&gt;
&lt;p&gt;}'&lt;/p&gt;</t>
  </si>
  <si>
    <t>2012-04-16 07:56:33.580000+00:00</t>
  </si>
  <si>
    <t>2012-04-20 07:52:53.453000+00:00</t>
  </si>
  <si>
    <t>android|sensor</t>
  </si>
  <si>
    <t>ISB instruction in ARM Cortex M</t>
  </si>
  <si>
    <t>&lt;p&gt;Untill now I used 3 NOPs in order to "clean" the pipeline.
Recently I encountered the ISB instruction that does that for me.
Viewing the arm info center I noticed that this command takes 4 cycles (Under Cortex M0) and the 3 NOPs takes only 3.&lt;/p&gt;
&lt;p&gt;Why should I use this command? What is it different from the 3 NOPs?&lt;/p&gt;</t>
  </si>
  <si>
    <t>2017-01-22 11:25:44.430000+00:00</t>
  </si>
  <si>
    <t>2017-11-23 12:24:57.540000+00:00</t>
  </si>
  <si>
    <t>2017-02-15 18:07:15.867000+00:00</t>
  </si>
  <si>
    <t>arm|instructions|cortex-m</t>
  </si>
  <si>
    <t>Can SQL Query which is provided the same parameters return different data when run through java vs mySQL database?</t>
  </si>
  <si>
    <t>&lt;p&gt;I have two queries: (one is computing sum of records while the other is selecting all the records)&lt;/p&gt;
&lt;pre&gt;&lt;code&gt;Query 1: 
select sum(tb_nominal) from tb_sec_tran where tb_account_id = 112 and tb_security_id = 234 
and trunc(tb_execution_time) &amp;lt; trunc(to_date('31-12-2017','dd-mm-yyyy');
Query 2: select tb_nominal from tb_sec_tran where tb_account_id = 112 and tb_security_id = 
234 and trunc(tb_execution_time) &amp;lt; trunc(to_date('31-12-2017','dd-mm-yyyy');
&lt;/code&gt;&lt;/pre&gt;
&lt;p&gt;&lt;strong&gt;What lies in database.&lt;/strong&gt;&lt;/p&gt;
&lt;pre&gt;&lt;code&gt;tb_nominal | tb_execution_time
520        | 08-MAR-17
486        | 04-JAN-18
520        | 01-JAN-18
-520       | 31-DEC-17
&lt;/code&gt;&lt;/pre&gt;
&lt;p&gt;&lt;strong&gt;Case 1:&lt;/strong&gt; I ran these two queries on the database(sql developer). For the first query, I am getting 520.0 as the output. For the second query, I am getting 1 record in output with tb_nominal=520.0.&lt;/p&gt;
&lt;p&gt;&lt;strong&gt;Case 2:&lt;/strong&gt; on java platform, I have implemented the below code:&lt;/p&gt;
&lt;pre&gt;&lt;code&gt;PreparedStatement pstmt = null;
ResultSet rs = null;
Double sum = null;
StringBuffer sql = new StringBuffer(" select sum(tb_nominal) from tb_sec_tran where 
tb_account_id = ? and tb_security_id = ? and trunc(tb_execution_time) &amp;lt; trunc(?) ");
pstmt = m_Connection.prepareStatement(sql.toString());
pstmt.setLong(1, spekuVO.getContent().getAccountId());
pstmt.setLong(2, spekuVO.getContent().getInstrumentId());
pstmt.setDate(3, toDate.getSQLDatum());
rs = pstmt.executeQuery();
if (rs.next()) {
   sum = rs.getDouble(1);
 }
&lt;/code&gt;&lt;/pre&gt;
&lt;p&gt;&lt;strong&gt;Problem:&lt;/strong&gt; So when I run the code, instead of 520.0 nominal value, I am getting the sum as 0.0 which is different from the what was returned on the database. Similarly if I make a change in the sql variable by deleting the sum word to make it similar to the query 2, I get two records as in the image which i have attached. &lt;/p&gt;
&lt;p&gt;I am completely baffled by the strange behavior. Is there any change made in the processing of JAVA 8 compared to JAVA 6 related to this?
Kindly suggest me if any reason exist for this behavior.&lt;/p&gt;</t>
  </si>
  <si>
    <t>2018-07-06 09:46:32.903000+00:00</t>
  </si>
  <si>
    <t>2018-07-06 10:23:31.297000+00:00</t>
  </si>
  <si>
    <t>java|oracle|hibernate|prepared-statement|resultset</t>
  </si>
  <si>
    <t>find out the year of a UTC-date integer with javascript</t>
  </si>
  <si>
    <t>&lt;p&gt;How could I find out the year of a UTC-date integer in javascript?
thnx!&lt;/p&gt;</t>
  </si>
  <si>
    <t>2012-05-07 11:15:39.157000+00:00</t>
  </si>
  <si>
    <t>2012-05-07 11:17:05.807000+00:00</t>
  </si>
  <si>
    <t>javascript|date|utc</t>
  </si>
  <si>
    <t>Spring MVC Mysql Spring-Security</t>
  </si>
  <si>
    <t>&lt;p&gt;I'm having a problem trying to figure out what went wrong with my code.
I'm trying to create a user and role management using spring mvc + hibernate + mysql but what happens is all of my page return http 404&lt;/p&gt;
&lt;p&gt;my web.xml&lt;/p&gt;
&lt;pre&gt;&lt;code&gt;    &amp;lt;?xml version="1.0" encoding="UTF-8"?&amp;gt;
    &amp;lt;web-app version="2.5" xmlns="http://java.sun.com/xml/ns/javaee"
xmlns:xsi="http://www.w3.org/2001/XMLSchema-instance"
xsi:schemaLocation="http://java.sun.com/xml/ns/javaee http://java.sun.com/xml/ns/javaee/web-app_2_5.xsd"&amp;gt;
&amp;lt;!-- The definition of the Root Spring Container shared by all Servlets and Filters --&amp;gt;
&amp;lt;context-param&amp;gt;
    &amp;lt;param-name&amp;gt;contextConfigLocation&amp;lt;/param-name&amp;gt;
    &amp;lt;param-value&amp;gt;/WEB-INF/spring/root-context.xml&amp;lt;/param-value&amp;gt;
&amp;lt;/context-param&amp;gt;
&amp;lt;!-- Creates the Spring Container shared by all Servlets and Filters --&amp;gt;
&amp;lt;listener&amp;gt;
    &amp;lt;listener-class&amp;gt;org.springframework.web.context.ContextLoaderListener&amp;lt;/listener-class&amp;gt;
&amp;lt;/listener&amp;gt;
&amp;lt;!-- Processes application requests --&amp;gt;
&amp;lt;servlet&amp;gt;
    &amp;lt;servlet-name&amp;gt;appServlet&amp;lt;/servlet-name&amp;gt;
    &amp;lt;servlet-class&amp;gt;org.springframework.web.servlet.DispatcherServlet&amp;lt;/servlet-class&amp;gt;
    &amp;lt;init-param&amp;gt;
        &amp;lt;param-name&amp;gt;contextConfigLocation&amp;lt;/param-name&amp;gt;
        &amp;lt;param-value&amp;gt;/WEB-INF/spring/appServlet/servlet-context.xml&amp;lt;/param-value&amp;gt;
    &amp;lt;/init-param&amp;gt;
    &amp;lt;load-on-startup&amp;gt;1&amp;lt;/load-on-startup&amp;gt;
&amp;lt;/servlet&amp;gt;
&amp;lt;servlet-mapping&amp;gt;
    &amp;lt;servlet-name&amp;gt;appServlet&amp;lt;/servlet-name&amp;gt;
    &amp;lt;url-pattern&amp;gt;/&amp;lt;/url-pattern&amp;gt;
&amp;lt;/servlet-mapping&amp;gt;
&amp;lt;!-- Spring Security --&amp;gt; 
&amp;lt;filter&amp;gt;
    &amp;lt;filter-name&amp;gt;springSecurityFilterChain&amp;lt;/filter-name&amp;gt;
    &amp;lt;filter-class&amp;gt;
              org.springframework.web.filter.DelegatingFilterProxy
            &amp;lt;/filter-class&amp;gt;
&amp;lt;/filter&amp;gt;
&amp;lt;filter-mapping&amp;gt;
    &amp;lt;filter-name&amp;gt;springSecurityFilterChain&amp;lt;/filter-name&amp;gt;
    &amp;lt;url-pattern&amp;gt;/*&amp;lt;/url-pattern&amp;gt;
&amp;lt;/filter-mapping&amp;gt;
&lt;/code&gt;&lt;/pre&gt;
&lt;p&gt;&lt;/p&gt;
&lt;p&gt;servlet-context.xml&lt;/p&gt;
&lt;pre&gt;&lt;code&gt;   &amp;lt;?xml version="1.0" encoding="UTF-8"?&amp;gt;
   &amp;lt;beans xmlns="http://www.springframework.org/schema/beans"
xmlns:xsi="http://www.w3.org/2001/XMLSchema-instance"                     xmlns:p="http://www.springframework.org/schema/p"
xmlns:aop="http://www.springframework.org/schema/aop" xmlns:context="http://www.springframework.org/schema/context"
xmlns:jee="http://www.springframework.org/schema/jee" xmlns:tx="http://www.springframework.org/schema/tx"
xmlns:task="http://www.springframework.org/schema/task" xmlns:mvc="http://www.springframework.org/schema/mvc"
xmlns:security="http://www.springframework.org/schema/security"
xsi:schemaLocation="http://www.springframework.org/schema/aop 
http://www.springframework.org/schema/aop/spring-aop-3.2.xsd 
http://www.springframework.org/schema/beans 
http://www.springframework.org/schema/beans/spring-beans-3.2.xsd 
http://www.springframework.org/schema/context 
http://www.springframework.org/schema/context/spring-context-3.2.xsd 
http://www.springframework.org/schema/jee 
http://www.springframework.org/schema/jee/spring-jee-3.2.xsd 
http://www.springframework.org/schema/mvc
http://www.springframework.org/schema/mvc/spring-mvc-3.2.xsd
http://www.springframework.org/schema/tx 
http://www.springframework.org/schema/tx/spring-tx-3.2.xsd 
http://www.springframework.org/schema/task 
http://www.springframework.org/schema/task/spring-task-3.2.xsd
http://www.springframework.org/schema/security
http://www.springframework.org/schema/security/spring-security-3.2.xsd"&amp;gt;
&amp;lt;!-- DispatcherServlet Context: defines this servlet's request-processing 
    infrastructure --&amp;gt;
&amp;lt;mvc:annotation-driven /&amp;gt;
&amp;lt;tx:annotation-driven /&amp;gt;
&amp;lt;context:component-scan base-package="com.spring.userman" /&amp;gt;
&amp;lt;context:component-scan base-package="com.spring.userman.service" /&amp;gt;
&amp;lt;context:component-scan base-package="com.spring.userman.dao" /&amp;gt;
&amp;lt;context:component-scan base-package="com.spring.userman.model" /&amp;gt;
&amp;lt;!-- Resolves views selected for rendering by @Controllers to .jsp resources 
    in the /WEB-INF/views directory --&amp;gt;
&amp;lt;bean
    class="org.springframework.web.servlet.view.InternalResourceViewResolver"&amp;gt;
    &amp;lt;property name="prefix" value="/WEB-INF/views/" /&amp;gt;
    &amp;lt;property name="suffix" value=".jsp" /&amp;gt;
&amp;lt;/bean&amp;gt;
&amp;lt;bean id="dataSource" class="org.apache.commons.dbcp.BasicDataSource"
    destroy-method="close"&amp;gt;
    &amp;lt;property name="driverClassName" value="com.mysql.jdbc.Driver" /&amp;gt;
    &amp;lt;property name="url" value="jdbc:mysql://localhost:3306/springtest" /&amp;gt;
    &amp;lt;property name="username" value="root" /&amp;gt;
    &amp;lt;property name="password" value="root" /&amp;gt;
&amp;lt;/bean&amp;gt;
&amp;lt;bean id="sessionFactory"
    class="org.springframework.orm.hibernate4.LocalSessionFactoryBean"&amp;gt;
    &amp;lt;property name="dataSource" ref="dataSource"&amp;gt;&amp;lt;/property&amp;gt;
    &amp;lt;property name="annotatedClasses"&amp;gt;
        &amp;lt;list&amp;gt;
            &amp;lt;value&amp;gt;com.spring.userman.model.Role&amp;lt;/value&amp;gt;
            &amp;lt;value&amp;gt;com.spring.userman.model.User&amp;lt;/value&amp;gt;
        &amp;lt;/list&amp;gt;
    &amp;lt;/property&amp;gt;
    &amp;lt;property name="hibernateProperties"&amp;gt;
        &amp;lt;props&amp;gt;
            &amp;lt;prop key="hibernate.dialect"&amp;gt;org.hibernate.dialect.MySQL5Dialect&amp;lt;/prop&amp;gt;
            &amp;lt;prop key="hibernate.show_sql"&amp;gt;true&amp;lt;/prop&amp;gt;
        &amp;lt;/props&amp;gt;
    &amp;lt;/property&amp;gt;
&amp;lt;/bean&amp;gt;
&amp;lt;bean id="transactionManager"
    class="org.springframework.orm.hibernate4.HibernateTransactionManager"
    p:sessionFactory-ref="sessionFactory"&amp;gt;
&amp;lt;/bean&amp;gt; 
&lt;/code&gt;&lt;/pre&gt;
&lt;p&gt;&lt;/p&gt;
&lt;p&gt;root-context.xml&lt;/p&gt;
&lt;pre&gt;&lt;code&gt;    &amp;lt;?xml version="1.0" encoding="UTF-8"?&amp;gt;
    &amp;lt;beans xmlns="http://www.springframework.org/schema/beans"
xmlns:xsi="http://www.w3.org/2001/XMLSchema-instance"    xmlns:security="http://www.springframework.org/schema/security"
xmlns:context="http://www.springframework.org/schema/context"
xsi:schemaLocation="
http://www.springframework.org/schema/beans
http://www.springframework.org/schema/beans/spring-beans.xsd
http://www.springframework.org/schema/context 
http://www.springframework.org/schema/context/spring-context-3.2.xsd 
http://www.springframework.org/schema/security
http://www.springframework.org/schema/security/spring-security-3.2.xsd"&amp;gt;
&amp;lt;!-- Root Context: defines shared resources visible to all other web components --&amp;gt;
&amp;lt;context:component-scan base-package="com.spring.userman" /&amp;gt;
&amp;lt;context:component-scan base-package="com.spring.userman.service" /&amp;gt;
&amp;lt;context:component-scan base-package="com.spring.userman.dao" /&amp;gt;
&amp;lt;context:component-scan base-package="com.spring.userman.model" /&amp;gt;
&amp;lt;security:http auto-config="true"&amp;gt;
    &amp;lt;security:intercept-url pattern="/sec/moderation"
        access="ROLE_MODERATOR" /&amp;gt;
    &amp;lt;security:intercept-url pattern="/admin/"
        access="ROLE_ADMIN" /&amp;gt;
    &amp;lt;security:form-login login-page="/user-login"
        default-target-url="/success-login" authentication-failure-url="/error-login" /&amp;gt;
    &amp;lt;security:logout logout-success-url="/index" /&amp;gt;
&amp;lt;/security:http&amp;gt;
&amp;lt;security:authentication-manager&amp;gt;
    &amp;lt;security:authentication-provider user-service-ref="customUserDetailsService"&amp;gt;
        &amp;lt;security:password-encoder hash="plaintext" /&amp;gt;
    &amp;lt;/security:authentication-provider&amp;gt;
&amp;lt;/security:authentication-manager&amp;gt;
&lt;/code&gt;&lt;/pre&gt;
&lt;p&gt;&lt;/p&gt;
&lt;p&gt;I suspect the problem come from the security:authencation-manager, because when I replace the authentication provider with a hardcoded user I can access all of my page without the 404 error.&lt;/p&gt;
&lt;p&gt;Thank you&lt;/p&gt;</t>
  </si>
  <si>
    <t>2014-03-15 02:41:54.660000+00:00</t>
  </si>
  <si>
    <t>2014-03-15 04:58:42.930000+00:00</t>
  </si>
  <si>
    <t>spring-mvc</t>
  </si>
  <si>
    <t>application on cloud</t>
  </si>
  <si>
    <t>&lt;p&gt;I want to start writing application on cloud. Is there any software or free cloud which I can use?Is there any document which can help me to start?                                                                                 &lt;/p&gt;</t>
  </si>
  <si>
    <t>2011-07-28 05:03:12.090000+00:00</t>
  </si>
  <si>
    <t>2011-07-28 05:07:17.207000+00:00</t>
  </si>
  <si>
    <t>cloud</t>
  </si>
  <si>
    <t>HtmlUnit is throwing Out Of Memory and maybe leaking memory</t>
  </si>
  <si>
    <t>&lt;p&gt;I use Selenium with HtmlUnitDriver with javascript enabled and I get Out Of Memory errors (I use Java). I just browse the same page. I am only using a single GET command. Which is the solution to overcome the situation?&lt;/p&gt;</t>
  </si>
  <si>
    <t>2011-09-23 21:53:10.637000+00:00</t>
  </si>
  <si>
    <t>2013-01-08 08:42:37.687000+00:00</t>
  </si>
  <si>
    <t>2012-09-23 17:51:28.897000+00:00</t>
  </si>
  <si>
    <t>java|selenium|htmlunit</t>
  </si>
  <si>
    <t>Python - get regular expression from .txt</t>
  </si>
  <si>
    <t>&lt;p&gt;How can you open a .txt file in Python and get the exact string as it is in the file?&lt;/p&gt;
&lt;p&gt;I have a text file containing regular expression e.g.:&lt;/p&gt;
&lt;pre&gt;&lt;code&gt;\\*(.*?)\\n
&lt;/code&gt;&lt;/pre&gt;
&lt;p&gt;When I open the file in Python:&lt;/p&gt;
&lt;pre&gt;&lt;code&gt;open('regEx.txt', 'r')
&lt;/code&gt;&lt;/pre&gt;
&lt;p&gt;I'm getting:&lt;/p&gt;
&lt;pre&gt;&lt;code&gt;\\\\*(.*?)\\\\n
&lt;/code&gt;&lt;/pre&gt;
&lt;p&gt;Is there a way to open this file and get the string exactly as it is written in the file?&lt;/p&gt;</t>
  </si>
  <si>
    <t>2012-12-14 15:27:22.930000+00:00</t>
  </si>
  <si>
    <t>2012-12-14 15:34:50.347000+00:00</t>
  </si>
  <si>
    <t>2012-12-14 15:29:07.277000+00:00</t>
  </si>
  <si>
    <t>Minimum distance between two approximate GPS coordinates</t>
  </si>
  <si>
    <t>&lt;p&gt;&lt;img src="https://i.stack.imgur.com/fC7hD.png" alt="enter image description here"&gt;&lt;/p&gt;
&lt;p&gt;I have two pairs of latitude and longitude, but each pair also has an associated radius, because the coordinates may be more or less accurate. &lt;em&gt;How to find the minimum distance between two circular areas on Earth?&lt;/em&gt;&lt;/p&gt;
&lt;ul&gt;
&lt;li&gt;The .NET code &lt;a href="https://stackoverflow.com/a/7595937/742084"&gt;here&lt;/a&gt; calculates the distance between two precise geocoordinates, but does not take into account the associated radii. &lt;/li&gt;
&lt;/ul&gt;
&lt;h3&gt;Example&lt;/h3&gt;
&lt;p&gt;What is the shortest distance between the perimeters of these two circles, one in London, England and the other in Cancun, Mexico ?&lt;/p&gt;
&lt;ul&gt;
&lt;li&gt;&lt;a href="http://www.freemaptools.com/radius-around-point.htm?clat=51.51722222&amp;amp;clng=-0.13055556&amp;amp;r=0.090&amp;amp;lc=FFFFFF&amp;amp;lw=1&amp;amp;fc=00FF00" rel="nofollow noreferrer"&gt;51��31���2��� N    0��7���50��� W      radius 90m&lt;/a&gt;&lt;/li&gt;
&lt;li&gt;&lt;a href="http://www.freemaptools.com/radius-around-point.htm?clat=21.12916667&amp;amp;clng=-86.76361111&amp;amp;r=0.550&amp;amp;lc=FFFFFF&amp;amp;lw=1&amp;amp;fc=00FF00" rel="nofollow noreferrer"&gt;21��7���45��� N    86��45���49��� W    radius 550m&lt;/a&gt;&lt;/li&gt;
&lt;/ul&gt;
&lt;p&gt;Also, the distance between these two overlapping areas should be 0 meters:&lt;/p&gt;
&lt;ul&gt;
&lt;li&gt;&lt;a href="http://www.freemaptools.com/radius-around-point.htm?clat=21.12944444&amp;amp;clng=-86.76361111&amp;amp;r=0.050&amp;amp;lc=FFFFFF&amp;amp;lw=1&amp;amp;fc=00FF00" rel="nofollow noreferrer"&gt;21��7���46��� N    86��45���49��� W    radius 50m&lt;/a&gt;&lt;/li&gt;
&lt;li&gt;&lt;a href="http://www.freemaptools.com/radius-around-point.htm?clat=21.12916667&amp;amp;clng=-86.76361111&amp;amp;r=0.550&amp;amp;lc=FFFFFF&amp;amp;lw=1&amp;amp;fc=00FF00" rel="nofollow noreferrer"&gt;21��7���45��� N    86��45���49��� W    radius 550m&lt;/a&gt;&lt;/li&gt;
&lt;/ul&gt;</t>
  </si>
  <si>
    <t>2015-04-23 12:58:03.303000+00:00</t>
  </si>
  <si>
    <t>2015-04-24 02:14:44.573000+00:00</t>
  </si>
  <si>
    <t>2017-05-23 12:14:22.057000+00:00</t>
  </si>
  <si>
    <t>math|geometry|coordinates|distance|latitude-longitude</t>
  </si>
  <si>
    <t>PrimeFaces rewrite PDF path to show in new window</t>
  </si>
  <si>
    <t>&lt;p&gt;I am using PrimeFaces 5.1 with JSF.If I press commandLink I send my pdf path to javascript function and it will open the file in  new window.My doubt is it open to the new window with show the full pdf path. How to rewrite or just show file name?&lt;/p&gt;
&lt;pre&gt;&lt;code&gt;&amp;lt;p:commandLink value="clickMe" onClick="linkFile(myfilePath)"/&amp;gt;
function linkFile(url)
{
   window.open(url, '_blank');
}
&lt;/code&gt;&lt;/pre&gt;</t>
  </si>
  <si>
    <t>2016-09-14 10:15:22.823000+00:00</t>
  </si>
  <si>
    <t>2017-07-14 08:26:26.613000+00:00</t>
  </si>
  <si>
    <t>javascript|jsf|primefaces</t>
  </si>
  <si>
    <t>Listener on html button disabled attribute</t>
  </si>
  <si>
    <t>&lt;p&gt;Is there any way to detect when a button's disabled attribute changes from disabled to false ? Like an event or something ?&lt;/p&gt;</t>
  </si>
  <si>
    <t>2014-04-01 13:07:28.053000+00:00</t>
  </si>
  <si>
    <t>2014-04-01 13:37:04.823000+00:00</t>
  </si>
  <si>
    <t>Drupal 7 - Display image in place of taxonomy term</t>
  </si>
  <si>
    <t>&lt;p&gt;I have added an image field to a vocab. This allows me to create a new term and associate an image with that term.&lt;/p&gt;
&lt;p&gt;When I create a new content type I want to add a Term Reference field but display the image and not the term.&lt;/p&gt;
&lt;p&gt;Any ideas on how to achieve this?&lt;/p&gt;</t>
  </si>
  <si>
    <t>2013-09-10 13:37:12.197000+00:00</t>
  </si>
  <si>
    <t>2014-08-11 11:44:24.427000+00:00</t>
  </si>
  <si>
    <t>drupal-7|drupal-taxonomy|drupal-content-types</t>
  </si>
  <si>
    <t>Deleting files in Pythonic way</t>
  </si>
  <si>
    <t>&lt;p&gt;I want to delete some files from the file system. I get a list having absolute  path of files and logic is to remove the found files and print their name.&lt;/p&gt;
&lt;p&gt;Logic i have written is as follows, this removes the found file in &lt;code&gt;temp_list&lt;/code&gt; but does not print their name.&lt;/p&gt;
&lt;pre&gt;&lt;code&gt;log.info("Files removed [%s]", [os.remove(f) for f in temp_list if os.path.exists(f)])
&lt;/code&gt;&lt;/pre&gt;
&lt;p&gt;Output is &lt;code&gt;[None, None..]&lt;/code&gt;.&lt;/p&gt;
&lt;p&gt;Can i modify the statement so that the files are removed and removed files are printed too in a single statement?&lt;/p&gt;</t>
  </si>
  <si>
    <t>2015-05-28 11:50:25.300000+00:00</t>
  </si>
  <si>
    <t>2015-05-28 13:04:32.980000+00:00</t>
  </si>
  <si>
    <t>2015-05-28 11:52:14.783000+00:00</t>
  </si>
  <si>
    <t>Lifecycle for IndexSearcher in Solr</t>
  </si>
  <si>
    <t>&lt;p&gt;I would like to have more understanding of the lifecycle for &lt;code&gt;IndexSearcher&lt;/code&gt; in Solr, I understand that &lt;code&gt;IndexSearcher&lt;/code&gt; for Lucene would recommend that ���For performance reasons, if your index is unchanging, you should share a single &lt;code&gt;IndexSearcher&lt;/code&gt; instance across multiple searches instead of creating a new one per-search.��� (&lt;a href="https://lucene.apache.org/core/4_6_1/core/org/apache/lucene/search/IndexSearcher.html" rel="nofollow noreferrer"&gt;Lucene 4.6.1&lt;/a&gt;).&lt;/p&gt;
&lt;p&gt;But when things come to Solr world which in a Java Webapp with servlet dispatcher. Do we also keep reusing the same &lt;code&gt;IndexSearcher&lt;/code&gt; instance as long as there is no index changing?&lt;/p&gt;
&lt;p&gt;I see ���Hossman��� had this talk for the &lt;a href="https://home.apache.org/~hossman/rev2017/" rel="nofollow noreferrer"&gt;lifecycle of the solr search request&lt;/a&gt;, but he doesn���t mention anything about how we handle/cleanup the &lt;code&gt;indexsearcher&lt;/code&gt;.&lt;/p&gt;</t>
  </si>
  <si>
    <t>2018-10-26 13:43:13.013000+00:00</t>
  </si>
  <si>
    <t>2018-10-26 18:40:11.937000+00:00</t>
  </si>
  <si>
    <t>search|solr|lucene</t>
  </si>
  <si>
    <t>Removing an extra zero from a TimerLabel in SpriteKit Swift</t>
  </si>
  <si>
    <t>&lt;p&gt;I have created a timer function in swift SpriteKit and assigned it to a ScoreLabel. when the timer is active and updating itself, the undesired result is... 0:01 - 0:09 and then it is 0:010, I need to write some code to remove that second zero when the "second hand" changes from :09 to :10.&lt;/p&gt;
&lt;p&gt;A little help would be great.&lt;/p&gt;
&lt;pre&gt;&lt;code&gt;override func touchesBegan(touches: Set&amp;lt;UITouch&amp;gt;, withEvent event: UIEvent?) {
   for touch: AnyObject in touches {
    if ScoreLabel.text == "0"{
    let actionrun = SKAction.runBlock({
       self.score++
        self.timesecond++
        if self.timesecond == 60 {self.timesecond = 0}
        self.ScoreLabel.text = "\(self.score/60):0\(self.timesecond)"
          })
   ScoreLabel.runAction(SKAction.repeatActionForever(SKAction.sequence([actionwait,actionrun])))
    }
&lt;/code&gt;&lt;/pre&gt;</t>
  </si>
  <si>
    <t>2016-01-18 19:35:12.503000+00:00</t>
  </si>
  <si>
    <t>2016-01-18 19:40:08.373000+00:00</t>
  </si>
  <si>
    <t>ios|swift|timer</t>
  </si>
  <si>
    <t>Get the vector of values from different columns of a matrix</t>
  </si>
  <si>
    <t>&lt;p&gt;I have a matrix 10x4, and I have a vector that has 10 elements. Each element is an column index of that matrix that should be retrieved. Here is the example:&lt;/p&gt;
&lt;pre&gt;&lt;code&gt;&amp;gt; M.mat
            [,1]       [,2]        [,3]        [,4]
 [1,] -0.4236174  0.2228897  0.11676857  0.16906735
 [2,] -0.4860078  0.9862164 -2.04735716 -0.33708521
 [3,] -0.6931023 -0.2255126 -0.58214338 -0.08705187
 [4,]  0.4048169  0.8713917  0.38543781 -1.38207954
 [5,]  2.4005044  1.2483514  0.66759229 -1.33667156
 [6,] -1.2083913  0.2389032  0.29554618 -0.05910570
 [7,]  0.8055317 -0.7978780 -0.31873361  0.57248675
 [8,] -0.1606493  0.4110878  0.90236993 -0.62311446
 [9,]  0.3721249  0.5276403 -0.09323399 -0.41223947
[10,]  2.0704414  0.1747543  0.45456052 -1.09215597
&amp;gt; Idx
 [1] 3 4 1 2 1 3 1 1 2 3
&lt;/code&gt;&lt;/pre&gt;
&lt;p&gt;It means that I want to get the 3rd column from row 1,4th column from row 2, 1st column from row 3, ...&lt;/p&gt;
&lt;p&gt;I tried to create a data.frame that contains two columns, one is row.indx from 1;10, and the other column is Idx, but it didn't work. Any suggestion how can I access the specified elements?&lt;/p&gt;</t>
  </si>
  <si>
    <t>2013-11-17 21:14:18.043000+00:00</t>
  </si>
  <si>
    <t>2017-03-16 07:24:26.703000+00:00</t>
  </si>
  <si>
    <t>r|matrix|identity-column</t>
  </si>
  <si>
    <t>DevExpress. DockLayoutManager. DocumentPanel adding. How to get a link to the original window?</t>
  </si>
  <si>
    <t>&lt;p&gt;I use component DevExpress DockLayoutManager &lt;/p&gt;
&lt;p&gt;According to the documentation on their website&lt;/p&gt;
&lt;p&gt;&lt;a href="http://documentation.devexpress.com/#WPF/DevExpressXpfDockingLayoutPanel_Uritopic" rel="nofollow"&gt;http://documentation.devexpress.com/#WPF/DevExpressXpfDockingLayoutPanel_Uritopic&lt;/a&gt; &lt;/p&gt;
&lt;p&gt;Control property "returns the root element of the Window / Page" - ie Grid.&lt;/p&gt;
&lt;p&gt;Example is in their demo application: DockingDemo.Wpf DocumentGroups.xaml&lt;/p&gt;
&lt;p&gt;And here is my code&lt;/p&gt;
&lt;pre&gt;&lt;code&gt;DocumentGroup documentContainer = dockManager.GetItem("documentContainer") as DocumentGroup;
DocumentPanel panel = dockManager.DockController.AddDocumentPanel(documentContainer,new Uri("/WpfSample;component/MyWindows/Win1.xaml", UriKind.Relative));
panel.Caption = "SomeName";
MyWindow win = ((panel.Control as Grid).Parent as MyWindow);
win.DoInit(object Obj);
&lt;/code&gt;&lt;/pre&gt;
&lt;p&gt;And when I call (panel.Control as Grid). Parent - I get a link to DockLayoutManager.&lt;/p&gt;
&lt;p&gt;I do not quite understand. Window goes where? DockLayoutManager becomes Parent in the logical tree for the Grid of the Windows? &lt;/p&gt;
&lt;p&gt;Tell me please - how to get Window, cast it to the required class and call its method? &lt;/p&gt;
&lt;p&gt;ie how to make this code work &lt;/p&gt;
&lt;pre&gt;&lt;code&gt;MyWindow win = ((panel.Control as Grid).Parent as MyWindow);
win.DoInit(object Obj);
&lt;/code&gt;&lt;/pre&gt;</t>
  </si>
  <si>
    <t>2014-01-21 14:21:35.270000+00:00</t>
  </si>
  <si>
    <t>2014-01-22 07:16:46.057000+00:00</t>
  </si>
  <si>
    <t>c#|wpf|devexpress-windows-ui</t>
  </si>
  <si>
    <t>$1 in regular expression javascript</t>
  </si>
  <si>
    <t>&lt;p&gt;when I use &lt;code&gt;var j= new RegExp('('+val+')','gi')&lt;/code&gt; then &lt;code&gt;$1&lt;/code&gt; works fine. but when I am using it without bracket then it is not working. So I want to know why brackets is necessary and does &lt;code&gt;$1&lt;/code&gt; hold the value which have to be replaced?&lt;/p&gt;
&lt;pre&gt;&lt;code&gt;var val='city'
var j= new RegExp('('+val+')','gi')
console.log(j)
$('div').html(function(i,val){
return val.replace(j,'&amp;lt;span&amp;gt;$1&amp;lt;/span&amp;gt;')
})
&lt;/code&gt;&lt;/pre&gt;</t>
  </si>
  <si>
    <t>2015-04-14 11:05:03.143000+00:00</t>
  </si>
  <si>
    <t>2015-04-14 11:09:27.303000+00:00</t>
  </si>
  <si>
    <t>Android UsbManager returns empty device list</t>
  </si>
  <si>
    <t>&lt;p&gt;I am using an example from &lt;a href="https://developer.android.com/guide/topics/connectivity/usb/host.html" rel="nofollow noreferrer"&gt;https://developer.android.com/guide/topics/connectivity/usb/host.html&lt;/a&gt;&lt;/p&gt;
&lt;p&gt;The getDeviceList() is empty&lt;/p&gt;
&lt;p&gt;&lt;strong&gt;Instantiating the UsbManager&lt;/strong&gt;&lt;/p&gt;
&lt;pre&gt;&lt;code&gt; UsbManager mUsbManager = (UsbManager) getSystemService(Context.USB_SERVICE);
 HashMap&amp;lt;String, UsbDevice&amp;gt; deviceList = mUsbManager.getDeviceList();      
 Log.e("usb manager", deviceList.toString());
&lt;/code&gt;&lt;/pre&gt;
&lt;p&gt;&lt;strong&gt;Manifet file&lt;/strong&gt;&lt;/p&gt;
&lt;pre&gt;&lt;code&gt;      &amp;lt;action android:name="android.hardware.usb.action.USB_DEVICE_ATTACHED" /&amp;gt;
        &amp;lt;action android:name="android.hardware.usb.action.USB_DEVICE_DETACHED" /&amp;gt;
        &amp;lt;meta-data
            android:name="android.hardware.usb.action.USB_DEVICE_ATTACHED"
             /&amp;gt;
    &amp;lt;/intent-filter&amp;gt;
 &amp;lt;uses-feature android:name="android.hardware.usb.host" /&amp;gt;
    &amp;lt;uses-permission android:name="android.hardware.usb.host"/&amp;gt;
&lt;/code&gt;&lt;/pre&gt;</t>
  </si>
  <si>
    <t>2017-10-08 06:27:03.377000+00:00</t>
  </si>
  <si>
    <t>2017-10-08 08:47:12.697000+00:00</t>
  </si>
  <si>
    <t>android|usb</t>
  </si>
  <si>
    <t>TECoreException: The server's error could not be parsed as XML. No SOAP fault found</t>
  </si>
  <si>
    <t>&lt;p&gt;I am getting below error while trying to fetch versionControlClient object using TFS java SDK. Any leads what could cause this ?&lt;/p&gt;
&lt;p&gt;we are using TFS-2010&lt;/p&gt;
&lt;pre&gt;&lt;code&gt;com.microsoft.tfs.core.exceptions.TECoreException: The server's error could not be parsed as XML.  No SOAP fault found.
at com.microsoft.tfs.core.exceptions.mappers.TECoreExceptionMapper.map(TECoreExceptionMapper.java:105)
at com.microsoft.tfs.core.exceptions.mappers.LocationExceptionMapper.map(LocationExceptionMapper.java:32)
at com.microsoft.tfs.core.clients.framework.location.internal.LocationWebServiceProxy.connect(LocationWebServiceProxy.java:76)
at com.microsoft.tfs.core.clients.framework.location.LocationService.connect(LocationService.java:756)
at com.microsoft.tfs.core.clients.framework.location.LocationService.checkForServerUpdates(LocationService.java:841)
at com.microsoft.tfs.core.clients.framework.location.LocationService.findServiceDefinition(LocationService.java:174)
at com.microsoft.tfs.core.clients.framework.location.LocationService.locationForCurrentConnection(LocationService.java:532)
at com.microsoft.tfs.core.config.webservice.DefaultWebServiceFactory.getServerDataProviderEndpointPath(DefaultWebServiceFactory.java:523)
at com.microsoft.tfs.core.config.webservice.DefaultWebServiceFactory.newWebService(DefaultWebServiceFactory.java:252)
at com.microsoft.tfs.core.TFSConnection.getWebService(TFSConnection.java:891)
at com.microsoft.tfs.core.config.client.DefaultClientFactory$7.newClient(DefaultClientFactory.java:231)
at com.microsoft.tfs.core.config.client.DefaultClientFactory.newClient(DefaultClientFactory.java:91)
at com.microsoft.tfs.core.TFSConnection.getClient(TFSConnection.java:1495)
at com.microsoft.tfs.core.TFSTeamProjectCollection.getVersionControlClient(TFSTeamProjectCollection.java:377)
at com.blueoptima.connectors.scr.vcs.tfs.TFSExtractor.authenticate(TFSExtractor.java:389)
at com.blueoptima.connectors.scr.SCR.extract(SCR.java:360)
at com.blueoptima.connectors.BOpInfraExtractor.run(BOpInfraExtractor.java:201)
at java.util.concurrent.Executors$RunnableAdapter.call(Executors.java:511)
at java.util.concurrent.FutureTask.run(FutureTask.java:266)
at java.util.concurrent.ThreadPoolExecutor.runWorker(ThreadPoolExecutor.java:1142)
at java.util.concurrent.ThreadPoolExecutor$Worker.run(ThreadPoolExecutor.java:617)
at java.lang.Thread.run(Thread.java:745)
Caused by: com.microsoft.tfs.core.ws.runtime.exceptions.InvalidServerResponseException: The server's error could not be parsed as XML.  No SOAP fault found.
at com.microsoft.tfs.core.ws.runtime.client.SOAPService.examineBodyForFault(SOAPService.java:1094)
at com.microsoft.tfs.core.ws.runtime.client.SOAPService.executeSOAPRequestInternal(SOAPService.java:732)
at com.microsoft.tfs.core.ws.runtime.client.SOAPService.executeSOAPRequest(SOAPService.java:475)
at ms.ws._LocationWebServiceSoap12Service.connect(_LocationWebServiceSoap12Service.java:384)
at com.microsoft.tfs.core.clients.framework.location.internal.LocationWebServiceProxy.connect(LocationWebServiceProxy.java:70)
... 19 more
Caused by: com.microsoft.tfs.util.xml.XMLException: org.xml.sax.SAXParseException; lineNumber: 1; columnNumber: 1; Content is not allowed in prolog.
at com.microsoft.tfs.util.xml.DOMCreateUtils.parse(DOMCreateUtils.java:648)
at com.microsoft.tfs.util.xml.DOMCreateUtils.parseStream(DOMCreateUtils.java:451)
at com.microsoft.tfs.util.xml.DOMCreateUtils.parseStream(DOMCreateUtils.java:353)
at com.microsoft.tfs.core.ws.runtime.client.SOAPService.examineBodyForFault(SOAPService.java:1082)
... 23 more
&lt;/code&gt;&lt;/pre&gt;</t>
  </si>
  <si>
    <t>2017-03-18 04:11:28.117000+00:00</t>
  </si>
  <si>
    <t>tfs|tfs2013|tfs-sdk</t>
  </si>
  <si>
    <t>How to change the OnClick color of the StackView in widget</t>
  </si>
  <si>
    <t>&lt;p&gt;I am building an android widget with the a StackView in it. Using pending intent I open my activity when the StackItem is clicked. 
Whenever the StackView Item is clicked(i.e. Pressed), the background of the StackItem changes to default blue color.
&lt;strong&gt;IS THERE ANY WAY TO CHANGE THIS DEFAULT BLUE COLOR TO A CUSTOM COLOUR.
Please Help..!&lt;/strong&gt;
Thank you!&lt;/p&gt;</t>
  </si>
  <si>
    <t>2013-12-17 12:42:50.583000+00:00</t>
  </si>
  <si>
    <t>android|android-widget|stackview</t>
  </si>
  <si>
    <t>implicit conversion of int to nsstring is disallowed with arc in objective c</t>
  </si>
  <si>
    <t>&lt;p&gt;&lt;a href="https://i.stack.imgur.com/s6nPx.png" rel="nofollow noreferrer"&gt;&lt;img src="https://i.stack.imgur.com/s6nPx.png" alt="enter image description here"&gt;&lt;/a&gt;
Could anybody suggest where I'm going wrong? &lt;/p&gt;</t>
  </si>
  <si>
    <t>2016-03-30 07:31:53.253000+00:00</t>
  </si>
  <si>
    <t>2016-03-30 08:32:19.477000+00:00</t>
  </si>
  <si>
    <t>objective-c|ios9.2</t>
  </si>
  <si>
    <t>Jasmin invoke a method using arguments</t>
  </si>
  <si>
    <t>&lt;p&gt;I'm writing a compiler that generates Jasmin code and I want to invoke a method using an argument, as follows:&lt;/p&gt;
&lt;pre&gt;&lt;code&gt;val test(val x) {
    return x;
}
val main (string[] args) {
    test(1);
}
&lt;/code&gt;&lt;/pre&gt;
&lt;p&gt;This compiles to:&lt;/p&gt;
&lt;pre&gt;&lt;code&gt;.class public helloworld
.super java/lang/Object
.method public &amp;lt;init&amp;gt;()V
aload_0
invokenonvirtual java/lang/Object/&amp;lt;init&amp;gt;()V
return
.end method
.method public test(I)I
.limit stack 4
.limit locals 3
iload 1
ireturn
.end method
.method public static main([Ljava/lang/String;)V
.limit stack 4
.limit locals 3
aload_0
ldc 1
invokevirtual helloworld/test(I)I
return
.end method
&lt;/code&gt;&lt;/pre&gt;
&lt;p&gt;However, this results in the following error. What am I doing wrong here?&lt;/p&gt;
&lt;pre&gt;&lt;code&gt;java.lang.VerifyError: (class: helloworld, method: main signature: ([Ljava/lang/String;)V) Incompatible object argument for function call
&lt;/code&gt;&lt;/pre&gt;</t>
  </si>
  <si>
    <t>2014-07-13 12:20:08.860000+00:00</t>
  </si>
  <si>
    <t>2014-07-13 13:34:21.503000+00:00</t>
  </si>
  <si>
    <t>2014-07-13 13:27:32.907000+00:00</t>
  </si>
  <si>
    <t>jvm|jasmin</t>
  </si>
  <si>
    <t>CSS to print dash "-" after end of paragraph</t>
  </si>
  <si>
    <t>&lt;p&gt;I need to add dashes at the end of certain paragraphs of an html page that will also be printed. I found some CSS that almost does this, but it doesn't work while printing.&lt;/p&gt;
&lt;pre&gt;&lt;code&gt;&amp;lt;html&amp;gt;
    &amp;lt;style media="screen" type="text/css"&amp;gt;
    @media print{
        ul.leaders {
            max-width: 40em;
            padding: 0;
            overflow-x: hidden;
            list-style: none
        }
        ul.leaders li:after {
            float: left;
            width: 0;
            white-space: nowrap;
            content:
             "--------------------"
             "--------------------"
             "--------------------"
             "--------------------"
        }
        ul.leaders span:first-child {
            padding-right: 0.33em;
            background: white
        }
        ul.leaders span + span {
            float: right;
            padding-left: 0.33em;
            background: white;
            position: relative;
            z-index: 1
        }
    }
    &amp;lt;/style&amp;gt;    
    &amp;lt;body&amp;gt;
        &amp;lt;ul class=leaders&amp;gt;
            &amp;lt;li&amp;gt;&amp;lt;span&amp;gt;Almond Prawn Cocktail, with orange and potato salad, spring carrots, blue cheese, tuna, oh yes, and prawns&amp;lt;/span&amp;gt;&amp;lt;/li&amp;gt;
        &amp;lt;/ul&amp;gt;
    &amp;lt;/body&amp;gt;
&amp;lt;/html&amp;gt;
&lt;/code&gt;&lt;/pre&gt;
&lt;p&gt;Making the advised changes and using &amp;lt; p &gt; elements.
Thanks for the help.&lt;/p&gt;
&lt;pre&gt;&lt;code&gt;&amp;lt;html&amp;gt;
    &amp;lt;style type="text/css"&amp;gt;
    @media all{
        p.puntitos:after{
            float: left;
            width: 0;
            white-space: nowrap;
            content:
             "----------------------------------------------------------------------"
        } 
        p.puntitos span:first-child{
            padding-right: 0.33em;
            background: white
        } 
    }
    &amp;lt;/style&amp;gt;    
    &amp;lt;body&amp;gt;
        &amp;lt;p class="puntitos"&amp;gt;
            &amp;lt;span&amp;gt;Lorem ipsum dolor sit amet&amp;lt;/span&amp;gt;
        &amp;lt;/p&amp;gt;
        &amp;lt;p class="puntitos"&amp;gt;
            &amp;lt;span&amp;gt;Eros massa sociis, porttitor morbi neque eget.&amp;lt;/span&amp;gt;
        &amp;lt;/p&amp;gt;
    &amp;lt;/body&amp;gt;
&amp;lt;/html&amp;gt;
&lt;/code&gt;&lt;/pre&gt;</t>
  </si>
  <si>
    <t>2014-02-21 17:04:27.030000+00:00</t>
  </si>
  <si>
    <t>2014-02-21 17:39:28.130000+00:00</t>
  </si>
  <si>
    <t>html|css|printing</t>
  </si>
  <si>
    <t>Summernote Not Converting HTML</t>
  </si>
  <si>
    <t>&lt;p&gt;I can't seem to convert HTML code I retrieve from my database to convert HTML tags such as &lt;/p&gt;
&lt;pre&gt;&lt;code&gt;&amp;lt;p&amp;gt; or &amp;lt;img&amp;gt;
&lt;/code&gt;&lt;/pre&gt;
&lt;p&gt;into regular markup.&lt;/p&gt;
&lt;p&gt;Here's what I currently am using.&lt;/p&gt;
&lt;pre&gt;&lt;code&gt;&amp;lt;script&amp;gt;
   $(document).ready(function() {
      var titleEditor = $('#titleDiv').summernote();
      var contentEditor = $('#contentDiv').summernote();
      titleEditor.summernote('code', "{{$Article-&amp;gt;name}}")
      contentEditor.summernote('code', "{{$Article-&amp;gt;content}}")
    });
&amp;lt;/script&amp;gt;
&lt;/code&gt;&lt;/pre&gt;
&lt;p&gt;and my HTML&lt;/p&gt;
&lt;pre&gt;&lt;code&gt;&amp;lt;div class="panel-heading" style="overflow: hidden;"&amp;gt;
      &amp;lt;div class="col-md-12"&amp;gt;
        &amp;lt;div id="titleDiv"&amp;gt;
          Title Goes Here
        &amp;lt;/div&amp;gt;
      &amp;lt;/div&amp;gt;
    &amp;lt;/div&amp;gt;
    &amp;lt;div class="panel-body"&amp;gt;
      &amp;lt;div id="contentDiv"&amp;gt;
        Content Goes Here (Don't worry, it'll auto-expand)
      &amp;lt;/div&amp;gt;
    &amp;lt;/div&amp;gt;
&lt;/code&gt;&lt;/pre&gt;
&lt;p&gt;I've tried every iteration.&lt;/p&gt;
&lt;p&gt;Anyone know of any way to fix this? My incessant googling couldn't solve anything.&lt;/p&gt;
&lt;ul&gt;
&lt;li&gt;Zach&lt;/li&gt;
&lt;/ul&gt;</t>
  </si>
  <si>
    <t>2016-12-02 05:29:02.947000+00:00</t>
  </si>
  <si>
    <t>2016-12-02 06:09:35.513000+00:00</t>
  </si>
  <si>
    <t>php|laravel|summernote</t>
  </si>
  <si>
    <t>How do use the varible outside of the function?</t>
  </si>
  <si>
    <t>&lt;p&gt;I have created a function to get the IP Address of the user. Then I tried to give separate AD to the user. So I use if condition and try to use the value of the function (getIP) to execute the if condition. But I am not success. The main problem is that I couldn't able to use the ip variable out side of the function. Can anybody see to help me.&lt;/p&gt;
&lt;pre&gt;&lt;code&gt;&amp;lt;script type="application/javascript"&amp;gt;
  function getIP(json) {
    ip=json.ip;   //Here I got the user IP Address
  }
  getIP(json);
  var KivaHan="221.120.101.58"
  var Office="221.120.99.186"
  if( ip==KivaHan ){
    document.write("Kiva Han IP Address: " + ip);
  }else{
    document.write("Office IP Address: " + ip);
  }
&amp;lt;/script&amp;gt;
&amp;lt;script type="application/javascript" src="https://api.ipify.org?format=jsonp&amp;amp;callback=getIP"&amp;gt;&amp;lt;/script&amp;gt;
&lt;/code&gt;&lt;/pre&gt;</t>
  </si>
  <si>
    <t>2016-06-08 06:32:07.423000+00:00</t>
  </si>
  <si>
    <t>2016-06-20 07:44:45.073000+00:00</t>
  </si>
  <si>
    <t>2016-06-08 06:52:36.733000+00:00</t>
  </si>
  <si>
    <t>Terraform template variables from other Terraform resources</t>
  </si>
  <si>
    <t>&lt;p&gt;I have Terraform that is using a templated bash script to set my user data section for an AWS launch configuration.&lt;/p&gt;
&lt;pre&gt;&lt;code&gt;data "template_file" "user_data" {
  template = "${file("${path.module}/user-data.tpl")}"
  vars {
    file_system_id = "${aws_efs_mount_target.my_efs_alpha.dns_name}"
  }
}
&lt;/code&gt;&lt;/pre&gt;
&lt;p&gt;The &lt;code&gt;file_system_id&lt;/code&gt; variable then needs to be used in my template:&lt;/p&gt;
&lt;p&gt;&lt;code&gt;sudo mount -t nfs -o nfsvers=4.1,rsize=1048576,wsize=1048576,hard,timeo=600,retrans=2 $$$${file_system_id}:/ /mnt/efs&lt;/code&gt;&lt;/p&gt;
&lt;p&gt;Bash will interpret a single dollar sign as a bash variable. As I understand it, Terraform will interpret a double-dollar-sign as a Terraform variable. For added fun, the dollar signs in the template need to be escaped with another dollar sign -- hence the 4 dollar signs in front of &lt;code&gt;file_system_id&lt;/code&gt;.&lt;/p&gt;
&lt;p&gt;Looking at the user data in my Launch Config over in AWS Console, Terraform does not appear to be making any effort to replace my &lt;code&gt;$$$${file_system_id)&lt;/code&gt; with the variable value from my template_file definition. Rather, it just shows up in the user data section as literally &lt;code&gt;$${file_system_id}&lt;/code&gt;.&lt;/p&gt;
&lt;p&gt;So, the question is, how do I get my EFS DNS name (or whatever other value I want) to replace the file_system_id variable in my template? What have I missed?&lt;/p&gt;</t>
  </si>
  <si>
    <t>2018-02-21 22:56:06.677000+00:00</t>
  </si>
  <si>
    <t>2018-09-04 17:27:56.077000+00:00</t>
  </si>
  <si>
    <t>bash|amazon-web-services|terraform</t>
  </si>
  <si>
    <t>Get Saturday and Sunday date to send Birthday's greeting</t>
  </si>
  <si>
    <t>&lt;p&gt;Hi Guys I'm kind of new to the macros and how to set it up.&lt;/p&gt;
&lt;p&gt;I'm trying to run a automatic birthday macros that send an email out to people saying a happy birthday message.&lt;/p&gt;
&lt;p&gt;but I'm struggling with when its Monday i want it to initiate a message for the weekend birthdays as well, but only on a Monday. My Code keeps saying "Run-time error '13': type mismatch". Here is my Code please help as I've been struggling a week with it&lt;/p&gt;
&lt;pre&gt;&lt;code&gt;Sub send_bday_greet2()
  Dim i As Long
  Dim vbSunday As String, vbSaturday As String
    For i = 2 To Sheets("Sheet1").Range("a1048576").End(xlUp).Row
        If Day(Now()) = Day(CDate(Sheets("Sheet1").Range("c" &amp;amp; i).Value)) And Month(Now()) = Month(CDate(Sheets("Sheet1").Range("c" &amp;amp; i).Value)) Then
            Call sending_bday_greetings_method2(Sheets("Sheet1").Range("a" &amp;amp; i).Value, Sheets("Sheet1").Range("b" &amp;amp; i).Value)
            ElseIf Day(Now(vbMonday)) = Day(CDate(Sheets("Sheet1").Range("c" &amp;amp; i).Value)) And Month(Now(vbSaturday)) And Month(Now(vbSunday)) = Month(CDate(Sheets("Sheet1").Range("c" &amp;amp; i).Value)) Then
                Call sending_bday_greetings_method2(Sheets("Sheet1").Range("a" &amp;amp; i).Value, Sheets("Sheet1").Range("b" &amp;amp; i).Value)
            End If
    Next
End Sub
Sub sending_bday_greetings_method2(nm As String, emid As String)
 Dim olApp As Outlook.Application
 Dim olMail As MailItem
Set olApp = New Outlook.Application
Set olMail = olApp.CreateItem(olMailItem)
s = "&amp;lt;p&amp;gt; &amp;lt;p align='left'&amp;gt;&amp;lt;font size='3' face='arial' color='blue'&amp;gt;&amp;lt;i&amp;gt; Dear " &amp;amp; nm &amp;amp; ", &amp;lt;/p&amp;gt;" &amp;amp; vbNewLine
s = s &amp;amp; "&amp;lt;p&amp;gt; &amp;lt;p align='CENTER'&amp;gt;&amp;lt;font size='3' face='arial' color='red'&amp;gt;&amp;lt;i&amp;gt; We Wish you a very Happy Birthday! &amp;lt;/p&amp;gt;" &amp;amp; vbNewLine
s = s &amp;amp; "&amp;lt;left&amp;gt;&amp;lt;p align='CENTER'&amp;gt;&amp;lt;img src=""http://simplyizzy.files.wordpress.com/2012/05/happy_birthday1.png""&amp;gt;" &amp;amp; vbNewLine
s = s &amp;amp; vbNewLine &amp;amp; "&amp;lt;left&amp;gt;&amp;lt;p&amp;gt;&amp;lt;p align='Left'&amp;gt;&amp;lt;font size='3' face='arial' color='blue'&amp;gt;&amp;lt;i&amp;gt;Regards&amp;lt;br&amp;gt;" &amp;amp; "Reutech Radar Systems&amp;lt;/p&amp;gt;"
With olMail
    .To = emid
    .Subject = "Happy B'day!"
    .HTMLBody = s
    .Send
End With
Set olApp = Nothing
Set olMail = Nothing
End Sub
&lt;/code&gt;&lt;/pre&gt;</t>
  </si>
  <si>
    <t>2017-03-07 08:41:45.497000+00:00</t>
  </si>
  <si>
    <t>2017-03-07 10:36:27.440000+00:00</t>
  </si>
  <si>
    <t>2017-03-07 09:49:40.893000+00:00</t>
  </si>
  <si>
    <t>Using WebGL Shader Language (GLSL) for arbitrary vector mathematics in JavaScript</t>
  </si>
  <si>
    <t>&lt;p&gt;The WebGL Shader Language (GLSL) is a very powerful tool for multidimensional vector mathematics. &lt;/p&gt;
&lt;p&gt;Is there any possibility to use that power from JavaScript (running in web browser) for private non-3D calculations? Getting data in is possible, but is there any way to get data out to JavaScript after shader calculations are done?&lt;/p&gt;
&lt;p&gt;No actual drawing is necessary, only calculating vectors.
(I am toying with an idea of hardware accelerated gravity simulator written in JavaScript.)&lt;/p&gt;
&lt;p&gt;Thank You!&lt;/p&gt;
&lt;hr&gt;
&lt;p&gt;In the news: Khronos seems to be developing &lt;a href="https://www.khronos.org/webcl" rel="nofollow noreferrer"&gt;WebCL&lt;/a&gt; which will be a JavaScript accessible version of &lt;a href="http://en.wikipedia.org/wiki/OpenCL" rel="nofollow noreferrer"&gt;OpenCL&lt;/a&gt;. That is exactly what I am looking for, but it will take some time...&lt;/p&gt;</t>
  </si>
  <si>
    <t>2011-03-24 03:42:03.743000+00:00</t>
  </si>
  <si>
    <t>2018-04-05 12:30:29.173000+00:00</t>
  </si>
  <si>
    <t>javascript|math|matrix|glsl|webgl</t>
  </si>
  <si>
    <t>Same Occurrence of two numbers in sub arrays (contiguous)</t>
  </si>
  <si>
    <t>&lt;p&gt;&lt;strong&gt;Given an array of integers ,find total number of contiguous sub-sequence that has same number of x and y.&lt;/strong&gt;
&lt;em&gt;For example array [1,2,1] for x=1 and y=2
   ans = 2 for its two sub arrays [1,2] and [2,1].&lt;/em&gt;
&lt;strong&gt;Checking every contiguous sub-sequence is O(n^2) which is too inefficient. Any idea for improvements?&lt;/strong&gt;&lt;/p&gt;
&lt;p&gt;this is the code i have written&lt;/p&gt;
&lt;pre&gt;&lt;code&gt;int get_total(int* a,int x,int y,int n){
    int result=0;
    for(int i=0;i&amp;lt;n;i++){
        int x_c=0,y_c=0;
        for(int j=i;j&amp;lt;n;j++){
            if(a[j]==x){
                x_c++;
            }
            if(a[j]==y){
                y_c++;
            }
            if(x_c==y_c){
                result++;
            }
        }
    }
    return result;
}
int main(){
    int n,q;
    cin &amp;gt;&amp;gt;n &amp;gt;&amp;gt;q;
    int a[n];
    for(int i=0;i&amp;lt;n;i++){
        cin &amp;gt;&amp;gt;a[i];
    }
    while(q--){
        int x,y;
        cin &amp;gt;&amp;gt;x &amp;gt;&amp;gt;y;
        cout &amp;lt;&amp;lt;get_total(a,x,y,n)&amp;lt;&amp;lt;"\n";
    }
}
&lt;/code&gt;&lt;/pre&gt;
&lt;p&gt;it runs in n^2 for every query.
max array size is 8*10^3 and max number of query is 10^5&lt;/p&gt;</t>
  </si>
  <si>
    <t>2017-07-20 04:59:44.977000+00:00</t>
  </si>
  <si>
    <t>2017-07-21 17:54:34.233000+00:00</t>
  </si>
  <si>
    <t>2017-07-20 06:07:54.380000+00:00</t>
  </si>
  <si>
    <t>c++|arrays|algorithm</t>
  </si>
  <si>
    <t>Using static file cross-site in umbraco backoffice</t>
  </si>
  <si>
    <t>&lt;p&gt;Is there a way to include a css/js file in the umbraco backoffice which I need to use in the whole site(not in a single plugin)?&lt;/p&gt;
&lt;p&gt;Thanks&lt;/p&gt;</t>
  </si>
  <si>
    <t>2016-03-01 17:26:20.553000+00:00</t>
  </si>
  <si>
    <t>2016-03-02 11:05:23.557000+00:00</t>
  </si>
  <si>
    <t>umbraco|umbraco7</t>
  </si>
  <si>
    <t>get view id from oncontextitemselected</t>
  </si>
  <si>
    <t>&lt;p&gt;I've several buttons registered for context menu&lt;/p&gt;
&lt;p&gt;how do I know which button was clicked for the menu to appear?&lt;/p&gt;
&lt;p&gt;below is the pseudocode that i'll be using. I need to do something related to which button clicked (I have few more buttons to be declared), how do I know that the context menu is activated from which button click.&lt;/p&gt;
&lt;p&gt;EDIT: I think i didn't make myself clear, I wanted to know which button was clicked for the menu to appear. Not which menu item is clicked. Anyways, I've a solution which I'll add in pretty soon.&lt;/p&gt;
&lt;p&gt;thanks&lt;/p&gt;
&lt;pre&gt;&lt;code&gt;private static final int SEND_AS_TEXT = Menu.FIRST;
private static final int SEND_AS_IMAGE = Menu.FIRST + 1;
    @Override
    public void onCreate(Bundle savedInstanceState) {
        super.onCreate(savedInstanceState);
        setContentView(R.layout.main);
        sendAllBtn = (Button)findViewById(R.id.sendAllBtn);
        sendAllBtn.setOnClickListener(this);
    }
    @Override
    public void onClick(View v) {
        // TODO Auto-generated method stub
        registerForContextMenu(v);
        openContextMenu(v);
    }
    @Override
    public boolean onContextItemSelected(MenuItem item) {
        // TODO Auto-generated method stub
        AdapterContextMenuInfo info = (AdapterContextMenuInfo) item.getMenuInfo();
        switch(item.getItemId()){
        case SEND_AS_TEXT:
            //do sth related to the button clicked
            break;
        }
        return super.onContextItemSelected(item);
    }
    @Override
    public void onCreateContextMenu(ContextMenu menu, View v,
            ContextMenuInfo menuInfo) {
        // TODO Auto-generated method stub
        super.onCreateContextMenu(menu, v, menuInfo);
        menu.add(Menu.NONE, SEND_AS_TEXT, SEND_AS_TEXT, "Send As Text");
        menu.add(Menu.NONE, SEND_AS_IMAGE, SEND_AS_IMAGE, "Send As Image");
    }
&lt;/code&gt;&lt;/pre&gt;</t>
  </si>
  <si>
    <t>2011-05-16 11:16:45.440000+00:00</t>
  </si>
  <si>
    <t>2011-12-21 02:13:07.797000+00:00</t>
  </si>
  <si>
    <t>2011-05-17 04:26:05.590000+00:00</t>
  </si>
  <si>
    <t>android|contextmenu</t>
  </si>
  <si>
    <t>respond.js set up tutorial</t>
  </si>
  <si>
    <t>&lt;p&gt;I cannot find info anywhere on exactly how to setup respond.js.&lt;/p&gt;
&lt;p&gt;I unzipped into htdocs - is this correct? Or do I just need respond.min.js in htdocs?&lt;/p&gt;
&lt;p&gt;Then simply reference the file like this...&lt;/p&gt;
&lt;pre&gt;&lt;code&gt;&amp;lt;script src="respond.min.js"&amp;gt;&amp;lt;/script&amp;gt;
&lt;/code&gt;&lt;/pre&gt;
&lt;p&gt;Currently, I have this in my head section, have tried before and after my media queries, yet NO stylesheet is used.&lt;/p&gt;
&lt;p&gt;Is there a tutorial anyhwere on exactly how to set up resonse.js, as I have no idea if I am doing something wrong or whether there is another problem.&lt;/p&gt;
&lt;p&gt;Any help would be much appreciated, my site is FINALLY finished yet I don;t want it to go live without media queries and currently if I use media queries, no stylseheet is loaded at all in IE8.&lt;/p&gt;
&lt;p&gt;Thanks&lt;/p&gt;
&lt;p&gt;This is my current code;&lt;/p&gt;
&lt;pre&gt;&lt;code&gt;&amp;lt;!DOCTYPE HTML&amp;gt;
&amp;lt;html lang="en"&amp;gt;
    &amp;lt;head&amp;gt;
            &amp;lt;!--[if lt IE 9]&amp;gt;
&amp;lt;script src="http://html5shim.googlecode.com/svn/trunk/html5.js"&amp;gt;&amp;lt;/script&amp;gt;
 &amp;lt;script src="http://localhost/respond.min.js"&amp;gt;&amp;lt;/script&amp;gt;
&amp;lt;![endif]--&amp;gt;
        &amp;lt;meta charset="UTF-8"&amp;gt;
            &amp;lt;link type="text/css" rel="stylesheet"  media="screen and (min-device-width:600px) and (max-device-width:1024px)" href="http://localhost/oldScreen.css"&amp;gt;
            &amp;lt;link type="text/css" rel="stylesheet"  media="screen and (min-device-width:1025px)" href="http://localhost/home.css"&amp;gt;
                &amp;lt;title&amp;gt;Eastbourne Netball League[Home] &amp;lt;/title&amp;gt;
    &amp;lt;/head&amp;gt;
&lt;/code&gt;&lt;/pre&gt;</t>
  </si>
  <si>
    <t>2014-02-19 19:19:46.947000+00:00</t>
  </si>
  <si>
    <t>2014-02-19 20:35:04.937000+00:00</t>
  </si>
  <si>
    <t>2014-02-19 20:17:21.183000+00:00</t>
  </si>
  <si>
    <t>javascript|php|html5|css3</t>
  </si>
  <si>
    <t>Reliable Margin of Error for Float -&gt; String -&gt; Float Conversion?</t>
  </si>
  <si>
    <t>&lt;p&gt;I have a &lt;code&gt;float&lt;/code&gt; value that I need to store as a string in PHP and then compare later after casting back into a float.&lt;/p&gt;
&lt;p&gt;Due to the conversion I know that relying on equality would be a mistake, as there's potential for a loss of precision, so I'm doing something like the following:&lt;/p&gt;
&lt;pre&gt;&lt;code&gt;if (abs((float)$string_value - $float_value) &amp;lt; 0.001) { echo "Values are close enough\n"; }
&lt;/code&gt;&lt;/pre&gt;
&lt;p&gt;Now, while a margin for error of &lt;code&gt;0.001&lt;/code&gt; should be fine for my immediate purposes, it got me wondering; what is the smallest margin of error that I can reliably/safely use?&lt;/p&gt;
&lt;p&gt;I realise that the safe margin of error will change with the size of the float (i.e- larger values have less or even no fractional precision), so an answer should probably account for this.&lt;/p&gt;
&lt;p&gt;So to put it another way; given a float value that I want to store in base 10 and read back, how can I reliably decide what my margin of error should be such that I can reasonably confirm that the two values are the same?&lt;/p&gt;
&lt;p&gt;Unfortunately the values I'm handling &lt;strong&gt;must&lt;/strong&gt; be stored in plain decimal form, so my usual go-to of packing them as a network order 64-bit integer is not an option here ������&lt;/p&gt;
&lt;p&gt;&lt;strong&gt;EDIT&lt;/strong&gt;: To clarify; please assume that my question is about handling arbitrarily sized floats; the example code I've given is for a recent case where I'm handling floats within a limited range, so setting the margin of error manually is fine, but I'd like to be able to handle floats of any magnitude in future.&lt;/p&gt;</t>
  </si>
  <si>
    <t>2017-08-20 11:27:57.293000+00:00</t>
  </si>
  <si>
    <t>2017-08-22 14:46:35.190000+00:00</t>
  </si>
  <si>
    <t>2017-08-20 11:38:04.697000+00:00</t>
  </si>
  <si>
    <t>php|floating-point|precision|floating-accuracy</t>
  </si>
  <si>
    <t>Check if username exists - cross browser issues! Suggestions?</t>
  </si>
  <si>
    <t>&lt;p&gt;I've a registration form and it checks existing usernames and email addresses in the database dynamically. However, it doesn't seem to be working on either FireFox or IE. It's great on Safari and Chrome though. Here's the code:&lt;/p&gt;
&lt;pre&gt;&lt;code&gt;&amp;lt;input type="text" name="username" id="username" placeholder="Username" class="registerinvitel" onKeyUp="resettooltip();" onFocusOut="check_register_exist('username');" autocomplete="off" /&amp;gt;
&lt;/code&gt;&lt;/pre&gt;
&lt;p&gt;And the JavaScript:&lt;/p&gt;
&lt;pre&gt;&lt;code&gt;function check_register_exist(meth){
    var cueajaxRequest;  // The variable that makes Ajax possible!
    try{
        // Opera 8.0+, Firefox, Safari
        cueajaxRequest = new XMLHttpRequest();
    } catch (e){
        // Internet Explorer Browsers
        try{
            cueajaxRequest = new ActiveXObject("Msxml2.XMLHTTP");
        } catch (e) {
            try{
                cueajaxRequest = new ActiveXObject("Microsoft.XMLHTTP");
            } catch (e){
                // Something went wrong
                alert("Your browser broke!");
                return false;
            }
        }
    }
    // Create a function that will receive data sent from the server
    cueajaxRequest.onreadystatechange = function(){
        if(cueajaxRequest.readyState == 4){
var cuerez = cueajaxRequest.responseText;
if ( cuerez == 'exist' ) { infotooltip(meth, cuerez); 
document.getElementById('chk'+meth).value = "exist";
} else { document.getElementById('chk'+meth).value = "ok"; }
        }
    }
    var curchk = document.getElementById(meth).value;
    var queryString = "meth="+meth+"&amp;amp;u=" + curchk;
    cuenocache = Math.random();
    cueajaxRequest.open("GET", "/ajax/check.php?" + queryString + "&amp;amp;nocache=" + cuenocache, true);
    cueajaxRequest.send(null); 
}
&lt;/code&gt;&lt;/pre&gt;
&lt;p&gt;Any ideas how I can alter it to make it work? The AJAX check.php code is as follows (but I don't think that's the problem):&lt;/p&gt;
&lt;pre&gt;&lt;code&gt;&amp;lt;?
include  "../conf/config.php";
if(isset($_GET['meth'])) { $meth = $_GET['meth']; } else { $meth = ''; }
if(isset($_GET['u'])) { $u = $_GET['u']; } else { $u = ''; }
if ( $meth == 'username' ) {
$query_chkuser = mysql_query("SELECT * FROM members WHERE Username = '$u'");
$query_nr_res = mysql_num_rows($query_chkuser);
if ( $query_nr_res == '1' ) { echo "exist"; } else { echo "ok"; }
} 
elseif ( $meth == 'email' ) {
$query_chkuser = mysql_query("SELECT * FROM members WHERE Email = '$u'");
$query_nr_res = mysql_num_rows($query_chkuser);
if ( $query_nr_res == '1' ) { echo "exist"; } else { echo "ok"; }
} 
else {}
&lt;/code&gt;&lt;/pre&gt;</t>
  </si>
  <si>
    <t>2013-05-17 17:37:23.327000+00:00</t>
  </si>
  <si>
    <t>2013-05-17 17:38:45.600000+00:00</t>
  </si>
  <si>
    <t>php|javascript|html|mysql|ajax</t>
  </si>
  <si>
    <t>rails testing rspec capybara ActionController::ParameterMissing:param is missing or the value is empty: project</t>
  </si>
  <si>
    <t>&lt;p&gt;I am gettin this error:&lt;/p&gt;
&lt;pre&gt;&lt;code&gt;     Failure/Error: click_link 'New Project'
         ActionController::ParameterMissing:
           param is missing or the value is empty: project
# ./app/controllers/projects_controller.rb:31:in `project_params'
     # ./app/controllers/projects_controller.rb:6:in `new'
     # ./spec/features/creating_projects_spec.rb:5:in `block (2 levels) in &amp;lt;top (required)&amp;gt;'
&lt;/code&gt;&lt;/pre&gt;
&lt;p&gt;I have no idea why, so maybe i'm missing something:&lt;/p&gt;
&lt;p&gt;&lt;strong&gt;Projects_controller.rb&lt;/strong&gt;&lt;/p&gt;
&lt;pre&gt;&lt;code&gt;class ProjectsController &amp;lt; ApplicationController
    def index
    end
    def new
        @project = Project.new(project_params)
        @project.save
    end
    def create
        @project = Project.new(project_params)
        if @project.save
            flash[:notice] = "Project has been created."
            redirect_to @project
        else
            flash[:alert] = "Project has not been created."
            render 'new'
        end
    end
    def show
        @project = Project.find(params[:id])
    endjava 8 release date
    private
    def project_params
    params.require(:project).permit(:name, :description)
    end
end
&lt;/code&gt;&lt;/pre&gt;
&lt;p&gt;&lt;strong&gt;New.html.erb&lt;/strong&gt;&lt;/p&gt;
&lt;pre&gt;&lt;code&gt;&amp;lt;h2&amp;gt;Creating Projects&amp;lt;/h2&amp;gt;
&amp;lt;%= form_for(@project) do |f| %&amp;gt;
&amp;lt;% if @project.errors.any? %&amp;gt;
&amp;lt;div id="error_explanation"&amp;gt;
    &amp;lt;h2&amp;gt;&amp;lt;%= pluralize(@project.errors.count, "error") %&amp;gt;
        Project has not been created.:&amp;lt;/h2&amp;gt;
    &amp;lt;ul&amp;gt;
        &amp;lt;% @project.errors.full_message.each do |msg| %&amp;gt;
        &amp;lt;li&amp;gt;&amp;lt;%= msg %&amp;gt;&amp;lt;/li&amp;gt;
        &amp;lt;% end %&amp;gt;
    &amp;lt;/ul&amp;gt;
&amp;lt;/div&amp;gt;
&amp;lt;% end %&amp;gt;
&amp;lt;p&amp;gt;
&amp;lt;%= f.label :name , "Name" %&amp;gt;&amp;lt;br /&amp;gt;
&amp;lt;%= f.text_field :name %&amp;gt;
&amp;lt;/p&amp;gt;
&amp;lt;p&amp;gt;
    &amp;lt;%= f.label :description, "Description" %&amp;gt;&amp;lt;br /&amp;gt;
    &amp;lt;%= f.text_field :description %&amp;gt;
&amp;lt;/p&amp;gt;
&amp;lt;%= f.submit %&amp;gt;
&amp;lt;% end %&amp;gt;
&lt;/code&gt;&lt;/pre&gt;
&lt;p&gt;&lt;strong&gt;Creating_projects_spec.rb&lt;/strong&gt;&lt;/p&gt;
&lt;pre&gt;&lt;code&gt;require 'spec_helper'
    feature 'Creating Projects' do
    before do
        visit '/'
        click_link 'New Project'
    end
        scenario "can create a project" do
        fill_in 'Name', with: 'TextMate 2'
        fill_in 'Description', with: 'A text-editor for OS X'
        click_button 'Create Project'
        expect(page).to have_content('Project has been created.')
        project = Project.where(name: "TextMate 2").first
        expect(page.current_url).to eql(project_url(project))
        title = "TextMate 2 - Projects - Ticketee"
        expect(page).to have_title(title)
    end
        scenario "can not create a project without a name" do
        click_button 'Create Project'
        expect(page).to have_content("Project has not been created.")
        expect(page).to have_content("Name can't be blank")
    end
end
&lt;/code&gt;&lt;/pre&gt;
&lt;p&gt;This is my 2nd time doing the same thing. The 1st time I got through it but don't remember how and this time i'm stuck. :(&lt;/p&gt;</t>
  </si>
  <si>
    <t>2015-09-22 08:10:32.260000+00:00</t>
  </si>
  <si>
    <t>2015-09-23 13:26:09.370000+00:00</t>
  </si>
  <si>
    <t>ruby-on-rails|testing|capybara</t>
  </si>
  <si>
    <t>php image manipulation help or class?</t>
  </si>
  <si>
    <t>&lt;p&gt;im really having a tough time trying to upload images using php and mysql, and i really need help!&lt;/p&gt;
&lt;p&gt;this is what i want to do in natural language:&lt;/p&gt;
&lt;pre&gt;&lt;code&gt;1. upload an image
2. check if format is okay(png, jpeg, gif)
3. rename the image file, so theres no ambugity in this format(eg. pic-$userid.gif)
4. upload the pic to the images/folder
5. and delete the old one, or remove the defualt picture when on registration
&lt;/code&gt;&lt;/pre&gt;
&lt;p&gt;im trying to look for resources online, but cnt seem to find any!!1 thanks :))&lt;/p&gt;</t>
  </si>
  <si>
    <t>2010-10-22 19:24:51.390000+00:00</t>
  </si>
  <si>
    <t>2010-10-22 19:35:46.970000+00:00</t>
  </si>
  <si>
    <t>php|mysql|image</t>
  </si>
  <si>
    <t>Jquery modified selector class not being picked up</t>
  </si>
  <si>
    <t>&lt;p&gt;I'm having trouble building a bit of jquery that grabs a selector that has been modified after a previous event.&lt;/p&gt;
&lt;p&gt;For example, I have a some html which looks like this:&lt;/p&gt;
&lt;pre&gt;&lt;code&gt;&amp;lt;div class='1'&amp;gt;test&amp;lt;/div&amp;gt;
&lt;/code&gt;&lt;/pre&gt;
&lt;p&gt;if i click it with the following:&lt;/p&gt;
&lt;pre&gt;&lt;code&gt;$(".1").click(function(){
    alert('found 1!'); 
    $(this).attr('class', '2');
});
&lt;/code&gt;&lt;/pre&gt;
&lt;p&gt;the alert works and when i inspect the element, the class has been switched to '2'&lt;/p&gt;
&lt;p&gt;now when i click it again, with the following:&lt;/p&gt;
&lt;pre&gt;&lt;code&gt;$(".2").click(function(){
    alert('found 2!'); 
    $(this).attr('class', '1');
});
&lt;/code&gt;&lt;/pre&gt;
&lt;p&gt;I still get 'found 1!' as an alert.&lt;/p&gt;
&lt;p&gt;Is what i'm trying not possible for some reason, am i doing it wrong or is there a better way of doing it? Thanks! &lt;/p&gt;</t>
  </si>
  <si>
    <t>2011-12-07 09:51:58.903000+00:00</t>
  </si>
  <si>
    <t>2011-12-07 10:03:12.030000+00:00</t>
  </si>
  <si>
    <t>Am I able to use each_cons(2).any? with hash values?</t>
  </si>
  <si>
    <t>&lt;p&gt;If I have an array of integers and wish to check if a value is less than the previous value. I'm using:&lt;/p&gt;
&lt;pre&gt;&lt;code&gt;array = [1,2,3,1,5,7]
con = array.each_cons(2).any? { |x,y| y &amp;lt; x }
p con
&lt;/code&gt;&lt;/pre&gt;
&lt;p&gt;This returns true, as expected as 1 is less than 3.&lt;/p&gt;
&lt;p&gt;How would I go about checking if a hash value is less than the previous hash value?&lt;/p&gt;
&lt;pre&gt;&lt;code&gt;hash = {"0"=&amp;gt;"1", "1"=&amp;gt;"2","2"=&amp;gt;"3","4"=&amp;gt;"1","5"=&amp;gt;"5","6"=&amp;gt;"7"}
&lt;/code&gt;&lt;/pre&gt;
&lt;p&gt;I'm still learning Ruby so help would be greatly appreciated.&lt;/p&gt;</t>
  </si>
  <si>
    <t>2014-10-02 20:49:44.780000+00:00</t>
  </si>
  <si>
    <t>2014-10-03 17:03:18.153000+00:00</t>
  </si>
  <si>
    <t>2014-10-02 21:14:18.287000+00:00</t>
  </si>
  <si>
    <t>ruby|hashmap</t>
  </si>
  <si>
    <t>SCRIPT5007: Unable to get property 'replace' of undefined or null reference</t>
  </si>
  <si>
    <t>&lt;p&gt;Cant figure out why IE is showing this error message on the line below:&lt;/p&gt;
&lt;pre&gt;&lt;code&gt;this.innerHTML.replace('#','').trim()
&lt;/code&gt;&lt;/pre&gt;
&lt;p&gt;I used getElementsByClassName and looped through all  tags and attempting to remove the hashtag from the innerHTML of the link. &lt;/p&gt;
&lt;p&gt;Works great in all browsers other than IE. &lt;/p&gt;
&lt;p&gt;Any help appreciated. &lt;/p&gt;</t>
  </si>
  <si>
    <t>2014-03-03 15:52:41.513000+00:00</t>
  </si>
  <si>
    <t>2014-03-03 16:03:27.283000+00:00</t>
  </si>
  <si>
    <t>2014-03-03 15:57:32.030000+00:00</t>
  </si>
  <si>
    <t>javascript|internet-explorer|replace</t>
  </si>
  <si>
    <t>Scope of static variable of member function</t>
  </si>
  <si>
    <t>&lt;p&gt;If I have a static variable declared within a (non-static) member function of a class, is it static to each instance of that class, or static across all instances?  Sorry if the answer should be obvious, I can't find it anywhere.&lt;/p&gt;
&lt;p&gt;EDIT:&lt;/p&gt;
&lt;p&gt;I have accepted zerkms's answer, but here is another example:&lt;/p&gt;
&lt;pre&gt;&lt;code&gt;&amp;lt;?php
class X {
  public function fun($bar) {
    static $foo = null;
    if ($foo != null) print $foo . "&amp;lt;br/&amp;gt;";
    $foo = $bar;
  }
}
$x1 = new X();
$x1-&amp;gt;fun(42);
$x2 = new X();
$x2-&amp;gt;fun(123);
$x2-&amp;gt;fun(666);
?&amp;gt;
&lt;/code&gt;&lt;/pre&gt;
&lt;p&gt;Output:&lt;br&gt;
42&lt;br&gt;
123&lt;/p&gt;</t>
  </si>
  <si>
    <t>2012-04-19 03:41:15.300000+00:00</t>
  </si>
  <si>
    <t>2012-04-19 12:26:07.607000+00:00</t>
  </si>
  <si>
    <t>php|instance|scope|static-variables|member-functions</t>
  </si>
  <si>
    <t>Can group functionality be used for grouping two different classes?</t>
  </si>
  <si>
    <t>&lt;p&gt;Suppose I have two scripts say script1.java and script2.java in the same package. Now I want to run @test annotations of both the scripts.Can I do it by using groups in testNG?&lt;/p&gt;</t>
  </si>
  <si>
    <t>2013-06-18 18:40:58.793000+00:00</t>
  </si>
  <si>
    <t>2013-06-19 15:35:57.213000+00:00</t>
  </si>
  <si>
    <t>selenium-webdriver</t>
  </si>
  <si>
    <t>Tkinter resizing frames inside frame</t>
  </si>
  <si>
    <t>&lt;p&gt;In python, I am using the tkinter module in order to create a login screen. It is fully functioning with all the widgets in the correct places, but the only problem being is that when I drag the screen out larger, the widget's sizes don't increase in scale with the size of the main window.&lt;/p&gt;
&lt;pre&gt;&lt;code&gt;from tkinter import *
root = Tk()
f1 = Frame(root)
f1.grid(row=0, column=0, sticky='news')
enter = Frame(f1)
e1 = Entry(enter,font=('Consolas',15),width=25)
e1.insert(0,'E-mail')
e1.pack(pady=10)
e2 = Entry(enter,font=('',15),show='*',width=25)
e2.insert(0,'E-mail')
e2.pack(pady=20)
enter.grid(row=1,column=0,columnspan=3,padx=20,sticky='nsew')
loginframe = Frame(f1)
loginbutton = Button(loginframe,text='Login!',bg='lightblue',height=2,width=39)
loginbutton.pack()
loginframe.grid(row=2,column=0,columnspan=3,sticky='ew')
account = Frame(f1)
Label(account,text="Don't have an account yet?").pack(side=LEFT)
link = Label(account,text="Sign Up!",cursor='hand2',fg='blue',
               font=('Helvetica',8,'underline'))
link.pack(side=BOTTOM)
account.pack()
account.grid(row=3,column=0,columnspan=3)
root.mainloop()
&lt;/code&gt;&lt;/pre&gt;</t>
  </si>
  <si>
    <t>2017-12-12 19:46:32.197000+00:00</t>
  </si>
  <si>
    <t>2018-03-27 03:54:15.150000+00:00</t>
  </si>
  <si>
    <t>python|tkinter|tkinter-layout</t>
  </si>
  <si>
    <t>running queries on more than one table</t>
  </si>
  <si>
    <t>&lt;p&gt;I'm trying to make a query in two tables: &lt;/p&gt;
&lt;ul&gt;
&lt;li&gt;&lt;code&gt;SIMPLE_PERSON&lt;/code&gt; with 3 fields (name, grid and Social Security Card) &lt;/li&gt;
&lt;li&gt;&lt;code&gt;INDIVIDUAL_AGGREGATE&lt;/code&gt; with 4 fields: grid(PK), type( D(Driver) or C(client)), code, simple_person(foreign key of simple_person))&lt;/li&gt;
&lt;/ul&gt;
&lt;p&gt;When I register some person, I have to save they on the &lt;code&gt;SIMPLE_PERSON&lt;/code&gt; and set the type of aggregate that they are ( Driver or Client). And cannot have two equal social security card numbers.&lt;/p&gt;
&lt;p&gt;With AJAX, I throw a checker that returns an alert box if the SSC is registered, but my SQL query doesn't work.  I need to making a query that returns to me if a Social Security Card is already registered. I'm trying to use EXISTS, but I haven't had much success:&lt;/p&gt;
&lt;pre&gt;&lt;code&gt;SELECT simple_person.name 
  FROM simple_person 
 WHERE SSC = 'SSC_NUMBER' 
   AND EXISTS (SELECT individual_aggregate.code FROM individual_aggregate
                WHERE code = 'xx' 
                  AND individual_aggregate.type = 'D');
&lt;/code&gt;&lt;/pre&gt;
&lt;p&gt;Somebody can help me to make this query work?&lt;/p&gt;</t>
  </si>
  <si>
    <t>2011-02-07 17:02:26.550000+00:00</t>
  </si>
  <si>
    <t>2011-02-07 17:21:04.577000+00:00</t>
  </si>
  <si>
    <t>show a record in datagridview that is not in the table</t>
  </si>
  <si>
    <t>&lt;p&gt;how to show the record in datagridview when it is not in database and get the date of that record.
&lt;P&gt; for example&lt;p&gt;
in my database i have a record like this
&lt;p&gt;
&lt;a href="https://i.stack.imgur.com/dWAQ4.png" rel="nofollow noreferrer"&gt;&lt;img src="https://i.stack.imgur.com/dWAQ4.png" alt="enter image description here"&gt;&lt;/a&gt;&lt;/p&gt;
&lt;p&gt;as you can see john dont have a record in 2/15/2016 and ken dont have a record in 2/16/2016
&lt;P&gt;
now in data gridview it should be show like this&lt;p&gt;
&lt;a href="https://i.stack.imgur.com/CD15V.png" rel="nofollow noreferrer"&gt;&lt;img src="https://i.stack.imgur.com/CD15V.png" alt="enter image description here"&gt;&lt;/a&gt;
&lt;p&gt;
is it posible to get this record? i dont have an idea to do these im realy need help. Im using vb and ms-access as database.&lt;/p&gt;</t>
  </si>
  <si>
    <t>2016-02-15 11:43:17.073000+00:00</t>
  </si>
  <si>
    <t>2016-02-16 18:45:25.873000+00:00</t>
  </si>
  <si>
    <t>vb.net|datagridview|ms-access-2010</t>
  </si>
  <si>
    <t>PHP &amp; Mysql : filter by date</t>
  </si>
  <si>
    <t>&lt;p&gt;I am trying to filter list of all upcoming meetings 
So far i am using this query &lt;/p&gt;
&lt;pre&gt;&lt;code&gt;$sql = "SELECT *  from demo_meeting WHERE created_by_id IN(SELECT id FROM demo_user WHERE user_name = '$get_user_name') AND venue_id IS NULL AND meeting_datetime  &amp;gt;= curdate()  ORDER BY meeting_datetime ";
                    mysql_real_escape_string($sql);
                    $result = mysql_query($sql) or die (mysql_error());
                    while($row = mysql_fetch_array( $result )) {
                        // Print out the contents of each row into a table
                        //date_default_timezone_set('Australia/Melbourne');
                        date_default_timezone_set('Asia/Calcutta');   // Change it as per user requirement
                        $date = date('Y-m-d H:i:s ', time());
                        if ($date &amp;gt; $row['meeting_datetime']){
                        ?&amp;gt;
                        &amp;lt;tr&amp;gt;&amp;lt;td&amp;gt;
                        &amp;lt;div class= "main" style ="margin-top: 5px; padding: 15px 14px;background:#fff"&amp;gt;
                              &amp;lt;div class = "bold"  &amp;gt; Name :&amp;lt;?php echo $row['name']; ?&amp;gt;&amp;lt;br&amp;gt; &amp;lt;/div&amp;gt;
                              &amp;lt;div class = "bold"  &amp;gt; Date :&amp;lt;?php echo $row['meeting_datetime']; ?&amp;gt;&amp;lt;/div&amp;gt;
                            &amp;lt;/div&amp;gt;
                            &amp;lt;div class = "clear"&amp;gt;&amp;lt;/div&amp;gt;
                        &amp;lt;/td&amp;gt;&amp;lt;/tr&amp;gt;
                &amp;lt;?php
                        }}
&lt;/code&gt;&lt;/pre&gt;
&lt;p&gt;Why this above statement is not printing the upcoming meetings ?&lt;/p&gt;</t>
  </si>
  <si>
    <t>2012-09-21 10:33:28.123000+00:00</t>
  </si>
  <si>
    <t>2012-09-21 10:38:00.993000+00:00</t>
  </si>
  <si>
    <t>The java "Object" Class equivalent in Scala</t>
  </si>
  <si>
    <t>&lt;p&gt;It seems for a &lt;a href="https://stackoverflow.com/questions/30563605/type-synonyms-in-java?noredirect=1#comment49198703_30563605"&gt;good reason&lt;/a&gt; I need to switch to Scala! So, excuse me if my question might seem novice.&lt;/p&gt;
&lt;p&gt;It seems that &lt;strong&gt;Any&lt;/strong&gt; in scala is the &lt;a href="http://www.scala-lang.org/old/node/128" rel="nofollow noreferrer"&gt;supper class of all types&lt;/a&gt; and might be considered as an &lt;strong&gt;Object&lt;/strong&gt; type equivalent  in Java. But type &lt;strong&gt;Any&lt;/strong&gt; is abstract, while &lt;strong&gt;Object&lt;/strong&gt; is not. More concretely, I can not write the following code in scala (since class Any is abstract and cannot be instantiated):&lt;/p&gt;
&lt;pre&gt;&lt;code&gt;val k:Any = new Any(); 
&lt;/code&gt;&lt;/pre&gt;
&lt;p&gt;while I can write the following code in Java:&lt;/p&gt;
&lt;pre&gt;&lt;code&gt;Object k=new Object();
&lt;/code&gt;&lt;/pre&gt;
&lt;p&gt;What should I use if I need a concrete equivalent type of java Object type?&lt;/p&gt;</t>
  </si>
  <si>
    <t>2015-06-01 00:12:01.590000+00:00</t>
  </si>
  <si>
    <t>2015-06-01 16:30:19.460000+00:00</t>
  </si>
  <si>
    <t>2017-05-23 11:45:00.597000+00:00</t>
  </si>
  <si>
    <t>java|scala|types</t>
  </si>
  <si>
    <t>How to run a Cucumber-JVM feature file from the command line</t>
  </si>
  <si>
    <t>&lt;p&gt;I have a file with file extension &lt;code&gt;.feature&lt;/code&gt;. HOw do run this from the command line?&lt;/p&gt;
&lt;p&gt;In order to make a batch file for each feature. I am using &lt;a href="https://github.com/cucumber/cucumber-jvm" rel="nofollow"&gt;Cucumber-JVM&lt;/a&gt; with Java and &lt;a href="http://en.wikipedia.org/wiki/Selenium_%28software%29" rel="nofollow"&gt;Selenium&lt;/a&gt;.&lt;/p&gt;</t>
  </si>
  <si>
    <t>2014-04-27 14:17:20.497000+00:00</t>
  </si>
  <si>
    <t>2016-03-29 19:09:07.390000+00:00</t>
  </si>
  <si>
    <t>2014-04-27 14:26:15.683000+00:00</t>
  </si>
  <si>
    <t>java|cucumber-jvm</t>
  </si>
  <si>
    <t>Retrieving parameter from sql table to use in procedure</t>
  </si>
  <si>
    <t>&lt;p&gt;I have this procedure in SQL Server to check if word exists in table, if exist update table, if not add word into table.&lt;/p&gt;
&lt;pre&gt;&lt;code&gt;CREATE PROCEDURE raw_add @word nvarchar (100)
AS
BEGIN
    IF EXISTS(SELECT * FROM Connection.dbo.Dict WHERE game + '%' LIKE @word + '%')
        BEGIN
            UPDATE Dict SET count=count+1 WHERE game + '%' LIKE @word + '%'
        END
    ELSE
        BEGIN
            INSERT INTO Dict (mongol) VALUES (@word)
        END
END
&lt;/code&gt;&lt;/pre&gt;
&lt;p&gt;I can execute procedure. &lt;/p&gt;
&lt;pre&gt;&lt;code&gt;EXECUTE raw_add 'dota'
&lt;/code&gt;&lt;/pre&gt;
&lt;p&gt;But rather than typing every single word, I want to take words in another table as parameters for procedure. I have this code, but getting no parameter was supplied error.&lt;/p&gt;
&lt;pre&gt;&lt;code&gt;EXECUTE raw_add SELECT words_to_add
FROM Connection.dbo.raw p
CROSS APPLY string_split(p.words_to_add, ' ')
&lt;/code&gt;&lt;/pre&gt;</t>
  </si>
  <si>
    <t>2018-05-10 13:24:24.097000+00:00</t>
  </si>
  <si>
    <t>2018-05-11 20:08:17.497000+00:00</t>
  </si>
  <si>
    <t>2018-05-10 13:38:49.777000+00:00</t>
  </si>
  <si>
    <t>sql-server|procedure</t>
  </si>
  <si>
    <t>How do insert data into two different tables?</t>
  </si>
  <si>
    <t>&lt;p&gt;I have a form which takes both the user details and an image uploaded by them. I want to write the data to a user table and an image table but i am pretty sure that it cannot be done with just two separate insert statements. Any help would be much appreciated.&lt;/p&gt;</t>
  </si>
  <si>
    <t>2008-10-22 14:26:41.973000+00:00</t>
  </si>
  <si>
    <t>2012-11-13 00:56:17.040000+00:00</t>
  </si>
  <si>
    <t>Drew</t>
  </si>
  <si>
    <t>Product details modal with url</t>
  </si>
  <si>
    <t>&lt;p&gt;I have a basic search app where the user fills out a search filter then they click find, and a bunch of products show up in the results. Then when they click a product, I want to show the product details in a modal, but I also want there to be product id in the url so that they can share a link to the product details page for that product. So i guess if they share a product link to a friend, it would open the results page with no results, but a modal over top of it with the product. &lt;/p&gt;
&lt;p&gt;I want to use a modal because it doesn't ever make the user lose their place in the search and seems a bit easier to use to go between lots of products/could potentially click across arrows to go to the next/previous product in the search results. &lt;/p&gt;
&lt;p&gt;Is it possible to use a modal for the product details and still be able to share a link to the product details page for that specific product? Or do i need to use a traditional page to use the product specific url?&lt;/p&gt;
&lt;p&gt;&lt;strong&gt;EDIT: It is in an Angular 2 app&lt;/strong&gt;&lt;/p&gt;</t>
  </si>
  <si>
    <t>2016-12-15 17:56:39.870000+00:00</t>
  </si>
  <si>
    <t>2016-12-15 18:10:20.297000+00:00</t>
  </si>
  <si>
    <t>javascript|html|url|modal-dialog</t>
  </si>
  <si>
    <t>unable to access aws s3 bucket from eclipse IDE</t>
  </si>
  <si>
    <t>&lt;p&gt;I want to access s3 bucket externally from eclipse IDE. But s3 is denying permission. I have created user for s3 and gave all the access to that user&lt;/p&gt;</t>
  </si>
  <si>
    <t>2017-06-11 14:56:37.720000+00:00</t>
  </si>
  <si>
    <t>amazon-s3</t>
  </si>
  <si>
    <t>How to join a multiple foreign key within the foreign key in a single table in SQL Server</t>
  </si>
  <si>
    <t>&lt;p&gt;I have Waybill Table in which the joborderID is foreign key of Joborder Table in joborder Table there is FleetTypeID which is the ForeignKey of FleetTypeID and in FleetType Table there are two more foreign key ItemsID and FleetTypeItemsID&lt;/p&gt;
&lt;p&gt;The problem is I want to retrieve joborder_table data in waybill_table but the foreign keys in joborder_table are not joining&lt;/p&gt;
&lt;pre&gt;&lt;code&gt; SELECT DISTINCT 
        FTI.FleetTypeItem  Fleet_Items, 
        I.ItemsName  Items, 
        P.Payment, 
        C.CityName  City
 FROM FleetTypeItemTbl FTI,
      PaymentTbl PAY
   INNER JOIN FleetTypeTbl FT ON FTI.FleetTypeItemID = FT.FleetTypeItemID
   INNER JOIN ItemsTbl I  ON I.ItemsID = FT.ItemsID
   inner join PaymentCityAllocation PC on PAY.PaymentID = PC.PaymentID
   inner join CityTbl CT on CT.CityID = PC.CityID
   inner join JoborderTbl j on FT.FleetTypeID = j.FleetTypeID
   inner join WaybillTbl w on j.JoborderID = w.JoborderID
 where ft.Active = 1
&lt;/code&gt;&lt;/pre&gt;</t>
  </si>
  <si>
    <t>2016-10-27 09:46:23.580000+00:00</t>
  </si>
  <si>
    <t>2016-10-27 12:29:29.137000+00:00</t>
  </si>
  <si>
    <t>2016-10-27 11:35:48.603000+00:00</t>
  </si>
  <si>
    <t>asp.net|sql-server</t>
  </si>
  <si>
    <t>Is it mandatory to write session.update(emploee) while updating record in hibernate</t>
  </si>
  <si>
    <t>&lt;p&gt;Is it mandatory to write &lt;code&gt;session.update(employee)&lt;/code&gt; while updating record in hibernate?&lt;/p&gt;
&lt;p&gt;Here is my code.&lt;/p&gt;
&lt;pre&gt;&lt;code&gt;public void updateEmployee() {
    Session session = HibernateUtil.getSessionFactory().openSession();
    Transaction transaction = null;
    try {
        transaction = session.beginTransaction();
        Employee employee = (Employee)session.get(Employee.class, 113);
        employee.setName("Prakash1");
        employee.setSal(60008);
        //session.update(employee);
        transaction.commit();
        System.out.println("Employee records updated!");
    } catch (HibernateException e) {
        transaction.rollback();
        e.printStackTrace();
    } finally {
        session.close();
    }
}
&lt;/code&gt;&lt;/pre&gt;</t>
  </si>
  <si>
    <t>2016-09-20 05:39:42.547000+00:00</t>
  </si>
  <si>
    <t>2016-09-20 05:49:37.030000+00:00</t>
  </si>
  <si>
    <t>Programatically Slice up Image into Smaller Parts in ASP.NET</t>
  </si>
  <si>
    <t>&lt;p&gt;We have thousands of images on our site that we need sliced up into smaller pieces. The images are screenshots, and have whitespace between the individual screenshots. I'm trying to find a way in .NET to programatically scan through the images and slice them up vertically (it's always vertical not horizontal).&lt;/p&gt;
&lt;p&gt;I then need to save out the individual images to our blob storage, which I know how to do once I have the Image object itself. The part I don't know how to do is to scan the original image for whitespace and extract the content areas.&lt;/p&gt;
&lt;p&gt;Most of the screenshots are rectangular, I've attached probably the most complex example where there's an overlap and the widths are different. in this example I'd need 5 images to be created from the first, and we use .png format.&lt;/p&gt;
&lt;p&gt;Any pointers would be great!&lt;/p&gt;
&lt;p&gt;&lt;img src="https://i.stack.imgur.com/ZQQR9.jpg" alt="example image"&gt;&lt;/p&gt;</t>
  </si>
  <si>
    <t>2014-04-09 19:46:48.470000+00:00</t>
  </si>
  <si>
    <t>2014-04-09 20:15:42.397000+00:00</t>
  </si>
  <si>
    <t>c#|asp.net|image</t>
  </si>
  <si>
    <t>zsh tab completion categories</t>
  </si>
  <si>
    <t>&lt;p&gt;I'm using &lt;a href="http://jarod.wikidot.com/zsh-configuration" rel="nofollow noreferrer"&gt;this script&lt;/a&gt; to improve my tab completion. When I press &lt;kbd&gt;n&lt;/kbd&gt;&lt;kbd&gt;tab&lt;/kbd&gt; it now renders out like this:&lt;/p&gt;
&lt;p&gt;&lt;img src="https://i.stack.imgur.com/GvC4A.png" alt="enter image description here"&gt;&lt;/p&gt;
&lt;p&gt;You'll notice it spits out the type of completion at the top.&lt;/p&gt;
&lt;p&gt;I don't think the categories/types are all supposed to lumped up at the top though; I think each of the commands should be below their respective category. Can I customize zsh to do this? How?&lt;/p&gt;
&lt;p&gt;I must admit I don't know which of those &lt;code&gt;zstyle&lt;/code&gt; commands is causing this behaviour. I'll paste the relevant bit of the script below in case the link goes down:&lt;/p&gt;
&lt;pre&gt;&lt;code&gt;# Completion caching
zstyle ':completion::complete:*' use-cache on
zstyle ':completion::complete:*' cache-path .zcache
zstyle ':completion:*:cd:*' ignore-parents parent pwd
#Completion Options
zstyle ':completion:*:match:*' original only
zstyle ':completion::prefix-1:*' completer _complete
zstyle ':completion:predict:*' completer _complete
zstyle ':completion:incremental:*' completer _complete _correct
zstyle ':completion:*' completer _complete _prefix _correct _prefix _match _approximate
# Path Expansion
zstyle ':completion:*' expand 'yes'
zstyle ':completion:*' squeeze-shlashes 'yes'
zstyle ':completion::complete:*' '\\'
zstyle ':completion:*:*:*:default' menu yes select
zstyle ':completion:*:*:default' force-list always
# GNU Colors ������/etc/DIR_COLORS������ ���������������������������������������������������������������
[ -f /etc/DIR_COLORS ] &amp;amp;&amp;amp; eval $(dircolors -b /etc/DIR_COLORS)
export ZLSCOLORS="${LS_COLORS}"
zmodload  zsh/complist
zstyle ':completion:*' list-colors ${(s.:.)LS_COLORS}
zstyle ':completion:*:*:kill:*:processes' list-colors '=(#b) #([0-9]#)*=0=01;31' 
zstyle ':completion:*' completer _complete _match _approximate
zstyle ':completion:*:match:*' original only
zstyle ':completion:*:approximate:*' max-errors 1 numeric
compdef pkill=kill
compdef pkill=killall
zstyle ':completion:*:*:kill:*' menu yes select
zstyle ':completion:*:processes' command 'ps -au$USER'
# Group matches and Describe
zstyle ':completion:*:matches' group 'yes'
zstyle ':completion:*:options' description 'yes'
zstyle ':completion:*:options' auto-description '%d'
zstyle ':completion:*:descriptions' format $'\e[01;33m -- %d --\e[0m'
zstyle ':completion:*:messages' format $'\e[01;35m -- %d --\e[0m'
zstyle ':completion:*:warnings' format $'\e[01;31m -- No Matches Found --\e[0m'
&lt;/code&gt;&lt;/pre&gt;</t>
  </si>
  <si>
    <t>2014-04-24 19:17:36.720000+00:00</t>
  </si>
  <si>
    <t>2014-05-09 15:40:56.340000+00:00</t>
  </si>
  <si>
    <t>shell|zsh|tab-completion</t>
  </si>
  <si>
    <t>How to parse song duration from media player to correct minutes in android</t>
  </si>
  <si>
    <t>&lt;p&gt;I call &lt;code&gt;getDuration()&lt;/code&gt; method in MP Android. It returns ms value. 
For example &lt;code&gt;267180&lt;/code&gt;. This value equals to &lt;code&gt;04:27&lt;/code&gt;.
The question: how do I can parse convert &lt;code&gt;267180&lt;/code&gt; into &lt;code&gt;04:27&lt;/code&gt; programmatically?
Thanks.&lt;/p&gt;</t>
  </si>
  <si>
    <t>2018-06-21 23:16:39.080000+00:00</t>
  </si>
  <si>
    <t>2018-06-21 23:57:52.390000+00:00</t>
  </si>
  <si>
    <t>java|android|android-mediaplayer</t>
  </si>
  <si>
    <t>Receiving user input (via scanner) in a GUI Interface</t>
  </si>
  <si>
    <t>&lt;p&gt;I'm using the following code I found around to display the results in an interface instead of a consol. &lt;/p&gt;
&lt;pre&gt;&lt;code&gt;  public class Main{
    public static void main( String [] args ) throws InterruptedException  {
        JFrame frame = new JFrame();
        frame.add( new JLabel(" Outout" ), BorderLayout.NORTH );
        JTextArea ta = new JTextArea();
        TextAreaOutputStream taos = new TextAreaOutputStream( ta, 60 );
        PrintStream ps = new PrintStream( taos );
        System.setOut( ps );
        System.setErr( ps );
        frame.add( new JScrollPane( ta )  );
        frame.pack();
        frame.setVisible( true );
        for( int i = 0 ; i &amp;lt; 100 ; i++ ) {
            System.out.println( i );
            Thread.sleep( 500 );
        }
    }
}
&lt;/code&gt;&lt;/pre&gt;
&lt;p&gt;But at a certain step in my programm I need to receive user inputs. At the consol the program works but at the interface it doesn't seem to send the input to my program. &lt;/p&gt;
&lt;p&gt;Btw, I'm using this part of code of my program to receive user input: &lt;/p&gt;
&lt;pre&gt;&lt;code&gt;Scanner input = new Scanner(System.in); 
String data = input.nextLine();
&lt;/code&gt;&lt;/pre&gt;
&lt;p&gt;My question is how can I make the GUI interface accepts user inputs and  not only displaying results/errors? &lt;/p&gt;</t>
  </si>
  <si>
    <t>2016-03-02 20:21:46.610000+00:00</t>
  </si>
  <si>
    <t>2016-03-02 20:27:55.130000+00:00</t>
  </si>
  <si>
    <t>java|user-interface|input|java.util.scanner</t>
  </si>
  <si>
    <t>How I can calculate distances between the two geopoints? and how to get my first initial geopoint is constant</t>
  </si>
  <si>
    <t>&lt;pre&gt;&lt;code&gt;public class MainActivity extends FragmentActivity implements LocationListener {
    GoogleMap googleMap;
    Geocoder geocoder;
    List&amp;lt;Address&amp;gt; addresses;
    double slatitude,slongitude ;
    float[] results;
    @Override
    protected void onCreate(Bundle savedInstanceState) {
        super.onCreate(savedInstanceState);
        //show error dialog if GoolglePlayServices not available
        if (!isGooglePlayServicesAvailable()) {
            finish();
        }
        setContentView(R.layout.activity_main);
        SupportMapFragment supportMapFragment =
                (SupportMapFragment) getSupportFragmentManager().findFragmentById(R.id.googleMap);
        googleMap = supportMapFragment.getMap();
        LocationManager locationManager = (LocationManager) getSystemService(LOCATION_SERVICE);
        Criteria criteria = new Criteria();
        String bestProvider = locationManager.getBestProvider(criteria, true);
        Location location = locationManager.getLastKnownLocation(bestProvider);
        if (location != null) {
            onLocationChanged(location);
        }
        locationManager.requestLocationUpdates(bestProvider, 2000, 0, this);
         slatitude = location.getLatitude();
         slongitude = location.getLongitude();
    }
    @Override
    public void onLocationChanged(Location location) {
        TextView locationTv = (TextView) findViewById(R.id.latlongLocation);
        double elatitude = location.getLatitude();
        double elongitude = location.getLongitude();
        LatLng latLng = new LatLng(elatitude, elongitude);
        googleMap.addMarker(new MarkerOptions().position(latLng)); 
        googleMap.moveCamera(CameraUpdateFactory.newLatLng(latLng));
        googleMap.animateCamera(CameraUpdateFactory.zoomTo(15));
        locationTv.setText("Latitude:" + elatitude + ", Longitude:" + elongitude);
        geocoder = new Geocoder(this, Locale.getDefault());
        try
        {
        addresses = geocoder.getFromLocation(elatitude, elongitude, 1);
        String address = addresses.get(0).getAddressLine(0); 
        String city = addresses.get(0).getLocality();
        String state = addresses.get(0).getAdminArea();
        String country = addresses.get(0).getCountryName();
        String postalCode = addresses.get(0).getPostalCode();
        String knownName = addresses.get(0).getFeatureName(); 
       Toast.makeText(getApplicationContext(), address+" "+city+" "+state+" "+country+" "+postalCode+""+knownName, Toast.LENGTH_LONG).show();
        }
        catch(Exception e)
        {
        }
        try
        {
            Location.distanceBetween ( slatitude,  slongitude,  elatitude,  elongitude,  results);
            System.out.println(""+results+"km");
            Toast.makeText(getApplicationContext(),""+results+"km",Toast.LENGTH_LONG).show();
        }
        catch(Exception e){
        }
    }
    @Override
    public void onProviderDisabled(String provider) {
        // TODO Auto-generated method stub
    }
    @Override
    public void onProviderEnabled(String provider) {
        // TODO Auto-generated method stub
    }
    @Override
    public void onStatusChanged(String provider, int status, Bundle extras) {
        // TODO Auto-generated method stub
    }
    private boolean isGooglePlayServicesAvailable() {
        int status = GooglePlayServicesUtil.isGooglePlayServicesAvailable(this);
        if (ConnectionResult.SUCCESS == status) {
            return true;
        } else {
            GooglePlayServicesUtil.getErrorDialog(status, this, 0).show();
            return false;
        }
    }
}
&lt;/code&gt;&lt;/pre&gt;
&lt;p&gt;I am not able find distance between geo points when though I am using distanceBetween() here.&lt;/p&gt;</t>
  </si>
  <si>
    <t>2015-10-28 05:15:57.060000+00:00</t>
  </si>
  <si>
    <t>2018-01-22 05:49:03.450000+00:00</t>
  </si>
  <si>
    <t>Why is the storage class of global variables in C implicitly defined as "extern"?</t>
  </si>
  <si>
    <t>&lt;p&gt;When we declare any global variable, for instance &lt;/p&gt;
&lt;pre&gt;&lt;code&gt;int x;
&lt;/code&gt;&lt;/pre&gt;
&lt;p&gt;it is equivalent to &lt;/p&gt;
&lt;pre&gt;&lt;code&gt;extern int x; 
&lt;/code&gt;&lt;/pre&gt;
&lt;p&gt;Now by default global variables are initialized to 0 by the compiler, which means they are allocated memory. But if I simply write &lt;/p&gt;
&lt;pre&gt;&lt;code&gt;extern int x;
&lt;/code&gt;&lt;/pre&gt;
&lt;p&gt;then this will only declare the variable, while no memory would be allocated to it.  So, my query is that if I write &lt;strong&gt;extern&lt;/strong&gt; before &lt;code&gt;int x&lt;/code&gt; or I do not write it, &lt;strong&gt;in case of global variables&lt;/strong&gt;, how is the compiler treating them differently?  In the case where I simply write &lt;code&gt;int x&lt;/code&gt;, it allocates memory and simultaneously it puts &lt;strong&gt;extern&lt;/strong&gt; before &lt;code&gt;int x&lt;/code&gt;, while in the case where I write &lt;code&gt;extern int x&lt;/code&gt;, it only declares the variable while no memory is allocated to it. Please clarify how the compiler is behaving in both ways.&lt;/p&gt;</t>
  </si>
  <si>
    <t>2017-02-21 07:40:44.357000+00:00</t>
  </si>
  <si>
    <t>2017-02-21 07:54:37.120000+00:00</t>
  </si>
  <si>
    <t>2017-02-21 07:48:40.613000+00:00</t>
  </si>
  <si>
    <t>c|scope|global-variables|extern</t>
  </si>
  <si>
    <t>Stuck with the Struts-tiles Web Application</t>
  </si>
  <si>
    <t>&lt;p&gt;I am stuck with this error &lt;strong&gt;"Attribute property has a runtime value of definitions-config.  property must reference a valid Java identifier"&lt;/strong&gt;.&lt;/p&gt;
&lt;pre&gt;&lt;code&gt;&amp;lt;plug-in className="org.apache.struts.tiles.TilesPlugin"&amp;gt;
&amp;lt;set-property property="definitions-config" value="/WEB-INF/tiles-defs.xml" /&amp;gt;
&amp;lt;set-property property="moduleAware" value="true" /&amp;gt;
&amp;lt;/plug-in&amp;gt;
&lt;/code&gt;&lt;/pre&gt;
&lt;p&gt;I am working with struts-tiles 1.3.8 in order to create a web application with Header, Footer, Body &amp;amp; Menu. I don't know weather I am missing some jar files? I have no clue. Please help me folks. &lt;/p&gt;</t>
  </si>
  <si>
    <t>2012-07-03 20:27:20.700000+00:00</t>
  </si>
  <si>
    <t>2012-07-06 12:13:12.993000+00:00</t>
  </si>
  <si>
    <t>2012-07-05 05:03:31.957000+00:00</t>
  </si>
  <si>
    <t>java|struts|tiles|struts-1</t>
  </si>
  <si>
    <t>Public property of exported class has or is using private name</t>
  </si>
  <si>
    <t>&lt;p&gt;I was looking at this &lt;a href="https://stackoverflow.com/questions/18794791/public-property-of-exported-class-is-using-private-type-error-in-typescript"&gt;question&lt;/a&gt; however the exporting doesn't solve my issue for me.&lt;/p&gt;
&lt;p&gt;I have the following code snippet, &lt;code&gt;cloudFoundry.ts&lt;/code&gt;:&lt;/p&gt;
&lt;pre&gt;&lt;code&gt;export var cf = require.__$__nodeRequire&amp;lt;any&amp;gt;('cf-client');
export class CloudFoundry {
    apps: typeof cf.Apps;
    cloudController: typeof cf.CloudController;
    domains: typeof cf.Domains;
    logs: typeof cf.Logs;
    usersUAA: typeof cf.UsersUAA;
    routes: typeof cf.Routes;
    organizations: typeof cf.Organizations;
    spaces: typeof cf.Spaces;
    services: typeof cf.Services;
constructor() {
        // load services with proper token + config
        this.initializeServices();
        return;
    }
    ....
    private initializeServices() {
        ['cloudController', 'apps', 'domains', 'organizations', 'routes', 'spaces', 'services', 'logs','usersUAA'].map(function(_class){
            eval(`this.${_class} = new(cf).${_class.charAt(0).toUpperCase() + _class.slice(1)}(this._endpoint)`);
            eval(`this.${_class}.setToken(this.token)`);
        }, this);
        this.cloudController.getInfo().then((result) =&amp;gt; {
            this.usersUAA.setEndPoint(result.authorization_endpoint);
            this.logs.setEndPoint(result.logging_endpoint);
        }).catch((e) =&amp;gt; {
            console.log('ERROR ' + e);
            return;
        });
    }
}
&lt;/code&gt;&lt;/pre&gt;
&lt;p&gt;Then another file &lt;code&gt;viewlet.ts&lt;/code&gt;&lt;/p&gt;
&lt;pre&gt;&lt;code&gt;...
import {
    CloudFoundry,
    OauthToken
} from './cloudFoundry';
...
&lt;/code&gt;&lt;/pre&gt;
&lt;p&gt;However typescript is throwing the following error.&lt;/p&gt;
&lt;pre&gt;&lt;code&gt;cloudFoundry.ts(24,15): Public property 'apps' of exported class has or is using private name 'cf'.
cloudFoundry.ts(25,26): Public property 'cloudController' of exported class has or is using private name 'cf'.
cloudFoundry.ts(26,18): Public property 'domains' of exported class has or is using private name 'cf'.
cloudFoundry.ts(27,15): Public property 'logs' of exported class has or is using private name 'cf'.
cloudFoundry.ts(28,19): Public property 'usersUAA' of exported class has or is using private name 'cf'.
cloudFoundry.ts(29,17): Public property 'routes' of exported class has or is using private name 'cf'.
cloudFoundry.ts(30,24): Public property 'organizations' of exported class has or is using private name 'cf'.
cloudFoundry.ts(31,17): Public property 'spaces' of exported class has or is using private name 'cf'.
cloudFoundry.ts(32,19): Public property 'services' of exported class has or is using private name 'cf'.
&lt;/code&gt;&lt;/pre&gt;
&lt;p&gt;I tried the trick that was mentioned &lt;a href="https://stackoverflow.com/questions/18794791/public-property-of-exported-class-is-using-private-type-error-in-typescript"&gt;here&lt;/a&gt; by exporting the import and that at least got rid of the error.&lt;/p&gt;
&lt;pre&gt;&lt;code&gt;export var cf = require.__$__nodeRequire&amp;lt;any&amp;gt;('cf-client');
&lt;/code&gt;&lt;/pre&gt;
&lt;p&gt;But then I got the following issue at runtime...&lt;/p&gt;
&lt;pre&gt;&lt;code&gt;cf is not defined: ReferenceError: cf is not defined
    at eval (eval at &amp;lt;anonymous&amp;gt; (cloudFoundry.js:41:108)
&lt;/code&gt;&lt;/pre&gt;
&lt;p&gt;The line is referring to the following.&lt;/p&gt;
&lt;pre&gt;&lt;code&gt;eval("this." + _class + " = new(cf)." + (_class.charAt(0).toUpperCase() + _class.slice(1)) + "(this._endpoint)"); 
&lt;/code&gt;&lt;/pre&gt;
&lt;p&gt;Any help would be appreciated for trying to fix this.&lt;/p&gt;</t>
  </si>
  <si>
    <t>2016-03-30 12:32:05.553000+00:00</t>
  </si>
  <si>
    <t>2016-04-03 20:28:48.300000+00:00</t>
  </si>
  <si>
    <t>2017-05-23 12:07:35.627000+00:00</t>
  </si>
  <si>
    <t>How to store RestKit value to CoreData in iOS?</t>
  </si>
  <si>
    <t>&lt;p&gt;I Have Created the Entity &lt;code&gt;EY_REGION&lt;/code&gt; and added the attributes.To parse the &lt;code&gt;RestKit&lt;/code&gt; value and to store the data in &lt;code&gt;CoreData&lt;/code&gt; i have Created 2 Methods &lt;/p&gt;
&lt;p&gt;&lt;code&gt;(void)createRegionMappingWithStore:(RKManagedObjectStore *)managedObjectStore saveInDelegate:(AppDelegate *)appDelegate&lt;/code&gt;&lt;/p&gt;
&lt;p&gt;&lt;code&gt;(NSArray *)getRegionData&lt;/code&gt;&lt;/p&gt;
&lt;p&gt;Just Am calling this method from my &lt;code&gt;NewConnectionViewController.m&lt;/code&gt;.My Problem is,i can't able to Fetch the Data. What is the Problem? Here i have shown my code:&lt;/p&gt;
&lt;p&gt;DataAccessHandler.m&lt;/p&gt;
&lt;pre&gt;&lt;code&gt;@implementation DataAccessHandler
+(void)createRegionMappingWithStore:(RKManagedObjectStore *)managedObjectStore saveInDelegate:(AppDelegate *)appDelegate{
RKEntityMapping *regionMapping = [RKEntityMapping mappingForEntityForName:@"EY_Region" inManagedObjectStore:managedObjectStore];
regionMapping.identificationAttributes = @[@"regionId"];
[regionMapping addAttributeMappingsFromDictionary:@{ @"id" : @"regionId", @"name" : @"regionName", @"code" : @"regionCode",@"last_update":@"lastUpdatedDate",@"is_delete":@"isDelete"}];
RKResponseDescriptor *regionResponseDescriptor =
[RKResponseDescriptor responseDescriptorWithMapping:regionMapping
                                             method:RKRequestMethodGET
                                        pathPattern:EY_REGION
                                            keyPath:@"data.data"
                                        statusCodes:RKStatusCodeIndexSetForClass(RKStatusCodeClassSuccessful)
 ];
[appDelegate createObjectManagerForurl:EY_BASE_URL andAddResponseDescriptor:regionResponseDescriptor];
[AFNetworkActivityIndicatorManager sharedManager].enabled = YES;
}
+(NSArray *)getRegionData{
NSManagedObjectContext *context = [RKManagedObjectStore defaultStore].mainQueueManagedObjectContext;
NSFetchRequest *fetchRequest = [NSFetchRequest fetchRequestWithEntityName:@"EY_Region"];
NSSortDescriptor *descriptor = [NSSortDescriptor sortDescriptorWithKey:@"regionId" ascending:YES];
fetchRequest.sortDescriptors = @[descriptor];
NSError *error = nil;
NSArray *fetchedObjects = [context executeFetchRequest:fetchRequest error:&amp;amp;error];
NSLog(@"fetched objects is: %@",fetchedObjects);
NSLog(@"size is: %lu",[fetchedObjects count]);
return fetchedObjects;
}
&lt;/code&gt;&lt;/pre&gt;
&lt;p&gt;NewConnectionViewController.m&lt;/p&gt;
&lt;pre&gt;&lt;code&gt;#import "NewConnectionViewController.h"
@implementation NewConnectionViewController
-(void)viewDidLoad
{
[super viewDidLoad];
[DataAccessHandler createConnectionMappingWithStore:[self managedObjectStore] saveInDelegate:[self appDelegate]];
[self requestConnectionData];
}
&lt;/code&gt;&lt;/pre&gt;
&lt;p&gt;The Error am getting is,&lt;/p&gt;
&lt;p&gt;NSLocalizedFailureReason=The mapping operation was unable to find any           nested object representations at the key paths searched: 
The representation inputted to the mapper was found to contain nested object representations at the following key paths: Address, Circle, ConnectionNumber, Distribution, Load, MeterNo, Name, Phase, Region, Section, ServiceNo, ServiceStatus, usage
This likely indicates that you have misconfigured the key paths for your mappings., NSLocalizedDescription=No mappable object representations were found at the key paths searched., keyPath=null}}}&lt;/p&gt;</t>
  </si>
  <si>
    <t>2016-01-20 12:04:12.247000+00:00</t>
  </si>
  <si>
    <t>2016-01-20 15:32:04.077000+00:00</t>
  </si>
  <si>
    <t>user5730430</t>
  </si>
  <si>
    <t>ios|core-data|mapping|restkit|nsmanagedobjectcontext</t>
  </si>
  <si>
    <t>Any way to create referential integrity based on data values?</t>
  </si>
  <si>
    <t>&lt;p&gt;following is a simplified illustration&lt;/p&gt;
&lt;pre&gt;&lt;code&gt;TABLE : EMPLOYEE (TENANT_ID is a FK)
ID   |    NAME   | TENANT_ID   
1    | John      |  1
TABLE DEPARTMENT
ID   |   NAME  | TENANT_ID
1    | Physics | 1
2    | Math    | 2
TABLE : EMPLOYEE_DEPARTMENTS (Join between employee and department)
ID | EMPLOYEE_ID   | DEPARTMENT_ID 
1  | 1             | 1
&lt;/code&gt;&lt;/pre&gt;
&lt;p&gt;Is there a way to fail inserting data into EMPLOYEE_DEPARTMENTS if EMPLOYEE value is for TENANT 1 and DEPARMENT_ID is from TENANT 2? e.g. where employee_id=1 belongs to tenant=1 and department_id=2 belongs to tenant=2&lt;/p&gt;
&lt;pre&gt;&lt;code&gt;ID |  EMPLOYEED_ID  | DEPARTMENT_ID
2  |   1            | 2
&lt;/code&gt;&lt;/pre&gt;
&lt;p&gt;Is there a way to prevent such data insertion either at an app or db level. PS&gt; no room for using triggers and don't want to use triggers.  &lt;/p&gt;</t>
  </si>
  <si>
    <t>2015-08-21 03:26:22.473000+00:00</t>
  </si>
  <si>
    <t>2015-08-21 07:46:00.370000+00:00</t>
  </si>
  <si>
    <t>Insert Image to mysql database in android using PHP</t>
  </si>
  <si>
    <t>&lt;p&gt;I have a problem to save a image to mysql using PHP.
I have some code but it's got some errors.
Here is my code.&lt;/p&gt;
&lt;pre&gt;&lt;code&gt;  Bitmap bitmap = BitmapFactory.decodeResource(getResources(),R.id.img_upload);
         //img_Photo.setImageBitmap(bitmap);
         ByteArrayOutputStream stream = new ByteArrayOutputStream();
         bitmap.compress(Bitmap.CompressFormat.PNG, 90, stream); //compress to which format you want.
         byte [] byte_arr = stream.toByteArray();
         image_str= Base64.encodeToString(byte_arr, 1);
         postParameters.add(new BasicNameValuePair("photo", image_str));
&lt;/code&gt;&lt;/pre&gt;
&lt;p&gt;Here, &lt;code&gt;bitmap.compress(Bitmap.CompressFormat.PNG, 90, stream);&lt;/code&gt; is always got Null.
My code is wrong or which part should i repair. Give me some advices.&lt;/p&gt;</t>
  </si>
  <si>
    <t>2013-12-31 05:36:35.450000+00:00</t>
  </si>
  <si>
    <t>2013-12-31 06:24:22.730000+00:00</t>
  </si>
  <si>
    <t>2013-12-31 05:42:42.513000+00:00</t>
  </si>
  <si>
    <t>android|mysql|bitmap</t>
  </si>
  <si>
    <t>What is the unit of NSPoint, CGPoint, NSSize, CGSize and NSRect, CGRect?</t>
  </si>
  <si>
    <t>&lt;p&gt;What is the unit of CGPoint, CGSize and CGRect ; NSSize, NSPoint and NSRect?&lt;/p&gt;</t>
  </si>
  <si>
    <t>2014-05-27 12:58:26.980000+00:00</t>
  </si>
  <si>
    <t>2015-09-10 14:39:53.307000+00:00</t>
  </si>
  <si>
    <t>uiview|nsview|units-of-measurement|nsrect|nspoint</t>
  </si>
  <si>
    <t>Android Application Activity NullPointerException</t>
  </si>
  <si>
    <t>&lt;p&gt;I'm new to android development and stackoverflow, but I have a little experience in programming. I'm trying to run a a really basic application on the android emulator, and I get the above mentioned error report. I have narrowed the problem to be one of these lines of code, but from what I saw on web it looks like I'm using these methods correctly. I know the error is in here somewhere because I ran the code without it and it worked. I hope I'm being specific enough (I'm also open to any comments on the usage of this site).&lt;/p&gt;
&lt;p&gt;Here is the code:&lt;/p&gt;
&lt;pre&gt;&lt;code&gt;@Override
protected void onCreate(Bundle savedInstanceState) {
    super.onCreate(savedInstanceState);
    setContentView(R.layout.activity_main);     
    if (savedInstanceState == null) {
        getSupportFragmentManager().beginTransaction()
                .add(R.id.container, new PlaceholderFragment()).commit();
    }
    counter = 0;
    add = (Button) findViewById(R.id.bAdd);
    subtract = (Button) findViewById(R.id.bSub);
    display = (TextView) findViewById(R.id.tvDisplay);      
    add.setOnClickListener(new View.OnClickListener() {     
        @Override
        public void onClick(View v) {
            // TODO Auto-generated method stub
            counter++;
            display.setText("Your Total is " + counter);
        }
    });
    subtract.setOnClickListener(new View.OnClickListener() {
        @Override
        public void onClick(View v) {
            // TODO Auto-generated method stub
            counter--;
            display.setText("Your Total is " + counter);
        }
    });
}
&lt;/code&gt;&lt;/pre&gt;
&lt;p&gt;This is the stack trace from the logcat:&lt;/p&gt;
&lt;pre&gt;&lt;code&gt;03-18 08:51:59.379: E/AndroidRuntime(1851): FATAL EXCEPTION: main   
03-18 08:51:59.379: E/AndroidRuntime(1851): Process: j.G.thenewboston, PID: 1851    
03-18 08:51:59.379: E/AndroidRuntime(1851): java.lang.RuntimeException: Unable to start activity ComponentInfo{j.G.thenewboston/j.G.thenewboston.MainActivity}: 
java.lang.NullPointerException  
03-18 08:51:59.379: E/AndroidRuntime(1851):     at android.app.ActivityThread.performLaunchActivity(ActivityThread.java:2195)
03-18 08:51:59.379: E/AndroidRuntime(1851):     at 
android.app.ActivityThread.handleLaunchActivity(ActivityThread.java:2245)
03-18 08:51:59.379: E/AndroidRuntime(1851):     at android.app.ActivityThread.access$800(ActivityThread.java:135)
03-18 08:51:59.379: E/AndroidRuntime(1851):     at android.app.ActivityThread$H.handleMessage(ActivityThread.java:1196)
03-18 08:51:59.379: E/AndroidRuntime(1851):     at android.os.Handler.dispatchMessage(Handler.java:102)
03-18 08:51:59.379: E/AndroidRuntime(1851):     at android.os.Looper.loop(Looper.java:136)
03-18 08:51:59.379: E/AndroidRuntime(1851):     at android.app.ActivityThread.main(ActivityThread.java:5017)
03-18 08:51:59.379: E/AndroidRuntime(1851):     at java.lang.reflect.Method.invokeNative(Native Method)
03-18 08:51:59.379: E/AndroidRuntime(1851):     at java.lang.reflect.Method.invoke(Method.java:515)
03-18 08:51:59.379: E/AndroidRuntime(1851):     at com.android.internal.os.ZygoteInit$MethodAndArgsCaller.run(ZygoteInit.java:779)
03-18 08:51:59.379: E/AndroidRuntime(1851):     at com.android.internal.os.ZygoteInit.main(ZygoteInit.java:595)
03-18 08:51:59.379: E/AndroidRuntime(1851):     at dalvik.system.NativeStart.main(Native Method)
03-18 08:51:59.379: E/AndroidRuntime(1851): Caused by: java.lang.NullPointerException
03-18 08:51:59.379: E/AndroidRuntime(1851):     at j.G.thenewboston.MainActivity.onCreate(MainActivity.java:34)
03-18 08:51:59.379: E/AndroidRuntime(1851):     at android.app.Activity.performCreate(Activity.java:5231)
03-18 08:51:59.379: E/AndroidRuntime(1851):     at android.app.Instrumentation.callActivityOnCreate(Instrumentation.java:1087)
03-18 08:51:59.379: E/AndroidRuntime(1851):     at android.app.ActivityThread.performLaunchActivity(ActivityThread.java:2159)
&lt;/code&gt;&lt;/pre&gt;
&lt;p&gt;Thanks a lot for any help guys &lt;/p&gt;</t>
  </si>
  <si>
    <t>2014-03-18 12:50:58.537000+00:00</t>
  </si>
  <si>
    <t>2014-03-18 16:31:36.640000+00:00</t>
  </si>
  <si>
    <t>2014-03-18 13:51:47.080000+00:00</t>
  </si>
  <si>
    <t>android|android-fragments|nullpointerexception|android-activity</t>
  </si>
  <si>
    <t>Reading Font Colour Information From a PDF</t>
  </si>
  <si>
    <t>&lt;p&gt;I am working on a piece of software that analyses PDF files and generates HTML based on them.  There are a number of things out there that already do this so I know it is possible, I have to write my own for business reasons.&lt;/p&gt;
&lt;p&gt;I have managed to get all the text information, positions, fonts out of the PDF but I am struggling to read out the colour of the text.  I am currently using PDFMiner to analyse the PDF but am beginning to think I will need to write my own PDFReader, even so, I can't figure out where in the document the Colour information for text is even kept!  I have even read the PDF spec but cannot find the information I need. &lt;/p&gt;
&lt;p&gt;I have scoured google, with no joy. &lt;/p&gt;
&lt;p&gt;Thanks in advance!&lt;/p&gt;</t>
  </si>
  <si>
    <t>2011-09-28 10:24:31.207000+00:00</t>
  </si>
  <si>
    <t>2011-09-28 13:40:22.913000+00:00</t>
  </si>
  <si>
    <t>2011-09-28 10:37:44.170000+00:00</t>
  </si>
  <si>
    <t>python|pdf</t>
  </si>
  <si>
    <t>How to move specific ellipse to a the pointer pressed position?</t>
  </si>
  <si>
    <t>&lt;p&gt;I'm making a game in which there are different ellipses and at a time i've to select only one ellipse and move it to the position where I press the pointer. So how can I do that? (Syntax Please!).&lt;/p&gt;</t>
  </si>
  <si>
    <t>2014-06-22 16:46:33.960000+00:00</t>
  </si>
  <si>
    <t>2014-06-23 05:40:59.823000+00:00</t>
  </si>
  <si>
    <t>windows|windows-runtime|windows-store-apps|winrt-xaml</t>
  </si>
  <si>
    <t>Extracting data from JavaScript (Python Scraper)</t>
  </si>
  <si>
    <t>&lt;p&gt;I'm currently using a fusion of urllib2, pyquery, and json to scrape a site, and now I find that I need to extract some data from JavaScript.  One thought would be to use a JavaScript engine (like V8), but that seems like overkill for what I need.  I would use regular expressions, but the expression for this seems way to complex.&lt;/p&gt;
&lt;p&gt;JavaScript:&lt;/p&gt;
&lt;pre&gt;&lt;code&gt;(function(){DOM.appendContent(this, HTML("&amp;lt;html&amp;gt;"));;})
&lt;/code&gt;&lt;/pre&gt;
&lt;p&gt;I need to extract the &lt;code&gt;&amp;lt;html&amp;gt;&lt;/code&gt;, but I'm not entirely sure how to do so.  The &lt;code&gt;&amp;lt;html&amp;gt;&lt;/code&gt; itself can contain basically every character under the sun, so &lt;code&gt;[^"]&lt;/code&gt; won't work.&lt;/p&gt;
&lt;p&gt;Any thoughts?&lt;/p&gt;</t>
  </si>
  <si>
    <t>2011-01-28 06:28:45.893000+00:00</t>
  </si>
  <si>
    <t>2011-01-28 09:31:43.583000+00:00</t>
  </si>
  <si>
    <t>javascript|python|regex|web-scraping|scraper</t>
  </si>
  <si>
    <t>How to I redirect to another page *after* printing document?</t>
  </si>
  <si>
    <t>&lt;p&gt;I have an event called &lt;code&gt;SubmitResponse()&lt;/code&gt;.&lt;/p&gt;
&lt;p&gt;A user is presented with a list of questions and possible responses.  After completing the responses, the user clicks the Preview button.  If responses are correct, the user clicks the SubmitResponse button and then &lt;code&gt;SubmitResponse()&lt;/code&gt; processes it.&lt;/p&gt;
&lt;p&gt;Upon clicking the SubmitResponse button, a print screen pops up for the user to print a copy.  This is the calling code for the JS print feature.&lt;/p&gt;
&lt;pre&gt;&lt;code&gt;finsub.Attributes.Add("OnClick", "print_form()")
&lt;/code&gt;&lt;/pre&gt;
&lt;p&gt;Works fine but there is one problem.  We would like the user to be redirected to the screen that displays results of his/her response with the code below.&lt;/p&gt;
&lt;pre&gt;&lt;code&gt;Response.Redirect("results.aspx")
&lt;/code&gt;&lt;/pre&gt;
&lt;p&gt;What is happening is that once the user clicks the submitResponses button, s/he is immediately redirected to the &lt;code&gt;results.aspx page&lt;/code&gt; and the print feature is no longer available.&lt;/p&gt;
&lt;p&gt;Is there a way to work around this?&lt;/p&gt;</t>
  </si>
  <si>
    <t>2011-10-19 18:29:10.960000+00:00</t>
  </si>
  <si>
    <t>2016-09-16 23:39:13.343000+00:00</t>
  </si>
  <si>
    <t>2011-10-19 18:35:15.387000+00:00</t>
  </si>
  <si>
    <t>javascript|asp.net</t>
  </si>
  <si>
    <t>MySQL get first row value</t>
  </si>
  <si>
    <t>&lt;p&gt;My whole query works apart from this sub query:&lt;/p&gt;
&lt;pre&gt;&lt;code&gt;"(SELECT a.NumSeats From Aircrafts a WHERE f.AircraftID =a.AircrafID)"
&lt;/code&gt;&lt;/pre&gt;
&lt;p&gt;I want that to return a number e.g 5&lt;/p&gt;
&lt;p&gt;As I am selecting a.NumSeats which is an integer I can't understand why this doesn't work.&lt;/p&gt;
&lt;p&gt;Also this query will return a MAX of 1 row.&lt;/p&gt;
&lt;pre&gt;&lt;code&gt;$subQuery1 = "(SELECT COUNT(*) from Seats s WHERE s.FlightID = f.FlightID)";
    $subQuery2 = "(SELECT a.NumSeats From Aircrafts a WHERE f.AircraftID =a.AircrafID)";
    $subQuery2 = 0;
    $query = mysql_query("SELECT * FROM Flights f WHERE f.DeptAirport = '".$dep."' AND f.ArrAirport = '".$arr.
            "' AND f.Date=STR_TO_DATE('".$depDate."', '%Y-%m-%d') AND ".$subQuery1. "=" .$subQuery2);
&lt;/code&gt;&lt;/pre&gt;
&lt;p&gt;If i remove $subQuery2 = 0 it breaks&lt;/p&gt;</t>
  </si>
  <si>
    <t>2013-04-16 16:37:31.233000+00:00</t>
  </si>
  <si>
    <t>2013-04-16 16:47:58.850000+00:00</t>
  </si>
  <si>
    <t>passing parameters from java to c# app goes wrong</t>
  </si>
  <si>
    <t>&lt;p&gt;Hi I have a very annoying problem and I can't understand the reasons.&lt;/p&gt;
&lt;p&gt;I have a c# form application which receives some args in main and uses them to connect to a device (ip,port,user,passw).
It also prints these arguments to see if they are correct.&lt;/p&gt;
&lt;p&gt;Now if I call the exe with arguments from windows prompt all goes right.
But if I do the same thing from java using the Runtime exec() function the application starts,prints the correct arguments exactly in the same way as before BUT DOES NOT CONNECT!! &lt;/p&gt;
&lt;p&gt;it's like arguments were wrong....any suggestion?? maybe exec passing is not the same as prompt??&lt;/p&gt;
&lt;p&gt;I have debugged the process with vs and the variable are identical in both case but the connect function (which reminds to a third part library from device vendor)&lt;/p&gt;
&lt;p&gt;code &lt;/p&gt;
&lt;pre&gt;&lt;code&gt;public MyForm(string[] args) 
{ 
   InitializeComponent(); 
   if (args.Length &amp;gt; 0) 
   { 
      this.IP = args[0]; 
      this.PASSWORD = args[4]; 
      this.ID = args[3]; 
      this.PORT = args[1]; 
      this.logTextArea.AppendText("Connection to " +
                    IP +":"+PORTA+" "+ID+" "+
                    PASSWORD+"\n"); 
   } else set fixed values
JAVA
     Runtime.getRuntime().exec("MyForm.exe IP PORT NOT_USED ID PASSW");
&lt;/code&gt;&lt;/pre&gt;</t>
  </si>
  <si>
    <t>2012-10-24 10:36:18.523000+00:00</t>
  </si>
  <si>
    <t>c#|java|command-line|parameters|arguments</t>
  </si>
  <si>
    <t>Send/Receive Friend request Using XMPP server in Android</t>
  </si>
  <si>
    <t>&lt;p&gt;I am creating a application based on XMPP chat Messenger. Now we have some customize feature needs to be implement in the app like Send/Receive friend request within the messenger. How we can do that .Please help with your suggestions.&lt;/p&gt;
&lt;pre&gt;&lt;code&gt;roster = _connection.getRoster();
roster.createEntry(userID, nickname, null);
&lt;/code&gt;&lt;/pre&gt;
&lt;p&gt;Currently we are using this method but it directly added the contact in my messenger contact list. Now what I want is to ask if any new friend request comes like BBM(Blackberry Messenger). then it should ask for confirmation before adding directly to contact lists it is happening currently.&lt;/p&gt;
&lt;p&gt;Please help asap.&lt;/p&gt;</t>
  </si>
  <si>
    <t>2012-08-23 14:37:32.690000+00:00</t>
  </si>
  <si>
    <t>2016-09-05 19:25:24.593000+00:00</t>
  </si>
  <si>
    <t>2012-12-22 11:37:14.990000+00:00</t>
  </si>
  <si>
    <t>android|xmpp|chat</t>
  </si>
  <si>
    <t>project angular : command npm start error</t>
  </si>
  <si>
    <t>&lt;p&gt;When I try to start my angular 2 project in &lt;code&gt;cmd.exe&lt;/code&gt; with the command: &lt;code&gt;npm start&lt;/code&gt; I have this error message:&lt;/p&gt;
&lt;blockquote&gt;
  &lt;p&gt;npm ERR! Windows_NT 10.0.15063&lt;/p&gt;
  &lt;p&gt;npm ERR! argv "D:\NodeJs\node.exe"
  "D:\NodeJs\node_modules\npm\bin\npm-cli.js" "start"&lt;/p&gt;
  &lt;p&gt;npm ERR! node v6.11.2&lt;/p&gt;
  &lt;p&gt;npm ERR! npm  v3.10.10&lt;/p&gt;
  &lt;p&gt;npm ERR! code ELIFECYCLE&lt;/p&gt;
  &lt;p&gt;npm ERR! angular-quickstart@1.0.0 prestart: &lt;code&gt;npm run build&lt;/code&gt;&lt;/p&gt;
  &lt;p&gt;npm ERR! Exit status 1&lt;/p&gt;
  &lt;p&gt;npm ERR!&lt;/p&gt;
  &lt;p&gt;npm ERR! Failed at the angular-quickstart@1.0.0 prestart script 'npm
  run build'.&lt;/p&gt;
  &lt;p&gt;npm ERR! Make sure you have the latest version of node.js and npm
  installed.&lt;/p&gt;
  &lt;p&gt;npm ERR! If you do, this is most likely a problem with the
  angular-quickstart package,&lt;/p&gt;
  &lt;p&gt;npm ERR! not with npm itself.&lt;/p&gt;
  &lt;p&gt;npm ERR! Tell the author that this fails on your system:&lt;/p&gt;
  &lt;p&gt;npm ERR!     npm run build&lt;/p&gt;
  &lt;p&gt;npm ERR! You can get information on how to open an issue for this
  project with:&lt;/p&gt;
  &lt;p&gt;npm ERR!     npm bugs angular-quickstart&lt;/p&gt;
  &lt;p&gt;npm ERR! Or if that isn't available, you can get their info via:&lt;/p&gt;
  &lt;p&gt;npm ERR!     npm owner ls angular-quickstart&lt;/p&gt;
  &lt;p&gt;npm ERR! There is likely additional logging output above.&lt;/p&gt;
  &lt;p&gt;npm ERR! Please include the following file with any support request:&lt;/p&gt;
  &lt;p&gt;npm ERR!     D:\Angular 2\bon\npm-debug.log"&lt;/p&gt;
&lt;/blockquote&gt;
&lt;p&gt;And my package.json : "
"&lt;/p&gt;
&lt;pre&gt;&lt;code&gt;name": "angular-quickstart",
  "version": "1.0.0",
  "description": "QuickStart package.json from the documentation, supplemented with testing support",
  "scripts": {
    "build": "tsc -p src/",
    "build:watch": "tsc -p src/ -w",
    "build:e2e": "tsc -p e2e/",
    "serve": "lite-server -c=bs-config.json",
    "serve:e2e": "lite-server -c=bs-config.e2e.json",
    "prestart": "npm run build",
    "start": "concurrently \"npm run build:watch\" \"npm run serve\"",
    "pree2e": "npm run build:e2e",
    "e2e": "concurrently \"npm run serve:e2e\" \"npm run protractor\" --kill-others --success first",
    "preprotractor": "webdriver-manager update",
    "protractor": "protractor protractor.config.js",
    "pretest": "npm run build",
    "test": "concurrently \"npm run build:watch\" \"karma start karma.conf.js\"",
    "pretest:once": "npm run build",
    "test:once": "karma start karma.conf.js --single-run",
    "lint": "tslint ./src/**/*.ts -t verbose"
  },
  "keywords": [],
  "author": "",
  "license": "MIT",
  "dependencies": {
    "@angular/common": "~4.3.4",
    "@angular/compiler": "~4.3.4",
    "@angular/core": "~4.3.4",
    "@angular/forms": "~4.3.4",
    "@angular/http": "~4.3.4",
    "@angular/platform-browser": "~4.3.4",
    "@angular/platform-browser-dynamic": "~4.3.4",
    "@angular/router": "~4.3.4",
    "angular-in-memory-web-api": "~0.3.0",
    "systemjs": "0.19.40",
    "core-js": "^2.4.1",
    "rxjs": "5.0.1",
    "zone.js": "^0.8.4"
  },
  "devDependencies": {
    "concurrently": "^3.2.0",
    "lite-server": "^2.2.2",
    "typescript": "~2.1.0",
    "canonical-path": "0.0.2",
    "tslint": "^3.15.1",
    "lodash": "^4.16.4",
    "jasmine-core": "~2.4.1",
    "karma": "^1.3.0",
    "karma-chrome-launcher": "^2.0.0",
    "karma-cli": "^1.0.1",
    "karma-jasmine": "^1.0.2",
    "karma-jasmine-html-reporter": "^0.2.2",
    "protractor": "~4.0.14",
    "rimraf": "^2.5.4",
    "@types/node": "^6.0.46",
    "@types/jasmine": "2.5.36"
  },
  "repository": {}
}
"
&lt;/code&gt;&lt;/pre&gt;
&lt;p&gt;I don't know what is the problem...&lt;/p&gt;</t>
  </si>
  <si>
    <t>2017-08-28 15:28:02.010000+00:00</t>
  </si>
  <si>
    <t>2017-08-28 15:44:55.033000+00:00</t>
  </si>
  <si>
    <t>2017-08-28 15:33:51.680000+00:00</t>
  </si>
  <si>
    <t>MYSQL Trigger with Insert from another table</t>
  </si>
  <si>
    <t>&lt;p&gt;FOUND SOLUTION !!!!&lt;/p&gt;
&lt;pre&gt;&lt;code&gt;CREATE TRIGGER `triggerau_user` AFTER INSERT ON `customers`
 FOR EACH ROW INSERT INTO au_user (nome, datahora) values (new.name,new.created)
&lt;/code&gt;&lt;/pre&gt;
&lt;p&gt;Found pretty strange that i doesnt use &lt;code&gt;BEGIN&lt;/code&gt; nor `END, but it worked, is doing fine, every time i insert into the table customer it makes the trigger and inserts on the au_user&lt;/p&gt;
&lt;hr&gt;
&lt;p&gt;After about 1.5 year, i come back and need to work with MySQL again, so i am a bit rusty on the subject, i can do the basics right, but something about phpadmin and the mysql interface on it doesnt get to me, i cant do simple triggers, and i want to know what is the mistake in those.&lt;/p&gt;
&lt;p&gt;So i have these 2 tables&lt;/p&gt;
&lt;pre&gt;&lt;code&gt;CREATE TABLE au_user (nome varchar(100), datahora datetime);
CREATE TABLE customer (name varchar(100), created datetime);
&lt;/code&gt;&lt;/pre&gt;
&lt;p&gt;the customer table, picks data from my crud/website, with no problem at all(the table is bigger), both of these are fine, but now for the question how do i pick name and created and save on au_user nome and datahora.&lt;/p&gt;
&lt;pre&gt;&lt;code&gt;    CREATE TRIGGER triggerau_user AFTER INSERT ON customers
FOR EACH ROW
BEGIN
    INSERT INTO au_user (nome, datahora)
SELECT 
    name, created
FROM customers
END;
&lt;/code&gt;&lt;/pre&gt;
&lt;p&gt;it always says that i have a error near line 8 &lt;code&gt;END;&lt;/code&gt; but how can i fix this, and sorry for the incovenience.&lt;/p&gt;</t>
  </si>
  <si>
    <t>2017-09-19 18:53:13.233000+00:00</t>
  </si>
  <si>
    <t>2017-09-19 19:16:26.443000+00:00</t>
  </si>
  <si>
    <t>mysql|triggers</t>
  </si>
  <si>
    <t>Access Item from Array In Windows Batch File within For Loop</t>
  </si>
  <si>
    <t>&lt;p&gt;Im trying to iterate over a list in windows batch file, using the the different numbers within different lists as parameters in each iteration. &lt;/p&gt;
&lt;pre&gt;&lt;code&gt;set input_image_list=(1 2 3 4 5 6 7 8 9 )
set output_image_list = (2 3 4 5 6 7 8 9 10)
set next_needed_image = (002 003 004 005 006 007 008 009 010)
FOR %%A IN (2 3 4 5 6 7 8 9 10)  DO python batchLayer4ThirdVideo.py --input_image !input_image_list[%%A]! --next_undreamed_image !next_needed_image[%%A]! --output_image %%A
&lt;/code&gt;&lt;/pre&gt;
&lt;p&gt;but the indexing of the lists when i use them as parameters doesnt work, it just puts the index e.g &lt;code&gt;input_image_list[2]&lt;/code&gt; as my parameter, when it should just be a number.&lt;/p&gt;
&lt;p&gt;How can i properly index the list so that each number within it is passed as a parameter?&lt;/p&gt;</t>
  </si>
  <si>
    <t>2018-07-05 12:37:23.753000+00:00</t>
  </si>
  <si>
    <t>2018-07-06 18:32:21.393000+00:00</t>
  </si>
  <si>
    <t>2018-07-05 12:50:47.470000+00:00</t>
  </si>
  <si>
    <t>python|arrays|windows|batch-file|indexing</t>
  </si>
  <si>
    <t>HTTP Error 502.3 - Bad Gateway when after deploying Spring boot application in azure tomcat app service</t>
  </si>
  <si>
    <t>&lt;p&gt;I deployed spring boot Rest application in azure tomcat app service. Here I copied application from my local tomcat webapps folder to azure tomcat webapps fodler using FTP( copied app folder structure, not war file).&lt;/p&gt;
&lt;p&gt;Its working fine.. but after some time server is not responding and returning HTTP Error 502.3 - Bad Gateway.&lt;/p&gt;
&lt;p&gt;What could be the reason for this error.  Is there any issue with my spring configuration ? appreciate any help.&lt;/p&gt;
&lt;p&gt;we have two kind of URI's, one health check URI and another one is to fetch the data from database.&lt;/p&gt;
&lt;p&gt;When app service is down - only  myapp/healthcheck is returning status code 200.&lt;/p&gt;
&lt;p&gt;And remaining all requests which having uri - myapp/ssp/*** returning status code 502.3&lt;/p&gt;
&lt;p&gt;When I restart the app service, every thing working, but after some time issue reoccurring.&lt;/p&gt;
&lt;p&gt;I am suspecting problem in my AuthenticationFilter.java &amp;amp; RequestValidator. java &amp;amp; ControllerAdvice files&lt;/p&gt;
&lt;p&gt;Here is spring boot configuration&lt;/p&gt;
&lt;p&gt;here is my configuration.
`@SpringBootApplication( exclude = HibernateJpaAutoConfiguration.class )
@ComponentScan( { "com.xx.ssp" , "com.microsoft.applicationinsights" } )
public class SSPApplication{&lt;/p&gt;
&lt;pre&gt;&lt;code&gt;/**
 * @param args
 */
public static void main( String[ ] args ) {
    SpringApplication sspSpringBootApplciation = new SpringApplication( SSPApplication.class );
    sspSpringBootApplciation.addListeners( new ApplicationPidFileWriter( ) );
    sspSpringBootApplciation.run( args );
}
/**
 * @return
 */
@Bean
public WebSecurityConfigurerAdapter webSecurityConfigurerAdapter( ) {
    return new ApplicationSecurity( );
}
@Bean
public String telemetryConfig( ) {
    String telemetryKey = "zzzz";
    if( telemetryKey != null ){
        TelemetryConfiguration.getActive( ).setInstrumentationKey( telemetryKey );
    }
    return telemetryKey;
}
@Bean
public FilterRegistrationBean aiFilterRegistration( ) {
    FilterRegistrationBean registration = new FilterRegistrationBean( );
    registration.setFilter( webRequestTrackingFilter( ) );
    registration.addUrlPatterns( "/*" );
    registration.setOrder( 1 );
    return registration;
}
@Bean( name = "WebRequestTrackingFilter" )
public Filter webRequestTrackingFilter( ) {
    return new WebRequestTrackingFilter( );
}
@Bean
public ErrorPageFilter errorPageFilter( ) {
    return new ErrorPageFilter( );
}
@Bean
public FilterRegistrationBean disableSpringBootErrorFilter( ErrorPageFilter filter ) {
    FilterRegistrationBean filterRegistrationBean = new FilterRegistrationBean( );
    filterRegistrationBean.setFilter( filter );
    filterRegistrationBean.setEnabled( false );
    return filterRegistrationBean;
}
&lt;/code&gt;&lt;/pre&gt;
&lt;p&gt;}
`&lt;/p&gt;
&lt;p&gt;`@ControllerAdvice
public class RestEntityExceptionHandler extends ResponseEntityExceptionHandler{&lt;/p&gt;
&lt;pre&gt;&lt;code&gt;@Autowired
private Environment environment;
private SSPLogger logger = new SSPLogger( getClass( ) );
/**
 * @return
 */
private String getEnvironment( ) {
    String[ ] activeProfiles = environment.getActiveProfiles( );
    if( activeProfiles != null &amp;amp;&amp;amp; activeProfiles.length &amp;gt; 1 ){
        return SSPEnvironment.getEnvironment( activeProfiles[ 0 ] ).name( );
    }
    return SSPEnvironment.UNKNOWN.name( );
}
/**
 * @param errorCode
 * @return
 */
private HttpStatus getHttpstatusCode( String errorCode ) {
    try{
        return HttpStatus.valueOf( Integer.parseInt( errorCode ) );
    } catch ( Exception e ){
        return HttpStatus.INTERNAL_SERVER_ERROR;
    }
}
/**
 * @param ex
 * @return
 */
@ExceptionHandler( {    .class , IllegalStateException.class , SSPRestException.class ,
        Exception.class } )
@ResponseBody
ResponseEntity&amp;lt; Object &amp;gt; handleControllerException( Exception ex ) {
    HttpHeaders headers = new HttpHeaders( );
    headers.setContentType( MediaType.APPLICATION_JSON );
    ex.printStackTrace( );
    if( ex instanceof SSPRestException ){
        SSPRestException exp = ( SSPRestException ) ex;
        CustomErrorResponse customErrorResponse = new CustomErrorResponse( );
        customErrorResponse.setStatusCode( exp.getErrorCode( ) );
        customErrorResponse.setErrorMessage( exp.getErrorMessage( ) );
        customErrorResponse.setErrorDescription( exp.getErrorDescription( ) );
        customErrorResponse.setErrorKey( exp.getErrorKey( ) );
        customErrorResponse.setEnvironment( getEnvironment( ) );
        logger.logException( LogLevel.ERROR , customErrorResponse );
        HttpStatus httpstatusCode = getHttpstatusCode( exp.getErrorCode( ) );
        return new ResponseEntity&amp;lt;&amp;gt;( customErrorResponse , headers , httpstatusCode );
    }
    if( ex instanceof HttpRequestMethodNotSupportedException ){
        String statusCode = "405";
        headers.setContentType( MediaType.APPLICATION_JSON );
        CustomErrorResponse customErrorResponse = new CustomErrorResponse( );
        customErrorResponse.setStatusCode( statusCode );
        customErrorResponse.setErrorMessage( ex.getMessage( ) );
        customErrorResponse.setErrorKey( "" );
        customErrorResponse.setEnvironment( getEnvironment( ) );
        HttpStatus httpstatusCode = getHttpstatusCode( statusCode );
        return new ResponseEntity&amp;lt;&amp;gt;( customErrorResponse , headers , httpstatusCode );
    } else{
        String statusCode = "UNKNOWN";
        CustomErrorResponse customErrorResponse = new CustomErrorResponse( );
        customErrorResponse.setStatusCode( statusCode );
        customErrorResponse.setErrorMessage( ex.getMessage( ) );
        if( ex.getCause( ) != null ){
            customErrorResponse.setErrorDescription( ex.getCause( ).getMessage( ) );
        }
        customErrorResponse.setErrorKey( "UNAHNDLED_EXCEPTION" );
        customErrorResponse.setEnvironment( getEnvironment( ) );
        HttpStatus httpstatusCode = getHttpstatusCode( statusCode );
        logger.logException( LogLevel.ERROR , customErrorResponse );
        return new ResponseEntity&amp;lt;&amp;gt;( customErrorResponse , headers , httpstatusCode );
    }
}
&lt;/code&gt;&lt;/pre&gt;
&lt;p&gt;}`
```
@Order( SecurityProperties.ACCESS_OVERRIDE_ORDER )
    public class ApplicationSecurity extends WebSecurityConfigurerAdapter{&lt;/p&gt;
&lt;pre&gt;&lt;code&gt;    @Override
    protected void configure( HttpSecurity http ) throws Exception {
    http.csrf( ).disable( ).sessionManagement( ).sessionCreationPolicy( SessionCreationPolicy.STATELESS );
    http.authorizeRequests( ).antMatchers( "/spp/**" ).addFilterBefore( new AuthenticationFilter( ) , SecurityContextPersistenceFilter.class );
http.authorizeRequests( ).antMatchers( "/healthcheck/**" , "/unoauth/**" ).permitAll( ).antMatchers( HttpMethod.OPTIONS , "/**" ).permitAll( );
&lt;/code&gt;&lt;/pre&gt;
&lt;p&gt;```&lt;/p&gt;
&lt;p&gt;`@Component
public class RequestValidator extends HandlerInterceptorAdapter{&lt;/p&gt;
&lt;pre&gt;&lt;code&gt;@Autowired
private AppConstants appConstants;
@Autowired
private CacheTemplate cacheTemplate;
@Autowired
private RestClient restClient;
/*
 * (non-Javadoc)
 * @see org.springframework.web.servlet.handler.HandlerInterceptorAdapter#
 * afterCompletion(javax.servlet.http.HttpServletRequest,
 * javax.servlet.http.HttpServletResponse, java.lang.Object,
 * java.lang.Exception)
 */
@Override
public void afterCompletion( HttpServletRequest request , HttpServletResponse response , Object object ,
                Exception arg3 ) throws Exception {
}
/**
 * @param cookies
 * @return
 */
private String getGsidFromRequest( Cookie[ ] cookies ) {
    String gsid = null;
    if( cookies != null ){
        Cookie gsidCookie = Arrays.stream( cookies ).filter( x-&amp;gt; x.getName( ).equals( "gsid" ) ).findFirst( )
                        .orElse( null );
        if( gsidCookie != null ){
            gsid = gsidCookie.getValue( );
        }
        if( Utils.isEmpty( gsid ) ){
            throw new SSPRestException( ErrorCode.InvalidRequest , "gsid is missing" , getClass( ) );
        }
    }
    return gsid;
}
/**
 * @return
 */
private UserCashedInfo getTempUserInfo( ) {
    UserCashedInfo cashedInfo = new UserCashedInfo( );
    cashedInfo.setEmailId( "sssssss" );
    cashedInfo.setUserId( 1 );
    cashedInfo.setUserRole( 1 );
    cashedInfo.setRefreshToken( "" );
    cashedInfo.setCaseInstanceId( 1 );
    cashedInfo.setUserName( "Test User" );
    return cashedInfo;
}
/**
 * @param accessToken
 * @return
 */
private boolean isRequestHadAccessToken( String accessToken ) {
    if( Utils.isEmpty( accessToken ) ){
        throw new SSPRestException( ErrorCode.InvalidRequest , "Access Token is Mandatory" , getClass( ) );
    }
    return true;
}
/*
 * (non-Javadoc)
 * @see org.springframework.web.servlet.handler.HandlerInterceptorAdapter#
 * postHandle(javax.servlet.http.HttpServletRequest,
 * javax.servlet.http.HttpServletResponse, java.lang.Object,
 * org.springframework.web.servlet.ModelAndView)
 */
@Override
public void postHandle( HttpServletRequest request , HttpServletResponse response , Object object ,
                ModelAndView model ) throws Exception {
}
/*
 * (non-Javadoc)
 * @see org.springframework.web.servlet.handler.HandlerInterceptorAdapter#
 * preHandle(javax.servlet.http.HttpServletRequest,
 * javax.servlet.http.HttpServletResponse, java.lang.Object)
 */
@Override
public boolean preHandle( HttpServletRequest request , HttpServletResponse response , Object object )
                throws Exception {
    boolean isValidRequest = false;
    String isOauthRequiredParam = request.getParameter( "isOauth" );
    String methodName = request.getMethod( );
    if( methodName != null &amp;amp;&amp;amp; methodName.equalsIgnoreCase( "OPTIONS" ) ){
        isValidRequest = true;
    }
    if( !isValidRequest ){
        if( !Utils.isEmpty( isOauthRequiredParam ) &amp;amp;&amp;amp; isOauthRequiredParam.equals( "false" ) ){
            isValidRequest = true;
            UserCashedInfo cashedInfo = getTempUserInfo( );
            Utils.updateUserLocalThread( cashedInfo );
        } else{
            String accessToken = request.getHeader( "oauth" );
            boolean isRequestHadAccessToken = isRequestHadAccessToken( accessToken );
            String gsid = getGsidFromRequest( request.getCookies( ) );
            if( isRequestHadAccessToken &amp;amp;&amp;amp; !Utils.isEmpty( gsid ) ){
                UserCashedInfo cashedInfo = cacheTemplate.getItem( gsid );
                if( cashedInfo != null ){
                    String userEmail = validateAccessToken( accessToken );
                    if( userEmail != null &amp;amp;&amp;amp; userEmail.equals( cashedInfo.getEmailId( ) ) ){
                        Utils.updateUserLocalThread( cashedInfo );
                        isValidRequest = true;
                    } else{
                        throw new SSPRestException( ErrorCode.UnAuthenticateUser , "" , getClass( ) );
                    }
                } else{
                    throw new SSPRestException( ErrorCode.UnAuthenticateUser , "" , getClass( ) );
                }
            } else{
                throw new SSPRestException( ErrorCode.GsidMissing , "" , getClass( ) );
            }
        }
    }
    return isValidRequest;
}
/**
 * @param accessToken
 * @return
 */
private String validateAccessToken( String accessToken ) {
    CustomeJsonResponse validateResponse = restClient.ValidateAcessToken( accessToken );
    if( validateResponse.getStatusCode( ) == 200 ){
        return ( ( ValidateAcessTokenResponse ) validateResponse.getData( ) ).getAccess_token( )
                        .get( appConstants.getUserEmail( ) );
    } else{
        throw new SSPRestException( ErrorCode.ApValidateAccessTokenError , "" , getClass( ) );
    }
}
&lt;/code&gt;&lt;/pre&gt;
&lt;p&gt;}
`&lt;/p&gt;
&lt;p&gt;`
public class AuthenticationFilter extends GenericFilter{&lt;/p&gt;
&lt;pre&gt;&lt;code&gt;private SSPLogger logger = new SSPLogger( getClass( ) );
@Override
public void destroy( ) {
}
/*
 * (non-Javadoc)
 * @see com.xxx.ssp.security.GenericFilter#doFilter(javax.servlet.
 * ServletRequest, javax.servlet.ServletResponse, javax.servlet.FilterChain)
 */
@Override
public void doFilter( ServletRequest req , ServletResponse res , FilterChain chain )
                throws IOException , ServletException {
    HttpServletRequest request = ( HttpServletRequest ) req;
    String accessToken = request.getHeader( "oauth" );
    boolean isValidRequest = false;
    String isOauthRequiredParam = request.getParameter( "isOauth" );
    String methodName = request.getMethod( );
    if( methodName != null &amp;amp;&amp;amp; methodName.equalsIgnoreCase( "OPTIONS" ) ){
        isValidRequest = true;
    } else{
        if( !Utils.isEmpty( isOauthRequiredParam ) &amp;amp;&amp;amp; isOauthRequiredParam.equals( "false" ) ){
            isValidRequest = true;
        } else{
            logger.debug( "Requeste validation required : true" );
            boolean isRequestHadAccessToken = isRequestHadAccessToken( accessToken );
            String gsid = getGsidFromRequest( request.getCookies( ) );
            if( isRequestHadAccessToken &amp;amp;&amp;amp; !Utils.isEmpty( gsid ) ){
                isValidRequest = true;
            } else{
                throw new SSPRestException( ErrorCode.InternalServerError ,
                                " Access Token or GSID is mssing in the request" , getClass( ) );
            }
        }
    }
    if( isValidRequest ){
        chain.doFilter( req , res );
    } else{
        throw new SSPRestException( ErrorCode.UnauthorisedRequest , "Invalid User" , getClass( ) );
    }
}
/**
 * @param cookies
 * @return
 */
private String getGsidFromRequest( Cookie[ ] cookies ) {
    String gsid = null;
    if( cookies != null ){
        Cookie gsidCookie = Arrays.stream( cookies ).filter( x-&amp;gt; x.getName( ).equals( "gsid" ) ).findFirst( )
                        .orElse( null );
        if( gsidCookie != null ){
            gsid = gsidCookie.getValue( );
        }
        if( Utils.isEmpty( gsid ) ){
            throw new SSPRestException( ErrorCode.UnAuthenticateUser , "gsid is missing" , getClass( ) );
        }
    }
    return gsid;
}
/*
 * (non-Javadoc)
 * @see
 * com.xxx.ssp.security.GenericFilter#init(javax.servlet.FilterConfig)
 */
@Override
public void init( FilterConfig arg0 ) throws ServletException {
}
/**
 * @param accessToken
 * @return
 */
private boolean isRequestHadAccessToken( String accessToken ) {
    if( Utils.isEmpty( accessToken ) ){
        throw new SSPRestException( ErrorCode.UnAuthenticateUser , "Access Token is Mandatory" , getClass( ) );
    }
    return true;
}
&lt;/code&gt;&lt;/pre&gt;
&lt;p&gt;}`&lt;/p&gt;
&lt;p&gt;`@Component
public class SSPCORSFilter implements Filter{&lt;/p&gt;
&lt;pre&gt;&lt;code&gt;private SSPLogger sSPLogger = null;
public SSPCORSFilter( ){
    sSPLogger = new SSPLogger( getClass( ) );
    sSPLogger.info( "CORSFilter initialized" );
}
@Override
public void destroy( ) {
}
@Override
public void doFilter( ServletRequest req , ServletResponse res , FilterChain chain )
                throws IOException , ServletException {
    String origin = ( ( HttpServletRequest ) req ).getHeader( "Origin" );
    sSPLogger.info( "CORSFilter Request origin : " + origin );
    HttpServletResponse response = ( HttpServletResponse ) res;
    response.setHeader( "Access-Control-Allow-Origin" , origin );
    response.setHeader( "Access-Control-Allow-Credentials" , "true" );
    response.setHeader( "Access-Control-Allow-Methods" , "GET, POST, PUT, DELETE, OPTIONS" );
    // response.setHeader( "Access-Control-Allow-Headers" , "Content-Type,
    // Accept, X-Requested-With, oauth" );
    response.setHeader( "Access-Control-Request-Headers" ,
                    "Access-Control-Allow-Headers, Origin,Accept, X-Requested-With, Content-Type, Access-Control-Request-Method, Access-Control-Request-Headers, oauth, access-control-allow-credentials" );
    response.setHeader( "Access-Control-Allow-Headers" ,
                    "Access-Control-Allow-Headers, Origin,Accept, X-Requested-With, Content-Type, Access-Control-Request-Method, Access-Control-Request-Headers, oauth, access-control-allow-credentials" );
    chain.doFilter( req , res );
}
@Override
public void init( FilterConfig filterConfig ) {
}
&lt;/code&gt;&lt;/pre&gt;
&lt;p&gt;}`&lt;/p&gt;</t>
  </si>
  <si>
    <t>2017-10-27 19:38:55.760000+00:00</t>
  </si>
  <si>
    <t>2018-09-03 05:04:51.947000+00:00</t>
  </si>
  <si>
    <t>2017-10-28 16:17:04.517000+00:00</t>
  </si>
  <si>
    <t>java|azure|tomcat|spring-boot|azure-web-app-service</t>
  </si>
  <si>
    <t>How can I have, in CSS, a double background color and the text centered in the second background color element?</t>
  </si>
  <si>
    <t>&lt;p&gt;I'd like to do something like this image:
&lt;a href="https://i.stack.imgur.com/xV0Tx.png" rel="nofollow noreferrer"&gt;ul menu li tags&lt;/a&gt;&lt;/p&gt;
&lt;p&gt;Should I use a double tag for every element?
For example:&lt;/p&gt;
&lt;pre&gt;&lt;code&gt;&amp;lt;ul class="menu"&amp;gt;
    &amp;lt;div class="outside"&amp;gt;&amp;lt;li class="inside"&amp;gt;&amp;lt;a href="#"&amp;gt;Firefox&amp;lt;/a&amp;gt;&amp;lt;/li&amp;gt;&amp;lt;/div&amp;gt;
    &amp;lt;div class="outside"&amp;gt;&amp;lt;li class="inside"&amp;gt;&amp;lt;a href="#"&amp;gt;Chrome&amp;lt;/a&amp;gt;&amp;lt;/li&amp;gt;&amp;lt;/div&amp;gt;
    &amp;lt;div class="outside"&amp;gt;&amp;lt;li class="inside"&amp;gt;&amp;lt;a href="#"&amp;gt;Opera&amp;lt;/a&amp;gt;&amp;lt;/li&amp;gt;&amp;lt;/div&amp;gt;
&amp;lt;/ul&amp;gt;
&lt;/code&gt;&lt;/pre&gt;
&lt;p&gt;Or maybe a double li tag?
I have tried in CSS the linear-gradient property, but with just one tag, and as I want to get the same result like in the image, it seems to me that there has to be two different tags with different background colors and the one with the black color just has to have a higher z-index property.&lt;/p&gt;
&lt;p&gt;I'm quite new and a bit bad at design and styling, so I just can thank you so much in advance for your help!&lt;/p&gt;</t>
  </si>
  <si>
    <t>2017-03-28 19:13:11.020000+00:00</t>
  </si>
  <si>
    <t>2017-06-22 21:53:01.240000+00:00</t>
  </si>
  <si>
    <t>html5|css3|design|html-lists|menuitem</t>
  </si>
  <si>
    <t>Karma can't resolve dependency 'kotlin' in kotlin-frontend-plugin</t>
  </si>
  <si>
    <t>&lt;p&gt;I have been trying to get this to work for a day or so now with no luck. Webpack doesn't seem to be injecting the &lt;code&gt;kotlin&lt;/code&gt; npm module into my tests, even though it is loaded by webpack. So it throws the below error saying it can't find it. &lt;/p&gt;
&lt;p&gt;Here's the error log:&lt;/p&gt;
&lt;pre&gt;&lt;code&gt;                          Asset     Size  Chunks         Chunk Names
                           main  1.55 MB       0  [big]  main
classes/java/test/vuekt_test.js  1.37 MB       1  [big]  classes/java/test/vuekt_test.js
chunk    {0} main (main) 1.55 MB [entry]
    [0] ./~/process/browser.js 5.42 kB {0} {1}
    [1] ./~/kotlin/kotlin.js 1.31 MB {0} {1}
    [2] ./js/kitchensink/kotlin/MyComponent.html 2.59 kB {0} {1}
    [3] ./js/kitchensink/kotlin/VueApp.html 725 bytes {0} {1}
    [4] ./~/vue/dist/vue.runtime.esm.js 187 kB {0}
    [5] ./js/vuekt.js 40 kB {0}
    [6] (webpack)/buildin/global.js 509 bytes {0}
chunk    {1} classes/java/test/vuekt_test.js (classes/java/test/vuekt_test.js) 1.36 MB [entry]
    [0] ./~/process/browser.js 5.42 kB {0} {1}
    [1] ./~/kotlin/kotlin.js 1.31 MB {0} {1}
    [2] ./js/kitchensink/kotlin/MyComponent.html 2.59 kB {0} {1}
    [3] ./js/kitchensink/kotlin/VueApp.html 725 bytes {0} {1}
    [7] ./classes/java/test/vuekt_test.js 40.6 kB {1} [built]
webpack: Compiled successfully.
webpack: Compiling...
30 06 2017 08:36:42.464:INFO [PhantomJS 2.1.1 (Windows 7 0.0.0)]: Connected on socket RaGM1IMTAMuV2JRuAAAA with id 80698172
PhantomJS 2.1.1 (Windows 7 0.0.0) ERROR
  Error: Error loading module 'vuekt_test'. Its dependency 'kotlin' was not found. Please, check whether 'kotlin' is loaded prior to 'vuekt_test'.
  at classes/java/test/vuekt_test.js:35113
&lt;/code&gt;&lt;/pre&gt;
&lt;p&gt;As you can see in the log at this line &lt;code&gt;[1] ./~/kotlin/kotlin.js 1.31 MB {0} {1}&lt;/code&gt;, the kotlin-stdlib-js resource is being loaded by webpack as it should.&lt;/p&gt;
&lt;p&gt;It is also included in the &lt;code&gt;main&lt;/code&gt; bundle that you can see is loaded on this line&lt;/p&gt;
&lt;pre&gt;&lt;code&gt;main  1.55 MB       0  [big]  main
&lt;/code&gt;&lt;/pre&gt;
&lt;p&gt;However, it is not being injected into &lt;code&gt;vuekt_test.js&lt;/code&gt;. That's why the error you see above gets thrown.&lt;/p&gt;
&lt;p&gt;I don't know how to get it to inject &lt;code&gt;kotlin&lt;/code&gt; into it though.&lt;/p&gt;
&lt;p&gt;Here is my configuration in &lt;code&gt;build.gradle&lt;/code&gt;:&lt;/p&gt;
&lt;pre&gt;&lt;code&gt;kotlinFrontend {
    npm {
        dependency("vue", "2.3.4")
        devDependency("vue-template-compiler", "2.3.4")
        devDependency("vue-template-es2015-compiler", "1.5.2")
        devDependency("vue-template-loader", "0.3.1") //this requires the above 2 devDependencies
        devDependency("webpack", "2.6.1")
        devDependency("webpack-dev-server", "2.4.4")
        devDependency("css-loader", "0.28.4")
        devDependency("style-loader", "0.18.2")
        devDependency("to-string-loader", "1.1.5")
        devDependency("file-loader", "0.11.2")
        devDependency("karma")
    }
    webpackBundle {
        bundleName = "main"
        contentPath = file('src/web')
        port = 9002
    }
    karma {
        port = 9876
        runnerPort = 9100
        reporters = ["progress"]
        frameworks = ["qunit"]
    }
}
&lt;/code&gt;&lt;/pre&gt;
&lt;p&gt;And here is the &lt;code&gt;karma.conf.js&lt;/code&gt; file:&lt;/p&gt;
&lt;pre&gt;&lt;code&gt;var webpackConfig = require("C:\\my_workspace\\vue.kt\\build\\webpack.config.js");
webpackConfig.resolve.modules.push("C:\\my_workspace\\vue.kt\\build\\classes\\java\\test\\vuekt_test.js");
module.exports = function (config) {
config.set({
    "basePath": "C:\\my_workspace\\vue.kt\\build",
    "frameworks": [
        "qunit"
    ],
    "reporters": [
        "progress"
    ],
    "files": [
        "C:\\my_workspace\\vue.kt\\build\\classes\\java\\test\\vuekt_test.js"
    ],
    "exclude": [
        "*~",
        "*.swp",
        "*.swo"
    ],
    "port": 9876,
    "runnerPort": 9100,
    "colors": false,
    "autoWatch": true,
    "browsers": [
        "PhantomJS"
    ],
    "captureTimeout": 5000,
    "singleRun": false,
    "preprocessors": {
        "C:\\my_workspace\\vue.kt\\build\\classes\\java\\test\\vuekt_test.js": [
            "webpack"
        ]
    },
    "plugins": [
        "karma-phantomjs-launcher",
        "karma-qunit",
        "karma-webpack"
    ],
    "client": {
        "clearContext": false,
        "qunit": {
            "showUI": true,
            "testTimeout": 5000
        }
    },
    "webpack": webpackConfig
})
};
&lt;/code&gt;&lt;/pre&gt;
&lt;p&gt;What do I need to do to fix this issue?&lt;/p&gt;</t>
  </si>
  <si>
    <t>2017-06-30 15:45:33.277000+00:00</t>
  </si>
  <si>
    <t>2017-06-30 16:52:39.233000+00:00</t>
  </si>
  <si>
    <t>2017-06-30 16:13:23.667000+00:00</t>
  </si>
  <si>
    <t>webpack|karma-runner|kotlin|karma-webpack</t>
  </si>
  <si>
    <t>Is there a better way to compare dragged data type?</t>
  </si>
  <si>
    <t>&lt;p&gt;I'm trying to check whether an object dragged onto a DataGridView is of a specific type. After a lot of messing about, the only way that I could come up with was:&lt;/p&gt;
&lt;pre&gt;&lt;code&gt;if ((e.Data.GetData(dummy.GetType())) != null)
&lt;/code&gt;&lt;/pre&gt;
&lt;p&gt;where &lt;code&gt;dummy&lt;/code&gt; is a dummy variable of the type that I am testing for, and &lt;code&gt;e&lt;/code&gt; is a DragEventArgs object. This seems pretty awkward to me, is there a better way?&lt;/p&gt;</t>
  </si>
  <si>
    <t>2014-10-01 15:52:10.933000+00:00</t>
  </si>
  <si>
    <t>c#|winforms|types|drag-and-drop</t>
  </si>
  <si>
    <t>How to fire on unhiding rows or columns</t>
  </si>
  <si>
    <t>&lt;p&gt;Some users hide columns/rows and forget to unhide them before saving a workbook. I want to catch that with unhide all columns/rows on the save event with&lt;/p&gt;
&lt;pre&gt;&lt;code&gt;Sub ReInvisible()
    ThisWorkbook.Worksheets(1).UsedRange.EntireRow.Hidden = False
    ThisWorkbook.Worksheets(1).UsedRange.EntireColumn.Hidden = False
End Sub
&lt;/code&gt;&lt;/pre&gt;
&lt;p&gt;this works fine but I would like to inform the user that all hidden columns/rows are now visible. Now I am looking for a way to trigger on unhiding a column/row so as soon as at least one column or row is made visible I want to fire a messagebox. &lt;/p&gt;
&lt;p&gt;In &lt;code&gt;VB.NET&lt;/code&gt; I would try to write my own &lt;code&gt;event&lt;/code&gt; but in &lt;code&gt;VBA&lt;/code&gt; I do not know how I can do a workaround. Does anyone have an idea?&lt;/p&gt;</t>
  </si>
  <si>
    <t>2015-11-04 08:58:13.633000+00:00</t>
  </si>
  <si>
    <t>2015-11-04 09:23:01.620000+00:00</t>
  </si>
  <si>
    <t>vba|excel-vba|events|event-handling|excel</t>
  </si>
  <si>
    <t>Why isn't my program outputting anything in the console (using object-oriented programming in Python)?</t>
  </si>
  <si>
    <t>&lt;p&gt;Here is my code. There are two files one contain the Book class object and one the tests the object. This is all in python&lt;/p&gt;
&lt;p&gt;book.py&lt;/p&gt;
&lt;pre&gt;&lt;code&gt;class Book(object):
     """Represents a book in a library."""
    def __init__(self, title, author, patron):
        self._title = title
        self._author = author
        self._patron = patron
    def title(self):
        """Returns Book Title"""
        return self._title
    def author(self):
       """Returns the Author's Name."""
       return self._author
    def patron(self):
       """Returns the name of the patron."""
       return self._patron
    def __str__(self):
        return "Title: " + self._title + "\n"
        return "Author: " + self._author + "\n"
        return "Patron Currently Assigned: " + self._patron
&lt;/code&gt;&lt;/pre&gt;
&lt;p&gt;testScript.py&lt;/p&gt;
&lt;pre&gt;&lt;code&gt;from patron import Patron
from book import Book
s = Book("Death", "William", "George")
s.title()
s.author()
s.patron() 
s.title()
str(s)
&lt;/code&gt;&lt;/pre&gt;
&lt;p&gt;When I run the program testScript.py it isn't returning any errors yet nothing is showing on the console either. Do you know why nothing is showing up when I am calling the methods? I have tried using IDLE and eclipse and nothing is outputting on both.&lt;/p&gt;</t>
  </si>
  <si>
    <t>2013-10-31 04:20:45.127000+00:00</t>
  </si>
  <si>
    <t>2013-10-31 04:29:41.523000+00:00</t>
  </si>
  <si>
    <t>python|oop|output</t>
  </si>
  <si>
    <t>Get frames from camera's phone in android</t>
  </si>
  <si>
    <t>&lt;p&gt;I would like to get frames from camera's phone. So, i try to capture video and i use matlab to find frames per second of this video, i got 250 frames per 10 seconds. But when i use&lt;/p&gt;
&lt;pre&gt;&lt;code&gt;public void onPreviewFrame(byte[] data, Camera camera) {}
&lt;/code&gt;&lt;/pre&gt;
&lt;p&gt;on Android, i only get 70 frames per 10 seconds.
Do you know why? I put my code below:&lt;/p&gt;
&lt;pre&gt;&lt;code&gt;private Camera.PreviewCallback previewCallBack = new Camera.PreviewCallback() {
    @Override
    public void onPreviewFrame(byte[] data, Camera camera) {
        System.out.println("Get frame " + frameNumber);
        if (data == null)
            throw new NullPointerException();
        Camera.Parameters p = camera.getParameters();
        Camera.Size size = p.getPreviewSize();
        if (frameNumber == 0) {
            startTime = System.currentTimeMillis();
        }
        // Log.e("GetData", "Get frame " + frameNumber);
        frameNumber++;
        camera.addCallbackBuffer(data);
            }
      }
&lt;/code&gt;&lt;/pre&gt;</t>
  </si>
  <si>
    <t>2014-05-15 12:48:56.633000+00:00</t>
  </si>
  <si>
    <t>2015-04-22 19:12:39.577000+00:00</t>
  </si>
  <si>
    <t>android|camera</t>
  </si>
  <si>
    <t>parse complete json and search keys matching a value</t>
  </si>
  <si>
    <t>&lt;p&gt;I want to traverse whole JSON in javascript and find the values starting a particular key.
Suppose this is my JSON data:&lt;/p&gt;
&lt;pre&gt;&lt;code&gt;var data = {
  "array": [
    1,
    2,
    3
  ],
  "boolean": true,
  "null": null,
  "number": 123,
  "object": {
    "a": "b",
    "abc":{
      "mohit_ab": {
        "id1":"i am id 1",
        "abcd":{
          "a" :"b",
          "c":"d"
        },
        "who" : "who are you",
        "id2":"i am id 2"
      },
      "mohit_231abcd": {
        "id1":"i am id 3",
        "identity" : "i am real mohit",
        "id2":"i am id 4"
      }
    },
    "hji":{
      "mohit_adss231": {
        "id1":"i am id 5",
        "identity" : "i am mohit in real",
        "id2":"i am id 6"
      },
      "mohit": {
        "id7":"i am id 7",
        "identity" : "i am mohit and you?",
        "id8":"i am id 8"
      }
    },
    "c": "d",
    "e": "f"
  },
  "string": "Hello World"
};
&lt;/code&gt;&lt;/pre&gt;
&lt;p&gt;I want to parse complete JSON in javascript and get the values whose key starts with "mohit". e.g. output of above input is :&lt;/p&gt;
&lt;pre&gt;&lt;code&gt;valueableData:{
  "mohit_ab": {
        "id1":"i am id 1",
        "abcd":{
          "a" :"b",
          "c":"d"
        },
        "who" : "who are you",
        "id2":"i am id 2"
      },
      "mohit_231abcd": {
        "id1":"i am id 3",
        "identity" : "i am real mohit",
        "id2":"i am id 4"
      },
      "mohit_adss231": {
        "id1":"i am id 5",
        "identity" : "i am mohit in real",
        "id2":"i am id 6"
      },
      "mohit": {
        "id7":"i am id 7",
        "identity" : "i am mohit and you?",
        "id8":"i am id 8"
      }
}
&lt;/code&gt;&lt;/pre&gt;
&lt;p&gt;Please suggest me the easy way to achieve this.&lt;/p&gt;</t>
  </si>
  <si>
    <t>2016-03-12 02:59:57.197000+00:00</t>
  </si>
  <si>
    <t>2016-03-14 12:47:37.027000+00:00</t>
  </si>
  <si>
    <t>2016-03-12 03:12:57.997000+00:00</t>
  </si>
  <si>
    <t>javascript|json|algorithm|recursion|data-structures</t>
  </si>
  <si>
    <t>Java Web Start: Certificate does not specify OCSP responder</t>
  </si>
  <si>
    <t>&lt;p&gt;I try to connect with Java 8 via HTTPS to a JNLP file on a an intranet server which has a self-signed TLS certificate.&lt;/p&gt;
&lt;p&gt;When Java Web Start tries to load the first resource (a file from that server) specified in the JNLP try, it throws an exception:&lt;/p&gt;
&lt;pre&gt;&lt;code&gt;javax.net.ssl.SSLHandshakeException: com.sun.deploy.security.RevocationChecker$StatusUnknownException: Certificate does not specify OCSP responder
at sun.security.ssl.Alerts.getSSLException(Unknown Source)
&lt;/code&gt;&lt;/pre&gt;
&lt;p&gt;...&lt;/p&gt;
&lt;pre&gt;&lt;code&gt;Caused by: com.sun.deploy.security.RevocationChecker$StatusUnknownException: Certificate does not specify OCSP responder
at com.sun.deploy.security.RevocationChecker.checkOCSP(Unknown Source)
at com.sun.deploy.security.RevocationChecker.check(Unknown Source)
at com.sun.deploy.security.RevocationCheckHelper.doRevocationCheck(Unknown Source)
at com.sun.deploy.security.RevocationCheckHelper.doRevocationCheck(Unknown Source)
at com.sun.deploy.security.RevocationCheckHelper.checkRevocationStatus(Unknown Source)
at com.sun.deploy.security.X509TrustManagerDelegate.checkTrusted(Unknown Source)
at com.sun.deploy.security.X509Extended7DeployTrustManagerDelegate.checkServerTrusted(Unknown Source)
at com.sun.deploy.security.X509Extended7DeployTrustManager.checkServerTrusted(Unknown Source)
... 39 more
Suppressed: com.sun.deploy.security.RevocationChecker$StatusUnknownException
    at com.sun.deploy.security.RevocationChecker.checkCRLs(Unknown Source)
    ... 46 more
&lt;/code&gt;&lt;/pre&gt;
&lt;p&gt;Any idea?&lt;/p&gt;
&lt;p&gt;&lt;strong&gt;Indeed we did not specify the OCSP responder.&lt;/strong&gt; But is this really a problem? Interestingly this works on the machine of my workmates (they only get a warning). Some days ago I temporarily installed Java 9 to test something. Is it possible that this mixed something up? I uninstalled it again, btw.&lt;/p&gt;
&lt;p&gt;My current &lt;strong&gt;workaround&lt;/strong&gt; is to set ���Perform TLS certificate revocation checks on��� in the Java Control Panel (Tab ���Advanced���) to ���Do not check (not recommended)���. But I do not like that.&lt;/p&gt;</t>
  </si>
  <si>
    <t>2017-08-23 09:52:02.050000+00:00</t>
  </si>
  <si>
    <t>2017-08-24 08:17:57.743000+00:00</t>
  </si>
  <si>
    <t>java-web-start|ocsp</t>
  </si>
  <si>
    <t>C# log4net TextWriterAppender is not working with TextBox</t>
  </si>
  <si>
    <t>&lt;p&gt;C# project 1: Library&lt;/p&gt;
&lt;pre&gt;&lt;code&gt;public class TaskDummy : IPlannedTask {
    private static readonly log4net.ILog log =
        log4net.LogManager.GetLogger(typeof(TaskDummy));
    // implements interface
    public void run(System.IO.TextWriter x, object paramIn=null) {
        initLog(x);
        String msg = "Dummy task is running";
        // direct &amp;amp; indirect call of TextWriter::WriteLine
        x.WriteLine(msg);
        log.Info(msg);
    }
    private void initLog(System.IO.TextWriter x) {
        log4net.Appender = new log4net.Appender.TextWriterAppender();
        textAppender.Writer = x;
        // ...
    }
}
&lt;/code&gt;&lt;/pre&gt;
&lt;p&gt;results in TaskDummy.dll. log4net is configured with a TextWriterAppender at runtime.&lt;/p&gt;
&lt;p&gt;C# project 2: Console app in same solution with reference on project 1.&lt;/p&gt;
&lt;pre&gt;&lt;code&gt;class Program {
    static void Main(string[] args) {
        TaskDummy t = new TaskDummy();
        t.run(Console.Out);
    }
}
&lt;/code&gt;&lt;/pre&gt;
&lt;p&gt;This will print&lt;/p&gt;
&lt;pre&gt;&lt;code&gt;    Dummy task is running
    INFO - Dummy task is running
&lt;/code&gt;&lt;/pre&gt;
&lt;p&gt;as exspected (direct &amp;amp; indirect call). The TextWriter is the one from console output. &lt;/p&gt;
&lt;p&gt;C# project 3: Windows Forms&lt;/p&gt;
&lt;pre&gt;&lt;code&gt;public class TextBoxWriter : TextWriter {
    protected TextBox box;
    public TextBoxWriter(TextBox box) {
        this.box = box; 
    }
    public override Encoding Encoding {
        get { return Encoding.Default; }
    }
    delegate void WriteLineCallBack(String value);
    public override void WriteLine(String value) {
        if(box.InvokeRequired) {
            WriteLineCallBack d = new WriteLineCallBack(WriteLine);
            box.Invoke(d, new object[] { value });
        } else {
            base.Write(value);
            box.AppendText(value.ToString() + Environment.NewLine);
        }
    }
}
&lt;/code&gt;&lt;/pre&gt;
&lt;p&gt;Implementation of TextWriter to write into Windows Forms Textbox (cross-thread). This project loads implementations of IPlannedTask (see project 1) and calls their method run():&lt;/p&gt;
&lt;pre&gt;&lt;code&gt;// txtLog is a Textbox control
TextBoxWriter twOutput = new TextBowWriter(txtLog);
var DLL = Assembly.LoadFile("TaskDummy.dll");
Type t = DLL.getExportedTypes()[0];
dynamic d = Activator.CreateInstance(t);
((IPlannedTask)d).run(twOutput);
&lt;/code&gt;&lt;/pre&gt;
&lt;p&gt;This results in only one line in textbox from the direct call of WriteLine (see project 1). The log.Info call does not work (the method TextBoxWriter::WriteLine is not even called). &lt;/p&gt;
&lt;p&gt;=&gt; Why does TextWriterAppender of log4net work with Console.Out but not with TextBoxWriter&lt;/p&gt;</t>
  </si>
  <si>
    <t>2016-02-15 15:21:43.213000+00:00</t>
  </si>
  <si>
    <t>c#|log4net</t>
  </si>
  <si>
    <t>How to add ending zero's to the results of a query</t>
  </si>
  <si>
    <t>&lt;p&gt;I have an field which (default format by oracle im presuming) will remove any ending zero's for example 108.10 will return as 108.1.
What would be the best way to select the field so ending zero are maintained and will not add additional zero's to for example 108.11.&lt;/p&gt;
&lt;p&gt;EDIT: Unfortunately the question has been closed and I cannot answer, here is the solution I have found. this works with values with varying character lengths I have tested within the following range 0.10 - 99999.10 the below will always return 2 decimal points. &lt;/p&gt;
&lt;pre&gt;&lt;code&gt;SELECT LTRIM(TO_CHAR(COL1,'9999.990')) FROM table1;
&lt;/code&gt;&lt;/pre&gt;</t>
  </si>
  <si>
    <t>2018-10-18 10:44:10.837000+00:00</t>
  </si>
  <si>
    <t>2018-10-18 11:05:13.790000+00:00</t>
  </si>
  <si>
    <t>Goog working regexp to get PHONE from HTML page</t>
  </si>
  <si>
    <t>&lt;p&gt;I try to get phone from HTML page, but I've tried many regexps and modules and it not work or error.
Example.&lt;/p&gt;
&lt;pre&gt;&lt;code&gt;http://www.boat-duesseldorf.com/cgi-bin/md_boot/lib/pub/tt.cgi/Overview_Press.html?oid=58288&amp;amp;lang=2&amp;amp;ticket=g_u_e_s_t
&lt;/code&gt;&lt;/pre&gt;
&lt;p&gt;You can see on page a lot of phones. +49 (0)211 4560-518 for instance.
And I find good regexp from Regexp base, Google recomend it.&lt;/p&gt;
&lt;pre&gt;&lt;code&gt;http://www.regexlib.com/REDetails.aspx?regexp_id=2054
&lt;/code&gt;&lt;/pre&gt;
&lt;p&gt;There is a lot of text so I wont past it here. Only regexp. Regexp should get a lof of phones formats. &lt;/p&gt;
&lt;pre&gt;&lt;code&gt;^(\+\d{2}[ \-]{0,1}){0,1}(((\({0,1}[ \-]{0,1})0{0,1}\){0,1}[2|3|7|8]{1}\){0,1}[ \-]*(\d{4}[ \-]{0,1}\d{4}))|(1[ \-]{0,1}(300|800|900|902)[ \-]{0,1}((\d{6})|(\d{3}[ \-]{0,1}\d{3})))|(13[ \-]{0,1}([\d \-]{5})|((\({0,1}[ \-]{0,1})0{0,1}\){0,1}4{1}[\d \-]{8,10})))$
&lt;/code&gt;&lt;/pre&gt;
&lt;p&gt;So I get HTML page &lt;a href="http://www.boat-duesseldorf.com/cgi-bin/md_boot/lib/pub/tt.cgi/Overview_Press.html?oid=58288&amp;amp;lang=2&amp;amp;ticket=g_u_e_s_t" rel="nofollow noreferrer"&gt;http://www.boat-duesseldorf.com/cgi-bin/md_boot/lib/pub/tt.cgi/Overview_Press.html?oid=58288&amp;amp;lang=2&amp;amp;ticket=g_u_e_s_t&lt;/a&gt; with Nokorigi and make:&lt;/p&gt;
&lt;pre&gt;&lt;code&gt;/^(\+\d{2}[ \-]{0,1}){0,1}(((\({0,1}[ \-]{0,1})0{0,1}\){0,1}[2|3|7|8]{1}\){0,1}[ \-]*(\d{4}[ \-]{0,1}\d{4}))|(1[ \-]{0,1}(300|800|900|902)[ \-]{0,1}((\d{6})|(\d{3}[ \-]{0,1}\d{3})))|(13[ \-]{0,1}([\d \-]{5})|((\({0,1}[ \-]{0,1})0{0,1}\){0,1}4{1}[\d \-]{8,10})))$/.match.(@html)
&lt;/code&gt;&lt;/pre&gt;
&lt;p&gt;and &lt;code&gt;pp Regexp.last_match&lt;/code&gt; - but get NIL!!!!&lt;/p&gt;
&lt;p&gt;I need good regexp, please recommend 100% working regexp or module.&lt;/p&gt;</t>
  </si>
  <si>
    <t>2017-04-24 03:15:38.260000+00:00</t>
  </si>
  <si>
    <t>2017-08-18 10:03:15.140000+00:00</t>
  </si>
  <si>
    <t>html|ruby|regex|web-scraping|phone-number</t>
  </si>
  <si>
    <t>Conditional compilation with Xcode</t>
  </si>
  <si>
    <t>&lt;p&gt;I am a software developer and I choose Xcode as IDE to do my development. On my Mac I have 10.8 and the latest Xcode available to this OS version.&lt;/p&gt;
&lt;p&gt;IIUC, Xcode is just a very powerful wrapper around the basic *nix "configure; make; make install".&lt;/p&gt;
&lt;p&gt;With the basic *nix approach it is relatively easy to do a conditional compilation - check if I have an appropriate configure switch and then define an appropriate defines which will be checked during compilation/linking time and/or the run-time.&lt;/p&gt;
&lt;p&gt;What I'd like to know is: if it is possible to make something like this with Xcode?&lt;/p&gt;
&lt;p&gt;As an example - there are 2 ODBC driver managers: unixODBC and iODBC. iODBC de-jure is the default one, however it is possible to install unixODBC on the Mac.
So what I want is to have a "--with-unixodbc"/"--with-iodbc" pair. Also presume I have a library called libodbc_connect.dylib which depends on the driver manager installed and should link to either one based on that switch. And I have the application called db_explorer.&lt;/p&gt;
&lt;p&gt;This is just an example, but you should have an idea. Does anyone have a step-by-step instructions on how to do that?&lt;/p&gt;</t>
  </si>
  <si>
    <t>2016-12-05 19:47:54.397000+00:00</t>
  </si>
  <si>
    <t>2016-12-06 03:42:48.003000+00:00</t>
  </si>
  <si>
    <t>Igor</t>
  </si>
  <si>
    <t>osx-lion|xcode</t>
  </si>
  <si>
    <t>tflearn creating multiple models</t>
  </si>
  <si>
    <t>&lt;p&gt;I am working on a machine-learning script with &lt;strong&gt;tflearn&lt;/strong&gt; and &lt;strong&gt;gym&lt;/strong&gt;.&lt;/p&gt;
&lt;p&gt;I am able to get one network working in my &lt;strong&gt;python&lt;/strong&gt;-script but whenever I try to call my functions to build up a 2nd or 3rd network and train it with &lt;strong&gt;model.fit&lt;/strong&gt;, I get a &lt;/p&gt;
&lt;p&gt;&lt;strong&gt;tensorflow.python.framework.errors_impl.InvalidArgumentError&lt;/strong&gt;&lt;/p&gt;
&lt;p&gt;edit; The goal should be to build up several different networks in order to compare them. First this should be only focused on the input_data and number of training epochs, but in the end, I'd like to compare different networksizes.
Additionally I'd like to run it in a loop, building up more than two networks.&lt;/p&gt;
&lt;p&gt;The following code reproduces my error:&lt;/p&gt;
&lt;ul&gt;
&lt;li&gt;initial_population(pop_size)&lt;/li&gt;
&lt;/ul&gt;
&lt;p&gt;creates an array of random actions, size of pop_size&lt;/p&gt;
&lt;ul&gt;
&lt;li&gt;neural_network_model(input_size):&lt;/li&gt;
&lt;/ul&gt;
&lt;p&gt;creates a neural network&lt;/p&gt;
&lt;ul&gt;
&lt;li&gt;train_model(training_data)&lt;/li&gt;
&lt;/ul&gt;
&lt;p&gt;creates a new model, if none is passed, and trains the model on the provided training data&lt;/p&gt;
&lt;pre&gt;&lt;code&gt;import gym
import random
import numpy as np
import tflearn
from tflearn.layers.core import input_data, dropout, fully_connected
from tflearn.layers.estimator import regression
LR = 1e-3
env = gym.make('CartPole-v0')
env.reset()
goal_steps = 500
score_requirement = 1
def initial_population(pop_size):
    training_data = []
    scores = []
    accepted_scores = []
    for _ in range(pop_size):
        score = 0
        game_memory = []
        prev_observation = []
        for _ in range(goal_steps):
            action = random.randrange(0,2)
            observation, reward, done, info = env.step(action)
            if len(prev_observation) &amp;gt; 0:
                game_memory.append([prev_observation, action])
            prev_observation = observation
            score += reward
            if done:
                break
        if score &amp;gt;= score_requirement:
            accepted_scores.append(score)
            for data in game_memory:
                if data[1] == 1:
                    output = [0,1]
                elif data[1] == 0:
                    output = [1,0]
                training_data.append([data[0], output])
        env.reset()
        scores.append(score)
    return np.array(training_data)
def neural_network_model(input_size):
    network = input_data(shape=[None, input_size, 1], name='input')
    network = fully_connected(network, 128, activation='relu')
    network = dropout(network, 0.8)
    network = fully_connected(network, 2, activation='softmax')
    network = regression(network, optimizer='adam', learning_rate=LR,
                         loss='categorical_crossentropy', name='targets')
    model = tflearn.DNN(network, tensorboard_dir='log')
    return model
def train_model(training_data, model=False, n_training_epochs=5):
    X = np.array([i[0] for i in training_data]).reshape(-1, len(training_data[0][0]), 1)
    Y = [i[1] for i in training_data]
    if not model:
        model = neural_network_model(input_size = len(X[0]))
    model.fit({'input':X}, {'targets':Y}, n_epoch=n_training_epochs, snapshot_step=500, show_metric=True)
    return model
if __name__ == "__main__":
    training_data = initial_population(5)
    print("still alive 1")
    model = train_model(training_data, n_training_epochs=1)
    print("still alive 2")
    training_data = initial_population(1)
    print("still alive 3")
    model = train_model(training_data, n_training_epochs=1)
    print("still alive 4")
&lt;/code&gt;&lt;/pre&gt;
&lt;p&gt;With the output:&lt;/p&gt;
&lt;pre&gt;&lt;code&gt;C:\Users\username\AppData\Local\Programs\Python\Python36\python.exe C:/Users/username/.PyCharm2017.1/config/scratches/scratch.py
curses is not supported on this machine (please install/reinstall curses for an optimal experience)
still alive 1
2017-11-21 01:03:45.096492: I C:\tf_jenkins\home\workspace\rel-win\M\windows-gpu\PY\36\tensorflow\core\platform\cpu_feature_guard.cc:137] Your CPU supports instructions that this TensorFlow binary was not compiled to use: AVX AVX2
2017-11-21 01:03:45.355914: I C:\tf_jenkins\home\workspace\rel-win\M\windows-gpu\PY\36\tensorflow\core\common_runtime\gpu\gpu_device.cc:1030] Found device 0 with properties: 
name: GeForce GTX 980 Ti major: 5 minor: 2 memoryClockRate(GHz): 1.228
pciBusID: 0000:01:00.0
totalMemory: 6.00GiB freeMemory: 4.97GiB
2017-11-21 01:03:45.356242: I C:\tf_jenkins\home\workspace\rel-win\M\windows-gpu\PY\36\tensorflow\core\common_runtime\gpu\gpu_device.cc:1120] Creating TensorFlow device (/device:GPU:0) -&amp;gt; (device: 0, name: GeForce GTX 980 Ti, pci bus id: 0000:01:00.0, compute capability: 5.2)
2017-11-21 01:03:46.394283: I C:\tf_jenkins\home\workspace\rel-win\M\windows-gpu\PY\36\tensorflow\core\common_runtime\gpu\gpu_device.cc:1120] Creating TensorFlow device (/device:GPU:0) -&amp;gt; (device: 0, name: GeForce GTX 980 Ti, pci bus id: 0000:01:00.0, compute capability: 5.2)
---------------------------------
Run id: BCIV9S
Log directory: log/
---------------------------------
Training samples: 137
Validation samples: 0
--
Training Step: 1  | time: 0.224s
| Adam | epoch: 001 | loss: 0.00000 - acc: 0.0000 -- iter: 064/137
Training Step: 2  | total loss: 0.62389 | time: 0.234s
| Adam | epoch: 001 | loss: 0.62389 - acc: 0.4500 -- iter: 128/137
Training Step: 3  | total loss: 0.68097 | time: 0.239s
| Adam | epoch: 001 | loss: 0.68097 - acc: 0.3631 -- iter: 137/137
--
still alive 2
still alive 3
2017-11-21 01:03:47.234643: I C:\tf_jenkins\home\workspace\rel-win\M\windows-gpu\PY\36\tensorflow\core\common_runtime\gpu\gpu_device.cc:1120] Creating TensorFlow device (/device:GPU:0) -&amp;gt; (device: 0, name: GeForce GTX 980 Ti, pci bus id: 0000:01:00.0, compute capability: 5.2)
2017-11-21 01:03:48.302791: I C:\tf_jenkins\home\workspace\rel-win\M\windows-gpu\PY\36\tensorflow\core\common_runtime\gpu\gpu_device.cc:1120] Creating TensorFlow device (/device:GPU:0) -&amp;gt; (device: 0, name: GeForce GTX 980 Ti, pci bus id: 0000:01:00.0, compute capability: 5.2)
---------------------------------
Run id: HHBWWQ
Log directory: log/
---------------------------------
Training samples: 20
Validation samples: 0
--
2017-11-21 01:03:49.928408: W C:\tf_jenkins\home\workspace\rel-win\M\windows-gpu\PY\36\tensorflow\core\framework\op_kernel.cc:1192] Invalid argument: You must feed a value for placeholder tensor 'input_1/X' with dtype float and shape [?,4,1]
     [[Node: input_1/X = Placeholder[dtype=DT_FLOAT, shape=[?,4,1], _device="/job:localhost/replica:0/task:0/device:GPU:0"]()]]
2017-11-21 01:03:49.928684: W C:\tf_jenkins\home\workspace\rel-win\M\windows-gpu\PY\36\tensorflow\core\framework\op_kernel.cc:1192] Invalid argument: You must feed a value for placeholder tensor 'input_1/X' with dtype float and shape [?,4,1]
     [[Node: input_1/X = Placeholder[dtype=DT_FLOAT, shape=[?,4,1], _device="/job:localhost/replica:0/task:0/device:GPU:0"]()]]
Traceback (most recent call last):
  File "C:\Users\username\AppData\Local\Programs\Python\Python36\lib\site-packages\tensorflow\python\client\session.py", line 1323, in _do_call
    return fn(*args)
  File "C:\Users\username\AppData\Local\Programs\Python\Python36\lib\site-packages\tensorflow\python\client\session.py", line 1302, in _run_fn
    status, run_metadata)
  File "C:\Users\username\AppData\Local\Programs\Python\Python36\lib\site-packages\tensorflow\python\framework\errors_impl.py", line 473, in __exit__
    c_api.TF_GetCode(self.status.status))
tensorflow.python.framework.errors_impl.InvalidArgumentError: You must feed a value for placeholder tensor 'input_1/X' with dtype float and shape [?,4,1]
     [[Node: input_1/X = Placeholder[dtype=DT_FLOAT, shape=[?,4,1], _device="/job:localhost/replica:0/task:0/device:GPU:0"]()]]
     [[Node: Dropout_1/cond/Merge/_119 = _Recv[client_terminated=false, recv_device="/job:localhost/replica:0/task:0/device:CPU:0", send_device="/job:localhost/replica:0/task:0/device:GPU:0", send_device_incarnation=1, tensor_name="edge_274_Dropout_1/cond/Merge", tensor_type=DT_FLOAT, _device="/job:localhost/replica:0/task:0/device:CPU:0"]()]]
During handling of the above exception, another exception occurred:
Traceback (most recent call last):
  File "C:/Users/username/.PyCharm2017.1/config/scratches/scratch.py", line 69, in &amp;lt;module&amp;gt;
    model = train_model(training_data, n_training_epochs=1)
  File "C:/Users/username/.PyCharm2017.1/config/scratches/scratch.py", line 58, in train_model
    model.fit({'input':X}, {'targets':Y}, n_epoch=n_training_epochs, snapshot_step=500, show_metric=True)
  File "C:\Users\username\AppData\Local\Programs\Python\Python36\lib\site-packages\tflearn\models\dnn.py", line 216, in fit
    callbacks=callbacks)
  File "C:\Users\username\AppData\Local\Programs\Python\Python36\lib\site-packages\tflearn\helpers\trainer.py", line 339, in fit
    show_metric)
  File "C:\Users\username\AppData\Local\Programs\Python\Python36\lib\site-packages\tflearn\helpers\trainer.py", line 818, in _train
    feed_batch)
  File "C:\Users\username\AppData\Local\Programs\Python\Python36\lib\site-packages\tensorflow\python\client\session.py", line 889, in run
    run_metadata_ptr)
  File "C:\Users\username\AppData\Local\Programs\Python\Python36\lib\site-packages\tensorflow\python\client\session.py", line 1120, in _run
    feed_dict_tensor, options, run_metadata)
  File "C:\Users\username\AppData\Local\Programs\Python\Python36\lib\site-packages\tensorflow\python\client\session.py", line 1317, in _do_run
    options, run_metadata)
  File "C:\Users\username\AppData\Local\Programs\Python\Python36\lib\site-packages\tensorflow\python\client\session.py", line 1336, in _do_call
    raise type(e)(node_def, op, message)
tensorflow.python.framework.errors_impl.InvalidArgumentError: You must feed a value for placeholder tensor 'input_1/X' with dtype float and shape [?,4,1]
     [[Node: input_1/X = Placeholder[dtype=DT_FLOAT, shape=[?,4,1], _device="/job:localhost/replica:0/task:0/device:GPU:0"]()]]
     [[Node: Dropout_1/cond/Merge/_119 = _Recv[client_terminated=false, recv_device="/job:localhost/replica:0/task:0/device:CPU:0", send_device="/job:localhost/replica:0/task:0/device:GPU:0", send_device_incarnation=1, tensor_name="edge_274_Dropout_1/cond/Merge", tensor_type=DT_FLOAT, _device="/job:localhost/replica:0/task:0/device:CPU:0"]()]]
Caused by op 'input_1/X', defined at:
  File "C:/Users/username/.PyCharm2017.1/config/scratches/scratch.py", line 69, in &amp;lt;module&amp;gt;
    model = train_model(training_data, n_training_epochs=1)
  File "C:/Users/username/.PyCharm2017.1/config/scratches/scratch.py", line 57, in train_model
    model = neural_network_model(input_size = len(X[0]))
  File "C:/Users/username/.PyCharm2017.1/config/scratches/scratch.py", line 44, in neural_network_model
    network = input_data(shape=[None, input_size, 1], name='input')
  File "C:\Users\username\AppData\Local\Programs\Python\Python36\lib\site-packages\tflearn\layers\core.py", line 81, in input_data
    placeholder = tf.placeholder(shape=shape, dtype=dtype, name="X")
  File "C:\Users\username\AppData\Local\Programs\Python\Python36\lib\site-packages\tensorflow\python\ops\array_ops.py", line 1599, in placeholder
    return gen_array_ops._placeholder(dtype=dtype, shape=shape, name=name)
  File "C:\Users\username\AppData\Local\Programs\Python\Python36\lib\site-packages\tensorflow\python\ops\gen_array_ops.py", line 3090, in _placeholder
    "Placeholder", dtype=dtype, shape=shape, name=name)
  File "C:\Users\username\AppData\Local\Programs\Python\Python36\lib\site-packages\tensorflow\python\framework\op_def_library.py", line 787, in _apply_op_helper
    op_def=op_def)
  File "C:\Users\username\AppData\Local\Programs\Python\Python36\lib\site-packages\tensorflow\python\framework\ops.py", line 2956, in create_op
    op_def=op_def)
  File "C:\Users\username\AppData\Local\Programs\Python\Python36\lib\site-packages\tensorflow\python\framework\ops.py", line 1470, in __init__
    self._traceback = self._graph._extract_stack()  # pylint: disable=protected-access
InvalidArgumentError (see above for traceback): You must feed a value for placeholder tensor 'input_1/X' with dtype float and shape [?,4,1]
     [[Node: input_1/X = Placeholder[dtype=DT_FLOAT, shape=[?,4,1], _device="/job:localhost/replica:0/task:0/device:GPU:0"]()]]
     [[Node: Dropout_1/cond/Merge/_119 = _Recv[client_terminated=false, recv_device="/job:localhost/replica:0/task:0/device:CPU:0", send_device="/job:localhost/replica:0/task:0/device:GPU:0", send_device_incarnation=1, tensor_name="edge_274_Dropout_1/cond/Merge", tensor_type=DT_FLOAT, _device="/job:localhost/replica:0/task:0/device:CPU:0"]()]]
Process finished with exit code 1
&lt;/code&gt;&lt;/pre&gt;
&lt;p&gt;The critical part seems to be, that the function &lt;strong&gt;model.fit&lt;/strong&gt; doesn't get the right datatype, the second time it gets called. It looks like that both instances might share some variables, data, etc., which screws something up.&lt;/p&gt;
&lt;p&gt;For the regular tensorflow, I've seen that you might have to do a seperate session for every new model, but I don't know if that applies to the tflearn package.&lt;/p&gt;
&lt;p&gt;I am working on Windows 10 and Python 3.6.&lt;/p&gt;</t>
  </si>
  <si>
    <t>2017-11-21 00:23:51.893000+00:00</t>
  </si>
  <si>
    <t>2017-11-22 03:27:17.113000+00:00</t>
  </si>
  <si>
    <t>2017-11-21 10:29:23.740000+00:00</t>
  </si>
  <si>
    <t>python|machine-learning|tensorflow|tflearn|openai-gym</t>
  </si>
  <si>
    <t>GUI blocks audio playback despite of separate thread</t>
  </si>
  <si>
    <t>&lt;p&gt;I wrote a light audio player that consists of 2 parts&lt;/p&gt;
&lt;ol&gt;
&lt;li&gt;&lt;p&gt;The core: it has a public interface and a private one implemented as a pimpl. In the pimpl (AudioPlayerPrivate), I am creating the audio backend (decoding, mixing) and moving it to a worker thread.&lt;/p&gt;
&lt;pre&gt;&lt;code&gt;AudioPlayerPrivate::AudioPlayerPrivate(QObject *parent) :
             QObject(parent)
{
    playerThread_ = new QThread(this);
    playerCore_   = new AudioPlayerCore;
       qDebug()&amp;lt;&amp;lt;"AudioPlayerCore thread:"&amp;lt;&amp;lt;playerCore_-&amp;gt;thread();
    playerCore_-&amp;gt;moveToThread(playerThread_);
       qDebug()&amp;lt;&amp;lt;"AudioPlayerCore thread after moving to playerThread:"&amp;lt;&amp;lt;playerCore_-&amp;gt;thread();
    playerThread_-&amp;gt;start();
}
&lt;/code&gt;&lt;/pre&gt;&lt;/li&gt;
&lt;li&gt;&lt;p&gt;The gui: it is loading the core from a dynamic library.&lt;/p&gt;&lt;/li&gt;
&lt;/ol&gt;
&lt;p&gt;Now what makes me wonder is that when the gui is loaded and I am playing music that when I click (and do not release) the mouse over the close button (X) of the window decoration, the audio is paused until I release the mouse. How is that possible when I am using a different thread for playback?&lt;/p&gt;
&lt;p&gt;The debug output says the following:&lt;/p&gt;
&lt;pre&gt;&lt;code&gt;PlayerGUI thread: 0x4a83a8
AudioPlayer thread: 0x4a83a8
AudioPlayerPrivate Constructor
AudioPlayerPrivate thread (this-&amp;gt;thread()): QThread(0x4a83a8)
AudioPlayerPrivate thread (QCoreApplication::instance()-&amp;gt;thread()): QThread(0x4a83a8)
AudioPlayerPrivate thread (QThread::currentThread): QThread(0x4a83a8)
AudioPlayerCore Constructor
AudioPlayerCore thread: QThread(0x4a83a8)
AudioPlayerCore thread after moving to playerThread: QThread(0x4bb808)
AudioPlayerPrivate::play()
AudioPlayerCore::onPlayRequest()
AudioPlayerCore thread (this-&amp;gt;thread()): QThread(0x4bb808)
AudioPlayerCore thread (QCoreApplication::instance()-&amp;gt;thread()): QThread(0x4a83a8)
AudioPlayerCore thread (QThread::currentThread): QThread(0x4a83a8)
&lt;/code&gt;&lt;/pre&gt;
&lt;p&gt;From the output it looks like I haven't successfully moved the core to the thread. Only one of the 3 thread-debugs (last 3 lines above) actually shows the new thread's ID. 
Is there something obvious about threads that I am missing? &lt;/p&gt;
&lt;p&gt;Here is how I call the play start (in AudioPlayerPrivate):&lt;/p&gt;
&lt;pre&gt;&lt;code&gt;connect(this,SIGNAL(playRequest(InputSource*,bool)),
        playerCore_,SLOT(onPlayRequest(InputSource*,bool)),
        Qt::DirectConnection);
bool startPlaybackImmediately = false;
emit playRequest(source,startPlaybackImmediately);
&lt;/code&gt;&lt;/pre&gt;</t>
  </si>
  <si>
    <t>2016-03-27 02:06:50.863000+00:00</t>
  </si>
  <si>
    <t>2016-03-27 11:53:29.557000+00:00</t>
  </si>
  <si>
    <t>c++|multithreading|qt</t>
  </si>
  <si>
    <t>Primefaces extensions timer</t>
  </si>
  <si>
    <t>&lt;p&gt;I'm trying to make primefaces extentions countdown timer in format something like this:&lt;/p&gt;
&lt;p&gt;&lt;strong&gt;&lt;em&gt;Time remaning: 3 days, 01 : 15 : 22&lt;/em&gt;&lt;/strong&gt; &lt;/p&gt;
&lt;p&gt;So i added pe:timer component and set format like this:&lt;/p&gt;
&lt;pre&gt;&lt;code&gt;&amp;lt;pe:timer id="time_remaning" timeout="800" format="DDD [days,] HH:mm:ss" immediate="true"/&amp;gt;
&lt;/code&gt;&lt;/pre&gt;
&lt;p&gt;But its not working as expected. I'm getting: 
&lt;strong&gt;&lt;em&gt;1 days, 00 : 13 : 20&lt;/em&gt;&lt;/strong&gt;&lt;/p&gt;
&lt;p&gt;but "days" part of timeout should be 0 and not 1. Do i have error in my formater? I got formater parameters from &lt;a href="http://momentjs.com/docs/#/displaying/format/" rel="nofollow noreferrer"&gt;here&lt;/a&gt; as decribed in documentation.&lt;/p&gt;
&lt;p&gt;Or do I need to use custom formatFunction for this example or is there a way to do this just with formater?&lt;/p&gt;</t>
  </si>
  <si>
    <t>2018-02-12 09:31:59.407000+00:00</t>
  </si>
  <si>
    <t>2018-02-13 07:04:38.580000+00:00</t>
  </si>
  <si>
    <t>2018-02-12 10:22:31.070000+00:00</t>
  </si>
  <si>
    <t>primefaces|timer|momentjs|primefaces-extensions</t>
  </si>
  <si>
    <t>SQL Puzzle - update an ordered list from a TVP</t>
  </si>
  <si>
    <t>&lt;p&gt;I'm in desperate need of a clue on this one. I'm writing this in C++ CLI and using ADO for storage. I can place the logic in either the C++ side or in the SQL Server 2012 stored procedure I call. I have a table that represents a physical (ordered) stack of product. Not a big table, up to 20 items. I receive a partial list, up to 10 items in a message showing the re-ordering of the first 10 items.&lt;/p&gt;
&lt;p&gt;First, I have to verify that the up-to 10 pieces in the message are already in my table. To do this, I upload a TVP with the items and their order to a stored procedure, and in the stored procedure, I do a count(*) on EXCLUDE. If the count is zero, I then have to reorder my table in such a manner that the up-to 10 in the TVP replace whatever order is in my up-to 20 table, and then maintain the order for any remaining pieces.&lt;/p&gt;
&lt;p&gt;I'd like to say I had tried something and complain about errors, but I can't even get my head around a starting point. Sequences don't work because they can't include an order by clause. I can't do simple swaps because I have a table full of values and I don't know what (if anything) is being swapped. I don't have any working knowledge of cursor use in t-SQL, so I don't know where to start.&lt;/p&gt;
&lt;p&gt;I've tried reading up on CTE, nothing obvious. Sequences, too limited. A cursor (below) works. Anyone have a better solution? Mind, the definition of these tables is mine to set, and although the Table (#TestTbl here) has check constraint to ensure Position is between 1 and 20, that can be removed and the Primary Key can be moved to equally unique foreign key IDA,IDB.&lt;/p&gt;
&lt;pre&gt;&lt;code&gt;DROP TABLE #TestTbl;
GO
create table #TestTbl
(
    Position int not null,
    IDA int not null,
    IDB int not null,
    CONSTRAINT uc_FK UNIQUE (IDA, IDB),
    CONSTRAINT PK PRIMARY KEY (Position)
);
INSERT INTO #TestTbl (Position, IDA, IDB)
VALUES (1, 2, 3), (2, 3, 4), (3, 4, 5), (4, 5, 6), (5, 6, 7), (6, 6, 6);
SELECT * FROM #TestTbl
ORDER BY Position;
GO
DROP TABLE #TestTvp;
GO
create table #TestTvp
(
    Position int NOT NULL,
    IDA int NOT NULL,
    IDB int NOT NULL,
    CONSTRAINT PKA PRIMARY KEY (Position)
);
INSERT INTO #TestTvp (Position, IDA, IDB)
VALUES (1, 2, 3), (3, 3, 4), (2, 4, 5), (4, 5, 6)
SELECT * FROM #TestTvp
ORDER BY Position;
GO
drop table #NewTbl;
go
DECLARE @ID1 int;
DECLARE @ID2 int;
DECLARE @LastCount int;
DECLARE MyCurse CURSOR FOR
SELECT IDA, IDB
FROM #TestTbl
EXCEPT
SELECT IDA, IDB
FROM #TestTvp;
SELECT Position, IDA, IDB 
INTO #NewTbl
FROM #TestTvp;
SET @LastCount = @@ROWCOUNT;
OPEN MyCurse;
SET @LastCount = @LastCount + 1;
FETCH NEXT FROM MyCurse
INTO @ID1, @ID2;
WHILE @@FETCH_STATUS = 0
BEGIN
    INSERT INTO #NewTbl (Position, IDA, IDB)
    VALUES (@LastCount, @ID1, @ID2);
    SET @LastCount = @LastCount + 1;
    FETCH NEXT FROM MyCurse
    INTO @ID1, @ID2;
END;
CLOSE MyCurse;
DEALLOCATE MyCurse;
SELECT * FROM #NewTbl
ORDER BY Position;
GO
&lt;/code&gt;&lt;/pre&gt;</t>
  </si>
  <si>
    <t>2013-07-03 17:43:27.203000+00:00</t>
  </si>
  <si>
    <t>2014-09-30 05:56:27.437000+00:00</t>
  </si>
  <si>
    <t>2013-07-03 19:44:19.033000+00:00</t>
  </si>
  <si>
    <t>sql|visual-c++|sql-server-2012</t>
  </si>
  <si>
    <t>aligned_storage and strict aliasing</t>
  </si>
  <si>
    <t>&lt;p&gt;I'm currently using aligned_storage to implement an 'Optional' type similar to that of boost::optional. To accomplish this I have a class member like so:&lt;/p&gt;
&lt;pre&gt;&lt;code&gt;typename std::aligned_storage&amp;lt;sizeof(T), std::alignment_of&amp;lt;T&amp;gt;::value&amp;gt;::type t_;
&lt;/code&gt;&lt;/pre&gt;
&lt;p&gt;I use placement new to create the object, however I don't store the pointer returned anywhere. Instead, I access the underlying type of the object in all my member functions like this (obviously with checks to ensure the object is valid via a boolean flag also stored in my Optional type):&lt;/p&gt;
&lt;pre&gt;&lt;code&gt;T const* operator-&amp;gt;() const {
    return static_cast&amp;lt;T const*&amp;gt;(static_cast&amp;lt;void const*&amp;gt;(&amp;amp;t_));
}
&lt;/code&gt;&lt;/pre&gt;
&lt;p&gt;My question is whether this is safe. My understanding is that my usage of placement new changes the 'dynamic type' of the object, and as long as I keep accessing the memory using that type I'll be okay. However I'm not clear on whether I have to hold the pointer returned from the placement new or whether I'm allowed to just cast to the underlying type whenever I need to access it. I have read section 3.10 of the C++11 standard, however I'm not fluent enough in standardese to be sure.&lt;/p&gt;
&lt;p&gt;If possible, I would feel better if you could give reference to the standard in your answer (it helps me sleep at night :P).&lt;/p&gt;</t>
  </si>
  <si>
    <t>2012-11-20 04:20:19.587000+00:00</t>
  </si>
  <si>
    <t>2018-01-31 19:41:25.553000+00:00</t>
  </si>
  <si>
    <t>2016-09-10 19:30:34.483000+00:00</t>
  </si>
  <si>
    <t>c++|undefined-behavior|language-lawyer|strict-aliasing|type-punning</t>
  </si>
  <si>
    <t>Spring MVC 3.2: returning Document (xml) with @Responsebody</t>
  </si>
  <si>
    <t>&lt;p&gt;I'm new with Spring MVC and I have an application that usually returns org.w3c.dom.Document objects (XML Documents). This documents have a lot of different (and dynamic) structures (does not have a specific xsd). I need to know how can I return this objects from my controllers. e.g.&lt;/p&gt;
&lt;pre&gt;&lt;code&gt;@RequestMapping(method = RequestMethod.POST)
@ResponseStatus(HttpStatus.CREATED)
@ResponseBody
public Document createFOO(Document myDoc){
 return myDoc;
}
&lt;/code&gt;&lt;/pre&gt;
&lt;p&gt;When I tried that, I got  HTTP 406 error, and obviously I need a configuration, but I cannot find documentation that solves my problem, because in all of that the solution includes a mapping between a class and a XML, but in my case the object is already a XML Doc. Could you give me a direction to take in my investigation? &lt;/p&gt;
&lt;p&gt;Thanks!&lt;/p&gt;
&lt;p&gt;Marcos&lt;/p&gt;
&lt;p&gt;Edit: This is my configuration file:&lt;/p&gt;
&lt;pre&gt;&lt;code&gt;&amp;lt;beans xmlns="http://www.springframework.org/schema/beans"
       xmlns:xsi="http://www.w3.org/2001/XMLSchema-instance"
       xmlns:mvc="http://www.springframework.org/schema/mvc"
       xmlns:context="http://www.springframework.org/schema/context"
       xsi:schemaLocation="
        http://www.springframework.org/schema/beans
        http://www.springframework.org/schema/beans/spring-beans.xsd
        http://www.springframework.org/schema/context
        http://www.springframework.org/schema/context/spring-context.xsd
        http://www.springframework.org/schema/mvc
        http://www.springframework.org/schema/mvc/spring-mvc.xsd"&amp;gt;
    &amp;lt;context:component-scan base-package="my.files"/&amp;gt;
    &amp;lt;mvc:annotation-driven/&amp;gt;
&amp;lt;/beans&amp;gt;
&lt;/code&gt;&lt;/pre&gt;
&lt;hr&gt;
&lt;p&gt;My example class:&lt;/p&gt;
&lt;pre&gt;&lt;code&gt;@Controller
@RequestMapping("blabla")
public class MyClass{
...
    @RequestMapping(method = RequestMethod.POST, produces = "application/xml")
    @ResponseStatus(HttpStatus.CREATED)
    @ResponseBody
    public Document myMethod(...) {
        Document responseDoc = foo.giveMeaDocument();
    }
}
&lt;/code&gt;&lt;/pre&gt;</t>
  </si>
  <si>
    <t>2014-08-28 14:30:39.557000+00:00</t>
  </si>
  <si>
    <t>2014-09-02 19:10:19.123000+00:00</t>
  </si>
  <si>
    <t>2014-08-28 18:26:13.327000+00:00</t>
  </si>
  <si>
    <t>java|xml|spring|spring-mvc</t>
  </si>
  <si>
    <t>Welcome User screen firebase integration - unexpected results</t>
  </si>
  <si>
    <t>&lt;p&gt;I have a key 'newUser' within my firebase database, which can be set to either 'true' or 'false', as shown here: 
&lt;a href="https://i.stack.imgur.com/A8vty.png" rel="nofollow noreferrer"&gt;firebase database structure click here for screenshot&lt;/a&gt;&lt;/p&gt;
&lt;p&gt;I have referenced to the database within a LoginActivity class, upon clicking a login button the userLogin method is called, within this method I perform the following: &lt;/p&gt;
&lt;pre&gt;&lt;code&gt; mDatabase.orderByChild("email").equalTo(email)
           .addValueEventListener(new ValueEventListener() {
               @Override
               public void onDataChange(DataSnapshot dataSnapshot) {
                   for(DataSnapshot singleSnapshot: dataSnapshot.getChildren()){
                       String newUser = singleSnapshot.getValue(User.class).newUser;
                       if(newUser.equals("true")){
                          Log.d("Yes!", "this is a new user");
                          startnewActivity(singleSnapshot);
                       }else {
                           Log.d("No!", "this is an old user");
                           startnewActivity(singleSnapshot);
                       }
                   }
               }
               @Override
               public void onCancelled(DatabaseError databaseError) {
               }
           });
&lt;/code&gt;&lt;/pre&gt;
&lt;p&gt;Note that equalTo(email) ... email is a local variable which grabs the text within the textfield where the user inputs the email. 
the startnewActivity method is defined below, to initialise the activities dependent on whether the user is new or not:&lt;/p&gt;
&lt;pre&gt;&lt;code&gt; private void startnewActivity(DataSnapshot singleSnapshot) {
    String s = singleSnapshot.getValue(User.class).newUser;
    if (s.equals("true")) {
        Intent i = new Intent(LoginActivity.this, AudiometryNewUser.class);
        singleSnapshot.getRef().child("newUser").setValue("false");
        Log.d("iterated!?", "");
        startActivity(i);
        return;
    }
    else if(s.equals("false")){
        Intent i = new Intent(LoginActivity.this, MainDashboard.class);
        Log.d("iterated", "");
        startActivity(i);
    }
}
&lt;/code&gt;&lt;/pre&gt;
&lt;p&gt;my intention is when the user is a newUser = true, then they will be taken to the welcome screen AudiometryNewUser, and for the newUser value to adopt "false". &lt;/p&gt;
&lt;p&gt;The result however is that the user is ALWAYS taken to the dashboard, even if they are a new user. If they were a newUser and logged in, upon clicking the back button the user is navigated to the expected welcome new user activity.
on top of this, several instances of the activity are sometimes launched.&lt;/p&gt;
&lt;p&gt;I just wondered if anyone could explain why this was happening, and what am I failing to see?
If clarity is needed please say so, I'll do my best to update the post.&lt;/p&gt;
&lt;p&gt;Many thanks in advance. &lt;/p&gt;</t>
  </si>
  <si>
    <t>2018-02-21 22:12:52.187000+00:00</t>
  </si>
  <si>
    <t>2018-02-23 19:49:04.140000+00:00</t>
  </si>
  <si>
    <t>2018-02-21 22:27:55.300000+00:00</t>
  </si>
  <si>
    <t>android|firebase|user-interface|android-activity|firebase-realtime-database</t>
  </si>
  <si>
    <t>ruby error in code : undefined method `to' for 43:Fixnum (NoMethodError)</t>
  </si>
  <si>
    <t>&lt;p&gt;I am new at ruby and doing some tuts now I noted down some code from a tut, but I get an error:&lt;/p&gt;
&lt;pre&gt;&lt;code&gt;ruby1.rb:9:in `&amp;lt;main&amp;gt;': undefined method `to' for 43:Fixnum (NoMethodError)
&lt;/code&gt;&lt;/pre&gt;
&lt;p&gt;this is my code:&lt;/p&gt;
&lt;pre&gt;&lt;code&gt;print "Enter a Value:"
first_num = gets.to_i
print "Enter another value:"
second_num = gets.to_i
puts first_num.to.s + " + " + second_num.to_s  + " = " +
(first_num + second_num).to_s
&lt;/code&gt;&lt;/pre&gt;</t>
  </si>
  <si>
    <t>2015-07-26 14:39:04.847000+00:00</t>
  </si>
  <si>
    <t>2015-07-26 15:13:08.950000+00:00</t>
  </si>
  <si>
    <t>Append to the end of a Char array in C++</t>
  </si>
  <si>
    <t>&lt;p&gt;Is there a command that can append one array of char onto another?  Something that would theoretically work like this:&lt;/p&gt;
&lt;pre&gt;&lt;code&gt;//array1 has already been set to "The dog jumps "
//array2 has already been set to "over the log"
append(array2,array1);
cout &amp;lt;&amp;lt; array1;
//would output "The dog jumps over the log";
&lt;/code&gt;&lt;/pre&gt;
&lt;p&gt;This is a pretty easy function to make I would think, I am just surprised there isn't a built in command for it.&lt;/p&gt;
&lt;p&gt;*&lt;em&gt;Edit&lt;/em&gt;&lt;/p&gt;
&lt;p&gt;I should have been more clear, I didn't mean changing the size of the array.  If array1 was set to 50 characters, but was only using 10 of them, you would still have 40 characters to work with.  I was thinking an automatic command that would essentially do:&lt;/p&gt;
&lt;pre&gt;&lt;code&gt;//assuming array1 has 10 characters but was declared with 25 and array2 has 5 characters
int i=10;
int z=0;    
do{
    array1[i] = array2[z];
    ++i;
    ++z;
}while(array[z] != '\0');
&lt;/code&gt;&lt;/pre&gt;
&lt;p&gt;I am pretty sure that syntax would work, or something similar.&lt;/p&gt;</t>
  </si>
  <si>
    <t>2012-03-31 10:50:25.233000+00:00</t>
  </si>
  <si>
    <t>2012-03-31 13:47:38.133000+00:00</t>
  </si>
  <si>
    <t>2012-03-31 11:43:16.107000+00:00</t>
  </si>
  <si>
    <t>c++|arrays</t>
  </si>
  <si>
    <t>Django: how do you serve media / stylesheets and link to them within templates</t>
  </si>
  <si>
    <t>&lt;p&gt;Variations of this question have been asked, but I'm still unable to get my stylesheets to load correctly when my templates are rendered.&lt;/p&gt;
&lt;p&gt;I'm attempting to serve static media from the Django process during development - which is strongly discouraged in production, I'm aware. I'll post my configuration and my template, and hopefully someone can help me to understand where I'm going wrong.&lt;/p&gt;
&lt;p&gt;Note that I did try to follow the example on the Django project website, however it doesn't mention how to refer to your stylesheets from a template. I've also tried many different variations of the same thing, so my code/settings may be a little off from what's described.&lt;/p&gt;
&lt;p&gt;settings.py&lt;/p&gt;
&lt;pre&gt;&lt;code&gt;MEDIA_ROOT = 'D:/Dev Tools/django_projects/dso/media'
MEDIA_URL = '/media/'
ADMIN_MEDIA_PREFIX = '/media/'
&lt;/code&gt;&lt;/pre&gt;
&lt;p&gt;urls.py&lt;/p&gt;
&lt;pre&gt;&lt;code&gt;from django.conf.urls.defaults import *
from django.conf import settings
from django.contrib import admin
admin.autodiscover()
urlpatterns = patterns('',
    (r'^admin/(.*)', admin.site.root),
    (r'^ovramt/$', 'dso.ovramt.views.index'),
)
if settings.DEBUG:
    urlpatterns += patterns('',
        (r'^media/(?P&amp;lt;path&amp;gt;.*)$', 'django.views.static.serve', {'document_root': settings.MEDIA_ROOT}),
    )
&lt;/code&gt;&lt;/pre&gt;
&lt;p&gt;Within my template:&lt;/p&gt;
&lt;pre&gt;&lt;code&gt;&amp;lt;head&amp;gt; 
&amp;lt;title&amp;gt; {% block title %} DSO Template {% endblock %} &amp;lt;/title&amp;gt; 
&amp;lt;meta http-equiv="Content-Type" content="text/html;charset=utf-8" &amp;gt;
&amp;lt;link rel="stylesheet" type="text/css" href="../media/styles.css"&amp;gt;
&amp;lt;/head&amp;gt;
&lt;/code&gt;&lt;/pre&gt;
&lt;p&gt;I assure you, the files (templates/media) are in the correct directory on my file system. If there's any extra information I need to provide, please post a comment.&lt;/p&gt;
&lt;hr&gt;
&lt;p&gt;Edit:  &lt;/p&gt;
&lt;p&gt;One of the problems I was having was the use of a '/' prepending my links. If the forward slash is prepended, the link is opened from the root of the site. If there is no forward slash, the link is opened in the current level. An example:&lt;/p&gt;
&lt;p&gt;www.example.com/application/ has a link "/app2/ and a link "app3/".&lt;br&gt;
app2 will open at www.example.com/app2/ and app3 will open at www.example.com/application/app3/. This was confusing me I think.&lt;/p&gt;</t>
  </si>
  <si>
    <t>2009-01-15 08:35:50.730000+00:00</t>
  </si>
  <si>
    <t>2011-10-30 15:29:26.417000+00:00</t>
  </si>
  <si>
    <t>2011-05-11 21:45:51.323000+00:00</t>
  </si>
  <si>
    <t>Josh Smeaton</t>
  </si>
  <si>
    <t>python|css|django|django-templates|media</t>
  </si>
  <si>
    <t>How do I access the MediaMetadataRetriever.setDataSource(...) status codes?</t>
  </si>
  <si>
    <t>&lt;p&gt;I'm getting the following error &lt;code&gt;java.lang.RuntimeException: setDataSource failed: status = 0xFFFFFFEA&lt;/code&gt; and I'd like to know what this status is. I'm using the function &lt;code&gt;MediaMetaDataRetriever.setDataSource(String filePath)&lt;/code&gt;&lt;/p&gt;</t>
  </si>
  <si>
    <t>2014-01-09 00:38:34.017000+00:00</t>
  </si>
  <si>
    <t>2017-06-05 11:40:42.883000+00:00</t>
  </si>
  <si>
    <t>2014-01-09 02:22:36.597000+00:00</t>
  </si>
  <si>
    <t>android|android-mediaplayer|android-music-player</t>
  </si>
  <si>
    <t>Insert records in chunk to mysql view</t>
  </si>
  <si>
    <t>&lt;p&gt;I have created empty view with following query:&lt;/p&gt;
&lt;pre&gt;&lt;code&gt;CREATE VIEW `test` AS select * from `configurations` where 0;
&lt;/code&gt;&lt;/pre&gt;
&lt;p&gt;Consider &lt;code&gt;configurations&lt;/code&gt; table have 100 records with primary key &lt;code&gt;id&lt;/code&gt; starting from &lt;code&gt;0&lt;/code&gt; to &lt;code&gt;100&lt;/code&gt;.&lt;/p&gt;
&lt;p&gt;I would like to insert data in view with chunk of &lt;code&gt;10&lt;/code&gt; within loop.&lt;/p&gt;
&lt;p&gt;I could not get any solution for the same. Can anyone give a bit of hint.&lt;/p&gt;
&lt;p&gt;&lt;br&gt;
&lt;strong&gt;Update:&lt;/strong&gt;
Following steps I want to perform.&lt;/p&gt;
&lt;ol&gt;
&lt;li&gt;Create empty view (I achieved this)&lt;/li&gt;
&lt;li&gt;I have base table with 100 records in it.&lt;/li&gt;
&lt;li&gt;Now, I want my view to represent any &lt;code&gt;10&lt;/code&gt; records based on &lt;code&gt;id&lt;/code&gt; like [&lt;code&gt;where id IN (1,5,8,3,6,67,34,23,45,99)&lt;/code&gt;]&lt;/li&gt;
&lt;li&gt;Again after some operations I would like more 10 records to be selected from base table. like [&lt;code&gt;where id IN (11,55,88,33,66,27,43,23,15,19)&lt;/code&gt;]&lt;/li&gt;
&lt;/ol&gt;
&lt;p&gt;Hope I am clear enough.&lt;/p&gt;</t>
  </si>
  <si>
    <t>2016-02-17 11:14:51.727000+00:00</t>
  </si>
  <si>
    <t>2016-02-18 09:31:59.343000+00:00</t>
  </si>
  <si>
    <t>2016-02-17 11:52:50.710000+00:00</t>
  </si>
  <si>
    <t>php|mysql|view|insert|database-view</t>
  </si>
  <si>
    <t>The hibernate.properties file doesn't change the hibernate dialect</t>
  </si>
  <si>
    <t>&lt;p&gt;I have created a &lt;a href="https://spring.io/" rel="nofollow noreferrer"&gt;spring&lt;/a&gt; application with MySql db connected and I want the hibernate to create tables using Innodb engine but it always creates the table using MyISAM engine.
the &lt;code&gt;application.properties&lt;/code&gt; file:  &lt;/p&gt;
&lt;pre&gt;&lt;code&gt;spring.jpa.hibernate.ddl-auto=update
spring.datasource.url=jdbc:mysql://localhost:3306/spring?autoReconnect=true&amp;amp;useSSL=false
spring.datasource.username=root
spring.datasource.password=
&lt;/code&gt;&lt;/pre&gt;
&lt;p&gt;The &lt;code&gt;hibernate.properties&lt;/code&gt; file:&lt;/p&gt;
&lt;pre&gt;&lt;code&gt;hibernate.dialect=org.hibernate.dialect.MySQL5InnoDBDialect
hibernate.dialect.storage_engine=innodb
&lt;/code&gt;&lt;/pre&gt;
&lt;p&gt;The console output:&lt;/p&gt;
&lt;pre&gt;&lt;code&gt; /\\ / ___'_ __ _ _(_)_ __  __ _ \ \ \ \
( ( )\___ | '_ | '_| | '_ \/ _` | \ \ \ \
 \\/  ___)| |_)| | | | | || (_| |  ) ) ) )
  '  |____| .__|_| |_|_| |_\__, | / / / /
 =========|_|==============|___/=/_/_/_/
 :: Spring Boot ::        (v1.5.3.RELEASE)
2017-12-18 13:54:19.460  INFO 9144 --- [           main] hello.Application                        : Starting Application on webc13 with PID 9144 (C:\spring\gs-rest-service\complete\build\classes\main started by Arielb in C:\spring\gs-rest-service\complete)
2017-12-18 13:54:19.465  INFO 9144 --- [           main] hello.Application                        : No active profile set, falling back to default profiles: default
2017-12-18 13:54:19.506  INFO 9144 --- [           main] ationConfigEmbeddedWebApplicationContext : Refreshing org.springframework.boot.context.embedded.AnnotationConfigEmbeddedWebApplicationContext@44a3ec6b: startup date [Mon Dec 18 13:54:19 IST 2017]; root of context hierarchy
2017-12-18 13:54:20.802  WARN 9144 --- [           main] o.h.v.m.ParameterMessageInterpolator     : HV000184: ParameterMessageInterpolator has been chosen, EL interpolation will not be supported
2017-12-18 13:54:21.102  WARN 9144 --- [           main] o.h.v.m.ParameterMessageInterpolator     : HV000184: ParameterMessageInterpolator has been chosen, EL interpolation will not be supported
2017-12-18 13:54:21.371  INFO 9144 --- [           main] s.b.c.e.t.TomcatEmbeddedServletContainer : Tomcat initialized with port(s): 8080 (http)
2017-12-18 13:54:21.380  INFO 9144 --- [           main] o.apache.catalina.core.StandardService   : Starting service Tomcat
2017-12-18 13:54:21.381  INFO 9144 --- [           main] org.apache.catalina.core.StandardEngine  : Starting Servlet Engine: Apache Tomcat/8.5.14
2017-12-18 13:54:21.517  INFO 9144 --- [ost-startStop-1] o.a.c.c.C.[Tomcat].[localhost].[/]       : Initializing Spring embedded WebApplicationContext
2017-12-18 13:54:21.518  INFO 9144 --- [ost-startStop-1] o.s.web.context.ContextLoader            : Root WebApplicationContext: initialization completed in 2014 ms
2017-12-18 13:54:21.634  INFO 9144 --- [ost-startStop-1] o.s.b.w.servlet.ServletRegistrationBean  : Mapping servlet: 'dispatcherServlet' to [/]
2017-12-18 13:54:21.638  INFO 9144 --- [ost-startStop-1] o.s.b.w.servlet.FilterRegistrationBean   : Mapping filter: 'characterEncodingFilter' to: [/*]
2017-12-18 13:54:21.639  INFO 9144 --- [ost-startStop-1] o.s.b.w.servlet.FilterRegistrationBean   : Mapping filter: 'hiddenHttpMethodFilter' to: [/*]
2017-12-18 13:54:21.639  INFO 9144 --- [ost-startStop-1] o.s.b.w.servlet.FilterRegistrationBean   : Mapping filter: 'httpPutFormContentFilter' to: [/*]
2017-12-18 13:54:21.639  INFO 9144 --- [ost-startStop-1] o.s.b.w.servlet.FilterRegistrationBean   : Mapping filter: 'requestContextFilter' to: [/*]
2017-12-18 13:54:22.051  INFO 9144 --- [           main] j.LocalContainerEntityManagerFactoryBean : Building JPA container EntityManagerFactory for persistence unit 'default'
2017-12-18 13:54:22.060  INFO 9144 --- [           main] o.hibernate.jpa.internal.util.LogHelper  : HHH000204: Processing PersistenceUnitInfo [
    name: default
    ...]
2017-12-18 13:54:22.114  INFO 9144 --- [           main] org.hibernate.Version                    : HHH000412: Hibernate Core {5.0.12.Final}
2017-12-18 13:54:22.116  INFO 9144 --- [           main] org.hibernate.cfg.Environment            : HHH000205: Loaded properties from resource hibernate.properties: {hibernate.dialect=org.hibernate.dialect.MySQLMyISAMDialect, spring.jpa.properties.hibernate.dialect=org.hibernate.dialect.MySQLMyISAMDialect, hibernate.bytecode.use_reflection_optimizer=false, hibernate.dialect.storage_engine=myisam}
2017-12-18 13:54:22.117  INFO 9144 --- [           main] org.hibernate.cfg.Environment            : HHH000021: Bytecode provider name : javassist
2017-12-18 13:54:22.151  INFO 9144 --- [           main] o.hibernate.annotations.common.Version   : HCANN000001: Hibernate Commons Annotations {5.0.1.Final}
2017-12-18 13:54:22.236  INFO 9144 --- [           main] org.hibernate.dialect.Dialect            : HHH000400: Using dialect: org.hibernate.dialect.MySQL5Dialect
2017-12-18 13:54:22.527  INFO 9144 --- [           main] org.hibernate.tool.hbm2ddl.SchemaUpdate  : HHH000228: Running hbm2ddl schema update
2017-12-18 13:54:22.555  INFO 9144 --- [           main] rmationExtractorJdbcDatabaseMetaDataImpl : HHH000262: Table not found: logs
2017-12-18 13:54:22.555  INFO 9144 --- [           main] rmationExtractorJdbcDatabaseMetaDataImpl : HHH000262: Table not found: logs
2017-12-18 13:54:22.741  INFO 9144 --- [           main] j.LocalContainerEntityManagerFactoryBean : Initialized JPA EntityManagerFactory for persistence unit 'default'
2017-12-18 13:54:23.178  INFO 9144 --- [           main] s.w.s.m.m.a.RequestMappingHandlerAdapter : Looking for @ControllerAdvice: org.springframework.boot.context.embedded.AnnotationConfigEmbeddedWebApplicationContext@44a3ec6b: startup date [Mon Dec 18 13:54:19 IST 2017]; root of context hierarchy
2017-12-18 13:54:23.231  INFO 9144 --- [           main] s.w.s.m.m.a.RequestMappingHandlerMapping : Mapped "{[/dd/one/{id}],methods=[GET]}" onto public hello.Files hello.controller.InspectorController.getFile(java.lang.Integer)
2017-12-18 13:54:23.232  INFO 9144 --- [           main] s.w.s.m.m.a.RequestMappingHandlerMapping : Mapped "{[/dd/all],methods=[GET]}" onto public java.lang.Iterable&amp;lt;hello.Files&amp;gt; hello.controller.InspectorController.getAllUsers()
2017-12-18 13:54:23.232  INFO 9144 --- [           main] s.w.s.m.m.a.RequestMappingHandlerMapping : Mapped "{[/dd/insert],methods=[POST]}" onto public hello.Files hello.controller.InspectorController.saveFiles(java.lang.String,java.util.Date,java.lang.String,java.lang.String,javax.servlet.http.HttpServletRequest) throws javassist.tools.web.BadHttpRequest
2017-12-18 13:54:23.232  INFO 9144 --- [           main] s.w.s.m.m.a.RequestMappingHandlerMapping : Mapped "{[/greeting]}" onto public hello.Greeting hello.GreetingController.greeting(java.lang.String)
2017-12-18 13:54:23.234  INFO 9144 --- [           main] s.w.s.m.m.a.RequestMappingHandlerMapping : Mapped "{[/error]}" onto public org.springframework.http.ResponseEntity&amp;lt;java.util.Map&amp;lt;java.lang.String, java.lang.Object&amp;gt;&amp;gt; org.springframework.boot.autoconfigure.web.BasicErrorController.error(javax.servlet.http.HttpServletRequest)
2017-12-18 13:54:23.234  INFO 9144 --- [           main] s.w.s.m.m.a.RequestMappingHandlerMapping : Mapped "{[/error],produces=[text/html]}" onto public org.springframework.web.servlet.ModelAndView org.springframework.boot.autoconfigure.web.BasicErrorController.errorHtml(javax.servlet.http.HttpServletRequest,javax.servlet.http.HttpServletResponse)
2017-12-18 13:54:23.259  INFO 9144 --- [           main] o.s.w.s.handler.SimpleUrlHandlerMapping  : Mapped URL path [/webjars/**] onto handler of type [class org.springframework.web.servlet.resource.ResourceHttpRequestHandler]
2017-12-18 13:54:23.259  INFO 9144 --- [           main] o.s.w.s.handler.SimpleUrlHandlerMapping  : Mapped URL path [/**] onto handler of type [class org.springframework.web.servlet.resource.ResourceHttpRequestHandler]
2017-12-18 13:54:23.287  INFO 9144 --- [           main] o.s.w.s.handler.SimpleUrlHandlerMapping  : Mapped URL path [/**/favicon.ico] onto handler of type [class org.springframework.web.servlet.resource.ResourceHttpRequestHandler]
2017-12-18 13:54:23.459  INFO 9144 --- [           main] o.s.j.e.a.AnnotationMBeanExporter        : Registering beans for JMX exposure on startup
2017-12-18 13:54:23.504  INFO 9144 --- [           main] s.b.c.e.t.TomcatEmbeddedServletContainer : Tomcat started on port(s): 8080 (http)
2017-12-18 13:54:23.508  INFO 9144 --- [           main] hello.Application                        : Started Application in 4.291 seconds (JVM running for 4.77)
&lt;/code&gt;&lt;/pre&gt;
&lt;p&gt;Any idea?&lt;/p&gt;
&lt;h2&gt;Edit&lt;/h2&gt;
&lt;p&gt;finally, the only way I managed to reach the desired engine was to set the &lt;code&gt;my.conf&lt;/code&gt; file:&lt;/p&gt;
&lt;pre&gt;&lt;code&gt;default-storage-engine=InnoDB
&lt;/code&gt;&lt;/pre&gt;</t>
  </si>
  <si>
    <t>2017-12-18 10:55:22.857000+00:00</t>
  </si>
  <si>
    <t>2017-12-18 11:57:07.130000+00:00</t>
  </si>
  <si>
    <t>spring|spring-mvc|spring-boot</t>
  </si>
  <si>
    <t>How can I use bootstrap with cloudflare apps</t>
  </si>
  <si>
    <t>&lt;p&gt;I have tried adding bootstrap css to the install.json file the following way, but I got an error:&lt;/p&gt;
&lt;pre&gt;&lt;code&gt;,
      {
        "type": "style",
        "src": "https://stackpath.bootstrapcdn.com/bootstrap/4.1.1/css/bootstrap.min.css"
      }
&lt;/code&gt;&lt;/pre&gt;
&lt;p&gt;How can I add it to the project and use it?&lt;/p&gt;</t>
  </si>
  <si>
    <t>2018-06-13 21:29:43.283000+00:00</t>
  </si>
  <si>
    <t>2018-06-20 17:12:34.710000+00:00</t>
  </si>
  <si>
    <t>cloudflare-apps</t>
  </si>
  <si>
    <t>Can I still receive money from AdMob if I don't own a company?</t>
  </si>
  <si>
    <t>&lt;p&gt;I created an AdMob account to add a banner in my application, and I saw something &lt;em&gt;intriguing&lt;/em&gt;: It asks for my Company name to send me money.&lt;/p&gt;
&lt;p&gt;What happens if I just want some extra money and I don't plan a life living from my android apps? Am I screwed?&lt;/p&gt;
&lt;p&gt;PS: My situation is about an android application, but of course it can be iphone related and so.&lt;/p&gt;</t>
  </si>
  <si>
    <t>2011-07-30 19:35:09.533000+00:00</t>
  </si>
  <si>
    <t>2017-04-16 08:18:59.680000+00:00</t>
  </si>
  <si>
    <t>iphone|android|admob</t>
  </si>
  <si>
    <t>How To Secure Erlang Cluster Behind Private Subnet</t>
  </si>
  <si>
    <t>&lt;p&gt;I am testing Erlang and have a few questions related to Security of the Distribution.  (There is a lot of mixed information out there)  These type of questions come with lots of opinions related to situations, and depends on personal comfort level on the type of data you are dealing with.  For the sake of this question, lets assume it is a simple chat server where users can connect to and chat together.&lt;/p&gt;
&lt;p&gt;Example Diagram: &lt;a href="https://i.stack.imgur.com/lbXov.png" rel="nofollow noreferrer"&gt;&lt;img src="https://i.stack.imgur.com/lbXov.png" alt="enter image description here"&gt;&lt;/a&gt;&lt;/p&gt;
&lt;p&gt;The cluster will be behind a private subnet VPC with elastic-load-balancing directing all connections to these nodes (to and from).  The elastic-load-balancing will be the only direct path to these nodes (there would be no way to connect to a node via name@privatesubnet).&lt;/p&gt;
&lt;p&gt;My question is the following:&lt;/p&gt;
&lt;p&gt;Based on this question and answer: &lt;a href="https://stackoverflow.com/questions/32328314/distributed-erlang-security-how-to"&gt;Distributed erlang security how to?&lt;/a&gt;&lt;/p&gt;
&lt;p&gt;There are two different types of inner-communication that can take place.  Either, directly connecting nodes using built in functionality, or doing everything over a TCP connection with a custom protocol.  The first is the most easiest, but I believe it comes with a few security issues, and I was wondering based on the above diagram if It would be good enough (Er, okay, Good Enough is not always good when dealing with sensitive information, but there can always be better ways to do everything ...)&lt;/p&gt;
&lt;p&gt;How do you secure and Erlang cluster behind a private subnet?  I would like to hide the nodes, and manually connect them, and of course use cookies on them.  Is there any flaws with this approach?  And since a custom protocol using TCP would be the best option, what type of impact does that have on performance?  I want to know the potential security flaws(As I said, there is a lot of mixed information out there on how to do this).&lt;/p&gt;
&lt;p&gt;I would be interested in hearing from people who have used Erlang in this manner!&lt;/p&gt;</t>
  </si>
  <si>
    <t>2017-08-13 13:31:38.147000+00:00</t>
  </si>
  <si>
    <t>2017-08-14 14:57:15.633000+00:00</t>
  </si>
  <si>
    <t>amazon-web-services|security|erlang</t>
  </si>
  <si>
    <t>mirror an mpmovieplayercontroller to tvout</t>
  </si>
  <si>
    <t>&lt;p&gt;I am looking for a way of mirroring videos to the TVOut on an iTouch, not in fullscreen. For my code, I have used Rob Terrell's screen mirroring example here: &lt;a href="http://www.touchcentric.com/blog/archives/123" rel="nofollow"&gt;http://www.touchcentric.com/blog/archives/123&lt;/a&gt;
and this one as well:
&lt;a href="http://www.e-string.com/content/screen-mirroring-ipad" rel="nofollow"&gt;http://www.e-string.com/content/screen-mirroring-ipad&lt;/a&gt;&lt;/p&gt;
&lt;p&gt;I have used &lt;code&gt;image = UIGraphicsGetImageFromCurrentImageContext();&lt;/code&gt; to take screen shots of my app to then mirror out to an external display. I CAN mirror everything in my app using &lt;code&gt;UIScreen -screens&lt;/code&gt;', but as soon as any &lt;code&gt;MpMoviePlayercontroller&lt;/code&gt; video is played, it shows up black on the external display. I'm guessing that perhaps &lt;code&gt;MpMoviePlayercontroller&lt;/code&gt;uses video overlay and that it is not being captured? anyone have any knowledge on this?&lt;/p&gt;
&lt;p&gt;I have embedded a custom view in which &lt;code&gt;MpMoviePlayercontroller&lt;/code&gt; plays a video in a small portion of the window and it is the only thing not being shown on an external screen, can someone point me in the direction to accomplish having the video also show up? Should I look at &lt;code&gt;AVFoundation&lt;/code&gt; or a way to play a video in &lt;code&gt;UIWebView&lt;/code&gt; (not full screen) or will this still lead me to the same problem?&lt;/p&gt;</t>
  </si>
  <si>
    <t>2010-10-15 17:31:31.240000+00:00</t>
  </si>
  <si>
    <t>2014-08-11 18:17:30.190000+00:00</t>
  </si>
  <si>
    <t>video|ios|overlay|screenshot|mpmovieplayercontroller</t>
  </si>
  <si>
    <t>bootstrap popover not working in ServiceNow widget</t>
  </si>
  <si>
    <t>&lt;p&gt;I'm working in ServiceNow's Istanbul version and am running into some issues incorporating the bootstrap popover into one of my widgets.  The widget currently has fullCalendar dependency and renders a calendar with important dates.  I wanted to incorporate a popover that a user can click on to get more information, however it doesn't seem to work correctly. I've initialized the popover with the following jquery:&lt;/p&gt;
&lt;pre&gt;&lt;code&gt;&amp;lt;script&amp;gt;
$(document).ready(function(){
    $('[data-toggle="popover"]').popover(); 
    $('.popover-dismiss').popover({
        trigger: 'focus'
        })
});
&amp;lt;/script&amp;gt;  
&lt;/code&gt;&lt;/pre&gt;
&lt;p&gt;My HTML looks like this:&lt;/p&gt;
&lt;pre&gt;&lt;code&gt;&amp;lt;span  class="list-group-item" ng-repeat="item in c.dates | orderBy:'date' track by $index" ng-if="item.displayList=='true' &amp;amp;&amp;amp; item.futureDate"&amp;gt;
        &amp;lt;li class="rowflex" style="list-style: none;"&amp;gt;
          &amp;lt;div class="colflex"&amp;gt;              
                &amp;lt;strong&amp;gt;&amp;lt;i class="fa fa-calendar" aria-hidden="true"&amp;gt;&amp;lt;/i&amp;gt;&amp;amp;nbsp; {{item.date}}&amp;lt;/strong&amp;gt;
            &amp;lt;p&amp;gt;{{item.date_name}}&amp;lt;/p&amp;gt;
          &amp;lt;/div&amp;gt;
          &amp;lt;a tabindex="0" class="glyphicon glyphicon-question-sign" role="button" data-toggle="popover" data-placement="right" data-trigger="focus" title="test" data-content="test"/&amp;gt;  
        &amp;lt;/li&amp;gt;
      &amp;lt;/span&amp;gt;
&lt;/code&gt;&lt;/pre&gt;
&lt;p&gt;Currently when i hover over the question mark glyphicons I can see "test", but when I click on it, nothing happens.  &lt;/p&gt;
&lt;p&gt;&lt;a href="https://i.stack.imgur.com/A95XS.png" rel="nofollow noreferrer"&gt;&lt;img src="https://i.stack.imgur.com/A95XS.png" alt="enter image description here"&gt;&lt;/a&gt;&lt;/p&gt;
&lt;p&gt;When I look in the console, I get this error message, but I'm unfamiliar with how to fix it:&lt;/p&gt;
&lt;p&gt;&lt;a href="https://i.stack.imgur.com/HYGqC.png" rel="nofollow noreferrer"&gt;&lt;img src="https://i.stack.imgur.com/HYGqC.png" alt="enter image description here"&gt;&lt;/a&gt;&lt;/p&gt;
&lt;p&gt;Any suggestions?&lt;/p&gt;
&lt;p&gt;Thanks!&lt;/p&gt;</t>
  </si>
  <si>
    <t>2017-08-08 19:15:47.007000+00:00</t>
  </si>
  <si>
    <t>2018-07-13 04:09:44.417000+00:00</t>
  </si>
  <si>
    <t>jquery|angularjs|twitter-bootstrap|servicenow|bootstrap-popover</t>
  </si>
  <si>
    <t>Free dynamic memory getting error</t>
  </si>
  <si>
    <t>&lt;p&gt;I am having a problem of freeing dynamic memory. I have run other guy's example code, and it worked. The point is we used same way to free memory, but mine didn't work. It always comes out a error that &lt;/p&gt;
&lt;blockquote&gt;
  &lt;p&gt;"CRT detected that the application wrote to memory after end of heap buffer. "&lt;/p&gt;
&lt;/blockquote&gt;
&lt;p&gt;Could anyone help me understand what happened?&lt;/p&gt;
&lt;pre&gt;&lt;code&gt;void pop(Stackptr *ptr){
    Stackptr tmp = NULL;
    if(*ptr == NULL){
        printf("there is no element\n");
    }else{
        tmp = *ptr;
        *ptr= (*ptr)-&amp;gt;nextptr;
        free(tmp);
    }
}
&lt;/code&gt;&lt;/pre&gt;</t>
  </si>
  <si>
    <t>2016-02-01 05:57:00.367000+00:00</t>
  </si>
  <si>
    <t>2016-02-01 06:55:50.247000+00:00</t>
  </si>
  <si>
    <t>c|pointers|memory|free</t>
  </si>
  <si>
    <t>Jenkins SSH plugins issue</t>
  </si>
  <si>
    <t>&lt;p&gt;Could some one help me on these questions
1) I need a files to be transfered from build machine to some remote machine, IM using Jenkins to build the projects.I installed SSH plugins but it says "Cant connect to server".&lt;/p&gt;
&lt;p&gt;Do i need to run the server on my remote machine for this ? Please let me know your thoughts.&lt;/p&gt;</t>
  </si>
  <si>
    <t>2016-06-15 20:23:00.180000+00:00</t>
  </si>
  <si>
    <t>Google analytics: how to count occurrences of each item in internal search listing</t>
  </si>
  <si>
    <t>&lt;p&gt;In company I am working on a website that presents users' announcements. Announcements can be searched through our internal search engine. SO far we have implemented Googla Analytics API to present our users 'pageViews' information of their announcement, but they also want to know how often their announcement has been shown in search listing (probably to compare with pageviews and later modify some information like title or thumbnail of announcement to gain CTR). How can we collect such data? I obviously tried to google it, but couldn't find any information.&lt;/p&gt;</t>
  </si>
  <si>
    <t>2012-12-08 10:56:07.760000+00:00</t>
  </si>
  <si>
    <t>2013-04-30 09:26:43.287000+00:00</t>
  </si>
  <si>
    <t>google-analytics</t>
  </si>
  <si>
    <t>Multi-thread programming in Ruby</t>
  </si>
  <si>
    <t>&lt;p&gt;I am working on a multi-threading program in Ruby, just want to make sure a simple question.&lt;/p&gt;
&lt;p&gt;For example I have a class called &lt;code&gt;School&lt;/code&gt;, and two other classes are &lt;code&gt;Boy&lt;/code&gt; and &lt;code&gt;Girl&lt;/code&gt;.&lt;/p&gt;
&lt;p&gt;In &lt;code&gt;School&lt;/code&gt; I have a hash that keeps track all boys and girls attendance. And I make each boy/girl a thread in &lt;code&gt;School&lt;/code&gt; (so that they can have activity individually)&lt;/p&gt;
&lt;p&gt;I want all boys and girls threads can see and make change to the attendance hash. (like if a girl comes to school, check her name in the hash, when she leaves, delete her name in the hash)&lt;/p&gt;
&lt;p&gt;I know I can use monitor to do a thread lock, but I dont familiar with scripting language so I am not sure how all threads can see the hash variable and modify them. (kind of like static in C/JAVA)&lt;/p&gt;
&lt;p&gt;Thank you&lt;/p&gt;</t>
  </si>
  <si>
    <t>2012-05-05 18:23:31.860000+00:00</t>
  </si>
  <si>
    <t>2012-05-05 18:51:50.043000+00:00</t>
  </si>
  <si>
    <t>ruby|multithreading|parallel-processing</t>
  </si>
  <si>
    <t>Google License Check and Amazon DRM for the same Android app</t>
  </si>
  <si>
    <t>&lt;p&gt;I have published a paid Android app on Google Play. Since it's paid I have implemented License Check to ensure that the app is used only by purchasing it. But for Amazon, when I test it before publishing I received the issue: External market links detected. This issue disappears only when I remove LVL from the app. Is there a way to keep LVL or dinamicaly add LVL at runtime or not according to the targeted store? My target is to avoid having two projects for the same app.&lt;/p&gt;</t>
  </si>
  <si>
    <t>2014-05-09 12:54:49.853000+00:00</t>
  </si>
  <si>
    <t>2014-08-26 14:29:47.430000+00:00</t>
  </si>
  <si>
    <t>android|google-play|amazon|android-lvl</t>
  </si>
  <si>
    <t>Error when I create a Spark cluster with two machines</t>
  </si>
  <si>
    <t>&lt;p&gt;I'm trying to create a Spark cluster but when I run "./run-Example SparkPi" in the bin folder I get the following message:&lt;/p&gt;
&lt;blockquote&gt;
  &lt;p&gt;manuelcc@RBB-LinuxMint-DP ~/spark-2.4.0-bin-hadoop2.7/bin $
  ./run-example SparkPi&lt;/p&gt;
  &lt;p&gt;2018-11-29 10:54:10 WARN  Utils:66 - Your
  hostname, RBB-LinuxMint-DP resolves to a loopback address: 127.0.1.1;
  using 192.168.107.128 instead (on interface eth0) &lt;/p&gt;
  &lt;p&gt;2018-11-29 10:54:10 WARN  Utils:66 - Set SPARK_LOCAL_IP if you need to bind to another address &lt;/p&gt;
  &lt;p&gt;2018-11-29 10:54:10 WARN  NativeCodeLoader:62 - Unable to load
  native-hadoop library for your platform... using builtin-java classes
  where applicable &lt;/p&gt;
  &lt;p&gt;2018-11-29 10:54:11 INFO  SparkContext:54 - Running Spark version 2.4.0 
  2018-11-29 10:54:11 INFO  SparkContext:54 - Submitted application: Spark Pi&lt;/p&gt;
  &lt;p&gt;(...)&lt;/p&gt;
&lt;/blockquote&gt;
&lt;p&gt;and does not calculate Pi. &lt;/p&gt;</t>
  </si>
  <si>
    <t>2018-11-29 10:17:25.527000+00:00</t>
  </si>
  <si>
    <t>2018-11-30 05:57:19.693000+00:00</t>
  </si>
  <si>
    <t>pass multiple argument to custom plugin in jekyll</t>
  </si>
  <si>
    <t>&lt;p&gt;I'm working on with jekyll to make a website.&lt;br&gt;
And I built custom table of content plugin with &lt;code&gt;ruby&lt;/code&gt;.&lt;/p&gt;
&lt;p&gt;here is the code&lt;/p&gt;
&lt;pre class="lang-rb prettyprint-override"&gt;&lt;code&gt;require 'nokogiri'
module Jekyll
  module TOCGenerator
    TOC_CONTAINER_HTML = '&amp;lt;ul&amp;gt;%1&amp;lt;/ul&amp;gt;'
    def toc(html,op)
      toc_top_tag = "h1"
      item_number = 0
      toc_html = ''
      sub_url = html['url']
      doc = Nokogiri::HTML(html['content'])
      doc.css(toc_top_tag).each do |tag|
        toc_html += create_level_html(sub_url, tag['id'], tag.text)
        item_number += 1
      end
      return '' unless item_number &amp;gt; 0
      if 0 &amp;lt; item_number
        toc_table = TOC_CONTAINER_HTML
        .gsub('%1', toc_html)
      end
    end
    private
    def create_level_html(url, anchor_id, tocText)
      link = '&amp;lt;a href="%1#%2"&amp;gt;%3&amp;lt;/a&amp;gt;'
      .gsub('%1', url)
      .gsub('%2', anchor_id.to_s)
      .gsub('%3', tocText)
      '&amp;lt;li&amp;gt;%1&amp;lt;/li&amp;gt;'
      .gsub('%1', link)
    end
  end
end
Liquid::Template.register_filter(Jekyll::TOCGenerator)
&lt;/code&gt;&lt;/pre&gt;
&lt;p&gt;and in some document&lt;/p&gt;
&lt;pre&gt;&lt;code&gt;&amp;lt;div&amp;gt;
{{ page | toc }}
&amp;lt;/div&amp;gt;
&lt;/code&gt;&lt;/pre&gt;
&lt;p&gt;it works so well. &lt;/p&gt;
&lt;p&gt;To enhance its feature, I would like to add some argument to render &lt;code&gt;toc&lt;/code&gt;. so I added argument head of the function just like this.&lt;/p&gt;
&lt;pre class="lang-rb prettyprint-override"&gt;&lt;code&gt;def toc(html,option)
&lt;/code&gt;&lt;/pre&gt;
&lt;p&gt;but when I call the function in jekyll template, it occurs error like this&lt;/p&gt;
&lt;pre&gt;&lt;code&gt;  Liquid Exception: Liquid error (line 41): wrong number of arguments (given 1, expected 2) in /_layouts/default.html
&lt;/code&gt;&lt;/pre&gt;
&lt;p&gt;I have tried &lt;code&gt;{{ (three,1) | toc }}&lt;/code&gt;, &lt;code&gt;{{ three, 1 | toc }}&lt;/code&gt;, &lt;code&gt;{{ three | 1 | toc }}&lt;/code&gt; to call the function with 2 arguments but the results turend out the same way.&lt;/p&gt;
&lt;p&gt;how do I call fucntion in jekyll with multiple argument?&lt;/p&gt;
&lt;p&gt;thanks in advanced.&lt;/p&gt;</t>
  </si>
  <si>
    <t>2016-11-22 06:07:12.097000+00:00</t>
  </si>
  <si>
    <t>2018-04-03 11:52:08.800000+00:00</t>
  </si>
  <si>
    <t>ruby|jekyll|liquid|jekyll-extensions</t>
  </si>
  <si>
    <t>Primefaces datatable pass data to backing bean</t>
  </si>
  <si>
    <t>&lt;p&gt;We are using primefaces 5.There is a datatable with one output text column and one with text field. We want to pass data from datatable to backing bean. If the scope of bean is request then the value of datatable does not gets passed to the backing bean. If the scope of bean is session then the value of datatable gets passed to the backing bean. But if we keep the scope of bean as session then values on the form get retained when we come back to the same page.&lt;/p&gt;
&lt;p&gt;Given below is our code&lt;/p&gt;
&lt;pre&gt;&lt;code&gt;    &amp;lt;h:form id="createForm" prependId="false"&amp;gt;
    &amp;lt;p:messages id="errorMsgs"&amp;gt;&amp;lt;/p:messages&amp;gt;
    &amp;lt;p:panelGrid columns="1"&amp;gt;
    &amp;lt;p:accordionPanel style="align:top;margin" prependId="false"&amp;gt;
    &amp;lt;p:tab title="MainTab"&amp;gt;
    &amp;lt;p:panelGrid columns="4" cellpadding="5"&amp;gt;                                           
    &amp;lt;p:outputLabel for="id" value="Expense Items List: "/&amp;gt;
    &amp;lt;p:selectOneMenu id="id" style="width:250px" value="#{managedBean.expenseDetails.id}" required="true" requiredMessage="ExpenseDetails are required" filter="true" filterMatchMode="startsWith" &amp;gt;
    &amp;lt;p:ajax event="change" process="@this" listener="#{managedBean.getTEIList}" update="aTEModelList"/&amp;gt;
    &amp;lt;f:selectItem itemLabel="Select" itemValue="" noSelectionOption="true" /&amp;gt;
    &amp;lt;f:selectItems value="#{managedBean.expenseDetailsModelList}" var="expenseDetails" itemLabel="#{expenseDetails.loadexpenseDetailsList}" itemValue="#{expenseDetails.id}" /&amp;gt;
    &amp;lt;/p:selectOneMenu&amp;gt;      
    &amp;lt;p:dataTable id="aTEModelList" var="aTEModelList" 
    value="#{managedBean.aTEModelList}" rowKey="#{expenseDetailsSearchResult.id}" &amp;gt;
    &amp;lt;p:column width="20%" &amp;gt;
    &amp;lt;f:facet name="header"&amp;gt;
    &amp;lt;h:outputText value="Expense Short Description" /&amp;gt;
    &amp;lt;/f:facet&amp;gt;
    &amp;lt;h:outputText id="expenseShortDesc" value="#{aTEModelList.expenseShortDescription}" /&amp;gt;
    &amp;lt;/p:column&amp;gt;
    &amp;lt;p:column width="20%" &amp;gt;
    &amp;lt;f:facet name="header"&amp;gt;
    &amp;lt;h:outputText value="Actual Expense Value" /&amp;gt;
    &amp;lt;/f:facet&amp;gt;
    &amp;lt;h:inputText id="actualexpenseDetailsExpense" value="#{aTEModelList.actualExpense}" /&amp;gt;
    &amp;lt;/p:column&amp;gt;
    &amp;lt;/p:dataTable&amp;gt;
    &amp;lt;/p:panelGrid&amp;gt;
    &amp;lt;/p:tab&amp;gt;
    &amp;lt;/p:accordionPanel&amp;gt;
    &amp;lt;/p:panelGrid&amp;gt;
    &amp;lt;f:facet name="footer"&amp;gt;
    &amp;lt;p:panelGrid columns="5"&amp;gt;
    &amp;lt;p:commandButton id="submitButton" action="#{managedBean.addExpenseDetails}" value="Submit" ajax="false"  onclick="return validateForm();"&amp;gt;&amp;lt;/p:commandButton&amp;gt;
    &amp;lt;/p:panelGrid&amp;gt;
    &amp;lt;/f:facet&amp;gt;
    &amp;lt;/h:form&amp;gt;
&lt;/code&gt;&lt;/pre&gt;</t>
  </si>
  <si>
    <t>2014-08-08 13:07:46.007000+00:00</t>
  </si>
  <si>
    <t>session|primefaces|datatable</t>
  </si>
  <si>
    <t>CMake not able to setup in CLion</t>
  </si>
  <si>
    <t>&lt;p&gt;I'm having a lot of trouble installing CLion, it seems to be with CMake. When I setup the system to my knowledge correctly, following all the guides and tutorials on Youtube even step by step, I'm still not able to compile my programs in CLion. I've added the path for MinGW/bin, and I know it works already because I can compile programs in PowerShell in C and C++. I've also tried CyGwin and MinGWw64 with the necessary steps, to no avail. When I look at my toolchains in settings, it shows CMake in an long loop, eventually saying there's an error with CXX, which I have pasted below. If anyone can help, it'd be greatly appreciated, because I need to start using CLion for school work.  Thanks again.&lt;/p&gt;
&lt;p&gt;Error Message:&lt;/p&gt;
&lt;pre&gt;&lt;code&gt;-- The C compiler identification is GNU 6.3.0
-- The CXX compiler identification is unknown
-- Check for working C compiler: C:/MinGW/bin/gcc.exe
-- Check for working C compiler: C:/MinGW/bin/gcc.exe -- works
-- Detecting C compiler ABI info
-- Detecting C compiler ABI info - done
-- Detecting C compile features
-- Detecting C compile features - done
-- Check for working CXX compiler: C:/MinGW/bin/g++.exe
-- Check for working CXX compiler: C:/MinGW/bin/g++.exe -- broken
CMake Error at C:/Program Files/JetBrains/CLion 2018.1.3/bin/cmake/share/cmake-3.10/Modules/CMakeTestCXXCompiler.cmake:45 (message):
The C++ compiler
"C:/MinGW/bin/g++.exe"
is not able to compile a simple test program.
It fails with the following output:
Change Dir: C:/Users/Zanel/AppData/Local/Temp/cmake_check_environment/_build/CMakeFiles/CMakeTmp
Run Build Command:"C:/MinGW/bin/mingw32-make.exe" "cmTC_53732/fast"
C:/MinGW/bin/mingw32-make.exe -f CMakeFiles\cmTC_53732.dir\build.make CMakeFiles/cmTC_53732.dir/build
mingw32-make.exe[1]: Entering directory 'C:/Users/Zanel/AppData/Local/Temp/cmake_check_environment/_build/CMakeFiles/CMakeTmp'
Building CXX object CMakeFiles/cmTC_53732.dir/testCXXCompiler.cxx.obj
C:\MinGW\bin\g++.exe     -o CMakeFiles\cmTC_53732.dir\testCXXCompiler.cxx.obj -c C:\Users\Zanel\AppData\Local\Temp\cmake_check_environment\_build\CMakeFiles\CMakeTmp\testCXXCompiler.cxx
g++.exe: error: CreateProcess: No such file or directory
CMakeFiles\cmTC_53732.dir\build.make:64: recipe for target 'CMakeFiles/cmTC_53732.dir/testCXXCompiler.cxx.obj' failed
mingw32-make.exe[1]: *** [CMakeFiles/cmTC_53732.dir/testCXXCompiler.cxx.obj] Error 1
mingw32-make.exe[1]: Leaving directory 'C:/Users/Zanel/AppData/Local/Temp/cmake_check_environment/_build/CMakeFiles/CMakeTmp'
Makefile:125: recipe for target 'cmTC_53732/fast' failed
mingw32-make.exe: *** [cmTC_53732/fast] Error 2
CMake will not be able to correctly generate this project.
Call Stack (most recent call first):
CMakeLists.txt:1 (project)
-- Configuring incomplete, errors occurred!
See also "C:/Users/Zanel/AppData/Local/Temp/cmake_check_environment/_build/CMakeFiles/CMakeOutput.log".
See also "C:/Users/Zanel/AppData/Local/Temp/cmake_check_environment/_build/CMakeFiles/CMakeError.log".
Error code: 1
&lt;/code&gt;&lt;/pre&gt;
&lt;p&gt;&lt;a href="https://i.stack.imgur.com/Ze6vp.png" rel="nofollow noreferrer"&gt;&lt;img src="https://i.stack.imgur.com/Ze6vp.png" alt="error message"&gt;&lt;/a&gt;&lt;/p&gt;
&lt;p&gt;&lt;a href="https://i.stack.imgur.com/vuDNT.png" rel="nofollow noreferrer"&gt;&lt;img src="https://i.stack.imgur.com/vuDNT.png" alt="Unable to run"&gt;&lt;/a&gt;&lt;/p&gt;
&lt;p&gt;&lt;a href="https://i.stack.imgur.com/G8Fz0.png" rel="nofollow noreferrer"&gt;&lt;img src="https://i.stack.imgur.com/G8Fz0.png" alt="Error Message 2"&gt;&lt;/a&gt;&lt;/p&gt;</t>
  </si>
  <si>
    <t>2018-06-07 17:39:23.127000+00:00</t>
  </si>
  <si>
    <t>2018-06-07 17:42:31.060000+00:00</t>
  </si>
  <si>
    <t>c++|cmake|g++|mingw|clion</t>
  </si>
  <si>
    <t>Connect Induction Motor to an revolute</t>
  </si>
  <si>
    <t>&lt;p&gt;&lt;a href="https://i.stack.imgur.com/HysW1.png" rel="nofollow noreferrer"&gt;My Mode[the parameters of the motor]&lt;a href="https://i.stack.imgur.com/dIqVd.png" rel="nofollow noreferrer"&gt;1&lt;/a&gt;l&lt;/a&gt;&lt;/p&gt;
&lt;p&gt;I��m trying to make the motor rotate the mass. But it doesent rotate and I get weird velocity. The motor would rotate without a load by 1000 rpm. But instead i get over 4000 rpm. Can anyone help me to find my mistake?&lt;/p&gt;</t>
  </si>
  <si>
    <t>2018-11-27 08:33:02.797000+00:00</t>
  </si>
  <si>
    <t>simulink|revolute-joints</t>
  </si>
  <si>
    <t>Get url variables from url to form with jquery</t>
  </si>
  <si>
    <t>&lt;p&gt;I have a html form which only shows a price, but don't submit anything to the server. This works fine now.&lt;/p&gt;
&lt;p&gt;How can I add the function of running this form just from url variables, so you don't have to click the submit button if you are coming to this page with url variables?&lt;/p&gt;
&lt;p&gt;Something like this: www.my-domain.com/formurl/?smoker=yes&amp;amp;amount=500000&amp;amp;age=20 should display the price when the page is finished loading, and change the form values according to the url variables.&lt;/p&gt;
&lt;p&gt;Here is my html:&lt;/p&gt;
&lt;pre&gt;&lt;code&gt;&amp;lt;form class="form-horizontal"&amp;gt;
        &amp;lt;label class="control-label" for="smoker"&amp;gt;Do you smoke?&amp;lt;/label&amp;gt;
        &amp;lt;select id="smoker" name="smoker"&amp;gt;&amp;lt;option value="No"&amp;gt;No&amp;lt;/option&amp;gt;&amp;lt;option value="Yes"&amp;gt;Yes&amp;lt;/option&amp;gt;&amp;lt;/select&amp;gt;
        &amp;lt;label class="control-label" for="amount"&amp;gt;Amount&amp;lt;/label&amp;gt;
        &amp;lt;select id="amount" name="amount"&amp;gt;&amp;lt;option value="500000"&amp;gt;500 000&amp;lt;/option&amp;gt;&amp;lt;option value="1000000"&amp;gt;1 000 000&amp;lt;/option&amp;gt;&amp;lt;option value="1500000"&amp;gt;1 500 000&amp;lt;/option&amp;gt;&amp;lt;option value="2000000"&amp;gt;2 000 000&amp;lt;/option&amp;gt;&amp;lt;/select&amp;gt;
        &amp;lt;label class="control-label" for="age"&amp;gt;Age&amp;lt;/label&amp;gt;
        &amp;lt;input id="age" name="age" type="text" /&amp;gt;
        &amp;lt;button class="btn" id="calc" type="submit"&amp;gt;Show price&amp;lt;/button&amp;gt;
&amp;lt;/form&amp;gt;
&amp;lt;div class="alert alert-info hide" id="price-result"&amp;gt;&amp;lt;/div&amp;gt;
&lt;/code&gt;&lt;/pre&gt;
&lt;hr&gt;
&lt;pre&gt;&lt;code&gt;$(document).ready(function () {
    //JSON object
    var obj = {"data":
    [
        {"age": "18","500000": "645","1000000": "1018","1500000": "1391","2000000": "1764","smoker": "No"},
        {"age": "19","500000": "645","1000000": "1018","1500000": "1391","2000000": "1764","smoker": "No"},
        {"age": "20","500000": "645","1000000": "1018","1500000": "1391","2000000": "1764","smoker": "No"},
        {"age": "18","500000": "964","1000000": "1544","1500000": "2125","2000000": "2705","smoker": "Yes"},
        {"age": "19","500000": "964","1000000": "1544","1500000": "2125","2000000": "2705","smoker": "Yes"},
        {"age": "20","500000": "964","1000000": "1544","1500000": "2125","2000000": "2705","smoker": "Yes"}
    ]
    };        
    //Find the value when form is submitted
    $('#calc').click(function(e) {
        e.preventDefault();
        var data = jQuery.grep(obj.data, function(element, index){
          return element.age &amp;amp;&amp;amp; element.smoker; // retain appropriate elements
        });    
        var selectedSmoke = $('#smoker').val().toString().toLowerCase();
        var selectedAmount= $('#amount').val().toString().toLowerCase();
        var selectedage = $('#age').val().toString().toLowerCase();
        var amount = "";
        $.each(data,function(k, v){
            if( data[k].age.toString().toLowerCase() == selectedage &amp;amp;&amp;amp;  
                data[k].smoker.toString().toLowerCase() == selectedSmoke &amp;amp;&amp;amp;
                data[k][selectedAmount] != undefined){
                amount = data[k][selectedAmount];
            }
        });
        //Empty the div
        $('#price-result').empty();
        //Show the result in div
        var displayText = "&amp;lt;h3&amp;gt;Price:" + amount + "&amp;lt;/h3&amp;gt;";
        $("#price-result").append(amount == "" ? "Not a valid age" : displayText).removeClass("hide");
        return false;//Stop page from reloading
    });
});
&lt;/code&gt;&lt;/pre&gt;</t>
  </si>
  <si>
    <t>2013-04-29 07:58:09.273000+00:00</t>
  </si>
  <si>
    <t>2013-04-29 14:56:37.177000+00:00</t>
  </si>
  <si>
    <t>2013-04-29 08:45:39.767000+00:00</t>
  </si>
  <si>
    <t>How to format a date from yyyy-MM-dd to dd.MM.yyyy</t>
  </si>
  <si>
    <t>&lt;p&gt;I have a string with this data:&lt;/p&gt;
&lt;pre&gt;&lt;code&gt;2011-09-13 22:20:00
&lt;/code&gt;&lt;/pre&gt;
&lt;p&gt;I want to have this data:&lt;/p&gt;
&lt;pre&gt;&lt;code&gt;13.09.2011
&lt;/code&gt;&lt;/pre&gt;
&lt;p&gt;Additional I want to have the string "Today" when the date is today.&lt;/p&gt;
&lt;p&gt;How to do this in Objective C?
I tried it the last 1 hour, but don't get it:&lt;/p&gt;
&lt;pre&gt;&lt;code&gt;//Date basteln
NSDateFormatter *dateFormat = [[NSDateFormatter alloc] init];
[dateFormat setDateFormat:@"yyyy-MM-dd"];
NSString* str = [[ens objectForKey:@"datum_server"] substringToIndex:10];
NSLog(@"%@", str);
NSDate *now = [dateFormat dateFromString:str];
NSLog(@"%@", now);
[dateFormat setDateFormat:@"dd.MM.yyyy"];
NSString *theDate = [dateFormat stringFromDate:now];
[dateFormat release];
[now release];
&lt;/code&gt;&lt;/pre&gt;
&lt;p&gt;So I tried to cut of the time, convert it with the wrong format to the right format.
But it crashed in a SIGBART.&lt;/p&gt;
&lt;p&gt;Ideas?&lt;/p&gt;</t>
  </si>
  <si>
    <t>2011-08-13 09:34:39.693000+00:00</t>
  </si>
  <si>
    <t>2011-08-13 10:04:32.287000+00:00</t>
  </si>
  <si>
    <t>iphone|nsdateformatter</t>
  </si>
  <si>
    <t>MySQL - Distinct per user/distinct with group by</t>
  </si>
  <si>
    <t>&lt;p&gt;One of the DB tables looks as below&lt;/p&gt;
&lt;pre&gt;&lt;code&gt;-------------------------
date emp_name activity
-------------------------
2015-01-01 A button1
2015-01-01 A button2 
2015-01-01 B button1
2015-01-01 C button2
2015-01-01 A button6
2015-01-02 A button6
2015-01-02 A button7
2015-01-02 B button1
2015-01-03 B button3
2015-01-04 B button3
-------------------------
&lt;/code&gt;&lt;/pre&gt;
&lt;p&gt;I'd like to print emp_name along with all the distinct activity that associates with them.&lt;/p&gt;
&lt;p&gt;&lt;strong&gt;Expected Output&lt;/strong&gt;&lt;/p&gt;
&lt;pre&gt;&lt;code&gt;-------------------------
emp_name activity
-------------------------
A   button1
A   button2
A   button6
A   button7
B   button1
B   button3
C   button2
-------------------------
&lt;/code&gt;&lt;/pre&gt;
&lt;p&gt;I've tried the following queries so far, but it lists just the first entry for each emp_name&lt;/p&gt;
&lt;pre&gt;&lt;code&gt;select emp_name, activity from table_name group by emp_name;
select * from (select emp_name, activity from table_name group by emp_name) t1 group by t1.emp_name;
&lt;/code&gt;&lt;/pre&gt;
&lt;p&gt;Another query was using distinct, but, anyway couldn't use emp_name, distinct activity.&lt;/p&gt;
&lt;p&gt;Could I pelase request help to get this query right.&lt;/p&gt;</t>
  </si>
  <si>
    <t>2016-07-26 12:04:43.407000+00:00</t>
  </si>
  <si>
    <t>2016-07-26 12:20:32.510000+00:00</t>
  </si>
  <si>
    <t>2016-07-26 12:07:24.707000+00:00</t>
  </si>
  <si>
    <t>Using Getter and Setter for arraylist in java</t>
  </si>
  <si>
    <t>&lt;p&gt;I have a problem that I want to set and get an &lt;code&gt;ArrayList&lt;/code&gt; from setter and getter methods of android. But I am new to android and Java and don't know how to do that? Can anyone help me regarding this problem?&lt;/p&gt;</t>
  </si>
  <si>
    <t>2011-09-26 06:11:47.993000+00:00</t>
  </si>
  <si>
    <t>2016-06-23 06:39:17.613000+00:00</t>
  </si>
  <si>
    <t>2011-09-26 23:02:01.533000+00:00</t>
  </si>
  <si>
    <t>Iterating over Java ArrayList using JSTL/EL</t>
  </si>
  <si>
    <t>&lt;p&gt;trying to print out to my html document a list of book titles.&lt;/p&gt;
&lt;pre&gt;&lt;code&gt;    &amp;lt;c:forEach items="${reservedItems}" var="item"&amp;gt; 
                                &amp;lt;&amp;lt;c:out value="${item.title}" /&amp;gt;
                           &amp;lt;/c:forEach&amp;gt;
&lt;/code&gt;&lt;/pre&gt;
&lt;p&gt;But this isn't printing anything to my html page?&lt;/p&gt;
&lt;p&gt;Any ideas?  &lt;/p&gt;</t>
  </si>
  <si>
    <t>2013-11-01 18:27:14.653000+00:00</t>
  </si>
  <si>
    <t>java|html|jstl|el</t>
  </si>
  <si>
    <t>Quotation marks only appear after entering them twice - IntelliJ IDEA</t>
  </si>
  <si>
    <t>&lt;p&gt;I have a problem with my IntelliJ IDEA.
When I press &lt;code&gt;"&lt;/code&gt; nothing happens, unless I start typing, then the text I type appear inside the quotation marks, like so: &lt;code&gt;"foobar"&lt;/code&gt;. But, when I start the text with a "U" or "u" letter, then it enters &lt;code&gt;��&lt;/code&gt; or &lt;code&gt;��&lt;/code&gt; respectively. I didn't experiment with all letters, I assume it's a problem with language setting in the IDE. It's in English, but maybe the keyboard settings have changed?&lt;/p&gt;
&lt;p&gt;The problem appears only in one window of IDE - not in any other window and not outside of the IDE.&lt;/p&gt;</t>
  </si>
  <si>
    <t>2015-03-10 15:50:30.043000+00:00</t>
  </si>
  <si>
    <t>2018-01-10 14:27:20.027000+00:00</t>
  </si>
  <si>
    <t>intellij-idea|intellij-14</t>
  </si>
  <si>
    <t>successive Joins in Rhino.ETL</t>
  </si>
  <si>
    <t>&lt;p&gt;I have 3 tables i want to join in 1 table.
How can i do that with Rhino.ETL ?&lt;/p&gt;
&lt;p&gt;I know how to join 2 tables, but not 3...
Thanks
John&lt;/p&gt;</t>
  </si>
  <si>
    <t>2010-06-06 22:10:24.853000+00:00</t>
  </si>
  <si>
    <t>2011-05-09 13:29:37.610000+00:00</t>
  </si>
  <si>
    <t>rhino-etl</t>
  </si>
  <si>
    <t>How to exclude results within the Mongo aggregation pipeline?</t>
  </si>
  <si>
    <t>&lt;p&gt;I'm new to the Mongo aggregation pipeline, and what I'm trying to do is find a simple way to exclude documents from my query. Each document in this collection can have multiple &lt;code&gt;usernames&lt;/code&gt;. What I'm trying to exclude in my aggregation are any documents which have usernames other than &lt;code&gt;userA&lt;/code&gt; and &lt;code&gt;userB&lt;/code&gt;. What I'd like to do is something like:&lt;/p&gt;
&lt;pre&gt;&lt;code&gt;...
{$dontmatch: {usernames: {$nin: ['userA', 'userB']}}}
&lt;/code&gt;&lt;/pre&gt;
&lt;p&gt;My current query:&lt;/p&gt;
&lt;pre&gt;&lt;code&gt;...
{$match:{
    $or: [
        {$and: [{usernames: {$size: 1}}, {usernames: {$in: ["userA", "userB"]}}]},
        {$and: [{usernames: {$size: 2}}, {usernames: {$all: ["userA", "userB"]}}]}
    ]}
}
&lt;/code&gt;&lt;/pre&gt;
&lt;p&gt;What I have at the moment works, but I'm just wondering if there is a more clean or efficient way of doing this, such as I've suggested above? &lt;/p&gt;</t>
  </si>
  <si>
    <t>2017-05-29 11:07:03.847000+00:00</t>
  </si>
  <si>
    <t>mongodb|mongodb-query|aggregation-framework</t>
  </si>
  <si>
    <t>change Module position in joomla</t>
  </si>
  <si>
    <t>&lt;p&gt;I am working on a website using Joomla, how can I change Module position in the picture below&lt;/p&gt;
&lt;p&gt;&lt;a href="http://i.stack.imgur.com/N8S8p.png" rel="nofollow"&gt;click to see photo&lt;/a&gt;&lt;/p&gt;
&lt;p&gt;thanks&lt;/p&gt;</t>
  </si>
  <si>
    <t>2016-04-13 11:25:29.690000+00:00</t>
  </si>
  <si>
    <t>2016-04-14 07:22:20.467000+00:00</t>
  </si>
  <si>
    <t>joomla3.0</t>
  </si>
  <si>
    <t>Memory access exception handling with MinGW on XP</t>
  </si>
  <si>
    <t>&lt;p&gt;I am trying to use the MinGW GCC toolchain on XP with some vendor code from an embedded project that accesses high memory (&gt;0xFFFF0000) which is, I believe,  beyond the virtual mem address space allowed in 'civilian' processes in XP.&lt;/p&gt;
&lt;p&gt;I want to handle the memory access exceptions myself in some way that  will permit execution to continue at the instruction following the exception, ie ignore it.  Is there some way to do it with MinGW? Or with MS toolchain?&lt;/p&gt;
&lt;p&gt;The vastly simplified picture is thus:&lt;/p&gt;
&lt;pre&gt;&lt;code&gt;/////////////
// MyFile.c
MyFunc(){
    VendorFunc_A();
}
/////////////////
// VendorFile.c
VendorFunc_A(){
    VendorFunc_DoSomeDesirableSideEffect();
    VendorFunc_B();
    VendorFunc_DoSomeMoreGoodStuff();
}
VendorFunc_B(){
    int *pHW_Reg = 0xFFFF0000;
    *pHW_Reg = 1;  // Mem Access EXCEPTION HERE
    return(0);     // I want to continue here
}
&lt;/code&gt;&lt;/pre&gt;
&lt;p&gt;More detail:
I am developing an embedded project on an Atmel AVR32 platform with freeRTOS using the AVR32-gcc toolchain. It is desirable to develop/debug high level application code independent of the hardware (and the slow avr32 simulator). Various gcc, makefile and macro tricks permit me to build my Avr32/freeRTOS project in the MinGW/Win32 freeRTOS port enviroment and I can debug in eclipse/gdb. But the high-mem HW access in the (vendor supplied) Avr32 code crashes the MinGW exe (due to the mem access exception).&lt;/p&gt;
&lt;p&gt;I am contemplating some combination of these approaches:&lt;/p&gt;
&lt;p&gt;1) Manage the access exceptions in SW. Ideally I'd be creating a kind of HW simulator but that'd be difficult and involve some gnarly assembly code, I think. Alot of the exceptions can likely just be ignored. &lt;/p&gt;
&lt;p&gt;2) Creating a modified copy of the Avr32 header files so as to relocate the HW register #defines into user process address space (and create some structs and linker sections that commmit those areas of virtual memory space)&lt;/p&gt;
&lt;p&gt;3) Conditional compilation of function calls that result in highMem/HW access, or alernatively more macro tricks, so as to minimize code cruft in the 'real' HW target code. (There are other developers on this project.)&lt;/p&gt;
&lt;p&gt;Any suggestions or helpful links would be appreciated.&lt;/p&gt;
&lt;p&gt;This page is on the right track, but seems overly complicated, and is C++ which I'd like to avoid. But I may try it yet, absent other suggestions.
&lt;a href="http://www.programmingunlimited.net/siteexec/content.cgi?page=mingw-seh" rel="nofollow"&gt;http://www.programmingunlimited.net/siteexec/content.cgi?page=mingw-seh&lt;/a&gt;&lt;/p&gt;</t>
  </si>
  <si>
    <t>2011-05-04 07:13:14.473000+00:00</t>
  </si>
  <si>
    <t>2011-08-07 19:53:23.273000+00:00</t>
  </si>
  <si>
    <t>exception-handling|windows-xp|mingw|avr-gcc|freertos</t>
  </si>
  <si>
    <t>Sticky NavBar onScroll?</t>
  </si>
  <si>
    <t>&lt;p&gt;I'm currently building a site for myself, and I found this really awesome effect on multiple sites where the navbar is below an image, but when you scroll past it, it sticks to the top.&lt;/p&gt;
&lt;p&gt;&lt;a href="http://www.littleco.com/" rel="nofollow"&gt;Example&lt;/a&gt;&lt;/p&gt;
&lt;p&gt;How can I achieve this? Also, how can I achieve an effect similar to the one on &lt;a href="http://riotdesign.eu/en/" rel="nofollow"&gt;this website with a similar navbar style&lt;/a&gt;?&lt;/p&gt;</t>
  </si>
  <si>
    <t>2014-03-20 17:57:47.243000+00:00</t>
  </si>
  <si>
    <t>2018-01-24 06:01:13.050000+00:00</t>
  </si>
  <si>
    <t>jquery|html|css|twitter-bootstrap|navbar</t>
  </si>
  <si>
    <t>Swift stored data in Firebase database not appearing in tableview</t>
  </si>
  <si>
    <t>&lt;p&gt;I'm creating a restaurant rating app in Swift for users to post comments for certain restaurants. The app does not require users to sign-up or log-in, thus I don't think I need a userID. I can successfully direct users comments to specific restaurants in the database, thus every restaurant has its own comment section(stored as locationName below).Comment adding works without a problem. Nevertheless, I can't seem to display the comments from the firebase database into the app. Here is my code, I'd appreciate any help, thank you very much in advance!&lt;/p&gt;
&lt;pre&gt;&lt;code&gt;var comments = [String]()
var locationName = String() // created a specific node for each restaurant to display comments in the database
var ref: DatabaseReference?
var databaseHandle: DatabaseHandle?
func loadComments() { //in viewDidLoad
    ref = Database.database().reference()
    databaseHandle = ref?.child("comments").child(locationName).observe(.childAdded, with: { (snapshot) in
        let comment = snapshot.value as? String
        if let actualComment = comment {
            self.comments.append(actualComment)
            self.tableView.reloadData()
        }
    })
func tableView(_ tableView: UITableView, numberOfRowsInSection section: Int) -&amp;gt; Int{
    return comments.count
}
func tableView(_ tableView: UITableView, cellForRowAt indexPath: IndexPath) -&amp;gt; UITableViewCell{
    let cell = UITableViewCell(style: UITableViewCellStyle.default, reuseIdentifier: "CellFour")
    cell.textLabel!.text = comments[indexPath.row]
    return cell
}
&lt;/code&gt;&lt;/pre&gt;</t>
  </si>
  <si>
    <t>2018-08-25 11:54:15.533000+00:00</t>
  </si>
  <si>
    <t>2018-08-25 13:36:24.550000+00:00</t>
  </si>
  <si>
    <t>swift|firebase|firebase-realtime-database</t>
  </si>
  <si>
    <t>how to add custom js file to reactjs which is in public</t>
  </si>
  <si>
    <t>&lt;p&gt;I have a js file which animated some html attribute using ids, which located in public folder of react project&lt;/p&gt;
&lt;p&gt;is there any way to get those animations using react by loading this js file to react components ?&lt;/p&gt;</t>
  </si>
  <si>
    <t>2018-10-22 12:18:30.497000+00:00</t>
  </si>
  <si>
    <t>2018-10-25 15:04:07.300000+00:00</t>
  </si>
  <si>
    <t>javascript|html|reactjs</t>
  </si>
  <si>
    <t>Where is Java 6u65-apple installed?</t>
  </si>
  <si>
    <t>&lt;p&gt;I see that Java 6u65-apple is one of the available Java versions. Where does this JDK get installed on macOS? Will this JDK coexist with the newer (newest) Oracle Java JRE and JDK?&lt;/p&gt;</t>
  </si>
  <si>
    <t>2017-08-24 21:08:32.030000+00:00</t>
  </si>
  <si>
    <t>2018-01-12 22:44:15.683000+00:00</t>
  </si>
  <si>
    <t>sdkman</t>
  </si>
  <si>
    <t>Replace anything outside the brackets that contained letters only</t>
  </si>
  <si>
    <t>&lt;p&gt;&lt;strong&gt;I have here my sample text&lt;/strong&gt;&lt;/p&gt;
&lt;pre&gt;&lt;code&gt;[10.5]  : [G  D/F#]
[21.5]  : [D F G] =&amp;gt; It's too late
[26.5]  : [D Em A] =&amp;gt; It's now done
&lt;/code&gt;&lt;/pre&gt;
&lt;p&gt;I want to replace(remove) everything outside the brackets that contained the chord names.&lt;/p&gt;
&lt;p&gt;I knew how to select inside &lt;code&gt;/[^\[\]]+([a-zA-Z\#])/g&lt;/code&gt;&lt;/p&gt;
&lt;p&gt;&lt;strong&gt;First line selections&lt;/strong&gt;&lt;/p&gt;
&lt;pre&gt;&lt;code&gt;G  D/F#
&lt;/code&gt;&lt;/pre&gt;
&lt;p&gt;&lt;strong&gt;Second line selections&lt;/strong&gt;&lt;/p&gt;
&lt;pre&gt;&lt;code&gt;D F G =&amp;gt; It's too late
&lt;/code&gt;&lt;/pre&gt;
&lt;p&gt;&lt;strong&gt;Third line selections&lt;/strong&gt;&lt;/p&gt;
&lt;pre&gt;&lt;code&gt;D Em A =&amp;gt; It's now done
&lt;/code&gt;&lt;/pre&gt;
&lt;p&gt;There, I want the output to be (each iteration line by line)&lt;/p&gt;
&lt;pre&gt;&lt;code&gt;G  D/F#
D F G
D Em A
&lt;/code&gt;&lt;/pre&gt;
&lt;p&gt;How can I invert my regex thus it should inly select the chord names inside &lt;code&gt;[D F G]&lt;/code&gt; replacing everything outside?&lt;/p&gt;</t>
  </si>
  <si>
    <t>2017-12-17 07:10:49.780000+00:00</t>
  </si>
  <si>
    <t>2017-12-17 07:53:05.473000+00:00</t>
  </si>
  <si>
    <t>2017-12-17 07:21:43.283000+00:00</t>
  </si>
  <si>
    <t>javascript|html|regex</t>
  </si>
  <si>
    <t>How to convert NSInputStream to NSString or how to read NSInputStream</t>
  </si>
  <si>
    <t>&lt;p&gt;I'm trying to convert my input stream to a string. The input stream I'm trying to convert is NSURLRequest.HTTPBodyStream, apparently the httpbody is set to null and replaced with the stream after you make the request. how do I go about doing this? This is what I have so far:&lt;/p&gt;
&lt;pre&gt;&lt;code&gt;#define MAX_UTF8_BYTES 6
    NSString *utf8String;
    NSMutableData *_data = [[NSMutableData alloc] init]; //for easy 'appending' bytes
    int bytes_read = 0;
    while (!utf8String) {
        if (bytes_read &amp;gt; MAX_UTF8_BYTES) {
            NSLog(@"Can't decode input byte array into UTF8.");
            break;
        }
        else {
            uint8_t byte[1];
            [r.HTTPBodyStream read:byte maxLength:1];
            [_data appendBytes:byte length:1];
            utf8String = [NSString stringWithUTF8String:[_data bytes]];
            bytes_read++;
        }
    }
&lt;/code&gt;&lt;/pre&gt;
&lt;p&gt;When I print the string it's either always empty or contains a single character, doesn't even print null. Any suggestions?&lt;/p&gt;</t>
  </si>
  <si>
    <t>2016-12-22 22:51:48.623000+00:00</t>
  </si>
  <si>
    <t>2016-12-23 18:45:08.220000+00:00</t>
  </si>
  <si>
    <t>ios|objective-c|nsinputstream</t>
  </si>
  <si>
    <t>Accuracy of BufferedImage.getRGB()</t>
  </si>
  <si>
    <t>&lt;p&gt;I've coded up a program that can read rgb values off of a jpg file, but when i test it with a solid color i'm getting rgb results that are slightly inaccurate. Does anyone know if its my code or if its java that is inaccurate?&lt;/p&gt;
&lt;p&gt;&lt;strong&gt;RGB&lt;/strong&gt;&lt;/p&gt;
&lt;p&gt;&lt;a href="http://i.stack.imgur.com/x3fvb.jpg" rel="nofollow"&gt;red=64 green=0 blue=128&lt;/a&gt;&lt;/p&gt;
&lt;p&gt;&lt;strong&gt;RESULT&lt;/strong&gt;&lt;/p&gt;
&lt;p&gt;&lt;a href="http://i.stack.imgur.com/RbcOV.png" rel="nofollow"&gt;red=65 green=0 blue=128&lt;/a&gt;&lt;/p&gt;
&lt;p&gt;&lt;strong&gt;CODE&lt;/strong&gt;&lt;/p&gt;
&lt;pre&gt;&lt;code&gt;import java.awt.*;
import java.awt.image.*;
import java.io.*;
import java.util.ArrayList;
import javax.imageio.*;
public class Program {
    public int[][] rgbValues;
    public File imagePath = new File("src/image3.jpg");
    public BufferedImage image;
    public Program() throws IOException{
        image = ImageIO.read(imagePath);
        rgbValues = new int[image.getWidth()][image.getHeight()];
    }
    public void run() throws IOException{
        getData();
        analyzeData();
    }
    private void getData() throws IOException{      
        for (int y = 0; y &amp;lt; image.getHeight(); y++){
            for (int x = 0; x &amp;lt; image.getWidth(); x++){
                rgbValues[y][x] = image.getRGB(x, y);
            }
        }
    }
    private void analyzeData() throws IOException{
        boolean f = image.getAlphaRaster() != null;
        Color color = new Color(rgbValues[10][10], f);
        System.out.println(color.getRed());
        System.out.println(color.getGreen());
        System.out.println(color.getBlue());
    }
}
&lt;/code&gt;&lt;/pre&gt;</t>
  </si>
  <si>
    <t>2014-07-07 07:46:00.583000+00:00</t>
  </si>
  <si>
    <t>2014-07-11 08:45:04.527000+00:00</t>
  </si>
  <si>
    <t>java|image-processing|rgb|bufferedimage</t>
  </si>
  <si>
    <t>Wireshark is not capturing OpenFlow packets from Mininet</t>
  </si>
  <si>
    <t>&lt;p&gt;Hi everyone I downloaded the ISO file for investigating SDN features from here: &lt;a href="http://sdnhub.org/tutorials/sdn-tutorial-vm/" rel="nofollow noreferrer"&gt;http://sdnhub.org/tutorials/sdn-tutorial-vm/&lt;/a&gt;. &lt;/p&gt;
&lt;p&gt;1) I run Mininet&lt;/p&gt;
&lt;pre&gt;&lt;code&gt;sudo mn
&lt;/code&gt;&lt;/pre&gt;
&lt;p&gt;to make basic topology&lt;/p&gt;
&lt;p&gt;2) Then I run wireshark&lt;/p&gt;
&lt;pre&gt;&lt;code&gt;sudo wireshark &amp;amp;
&lt;/code&gt;&lt;/pre&gt;
&lt;p&gt;3) I tick all interfaces and start capturing
4) In mininet I do &lt;/p&gt;
&lt;pre&gt;&lt;code&gt;h1 ping h2
&lt;/code&gt;&lt;/pre&gt;
&lt;p&gt;5) I apply filter in wireshark "openflow", "of",....
6) But no OpenFlow packet are displayed&lt;/p&gt;
&lt;p&gt;Could you help me please what is wrong? Thanks       &lt;/p&gt;
&lt;p&gt;&lt;a href="https://i.stack.imgur.com/kWgNO.png" rel="nofollow noreferrer"&gt;&lt;img src="https://i.stack.imgur.com/kWgNO.png" alt="enter image description here"&gt;&lt;/a&gt;               &lt;/p&gt;</t>
  </si>
  <si>
    <t>2015-11-28 17:35:02.900000+00:00</t>
  </si>
  <si>
    <t>2016-08-19 21:39:50.330000+00:00</t>
  </si>
  <si>
    <t>wireshark|mininet|openflow</t>
  </si>
  <si>
    <t>How to reference a csv file within vb.net program files</t>
  </si>
  <si>
    <t>&lt;p&gt;I have the file located within my project (visualstudio2013\projects\Proj4\Proj4\file.csv) and I want to reference it in my code without having to go from the root C drive up. Any help would be greatly appreciated. I know it's got to be something simple but I can't seem to find it.&lt;/p&gt;
&lt;p&gt;Not sure why I can't find this answer in my searching on Google..&lt;/p&gt;
&lt;p&gt;Thanks in advance!&lt;/p&gt;</t>
  </si>
  <si>
    <t>2015-10-14 22:37:53.387000+00:00</t>
  </si>
  <si>
    <t>vb.net|visual-studio-2013</t>
  </si>
  <si>
    <t>base64 to guid to base64</t>
  </si>
  <si>
    <t>&lt;p&gt;I'm currently researching MongoDb as a possible database option, and I'm having trouble dealing with Guid serialization.  I thought at first maybe this was a bug in the C# driver's serialization, but now I think it's more likely a naive assumption on my part.&lt;/p&gt;
&lt;p&gt;To help me convert the Bson base64 representations back and forth to Guids, I wrote a couple of little powershell functions to help:&lt;/p&gt;
&lt;pre&gt;&lt;code&gt;function base64toguid  
{  
    param($str);  
    $b = [System.Convert]::FromBase64String($str);
    $hex = "";
    foreach ($x in $b) {
        $hex += $x.ToString("x2");
    }
    $g = new-object -TypeName System.Guid -ArgumentList $hex;
    return $g;
}
function guidtobase64
{
    param($str);
    $g = new-object -TypeName System.Guid -ArgumentList $str;
    $b64 = [System.Convert]::ToBase64String($g.ToByteArray());
    return $b64;
}
&lt;/code&gt;&lt;/pre&gt;
&lt;p&gt;An example of the issue I'm having:&lt;/p&gt;
&lt;pre&gt;&lt;code&gt;:) guidtobase64("53E32701-9863-DE11-BD66-0015178A5E3C");
ASfjU2OYEd69ZgAVF4pePA==
:) base64toguid("ASfjU2OYEd69ZgAVF4pePA==");
Guid
----
0127e353-6398-11de-bd66-0015178a5e3c
&lt;/code&gt;&lt;/pre&gt;
&lt;p&gt;And from the mongo shell:&lt;/p&gt;
&lt;pre&gt;&lt;code&gt;:) mongo
MongoDB shell version: 1.6.5
connecting to: test
&amp;gt; b = new BinData(3, "ASfjU2OYEd69ZgAVF4pePA==");
BinData(3,"ASfjU2OYEd69ZgAVF4pePA==")
&amp;gt; b.hex();
127e353639811debd66015178a5e3c
&amp;gt;
&lt;/code&gt;&lt;/pre&gt;
&lt;p&gt;So as you can see, the Guid I get back doesn't match what I put in.  My function and hex() return the same thing.  If you compare the original to the result:&lt;/p&gt;
&lt;p&gt;53E32701-9863-DE11-BD66-0015178A5E3C&lt;br&gt;
0127e353-6398-11de-bd66-0015178a5e3c&lt;/p&gt;
&lt;p&gt;You can see that the first 3 sets of hex pairs are reversed, but the last 2 sets are not.  This makes me think there is something about Guid.ToString() that I don't understand.&lt;/p&gt;
&lt;p&gt;Can anyone educate me please?&lt;/p&gt;</t>
  </si>
  <si>
    <t>2011-03-02 19:08:17.820000+00:00</t>
  </si>
  <si>
    <t>2014-04-25 08:05:03.790000+00:00</t>
  </si>
  <si>
    <t>2011-03-30 07:47:57.653000+00:00</t>
  </si>
  <si>
    <t>powershell|mongodb|guid</t>
  </si>
  <si>
    <t>Is it possible to implement Property Changed as Attribute?</t>
  </si>
  <si>
    <t>&lt;p&gt;I have found an implementation of Propperty Changed Event, where i can Call Property changed without the Name of the Property in the web. And then i have build a Extension Method with it wich is here&lt;/p&gt;
&lt;pre&gt;&lt;code&gt;public static void OnPropertyChanged(this INotifyPropertyChanged iNotifyPropertyChanged, string    propertyName = null)
{
    if (propertyName == null)
        propertyName = new StackTrace().GetFrame(1).GetMethod().Name.Replace("set_", "");
    FieldInfo field = iNotifyPropertyChanged.GetType().GetField("PropertyChanged", BindingFlags.Instance | BindingFlags.NonPublic);
    if (field == (FieldInfo) null)
        return;
    object obj = field.GetValue((object) iNotifyPropertyChanged);
    if (obj == null)
        return;
    obj.GetType().GetMethod("Invoke").Invoke(obj, new object[2]
    {
        (object) iNotifyPropertyChanged,
        (object) new PropertyChangedEventArgs(propertyName)
    });
}
&lt;/code&gt;&lt;/pre&gt;
&lt;p&gt;So i can call Property changed like this:&lt;/p&gt;
&lt;pre&gt;&lt;code&gt;private bool _foo;
public bool Foo
{
    get { _foo; }
    private set
    {
        _foo = value;
        this.OnPropertyChanged();
    }
}
&lt;/code&gt;&lt;/pre&gt;
&lt;p&gt;But I thought, it would be nicer if i don't have to implement the getter and setter of a Property when i use Property changed. &lt;/p&gt;
&lt;p&gt;Does anyone now how to implement the OnPropertyChanged Method as Attribute, maybe with AOP?&lt;/p&gt;
&lt;p&gt;So that Auto-Property can be used for Property Changed like this:&lt;/p&gt;
&lt;pre&gt;&lt;code&gt;[OnPropertyChanged]
public bool Foo {set;get;}
&lt;/code&gt;&lt;/pre&gt;</t>
  </si>
  <si>
    <t>2014-08-08 09:45:21.327000+00:00</t>
  </si>
  <si>
    <t>2014-08-08 09:51:06.887000+00:00</t>
  </si>
  <si>
    <t>2014-08-08 09:47:16.417000+00:00</t>
  </si>
  <si>
    <t>c#|wpf|inotifypropertychanged</t>
  </si>
  <si>
    <t>simple Userscript in Greasemonkey no longer working after functions added</t>
  </si>
  <si>
    <t>&lt;p&gt;I've just started to use Greasemonkey and am trying to make a userscript that will scrape a page - &lt;/p&gt;
&lt;p&gt;Before I got into that I tried running a few tests to increase my familiarity with Greasemonkey (for example I tried an userscript that had just an alert, which worked). However, after I added functions, the alert (which is called at the top), failed to work- why is this happening? &lt;/p&gt;
&lt;pre&gt;&lt;code&gt;//==UserScript==
'//@name stanfordWhoScraper
//@require  http://ajax.googleapis.com/ajax/libs/jquery/1.6.2/jquery.min.js
//==/UserScript==
alert("TEST");
/*Functions*/
function jquerify(jquerified){
if(!(window.jQuery &amp;amp;&amp;amp; window.jQuery.fn.jquery == '1.6.2')) {
var s = document.createElement('script');
s.setAttribute('src', 'http://ajax.googleapis.com/ajax/libs/jquery/1.6.2/jquery.min.js');
s.setAttribute('type', 'text/javascript');
document.getElementsByTagName('head')[0].appendChild(s);
jquerified = true;
return jquerified; 
}
}
function findName(url){
    if (!typeof url) return "Enter string url"
    var name = $("#PublicProfile h2").load(url);
    if (name == "") return "No name found";
    return name;
}'
&lt;/code&gt;&lt;/pre&gt;
&lt;p&gt;Thanks!&lt;/p&gt;</t>
  </si>
  <si>
    <t>2011-08-28 18:42:20.670000+00:00</t>
  </si>
  <si>
    <t>2011-08-29 01:54:22.393000+00:00</t>
  </si>
  <si>
    <t>2011-08-28 18:47:43.930000+00:00</t>
  </si>
  <si>
    <t>jquery|screen-scraping|greasemonkey</t>
  </si>
  <si>
    <t>Xsl get full element tag from variable containing Xml document</t>
  </si>
  <si>
    <t>&lt;p&gt;I have 2 input xml files.&lt;/p&gt;
&lt;p&gt;1) An Ant Buld File:&lt;/p&gt;
&lt;pre&gt;&lt;code&gt;&amp;lt;project name="project"&amp;gt;
  &amp;lt;target name="target1"/&amp;gt;
  &amp;lt;target name="target2"/&amp;gt;
&amp;lt;/project&amp;gt;
&lt;/code&gt;&lt;/pre&gt;
&lt;p&gt;2) A Visual Paradigm Project:&lt;/p&gt;
&lt;pre&gt;&lt;code&gt;&amp;lt;Project Name="VpProj" attr1="attr" attr2="attr"&amp;gt;
  &amp;lt;Models&amp;gt;
    &amp;lt;Model Id="O60QwyKGAqACZC5_" Name="ILockXml"&amp;gt;
      &amp;lt;ModelChildren&amp;gt;
        &amp;lt;!-- THE FOLLOWING PACKAGE DOES NOT NEED TO BE INCLUDED IN OUTPUT, 
             IS GIVEN AS EXAMPLE --&amp;gt;
        &amp;lt;Package Id="tYTQwyKGAqACZC6R" Name="Xml Files"&amp;gt;
        &amp;lt;/Package&amp;gt;
        &amp;lt;!-- I WANT TO INSERT NEW PACKAGE ELEMENTS HERE, SUPPOSE A FORM OF: --&amp;gt;
        &amp;lt;!--
        &amp;lt;Package Id="NEWGUID!" Name="target1"&amp;gt;
        &amp;lt;/Package&amp;gt;
        &amp;lt;Package Id="NEWGUID!" Name="target2"&amp;gt;
        &amp;lt;/Package&amp;gt;
        --&amp;gt;
      &amp;lt;/ModelChildren&amp;gt;
    &amp;lt;/Model&amp;gt;
  &amp;lt;/Models&amp;gt;
&amp;lt;/Project&amp;gt;
&lt;/code&gt;&lt;/pre&gt;
&lt;p&gt;My output needs to have the form of above, but without "Xml Files" Package.&lt;/p&gt;
&lt;p&gt;I am using Saxon HE, and I am new to XSL. So far I have the following....&lt;/p&gt;
&lt;pre&gt;&lt;code&gt;&amp;lt;xsl:transform xmlns:xsl="http://www.w3.org/1999/XSL/Transform" version="2.0"&amp;gt;
  &amp;lt;xsl:output indent="yes"/&amp;gt;
  &amp;lt;!-- THIS IS THE VpProj FILE --&amp;gt;
  &amp;lt;xsl:variable name="prj" select="document('vp-xml/project.xml')"/&amp;gt;
  &amp;lt;xsl:template match="/"&amp;gt;
    &amp;lt;xsl:for-each select="$prj/Project"&amp;gt;
      &amp;lt;!-- ______ I AM HERE _____ --&amp;gt;
      &amp;lt;!-- HOW DO I INJECT THE ENTIRE PROJECT ELEMENT TAG HERE? --&amp;gt;
    &amp;lt;/xsl:for-each&amp;gt;
  &amp;lt;/xsl:template&amp;gt;
&amp;lt;/xsl:transform&amp;gt;
&lt;/code&gt;&lt;/pre&gt;
&lt;p&gt;I am passing the Ant Build file on the command line. I know how to put more literal code in that wraps the package I am creating, I would expect the answer at this stage to look something like:&lt;/p&gt;
&lt;pre&gt;&lt;code&gt;&amp;lt;xsl:transform xmlns:xsl="http://www.w3.org/1999/XSL/Transform" version="2.0"&amp;gt;
  &amp;lt;xsl:output indent="yes"/&amp;gt;
  &amp;lt;!-- THIS IS THE VpProj FILE --&amp;gt;
  &amp;lt;xsl:variable name="prj" select="document('vp-xml/project.xml')"/&amp;gt;
  &amp;lt;xsl:template match="/"&amp;gt;
    &amp;lt;xsl:for-each select="$prj/Project"&amp;gt;
      &amp;lt;!-- ______ I AM HERE _____ --&amp;gt;
      &amp;lt;!-- HOW DO I INJECT THE ENTIRE PROJECT ELEMENT TAG HERE? --&amp;gt;
      &amp;lt;XSL:INJECT-VP-ELEMENT-MAGIC&amp;gt;
        &amp;lt;Model Id="O60QwyKGAqACZC5_" Name="ILockXml"&amp;gt;
          &amp;lt;ModelChildren&amp;gt;
            &amp;lt;xsl:template match="/project"/&amp;gt;
          &amp;lt;/ModelChildren&amp;gt;
        &amp;lt;/Model&amp;gt;
      &amp;lt;/XSL:INJECT-VP-ELEMENT-MAGIC&amp;gt;
    &amp;lt;/xsl:for-each&amp;gt;
  &amp;lt;/xsl:template&amp;gt;
  &amp;lt;xsl:template match="/project"&amp;gt;
    &amp;lt;xsl:for-each select="target"&amp;gt;
      &amp;lt;Package&amp;gt;
        &amp;lt;xsl:attribute name="Name"&amp;gt;
          &amp;lt;xsl:value-of select="./@name"/&amp;gt;
        &amp;lt;/xsl:attribute&amp;gt;
        &amp;lt;xsl:attribute name="Id"&amp;gt;
          &amp;lt;!-- NEED HELP WITH GUID TOO, IS TRUE GUID POSSIBLE WITH SAXON HE? --&amp;gt;
        &amp;lt;/xsl:attribute&amp;gt;
      &amp;lt;/Package&amp;gt;
    &amp;lt;/xsl:for-each&amp;gt;
  &amp;lt;/xsl:template&amp;gt;
&amp;lt;/xsl:transform&amp;gt;
&lt;/code&gt;&lt;/pre&gt;
&lt;p&gt;This stuff is difficult to pick up, but I am getting there.&lt;/p&gt;
&lt;p&gt;When I say I want to &lt;strong&gt;inject the entire project element tag&lt;/strong&gt;, I want to do it generically, not create literal references to the element name and its attributes, ie:&lt;/p&gt;
&lt;pre&gt;&lt;code&gt;&amp;lt;Project&amp;gt;
  &amp;lt;xsl:attribute name="Name"&amp;gt;
    &amp;lt;xsl:value-of select="$prj/Project/@name"/&amp;gt;
  &amp;lt;/xsl:attribute&amp;gt;
  &amp;lt;!-- etc... DO NOT WANT THIS FORM --&amp;gt;
&amp;lt;/Project&amp;gt;
&lt;/code&gt;&lt;/pre&gt;</t>
  </si>
  <si>
    <t>2014-03-16 21:14:51.847000+00:00</t>
  </si>
  <si>
    <t>2014-03-16 22:22:12.573000+00:00</t>
  </si>
  <si>
    <t>2014-03-16 21:42:59.253000+00:00</t>
  </si>
  <si>
    <t>xml|xslt</t>
  </si>
  <si>
    <t>Apache Camel MockEndpoint mock the output</t>
  </si>
  <si>
    <t>&lt;p&gt;Let's say I have an apache camel route like this:&lt;/p&gt;
&lt;pre&gt;&lt;code&gt;from("direct:start")
    .routeId("aRouteId")
    .bean(someBusinnessTransformationBean).id("transformationBean")
    .bean(aPersistenceBean).id("persistenceBean")
    .to("direct:target");
&lt;/code&gt;&lt;/pre&gt;
&lt;p&gt;And then, on my unit tests, I'm doing something like:&lt;/p&gt;
&lt;pre&gt;&lt;code&gt;public class RouteTest extends CamelTestSupport {
    @Override
    public boolean isDumpRouteCoverage() { return true }
    @Override
    public boolean isUsedAdviceWith() { return true }
    @EndpointInject(uri = "mock:mockTransformationBean")
    protected MockEndpoint mockTransformationBean;
    @EndpointInject(uri = "mock:mockPersistenceBean")
    protected MockEndpoint mockPersistenceBean;
    @Test
    public void testRoute() throws Exception {
        context.getRouteDefinition("aRouteId").adviceWith(context, new AdviceWithRouteBuilder() {
            @Override
            public void configure() throws Exception {
                weaveById("transformationBean")
                    .replace()
                    .multicast()
                    .to(mockTransformationBean);
                weaveById("persistenceBean")
                    .replace()
                    .multicast()
                    .to(mockPersistenceBean);
            }
        });
        context.start();
        // Asserts the expectedMessageCount
        // Send a message with template.sendBody...
        assertMockEndpointSatisfied();
    }
}
&lt;/code&gt;&lt;/pre&gt;
&lt;p&gt;&lt;strong&gt;Question:&lt;/strong&gt;&lt;/p&gt;
&lt;p&gt;How could I unit test this route properly, instead of just ensure the messageCount and received body (on the first bean).&lt;/p&gt;
&lt;p&gt;Like, how could I mock the response of a MockEndpoint as I could do when using Mockito for unit testing:&lt;/p&gt;
&lt;pre&gt;&lt;code&gt;when(mockTransformationBean.someHandler(...)).thenReturn(anExpectedObjectForMyUnitTestPropose);
&lt;/code&gt;&lt;/pre&gt;
&lt;p&gt;Cheers, Nikolas&lt;/p&gt;</t>
  </si>
  <si>
    <t>2016-11-22 16:04:39.183000+00:00</t>
  </si>
  <si>
    <t>2016-11-24 18:17:34.227000+00:00</t>
  </si>
  <si>
    <t>java|unit-testing|mocking|apache-camel</t>
  </si>
  <si>
    <t>Oozie Spark Job failing while insert overwrite dynamically into hive partitioned table</t>
  </si>
  <si>
    <t>&lt;p&gt;I am trying to insert dynamically into partitioned hive table using spark. i ahve used the following piece of code :&lt;/p&gt;
&lt;pre&gt;&lt;code&gt;String query = "insert overwrite table %s.%s partition(status_flag) select * from %s";
datasetIFlag().createOrReplaceTempView(metadata.getTargetStoreTableName() + "_tmp");
spark.sql(String.format(query, metadata.getTargetStoreDBName(), metadata.getTargetStoreTableName(), metadata.getTargetStoreTableName() + "_tmp"));
&lt;/code&gt;&lt;/pre&gt;
&lt;p&gt;And have also ensured that the status_flag is the last column of the dataset.
I am using spark 2.2.0 and hive 1.1 with CDH5.11. And have enable dynamic partition to be non strict while creating the spark session.
And idea about the below exception.
I am getting the following exception while spark is trying to run the query:&lt;/p&gt;
&lt;pre&gt;&lt;code&gt;    18/06/11 00:49:18 INFO Hive: New loading path = hdfs://***/***/***/complete/hive/**/**/**/**/1528642150383/.hive-staging_hive_2018-06-11_00-49-16_284_2447412172536723108-1/-ext-10000/status_flag=I with partSpec {status_flag=I}
    18/06/11 00:49:19 INFO FileUtils: Creating directory if it doesn't exist: hdfs://***/***/***/complete/hive/**/**/**/**/1528642150383/status_flag=I
    18/06/11 00:49:19 ERROR ApplicationMaster: User class threw exception: org.apache.spark.sql.AnalysisException: org.apache.hadoop.hive.ql.metadata.HiveException: Exception when loading 1 in table test_table with loadPath=hdfs://***/***/***/complete/hive/**/**/**/**/1528642150383/.hive-staging_hive_2018-06-11_00-49-16_284_2447412172536723108-1/-ext-10000;
    org.apache.spark.sql.AnalysisException: org.apache.hadoop.hive.ql.metadata.HiveException: Exception when loading 1 in table test_table with loadPath=hdfs://***/***/***/complete/hive/**/**/**/**/1528642150383/.hive-staging_hive_2018-06-11_00-49-16_284_2447412172536723108-1/-ext-10000;
            at org.apache.spark.sql.hive.HiveExternalCatalog.withClient(HiveExternalCatalog.scala:108)
            at org.apache.spark.sql.hive.HiveExternalCatalog.loadDynamicPartitions(HiveExternalCatalog.scala:891)
            at org.apache.spark.sql.hive.execution.InsertIntoHiveTable.run(InsertIntoHiveTable.scala:331)
            at org.apache.spark.sql.execution.command.ExecutedCommandExec.sideEffectResult$lzycompute(commands.scala:58)
            at org.apache.spark.sql.execution.command.ExecutedCommandExec.sideEffectResult(commands.scala:56)
            at org.apache.spark.sql.execution.command.ExecutedCommandExec.executeCollect(commands.scala:67)
            at org.apache.spark.sql.Dataset.&amp;lt;init&amp;gt;(Dataset.scala:182)
            at org.apache.spark.sql.Dataset$.ofRows(Dataset.scala:67)
            at org.apache.spark.sql.SparkSession.sql(SparkSession.scala:623)
            at test.common.utils.HDFSUtility.writeIDRecords(HDFSUtility.java:353)
            at test.persist.impl.DataPersistServiceImpl.execute(DataPersistServiceImpl.java:140)
            at test.pipeline.SparkDataPersistPipeline.execute(SparkDataPersistPipeline.java:131)
            at test.pipeline.SparkDataPersistPipeline.main(SparkDataPersistPipeline.java:67)
            at sun.reflect.NativeMethodAccessorImpl.invoke0(Native Method)
            at sun.reflect.NativeMethodAccessorImpl.invoke(NativeMethodAccessorImpl.java:62)
            at sun.reflect.DelegatingMethodAccessorImpl.invoke(DelegatingMethodAccessorImpl.java:43)
            at java.lang.reflect.Method.invoke(Method.java:498)
            at org.apache.spark.deploy.yarn.ApplicationMaster$$anon$3.run(ApplicationMaster.scala:686)
    Caused by: org.apache.hadoop.hive.ql.metadata.HiveException: Exception when loading 1 in table test_table with loadPath=hdfs://***/***/***/complete/hive/**/**/**/**/1528642150383/.hive-staging_hive_2018-06-11_00-49-16_284_2447412172536723108-1/-ext-10000
            at org.apache.hadoop.hive.ql.metadata.Hive.loadDynamicPartitions(Hive.java:1714)
            at sun.reflect.NativeMethodAccessorImpl.invoke0(Native Method)
            at sun.reflect.NativeMethodAccessorImpl.invoke(NativeMethodAccessorImpl.java:62)
            at sun.reflect.DelegatingMethodAccessorImpl.invoke(DelegatingMethodAccessorImpl.java:43)
            at java.lang.reflect.Method.invoke(Method.java:498)
            at org.apache.spark.sql.hive.client.Shim_v0_14.loadDynamicPartitions(HiveShim.scala:772)
            at org.apache.spark.sql.hive.client.HiveClientImpl$$anonfun$loadDynamicPartitions$1.apply$mcV$sp(HiveClientImpl.scala:698)
            at org.apache.spark.sql.hive.client.HiveClientImpl$$anonfun$loadDynamicPartitions$1.apply(HiveClientImpl.scala:696)
            at org.apache.spark.sql.hive.client.HiveClientImpl$$anonfun$loadDynamicPartitions$1.apply(HiveClientImpl.scala:696)
            at org.apache.spark.sql.hive.client.HiveClientImpl$$anonfun$withHiveState$1.apply(HiveClientImpl.scala:275)
            at org.apache.spark.sql.hive.client.HiveClientImpl.liftedTree1$1(HiveClientImpl.scala:216)
            at org.apache.spark.sql.hive.client.HiveClientImpl.retryLocked(HiveClientImpl.scala:215)
            at org.apache.spark.sql.hive.client.HiveClientImpl.withHiveState(HiveClientImpl.scala:258)
            at org.apache.spark.sql.hive.client.HiveClientImpl.loadDynamicPartitions(HiveClientImpl.scala:696)
        at org.apache.spark.sql.hive.HiveExternalCatalog$$anonfun$loadDynamicPartitions$1.apply$mcV$sp(HiveExternalCatalog.scala:903)
        at org.apache.spark.sql.hive.HiveExternalCatalog$$anonfun$loadDynamicPartitions$1.apply(HiveExternalCatalog.scala:891)
        at org.apache.spark.sql.hive.HiveExternalCatalog$$anonfun$loadDynamicPartitions$1.apply(HiveExternalCatalog.scala:891)
        at org.apache.spark.sql.hive.HiveExternalCatalog.withClient(HiveExternalCatalog.scala:99)
        ... 17 more
Caused by: java.util.concurrent.ExecutionException: java.lang.NoSuchMethodError: org.apache.hadoop.hdfs.client.HdfsAdmin.getKeyProvider()Lorg/apache/hadoop/crypto/key/KeyProvider;
        at java.util.concurrent.FutureTask.report(FutureTask.java:122)
        at java.util.concurrent.FutureTask.get(FutureTask.java:192)
        at org.apache.hadoop.hive.ql.metadata.Hive.loadDynamicPartitions(Hive.java:1706)
        ... 34 more
Caused by: java.lang.NoSuchMethodError: org.apache.hadoop.hdfs.client.HdfsAdmin.getKeyProvider()Lorg/apache/hadoop/crypto/key/KeyProvider;
        at org.apache.hadoop.hive.shims.Hadoop23Shims$HdfsEncryptionShim.&amp;lt;init&amp;gt;(Hadoop23Shims.java:1265)
        at org.apache.hadoop.hive.shims.Hadoop23Shims.createHdfsEncryptionShim(Hadoop23Shims.java:1407)
        at org.apache.hadoop.hive.ql.session.SessionState.getHdfsEncryptionShim(SessionState.java:464)
        at org.apache.hadoop.hive.ql.metadata.Hive.needToCopy(Hive.java:2973)
        at org.apache.hadoop.hive.ql.metadata.Hive.moveFile(Hive.java:2874)
        at org.apache.hadoop.hive.ql.metadata.Hive.replaceFiles(Hive.java:3199)
        at org.apache.hadoop.hive.ql.metadata.Hive.loadPartition(Hive.java:1465)
        at org.apache.hadoop.hive.ql.metadata.Hive$2.call(Hive.java:1685)
        at org.apache.hadoop.hive.ql.metadata.Hive$2.call(Hive.java:1676)
        at java.util.concurrent.FutureTask.run(FutureTask.java:266)
        at java.util.concurrent.ThreadPoolExecutor.runWorker(ThreadPoolExecutor.java:1142)
        at java.util.concurrent.ThreadPoolExecutor$Worker.run(ThreadPoolExecutor.java:617)
        at java.lang.Thread.run(Thread.java:745)
&lt;/code&gt;&lt;/pre&gt;</t>
  </si>
  <si>
    <t>2018-06-10 15:23:49.787000+00:00</t>
  </si>
  <si>
    <t>apache-spark|hive</t>
  </si>
  <si>
    <t>Trying to set buying price of an object according to rank using php</t>
  </si>
  <si>
    <t>&lt;p&gt;I am trying to price an object based on ranking.  My problem is that if the object has no ranking it is going to the next tier.  Here is a sample of my code:&lt;/p&gt;
&lt;pre&gt;&lt;code&gt;switch ($amazonResult['SalesRank']) {
case ($amazonResult['SalesRank'] &amp;lt; 1 || trim($amazonResult['SalesRank'])===''|| !isset($amazonResult['SalesRank']) || $amazonResult['SalesRank']=== null):
    $Price=((float) $lowestAmazonPrice) *&amp;lt;some percent to pay&amp;gt;;
    $payPrice = round($Price, 0);  //to round the price up or down to the nearest $
    break; 
case ($amazonResult['SalesRank'] &amp;gt; 0 &amp;amp;&amp;amp; $amazonResult['SalesRank'] &amp;lt;= 15000):
    $Price=((float) $lowestAmazonPrice) * &amp;lt;some percent to pay&amp;gt;;
    $payPrice = round($Price, 0);  //to round the price up or down to the nearest $
    break;
default:
    $Price=((float) $lowestAmazonPrice) * &amp;lt;some percent to pay&amp;gt;;
    $payPrice = round($Price, 0);  //to round the price up or down to the nearest $
    break;
}
&lt;/code&gt;&lt;/pre&gt;
&lt;p&gt;How do I get it to find the ranking if the ranking is either empty, null, or 0?&lt;/p&gt;
&lt;p&gt;$amazonResult['SalesRank'] could be empty, and is the value that needs to be compared in each case.  This variable is pulled from a query and is run every time an item is to be priced&lt;/p&gt;</t>
  </si>
  <si>
    <t>2012-05-18 16:21:05.510000+00:00</t>
  </si>
  <si>
    <t>2012-05-18 16:47:09.723000+00:00</t>
  </si>
  <si>
    <t>Slickgrid select checkbox in the header column</t>
  </si>
  <si>
    <t>&lt;p&gt;How can I select the header checkbox in a slickgrid?  In my slickgrid I can only select all columns, I can't select the checkbox in the column header.&lt;/p&gt;
&lt;pre&gt;&lt;code&gt;var variablesRows = [];
    var columns = [];
    columns.push(checkboxSelector.getColumnDefinition());
    columns[1] = { id: "description", name: "Description", field: "description",
    sortable: true, width: 311 };
    // Define table options
    var options = {
        enableCellNavigation: true,
        enableColumnReorder: true,
        explicitInitialization: true,
        multiColumnSort: true,
        forceFitColumns: true
    };
    // Create rows
    for (var i = 0; i &amp;lt; variableTypes.length; i++) {
        variablesRows[i] = {
            description: variableTypes[i].Description,
            id: variableTypes[i].VariableId,
            vtype: variableTypes[i].VType,
            valuetype: variableTypes[i].ValueType.replace(/\ /g, '_')
        };
    }
    variablesDataView = new Slick.Data.DataView();
    // Create grid
    variablesGrid = new Slick.Grid("#FDvariableFilterDiv", variablesDataView,
    columns,  options);
&lt;/code&gt;&lt;/pre&gt;</t>
  </si>
  <si>
    <t>2013-04-10 13:00:57.640000+00:00</t>
  </si>
  <si>
    <t>2014-08-03 07:21:18.490000+00:00</t>
  </si>
  <si>
    <t>2013-04-10 13:08:10.740000+00:00</t>
  </si>
  <si>
    <t>jquery|header|checkbox|slickgrid</t>
  </si>
  <si>
    <t>Passing int arrays as arguments in methods [Java]</t>
  </si>
  <si>
    <t>&lt;p&gt;I am building a Connect 4 game and I was wondering if it is possible to build int arrays into methods.  It would be easier for me to just show the code, so I've shown the method below (and dependencies).  The commented out bit is how it works at the moment&lt;/p&gt;
&lt;pre&gt;&lt;code&gt;    //Defend 4 horizontal to the right (xxx-)
    for(int y=0;y&amp;lt;board.get_ysize();y++){
        boolean breakfor=false;
        for(int x=0;x&amp;lt;(board.get_xsize()-3);x++){
            if(board.get_state(x,y)==1
                    &amp;amp;&amp;amp; board.areSame(board, {(x+1),y}, {x,y})
                    &amp;amp;&amp;amp; board.areSame(board, {(x+2),y}, {x,y})
                    &amp;amp;&amp;amp; board.areSame(board, {(x+3),y}, {0})
// How the code works at the moment:                        
//                      board.get_state((x+1),y)==board.get_state(x,y)
//                      &amp;amp;&amp;amp; board.get_state((x+2),y)==board.get_state(x,y)
//                      &amp;amp;&amp;amp; board.get_state((x+3),y)==0)
                    {
                if(y==0){
                    return (x+3);
                }
                else if((y-1)==0){
                    return (x+3);
                }
                else{
                    breakfor=true;
                    break;
                }       
            }
        }
        if(breakfor){
            break;
        }
    }
&lt;/code&gt;&lt;/pre&gt;
&lt;p&gt;get_state():&lt;/p&gt;
&lt;pre&gt;&lt;code&gt;public int get_state(int x, int y) {
        return layout[x][y];
    }
&lt;/code&gt;&lt;/pre&gt;
&lt;p&gt;(layout[x][y] returns a 0, 1 or 2 for the position. 0 is empty and 1 and 2 are player counters)&lt;/p&gt;
&lt;p&gt;areSame():&lt;/p&gt;
&lt;pre&gt;&lt;code&gt;public boolean areSame(GameBoard board, int[] initialspace, int[] comparespace){
    if(board.get_state(initialspace[0],initialspace[1])==board.get_state(comparespace[0], comparespace[1])){
        return true;
    }
    return false;
}
&lt;/code&gt;&lt;/pre&gt;
&lt;p&gt;It's not necessary as the code works the old way, but I was just wondering if there is a way to make this array method work?&lt;/p&gt;
&lt;p&gt;Thanks&lt;/p&gt;</t>
  </si>
  <si>
    <t>2014-02-23 15:49:02.040000+00:00</t>
  </si>
  <si>
    <t>2014-02-23 16:34:34.367000+00:00</t>
  </si>
  <si>
    <t>2014-02-23 15:59:54.137000+00:00</t>
  </si>
  <si>
    <t>java|arrays|methods|arguments|argument-passing</t>
  </si>
  <si>
    <t>IDE not recognize mfragment varible. tried to change getFragmentManager() to getSupportFragmentManager()</t>
  </si>
  <si>
    <t>&lt;p&gt;IDE not recognize mfragment  varible. tried to change getFragmentManager() to getSupportFragmentManager(). then it was not supporting by IDE&lt;/p&gt;
&lt;pre&gt;&lt;code&gt;    package com.example.simerpreetjassal.bitsandpizzas2;
import android.app.Activity;
import android.app.FragmentTransaction;
import android.content.Intent;
import android.os.Bundle;
import android.support.v4.app.Fragment;
import android.view.Menu;
import android.view.MenuInflater;
import android.view.MenuItem;
import android.view.View;
import android.widget.AdapterView;
import android.widget.ArrayAdapter;
import android.widget.ListView;
import android.widget.ShareActionProvider;
public class  MainActivity extends Activity {
    private ShareActionProvider mShareActionProvider;
    private String[] titles;
    private ListView drawerList;
    private class DrawerItemClickListener implements ListView.OnItemClickListener{
        @Override
        public void onItemClick(AdapterView&amp;lt;?&amp;gt; parent, View view, int position, long id){
            selectItem(position);
        }
    }
    private void selectItem(int position) {
        Fragment mfragment;
        switch (position) {
            case 1:
                mfragment = new PizzaFragment();
                break;
            case 2:
                mfragment = new pastaFragment();
                break;
            case 3:
                mfragment = new pastaFragment();
                break;
            default:
                mfragment = new TopFragment();
                break;
        }
        FragmentTransaction ft = getFragmentManager().beginTransaction();
        ft.replace(R.id.content_frame, mfragment);
        ft.addToBackStack(null);
        ft.setTransition(FragmentTransaction.TRANSIT_FRAGMENT_FADE);
        ft.commit();
    };
    protected void onCreate(Bundle savedInstanceState) {
        super.onCreate(savedInstanceState);
        setContentView(R.layout.activity_main);
        titles = getResources().getStringArray(R.array.titles);
        drawerList = (ListView) findViewById(R.id.drawer);
        drawerList.setAdapter(new ArrayAdapter&amp;lt;String&amp;gt;(this, android.R.layout.simple_list_item_activated_1, titles));
        drawerList.setOnItemClickListener(new DrawerItemClickListener());
    }
    @Override
    public boolean onCreateOptionsMenu(Menu menu) {
        MenuInflater inflater = getMenuInflater();
        inflater.inflate(R.menu.menu_main, menu);
        MenuItem menuItem =menu.findItem(R.id.action_share);
        mShareActionProvider=(ShareActionProvider) menuItem.getActionProvider();
        setIntent("This is example text");
        return true;
    }
    @Override
    public boolean onOptionsItemSelected(MenuItem item){
        switch (item.getItemId()){
            case R.id.action_create_order:
                Intent intent=new Intent(this,orderActivity.class);
                startActivity(intent);
                return true;
            case R.id.action_setttings:
                return true;
            default:
                return super.onOptionsItemSelected(item);
        }
    }
    private void setIntent(String text) {
        Intent intent = new Intent(Intent.ACTION_SEND);
        intent.setType("text/plain");
        intent.putExtra(Intent.EXTRA_TEXT, text);
        mShareActionProvider.setShareIntent(intent);
    }
}
&lt;/code&gt;&lt;/pre&gt;
&lt;p&gt;IDE not recognize mfragment  varible. tried to change getFragmentManager() to getSupportFragmentManager(). then it was not supporting by IDE&lt;/p&gt;</t>
  </si>
  <si>
    <t>2016-09-01 16:59:20.227000+00:00</t>
  </si>
  <si>
    <t>2016-09-02 17:02:58.237000+00:00</t>
  </si>
  <si>
    <t>android|xml|android-layout|android-studio|android-fragments</t>
  </si>
  <si>
    <t>How to enable a system-wide function for users including sudo?</t>
  </si>
  <si>
    <t>&lt;p&gt;I want to make a global alias for &lt;code&gt;killprocessatport&lt;/code&gt; so I put at the end in &lt;code&gt;/etc/bash.bashrc&lt;/code&gt;&lt;/p&gt;
&lt;pre&gt;&lt;code&gt;fuserfunction() {
    fuser -KILL -k -n tcp $1
}
alias killprocessatport=fuserfunction
&lt;/code&gt;&lt;/pre&gt;
&lt;p&gt;Then i put in &lt;code&gt;/etc/profile&lt;/code&gt; at the very end &lt;/p&gt;
&lt;p&gt;&lt;code&gt;source /etc/bash.bashrc&lt;/code&gt;&lt;/p&gt;
&lt;p&gt;And then I load it with &lt;code&gt;bash /etc/profile&lt;/code&gt;expecting the alias with parameter to work but it doesn't:&lt;/p&gt;
&lt;pre&gt;&lt;code&gt;$ killprocessatport 80
killprocessatport: command not found
&lt;/code&gt;&lt;/pre&gt;
&lt;p&gt;Why not?&lt;/p&gt;</t>
  </si>
  <si>
    <t>2014-02-20 18:01:32.543000+00:00</t>
  </si>
  <si>
    <t>2018-04-25 23:45:23.960000+00:00</t>
  </si>
  <si>
    <t>bash|alias</t>
  </si>
  <si>
    <t>running multiple websites with different database but using same user database</t>
  </si>
  <si>
    <t>&lt;p&gt;Currently I am working working on a project with MySQL RDBMS which contains 5 sites having their own databases. 2 of them are in the same server and the rest of them in different one.&lt;/p&gt;
&lt;p&gt;&lt;strong&gt;The 5 sites have different databases.&lt;/strong&gt;&lt;/p&gt;
&lt;p&gt;I need to make one more database containing only the user login and meta information and direct all 5 sites to that DB while loging in or registering. &lt;/p&gt;
&lt;p&gt;Now, the challenge how to organize already registered users.&lt;/p&gt;
&lt;p&gt;Users have different permissions set in their respective site.
How do I maintain permission issues for all 5 site since 3 sites contain about 40 permission contents (catalog).&lt;/p&gt;
&lt;p&gt;&lt;strong&gt;How do I set 40 permissions to all the users?&lt;/strong&gt;&lt;/p&gt;
&lt;p&gt;How can I &lt;strong&gt;synchronize&lt;/strong&gt; all users from these 5 databases, on two different servers?&lt;/p&gt;</t>
  </si>
  <si>
    <t>2013-08-04 04:38:12.630000+00:00</t>
  </si>
  <si>
    <t>2013-08-05 05:38:18.253000+00:00</t>
  </si>
  <si>
    <t>2013-08-04 04:43:53.237000+00:00</t>
  </si>
  <si>
    <t>mysql|database|database-design|architecture</t>
  </si>
  <si>
    <t>Retrieve a particular row from database based on username or id</t>
  </si>
  <si>
    <t>&lt;p&gt;Hope some one can help me out here, 
i created a system with more than 1 user, each user have a unique username and id.
My problem now is how can i set my system in such a way that when a user log in, the system will direct the user to view a particular row in the database based on their username or id.&lt;/p&gt;
&lt;p&gt;My Code to Access the Database is:&lt;/p&gt;
&lt;pre&gt;&lt;code&gt;&amp;lt;?php
$con = mysql_connect("localhost","root","");
mysql_select_db("uloaku", $con);
$count = 1;
$y = mysql_query("SELECT * FROM transaction WHERE username = '".$_SESSION['username']."' LIMIT 1");
if(mysql_num_rows($y) != 0){
echo "&amp;lt;table border=\"1\" width=\"800\" &amp;gt;";
echo "&amp;lt;tr id=\"bold\"&amp;gt;
&amp;lt;td&amp;gt;No&amp;lt;/td&amp;gt;
&amp;lt;td align=\"center\" width=\"120\"&amp;gt;Account Owner&amp;lt;/td&amp;gt;
&amp;lt;td align=\"center\" width=\"120\"&amp;gt;Deposit Date&amp;lt;/td&amp;gt;
&amp;lt;td align=\"center\" id=\"bold\" width=\"150\"&amp;gt;Current Balance&amp;lt;/td&amp;gt;
&amp;lt;td align=\"center\" width=\"150\"&amp;gt;Available Balance&amp;lt;/td&amp;gt;
&amp;lt;td align=\"center\"&amp;gt;Account Status&amp;lt;/td&amp;gt;
&amp;lt;/tr&amp;gt;";
while ($z = mysql_fetch_array($y, MYSQL_BOTH)){
        echo "&amp;lt;tr&amp;gt;
        &amp;lt;td&amp;gt;".$count++."&amp;lt;/td&amp;gt;
        &amp;lt;td id=\"color\" align=\"center\"&amp;gt;".$z[1]."&amp;lt;/td&amp;gt;
        &amp;lt;td id=\"color\" align=\"center\"&amp;gt;".$z[2]."&amp;lt;/td&amp;gt;
        &amp;lt;td id=\"color\" align=\"center\"&amp;gt;".$z[3]."&amp;lt;/td&amp;gt;
        &amp;lt;td id=\"color\" align=\"center\"&amp;gt;".$z[4]."&amp;lt;/td&amp;gt;
        &amp;lt;td id=\"color3\" align=\"left\"&amp;gt;".$z[5]."&amp;lt;/td&amp;gt;
        &amp;lt;/tr&amp;gt;";
    }
    echo "&amp;lt;/table&amp;gt;";
    }
?&amp;gt;
&lt;/code&gt;&lt;/pre&gt;
&lt;p&gt;My Login Page Looks Like This:&lt;/p&gt;
&lt;pre&gt;&lt;code&gt;&amp;lt;?php
session_start();
$_SESSION['username'] = $username;
$username = $_POST['username'];
$password = $_POST['password'];
if ($username&amp;amp;&amp;amp;$password)
{
$connect = mysql_connect("localhost","root","") or die("cannot connect!");
mysql_select_db("uloaku") or die("cannot find data base!");
$query = mysql_query ("SELECT * FROM keyaku WHERE    username='".mysql_real_escape_string($username)."' AND     password='".mysql_real_escape_string($password)."'");
$numrows = mysql_num_rows($query);
if ($numrows!=0)
{
while ($row = mysql_fetch_assoc($query))
{
    $dbusername = $row['username'];
    $dbpassword = $row['password'];
}
if ($username==$dbusername&amp;amp;&amp;amp;$password=$dbpassword)
{
    echo "Welcome $username";
}
else
    echo "Invalid Password";
}
else
die("Invalid User");
}
else
 die("Please Enter a UserName and Password.");
?&amp;gt;
&lt;/code&gt;&lt;/pre&gt;
&lt;p&gt;So far my log-in is working as i want it, and my database retrieves information the only problems is that it retrieves all information which is in the database but i want it to retrieve information based on the username or id of the person that logs in&lt;/p&gt;</t>
  </si>
  <si>
    <t>2012-09-09 16:09:48.477000+00:00</t>
  </si>
  <si>
    <t>2012-09-10 12:22:46.760000+00:00</t>
  </si>
  <si>
    <t>2012-09-09 17:12:47.607000+00:00</t>
  </si>
  <si>
    <t>php|mysql|phpmyadmin</t>
  </si>
  <si>
    <t>Tensorflow Dataset API with HDFS</t>
  </si>
  <si>
    <t>&lt;p&gt;We have stored a list of *.tfrecord files in a HDFS directory. I'd like to use the new Dataset API  but the only example given is to use the old filequeue and string_input_producer (&lt;a href="https://www.tensorflow.org/deploy/hadoop" rel="nofollow noreferrer"&gt;https://www.tensorflow.org/deploy/hadoop&lt;/a&gt;). These methods make it difficult to generate epochs amongst other things. &lt;/p&gt;
&lt;p&gt;Is there any way to use HDFS with the Dataset API?&lt;/p&gt;</t>
  </si>
  <si>
    <t>2018-02-09 03:23:08.080000+00:00</t>
  </si>
  <si>
    <t>2018-09-17 06:46:38.120000+00:00</t>
  </si>
  <si>
    <t>tensorflow|hdfs|tensorflow-datasets</t>
  </si>
  <si>
    <t>Get unicode string in java servlet submitted from HTML form?</t>
  </si>
  <si>
    <t>&lt;p&gt;I stuck up while working with Unicode(Nepali) in Servlet. Well I submit  (POST Method)  HTML form and wanted to store in database. But could not get exact unicode.&lt;/p&gt;
&lt;p&gt;I tried following things -&lt;/p&gt;
&lt;ol&gt;
&lt;li&gt;&lt;code&gt;new String(request.getParameter("nameNep").getBytes("iso-8859-1"),"utf-8")&lt;/code&gt;&lt;/li&gt;
&lt;/ol&gt;
&lt;p&gt;Result of above code is &lt;code&gt;?????? ????&lt;/code&gt; like string&lt;/p&gt;
&lt;ol start="2"&gt;
&lt;li&gt;&lt;code&gt;byte[] utf8Bytes = request.getParameter("nameNep").("UTF8");
String text = new String(utf8Bytes,"UTF8");&lt;/code&gt;&lt;/li&gt;
&lt;/ol&gt;
&lt;p&gt;this code generate text like &lt;code&gt;����������?����������?������ ����?������&lt;/code&gt;, and is actually same result as &lt;code&gt;request.getParameter("nameNep")&lt;/code&gt;&lt;/p&gt;
&lt;ol start="3"&gt;
&lt;li&gt;&lt;code&gt;URLDecoder.decode(request.getParameter("nameNep"), "UTF-8");&lt;/code&gt;&lt;/li&gt;
&lt;/ol&gt;
&lt;p&gt;same result as 2&lt;/p&gt;
&lt;ol start="4"&gt;
&lt;li&gt;&lt;code&gt;request.setCharacterSet("UTF-8");&lt;/code&gt;
setting this up before any action on request, got same result as 2 &amp;amp; 3&lt;/li&gt;
&lt;/ol&gt;
&lt;p&gt;What i am doing mistake here , the form field nameNep contains nepali Unicode characters.&lt;/p&gt;</t>
  </si>
  <si>
    <t>2017-11-24 05:46:22.213000+00:00</t>
  </si>
  <si>
    <t>java|servlets|unicode|utf-8|servlet-3.1</t>
  </si>
  <si>
    <t>How to navigate between pages in windows universal app?</t>
  </si>
  <si>
    <t>&lt;p&gt;I am creating a Quiz program which contains many subjects. But I struck at the following stage. I created many pages and want to load them based on the subject selected. But I don't know how to make it.&lt;/p&gt;
&lt;p&gt;Here is what I wanted.&lt;/p&gt;
&lt;p&gt;&lt;a href="https://i.stack.imgur.com/YMmIQ.png" rel="nofollow noreferrer"&gt;&lt;img src="https://i.stack.imgur.com/YMmIQ.png" alt="enter image description here"&gt;&lt;/a&gt;&lt;/p&gt;
&lt;p&gt;Here Play,Settings and Exit are buttons in main screen. Once you click Play it will show you different subjects available. Once you select the subjects you have different options too.&lt;/p&gt;
&lt;p&gt;at first I created Single page and I used grids with hide and show options. But its kind of buggy. So I created pages but I don't know how to navigate between the pages.&lt;/p&gt;
&lt;p&gt;How can I achieve it.?&lt;/p&gt;</t>
  </si>
  <si>
    <t>2015-10-12 05:20:00.240000+00:00</t>
  </si>
  <si>
    <t>2016-06-17 08:24:44.357000+00:00</t>
  </si>
  <si>
    <t>2015-10-12 07:36:15.133000+00:00</t>
  </si>
  <si>
    <t>c#|windows-runtime|winrt-xaml|win-universal-app</t>
  </si>
  <si>
    <t>how to Purge couchDB documents</t>
  </si>
  <si>
    <t>&lt;p&gt;I need to fully delete, as in Purge, several documents from couchDB verson 2.1.&lt;/p&gt;
&lt;p&gt;I have been reading about /db/_purge on docs.couchdb.org, but the process is not clear to me.  There is a sentence "&lt;strong&gt;&lt;em&gt;The format of the request must include the document ID and one or more revisions that must be purged&lt;/em&gt;&lt;/strong&gt;".&lt;/p&gt;
&lt;p&gt;How do I do this in Postman or in a browser?  Do I actually enclose my doc _id &amp;amp; rev(s) in braces?  I am struggling with how to correctly format a _purge request.&lt;/p&gt;</t>
  </si>
  <si>
    <t>2017-08-17 17:06:39.387000+00:00</t>
  </si>
  <si>
    <t>2017-08-21 20:25:27.180000+00:00</t>
  </si>
  <si>
    <t>couchdb</t>
  </si>
  <si>
    <t>How to edit redirect after login in multi auth in laravel?</t>
  </si>
  <si>
    <t>&lt;p&gt;Can you help me in multi auth of laravel?
Now i use one table (users) with two guard web and admin, but the same model related (&lt;code&gt;User&lt;/code&gt;)&lt;/p&gt;
&lt;pre&gt;&lt;code&gt;Schema::create('users', function (Blueprint $table) {
    $table-&amp;gt;increments('id');
    $table-&amp;gt;string('name');
    $table-&amp;gt;string('email')-&amp;gt;unique();
    $table-&amp;gt;boolean('isAdmin')-&amp;gt;nullable();
    $table-&amp;gt;string('password');
    $table-&amp;gt;rememberToken();
    $table-&amp;gt;timestamps();
});
&lt;/code&gt;&lt;/pre&gt;
&lt;p&gt;This Web (&lt;strong&gt;Routes.php&lt;/strong&gt;)&lt;/p&gt;
&lt;pre&gt;&lt;code&gt;Auth::routes();
Route::get('/home', 'HomeController@index')-&amp;gt;name('home');
Route::get('/login', 'Auth\LoginController@Loginuser')-&amp;gt;name('login');
Route::post('/login', 'Auth\LoginController@userLogin')-&amp;gt;name('login'); 
Route::group(['middleware' =&amp;gt; ['auth','admin']], function () {
Route::get('/admin', ['as' =&amp;gt; 'admin.home', 'uses' =&amp;gt;  
'AdminController@index']);
});
Route::get('/admin/login', ['as' =&amp;gt; 'admin.login', 'uses' =&amp;gt;   
'Auth\AdminLoginController@Loginadmin']);
Route::post('/admin/login', ['as' =&amp;gt; 'admin.login', 'uses' =&amp;gt;   
'Auth\AdminLoginController@adminLogin']);
&lt;/code&gt;&lt;/pre&gt;
&lt;p&gt;I will use 2 different links:&lt;/p&gt;
&lt;ol&gt;
&lt;li&gt;&lt;code&gt;/login&lt;/code&gt; for user and admins, when &lt;code&gt;isAdmin==1&lt;/code&gt; and when &lt;code&gt;isAdmin==0&lt;/code&gt;.&lt;/li&gt;
&lt;li&gt;&lt;code&gt;/admin/login&lt;/code&gt; for admins only .&lt;/li&gt;
&lt;/ol&gt;
&lt;p&gt;This code in admin middleware:&lt;/p&gt;
&lt;pre&gt;&lt;code&gt;if (Auth::user()){
        if(Auth::user()-&amp;gt;isAdmin  == "1"){
            return $next($request); 
        }else{
            Auth::logout();
            return redirect()-&amp;gt;route('admin.login');
       }
   }
    return redirect()-&amp;gt;route('admin.login');
&lt;/code&gt;&lt;/pre&gt;
&lt;p&gt;and in &lt;strong&gt;Auth\AdminLoginController.php&lt;/strong&gt; this code&lt;/p&gt;
&lt;pre&gt;&lt;code&gt;protected $redirectTo = '/admin';
public function __construct()
{
    $this-&amp;gt;middleware('guest:admin')-&amp;gt;except('logout');
}
 public function Loginadmin()
{
    return view('auth.login');
}
public function adminLogin(Request $request)
{
    $this-&amp;gt;validate($request, [
        'email'   =&amp;gt; 'required|email',
        'password' =&amp;gt; 'required|min:6'
    ]);
       if (Auth::guard('admin')-&amp;gt;Where("isAdmin" , '1')-&amp;gt;attempt(['email' =&amp;gt; 
$request-&amp;gt;email, 'password' =&amp;gt; $request-&amp;gt;password], $request-&amp;gt;get('remember'))) {
        return redirect()-&amp;gt;intended('/admin');
    }
    return back()-&amp;gt;withInput($request-&amp;gt;only('email', 'remember'));
&lt;/code&gt;&lt;/pre&gt;
&lt;p&gt;Now i have a problem.&lt;/p&gt;
&lt;p&gt;When request &lt;code&gt;/admin/login&lt;/code&gt; normal users enter but I do not want them to enter, I want just admin to enter in this route.&lt;/p&gt;
&lt;p&gt;Also, another problem happens when an admin enters the page redirects to &lt;code&gt;/home&lt;/code&gt; and not to &lt;code&gt;/admin&lt;/code&gt; as it should be.&lt;/p&gt;
&lt;p&gt;What is the problem?&lt;/p&gt;
&lt;p&gt;I apologize for the lengthening
Best Regards&lt;/p&gt;</t>
  </si>
  <si>
    <t>2018-10-18 22:26:19.503000+00:00</t>
  </si>
  <si>
    <t>2018-10-18 22:38:28.060000+00:00</t>
  </si>
  <si>
    <t>php|laravel|authentication|login|middleware</t>
  </si>
  <si>
    <t>Annotate venn diagram in R</t>
  </si>
  <si>
    <t>&lt;p&gt;My question involves how to annotate a venn diagram with the actual values in addition to the default counts,
using any R package.
Below is a minimal example of the data:&lt;/p&gt;
&lt;pre&gt;&lt;code&gt;list.items &amp;lt;- list(method1=c("item1","item2","item3","item4","item5","item6"), 
                   method2=c("item1","item7","item3","item4","item8","item6"), 
                   method3=c("item1","item7","item9","item4","item10","item11"))
library(gplots)
venn(list.items)
&lt;/code&gt;&lt;/pre&gt;
&lt;p&gt;This returns the venn diagram:
&lt;img src="https://i.stack.imgur.com/DdfHr.png" alt="enter image description here"&gt;
I would like to see for example what the 3 items that method3 has actually are? e.g. item3,item5 &amp;amp; item7.&lt;/p&gt;
&lt;p&gt;I would like to have a venn diagram such as the one in:
&lt;a href="http://openi.nlm.nih.gov/detailedresult.php?img=3026361_1471-2105-11-S6-S14-9&amp;amp;req=4" rel="nofollow noreferrer"&gt;http://openi.nlm.nih.gov/detailedresult.php?img=3026361_1471-2105-11-S6-S14-9&amp;amp;req=4&lt;/a&gt; 
Any assistance would be greatly appreciated. &lt;/p&gt;</t>
  </si>
  <si>
    <t>2015-04-24 10:01:34.923000+00:00</t>
  </si>
  <si>
    <t>2015-05-13 07:08:28.757000+00:00</t>
  </si>
  <si>
    <t>r|venn-diagram</t>
  </si>
  <si>
    <t>How to restore bolt state during failover</t>
  </si>
  <si>
    <t>&lt;p&gt;I'm trying to figure out how to restore the state of a storm bolt intance during failover. I can persist the state externally (DB or file system), however once the bolt instance is restarted I need to point to the specific state of that bolt instance to recover it. 
The prepare method of a bolt receives a context, documented here &lt;a href="http://nathanmarz.github.io/storm/doc/backtype/storm/task/TopologyContext.html"&gt;http://nathanmarz.github.io/storm/doc/backtype/storm/task/TopologyContext.html&lt;/a&gt;&lt;/p&gt;
&lt;p&gt;What is not clear to me is - is there any piece of this context that uniquely identifies the specific bolt instance so I can understand which persistent state to point to? Is that ID preserved during failover? Alternatively, is there any variable/object I can set for the specific bolt/instance that is preserved during failover? Any help appreciated!&lt;/p&gt;
&lt;p&gt;br
Sib&lt;/p&gt;
&lt;p&gt;P.S.
New to stackoverflow so pls bear with me...&lt;/p&gt;</t>
  </si>
  <si>
    <t>2013-11-25 10:21:44.897000+00:00</t>
  </si>
  <si>
    <t>2017-06-27 03:39:33.200000+00:00</t>
  </si>
  <si>
    <t>apache-storm</t>
  </si>
  <si>
    <t>Sleep method on child Thread causing Main Thread to sleep as well</t>
  </si>
  <si>
    <t>&lt;p&gt;I created a very simple thread logic to see race condition but I saw an unexpected behavior and it makes me think I am missing some very important concept about Multithreading in Java.&lt;/p&gt;
&lt;p&gt;Here's my Thread Class&lt;/p&gt;
&lt;pre&gt;&lt;code&gt;public class MyThreadDoinNothing implements Runnable {
    private int count = 0;
    @Override public void run() {
        count++;
        System.out.println(count);
    }
}
&lt;/code&gt;&lt;/pre&gt;
&lt;p&gt;And here is the MAIN&lt;/p&gt;
&lt;pre&gt;&lt;code&gt;public class MAIN {
    public static void main(String[] args) throws InterruptedException {
        Thread[] threads=new Thread[100];
        Runnable object=new MyThreadDoinNothing();
        for (int i=0;i&amp;lt;100;i++) {
            threads[i] = new Thread(object);
            threads[i].start();
            threads[i].sleep(1000);
        }
    }
}
&lt;/code&gt;&lt;/pre&gt;
&lt;p&gt;I expected MAIN thread to run for ~1s and print 100 numbers with race condition.But what is happening that its taking 100 second whole program.I though threads[i].sleep(1000) should have made only that particular thread to sleep not the MAIN.&lt;/p&gt;
&lt;p&gt;Not sure what I am missing here.&lt;/p&gt;</t>
  </si>
  <si>
    <t>2017-06-24 00:23:01.903000+00:00</t>
  </si>
  <si>
    <t>2017-06-24 00:28:49.987000+00:00</t>
  </si>
  <si>
    <t>2017-06-24 00:28:07.123000+00:00</t>
  </si>
  <si>
    <t>Remove &lt;br /&gt; tag from generated CheckboxList</t>
  </si>
  <si>
    <t>&lt;p&gt;I've never been a fan that checkbox lists generate so much markup, but that's besides the point. For various reasons I need to use &lt;code&gt;RepeatLayout="Flow"&lt;/code&gt; It generates a &lt;code&gt;&amp;lt;br /&amp;gt;&lt;/code&gt; tag between each checkbox.  Outside of using something client side is there a way to not include that with a server side solution?&lt;/p&gt;</t>
  </si>
  <si>
    <t>2013-06-07 02:37:42.227000+00:00</t>
  </si>
  <si>
    <t>2016-12-15 17:32:29.987000+00:00</t>
  </si>
  <si>
    <t>c#|asp.net|layout</t>
  </si>
  <si>
    <t>jquery .load() returns nothing if the string has a whitespace</t>
  </si>
  <si>
    <t>&lt;p&gt;I have a problem with &lt;code&gt;jquery&lt;/code&gt; function &lt;code&gt;.load()&lt;/code&gt;
I want to get the value from input field in &lt;code&gt;php&lt;/code&gt;, but if you enter a whitespace in the field get nothing&lt;/p&gt;
&lt;p&gt;here is my short code
html&lt;/p&gt;
&lt;pre&gt;&lt;code&gt; &amp;lt;!DOCTYPE html&amp;gt;
    &amp;lt;html&amp;gt;
        &amp;lt;head&amp;gt;
            &amp;lt;script src="http://code.jquery.com/jquery-1.10.1.min.js"&amp;gt;&amp;lt;/script&amp;gt;
        &amp;lt;/head&amp;gt;
        &amp;lt;body&amp;gt;
            &amp;lt;input type="text" onkeyup="$('#result').load('test.php?str='+$(this).val()).hide().fadeIn();" /&amp;gt;
            &amp;lt;div id="result" &amp;gt;&amp;lt;/div&amp;gt;
        &amp;lt;/body&amp;gt;
    &amp;lt;/html&amp;gt;
&lt;/code&gt;&lt;/pre&gt;
&lt;p&gt;and test.php&lt;/p&gt;
&lt;pre&gt;&lt;code&gt;&amp;lt;?php
echo $_GET[str];
&lt;/code&gt;&lt;/pre&gt;</t>
  </si>
  <si>
    <t>2013-06-30 12:52:43.717000+00:00</t>
  </si>
  <si>
    <t>2013-06-30 12:55:43.953000+00:00</t>
  </si>
  <si>
    <t>php|jquery</t>
  </si>
  <si>
    <t>Using attributes in Chef Solo JSON</t>
  </si>
  <si>
    <t>&lt;p&gt;Is it possible to specify attribute values in Chef Solo's JSON? I have a solo.json with a run list and I would like to specify the attributes there. The Chef documentation seems to indicate it should be possible for me to do something like:&lt;/p&gt;
&lt;pre&gt;&lt;code&gt;{
    "hostname": {
        "test": "value2"
    },
    "default_attributes": {
        "hostname": {
            "test": "value3"
        }
    },
    "override_attributes": {
        "hostname": {
            "test": "value4"
        }
    },
    "default": {
        "hostname": {
            "test": "value5"
        }
    },
    "run_list": [
        "recipe[hostname::default]"
    ]
}
&lt;/code&gt;&lt;/pre&gt;
&lt;p&gt;However, whenever I try to access the value in my recipe:&lt;/p&gt;
&lt;pre&gt;&lt;code&gt;p node['hostname']['test']
&lt;/code&gt;&lt;/pre&gt;
&lt;p&gt;I just get the value defined in attributes/default.rb, and if I do not define it there, I get a nil value back.&lt;/p&gt;
&lt;p&gt;Is there a way to reference these values?&lt;/p&gt;</t>
  </si>
  <si>
    <t>2014-06-03 08:18:21.180000+00:00</t>
  </si>
  <si>
    <t>2018-07-02 15:54:51.387000+00:00</t>
  </si>
  <si>
    <t>chef|chef-solo</t>
  </si>
  <si>
    <t>ASP.NET/C# Binding two generic lists to a datagrid view. Failed to enable constraints</t>
  </si>
  <si>
    <t>&lt;p&gt;We���re binding two static lists to our Grid View. One for Categories and another for Products. If I bind one (doesn't matter which) No problem. If we do two it doesn't work.&lt;/p&gt;
&lt;p&gt;What we didn���t know is binding them is not supported.&lt;br&gt;
&lt;a href="https://stackoverflow.com/questions/6407428/bind-multiple-lists-to-a-datagridview"&gt;Bind Multiple Lists to a DataGridView&lt;/a&gt; &lt;/p&gt;
&lt;p&gt;We���ve found a NuGet library called FastMember 1.1.0. It can help us access that generic list with the code to do that.
&lt;a href="https://stackoverflow.com/questions/564366/convert-generic-list-enumerable-to-datatable"&gt;Convert generic List/Enumerable to DataTable?&lt;/a&gt;     &lt;/p&gt;
&lt;p&gt;We did it but we���re getting a System.Data.ConstraintException right after we try and load the Category table in our products form. &lt;/p&gt;
&lt;blockquote&gt;
  &lt;p&gt;Failed to enable constraints. One or more rows contain values
  violating non-null, unique, or foreign-key constraints&lt;/p&gt;
&lt;/blockquote&gt;
&lt;p&gt;Three reasons in this article are the likely suspect. &lt;/p&gt;
&lt;p&gt;&lt;a href="https://stackoverflow.com/questions/7026566/failed-to-enable-constraints-one-or-more-rows-contain-values-violating-non-null"&gt;Failed to enable constraints. One or more rows contain values violating non-null, unique, or foreign-key constraints&lt;/a&gt; &lt;/p&gt;
&lt;p&gt;���   Null values being returned for columns not set to AllowDBNull&lt;/p&gt;
&lt;p&gt;���   Duplicate rows being returned with the same primary key.&lt;/p&gt;
&lt;p&gt;���   A mismatch in column definition (e.g. size of char fields) between the database and the dataset&lt;/p&gt;
&lt;p&gt;I scanned the row being returned and the auto���s window is showing approximately 6 rows, so duplicates aren���t being returned.&lt;/p&gt;
&lt;p&gt;I can���t see any constraints being enforced for the price field other than the fact it���s just not allowing nulls, so what? Why should it crash over that? &lt;/p&gt;
&lt;p&gt;I don���t feel it���s having a problem with primary keys. &lt;/p&gt;
&lt;p&gt;It appears the first bullet point reason is true. Ran this in the command windows after the exception was triggered. &lt;/p&gt;
&lt;pre&gt;&lt;code&gt;? table.GetErrors()
"Column 'Price' does not allow DBNull.Value."
&lt;/code&gt;&lt;/pre&gt;
&lt;p&gt;Then I went further: &lt;/p&gt;
&lt;pre&gt;&lt;code&gt;? table.GetErrors()
{System.Data.DataRow[4]}
    [0]: {System.Data.DataRow}
    [1]: {System.Data.DataRow}
    [2]: {System.Data.DataRow}
    [3]: {System.Data.DataRow}
? table.GetErrors()[0].RowError
"Column 'Price' does not allow DBNull.Value."
&lt;/code&gt;&lt;/pre&gt;
&lt;p&gt;I don���t have any nulls for Price in my database. Why should this even matter? And how do I get passed that to populate my gridview with two lists.&lt;/p&gt;
&lt;p&gt;This is my webform, ProductList.&lt;/p&gt;
&lt;pre&gt;&lt;code&gt;namespace PrestoSkateShop
{
    public partial class ProductList : System.Web.UI.Page
    {
        protected void Page_Load(object sender, EventArgs e)
        {            
                if (IsPostBack)
                    return;
            //PROBLEM: To get products and categories list and display them on screen.
                //GET Product list 
                //GET Category list
                //CONVERT list to data table
                //COMBINE data tables into one data table
                //Bind Data table to grid view
                //END
                DataTable table = new DataTable();
                IEnumerable&amp;lt;Product&amp;gt; ProductData = Product.GetAllProducts();
                using (var reader = ObjectReader.Create(ProductData))
                {                    
                    table.Load(reader);
                }
                IEnumerable&amp;lt;Category&amp;gt; CategoryData = Category.GetAllCategorys();
                using (var reader = ObjectReader.Create(CategoryData))
                {
                    table.Load(reader);
                }
                gvList.DataSource = table;                
                gvList.DataBind();
        }        
    }
}
&lt;/code&gt;&lt;/pre&gt;
&lt;p&gt;Product Class. &lt;/p&gt;
&lt;pre&gt;&lt;code&gt;public class Product
    {
        #region Object &amp;amp; Query Declarations
        //Query declarations
        private const string QUERY_SELECT = "SELECT * FROM tblProducts ORDER BY ProductName ASC ";
        #endregion Object &amp;amp; Query Declarations
        #region Properties
        //ID is PK
        public long ID { get; set; }
        public long CategoryID { get; set; }
        public string ProductName { get; set; }        
        public decimal Price { get; set; }
        public string Image { get; set; }
        public string Colour { get; set; }
        public string Size { get; set; }  
        public string Description { get; set; }
        #endregion        
        #region Constructors
        public Product() { }       
        #endregion
        #region Initalizers
        /// &amp;lt;summary&amp;gt;
        /// Loads an entire list of products.
        /// &amp;lt;/summary&amp;gt;
        public static List&amp;lt;Product&amp;gt; GetAllProducts()
        {
            List&amp;lt;Product&amp;gt; listProducts = new List&amp;lt;Product&amp;gt;();
            using (SqlConnection conn = new SqlConnection(Models.Strings.CONNECTION_STRING))
            {
                SqlCommand cmd = new SqlCommand(QUERY_SELECT, conn);
                conn.Open();
                SqlDataReader rdr = cmd.ExecuteReader();
                while (rdr.Read())
                {
                    Product product = new Product();
                    product.ID = (long)rdr[0];
                    product.CategoryID = (long)rdr[1];
                    product.ProductName = rdr[2].ToString();
                    product.Price = decimal.Parse(rdr[3].ToString());
                    product.Image = rdr[4].ToString();
                    product.Colour = rdr[5].ToString();
                    product.Size = rdr[6].ToString();
                    product.Description = rdr[7].ToString();
                    listProducts.Add(product);
                }
            }
            return listProducts;
        }
        #endregion
    }
}
&lt;/code&gt;&lt;/pre&gt;
&lt;p&gt;Category Class&lt;/p&gt;
&lt;pre&gt;&lt;code&gt;public class Category
    {
        #region Object &amp;amp; Query Declarations
        //Query declarations
        private const string QUERY_SELECT = "SELECT * FROM tblCategories ORDER BY CategoryName ASC ";
        #endregion Object &amp;amp; Query Declarations
        #region Properties
        //ID is PK
        public long ID { get; set; }
        public string CategoryName { get; set; }       
        #endregion        
        #region Constructors
        public Category() { }       
        #endregion
        #region Initalizers
        /// &amp;lt;summary&amp;gt;
        /// Loads an entire list of Categorys.
        /// &amp;lt;/summary&amp;gt;
        public static List&amp;lt;Category&amp;gt; GetAllCategorys()
        {
            List&amp;lt;Category&amp;gt; listCategorys = new List&amp;lt;Category&amp;gt;();
            using (SqlConnection conn = new SqlConnection(Models.Strings.CONNECTION_STRING))
            {
                SqlCommand cmd = new SqlCommand(QUERY_SELECT, conn);
                conn.Open();
                SqlDataReader rdr = cmd.ExecuteReader();
                while (rdr.Read())
                {
                    Category Category = new Category();
                    Category.ID = (long)rdr[0];
                    Category.CategoryName = rdr[1].ToString();
                    listCategorys.Add(Category);
                }
            }
            return listCategorys;
        }
        #endregion
    }
}
&lt;/code&gt;&lt;/pre&gt;
&lt;p&gt;SQL Server database Images &lt;/p&gt;
&lt;p&gt;&lt;a href="https://i.stack.imgur.com/HCkh7.png" rel="nofollow noreferrer"&gt;SQL Server Database table design&lt;/a&gt;&lt;/p&gt;
&lt;p&gt;&lt;a href="https://i.stack.imgur.com/zKvFL.png" rel="nofollow noreferrer"&gt;SQL Server Database Table data&lt;/a&gt;&lt;/p&gt;</t>
  </si>
  <si>
    <t>2016-12-06 01:03:35.100000+00:00</t>
  </si>
  <si>
    <t>2016-12-31 21:55:55.070000+00:00</t>
  </si>
  <si>
    <t>2016-12-10 01:23:37.400000+00:00</t>
  </si>
  <si>
    <t>c#|asp.net|sql-server</t>
  </si>
  <si>
    <t>interdependant dropdown list Jquery Knockout asp.net</t>
  </si>
  <si>
    <t>&lt;p&gt;i've been scratching my head for a while now with this issue.&lt;/p&gt;
&lt;p&gt;Assume i have a concatenated field which goes like A-B-C. i have a set of object that goes like {[A1-B1-C2],[A1-B1-C1],[A2-B2-C3],...} and so on.&lt;/p&gt;
&lt;p&gt;I am using the select2 plugin to build a filter to filter this set of object. Problem is, filter on A,B,C have to be interdependant. so if i choose A1 in the A values dropdown i will have B1 in the B dropdown as selectable value and C2 and C1 in the C values dropdown. if i set my filter B with B1 in the first place i should have A1 in A dropdown list and C1 and C2 in C dropdown. A,B,C dropdown contains a "all" default value at the beginning. but when i start playing around with values, dropdown lists need to be repopulate.&lt;/p&gt;
&lt;p&gt;Problem comes when i am removing value, i can't seem to find the best way to handle it. let's take the following scenario with the same data set above. so first i have the "all" value in my three dependant dropdown lists. then i choose A1 in the first one. so in B i have B1 as a choice and in C in have C1 and C2 as choices. now a select B1 in the B dropdown, i loose my all option in the A dropdown list and still have C1 and C2 in the C dropdown (at this point C has no value selected and don't have the "all" option anymore). Now i decide to empty my A dropdown. so as B dropdown is the only selected option i need to make all B values available again meaning B1, B2 and "all" option again. &lt;/p&gt;
&lt;p&gt;I hope i'm clear enough, and hope i'll get some help on it too. I already have a solution which is to send ajax query everytime a change happens but i find it too heavy. for now on A has 2 possibles value and B around 20 possible values, C can have an infinite set of value.&lt;/p&gt;</t>
  </si>
  <si>
    <t>2017-07-09 18:10:09.387000+00:00</t>
  </si>
  <si>
    <t>2017-07-10 01:23:27.773000+00:00</t>
  </si>
  <si>
    <t>jquery|knockout.js</t>
  </si>
  <si>
    <t>SQLite - Count how many records there are for each foreign key</t>
  </si>
  <si>
    <t>&lt;ul&gt;
&lt;li&gt;I need a query that counts the primary keys that were not assigned in the foreign key. In short: with the count value of 0 when not appearing in the foreign key. See image: 
&lt;img src="https://i.stack.imgur.com/pwhdR.jpg" alt="text"&gt;&lt;/li&gt;
&lt;li&gt;My query returns only the count of the primary keys that have become foreign key in another table. My query does not show the values ������0.&lt;/li&gt;
&lt;/ul&gt;
&lt;p&gt;I'm using:&lt;/p&gt;
&lt;pre&gt;&lt;code&gt;SELECT l.name AS listName, COUNT(p.fk_list_identifier) AS countNum
FROM list AS l INNER JOIN person AS p 
WHERE l.identifier = p.fk_list_identifier
GROUP BY l.name;
&lt;/code&gt;&lt;/pre&gt;</t>
  </si>
  <si>
    <t>2014-03-27 22:09:51.980000+00:00</t>
  </si>
  <si>
    <t>2014-03-27 22:32:34.607000+00:00</t>
  </si>
  <si>
    <t>2014-03-27 22:31:06.817000+00:00</t>
  </si>
  <si>
    <t>sql|sqlite|select|count|analysis</t>
  </si>
  <si>
    <t>Mininet openflow tutorial</t>
  </si>
  <si>
    <t>&lt;p&gt;I am new to mininet and trying to follow the tutorial on mininet/openflow &lt;a href="https://github.com/mininet/openflow-tutorial/wiki/Learn-Development-Tools" rel="nofollow noreferrer"&gt;https://github.com/mininet/openflow-tutorial/wiki/Learn-Development-Tools&lt;/a&gt;&lt;/p&gt;
&lt;p&gt;I have a problem with the Wireshark capture, it's only capturing TCP packets on the lo interface, no OpenFlow packets at all. &lt;/p&gt;
&lt;p&gt;any idea what might be wrong?&lt;/p&gt;
&lt;p&gt;Cheers,
ami&lt;/p&gt;</t>
  </si>
  <si>
    <t>2017-06-02 07:41:13.933000+00:00</t>
  </si>
  <si>
    <t>2018-08-08 01:44:52.423000+00:00</t>
  </si>
  <si>
    <t>sdn|mininet|openflow|wireshark-dissector</t>
  </si>
  <si>
    <t>BREEZE: Error when query with parameters (breeze.sharp call breeze.server.net - Asp.Net Core/EF Core)</t>
  </si>
  <si>
    <t>&lt;p&gt;I have faced a problem when using breeze.sharp and breeze.server.net - Asp.Net Core + EF Core.&lt;/p&gt;
&lt;p&gt;Everything works well when query the full list &lt;code&gt;http://localhost:5678/breeze/share/companies&lt;/code&gt;.&lt;/p&gt;
&lt;p&gt;But when I add parameter &lt;code&gt;http://localhost:5678/breeze/share/companies?$filter=TagName%20eq%20%27DHL%27&lt;/code&gt;&lt;/p&gt;
&lt;p&gt;I get error:&lt;/p&gt;
&lt;blockquote&gt;
  &lt;p&gt;{"$id":"32","$type":"Breeze.AspNetCore.ErrorDto,
  Breeze.AspNetCore.NetCore","Code":0,"Message":"This EntityQuery ctor
  requires a valid json string. The following is not json:
  $filter=TagName eq 'DHL'","StackTrace":" at
  Breeze.Core.EntityQuery..ctor(String json) in
  D:\GitHub\Breeze\breeze.server.net\AspNetCore\Breeze.Core\Query\EntityQuery.cs:line
  37\r\n at
  Breeze.AspNetCore.BreezeQueryFilterAttribute.OnActionExecuted(ActionExecutedContext
  context) in
  D:\GitHub\Breeze\breeze.server.net\AspNetCore\Breeze.AspNetCore.NetCore\QueryFilter.cs:line
  33\r\n at
  Microsoft.AspNetCore.Mvc.Filters.ActionFilterAttribute.OnActionExecutionAsync(ActionExecutingContext
  context, ActionExecutionDelegate next)\r\n at
  Microsoft.AspNetCore.Mvc.Internal.ControllerActionInvoker.InvokeNextActionFilterAsync()\r\n
  at
  Microsoft.AspNetCore.Mvc.Internal.ControllerActionInvoker.Rethrow(ActionExecutedContext
  context)\r\n at
  Microsoft.AspNetCore.Mvc.Internal.ControllerActionInvoker.Next(State&amp;amp;
  next, Scope&amp;amp; scope, Object&amp;amp; state, Boolean&amp;amp; isCompleted)\r\n at
  Microsoft.AspNetCore.Mvc.Internal.ControllerActionInvoker.InvokeInnerFilterAsync()\r\n
  at
  Microsoft.AspNetCore.Mvc.Internal.ResourceInvoker.InvokeNextExceptionFilterAsync()","EntityErrors":null}&lt;/p&gt;
&lt;/blockquote&gt;
&lt;p&gt;Try to debug deeper the source code of breeze.server.net and found the error happens in file &lt;code&gt;JsonHelper.cs&lt;/code&gt; at line 12.&lt;code&gt;JToken.parse(json)&lt;/code&gt;.&lt;/p&gt;
&lt;blockquote&gt;
  &lt;p&gt;Unable to create the JToken from the query string&lt;/p&gt;
&lt;/blockquote&gt;
&lt;p&gt;Please help.&lt;/p&gt;</t>
  </si>
  <si>
    <t>2018-07-26 05:39:09.700000+00:00</t>
  </si>
  <si>
    <t>2018-07-27 03:15:57.570000+00:00</t>
  </si>
  <si>
    <t>asp.net-core|breeze|ef-core-2.0|breeze-sharp</t>
  </si>
  <si>
    <t>Requests Failed ASP.NET Performance Counter shows constant high value</t>
  </si>
  <si>
    <t>&lt;p&gt;I have a ASP.NET website hosted on azure. For performance testing i am doing some load test, and reading the performance counter. The problem is the Requests Failed counter value, it is showing always high value and never goes to 0.&lt;/p&gt;
&lt;p&gt;During the load test, due to some wrong settings all of the requests failed. And the Requests failed counter showed the proper high value. But then after fixing the issue, still the request failed counter is showing the high value.&lt;/p&gt;
&lt;p&gt;I have checked the IIS logs, but i can't see any high number of 4xx or 5xx errors.&lt;/p&gt;
&lt;p&gt;Is the Requests Failed counter shows value for past few hours ? And is there a way to reset it, or is there any counter to read &lt;strong&gt;Requests Failed Per Sec&lt;/strong&gt;&lt;/p&gt;
&lt;p&gt;Note: I am monitoring the ASP.NET Applications Requests Failed counter.
I have Windows Server 2012 R2 and the website is hosted on Azure.&lt;/p&gt;
&lt;p&gt;Similar issue is with .NET CLR Exceptions (# of Exceps Thrown) -&gt; this is also showing high value, but it has another counter called # Of Exceps Thrown /Sec which is showing 0 value.&lt;/p&gt;
&lt;p&gt;Thanks,
Javed&lt;/p&gt;</t>
  </si>
  <si>
    <t>2015-02-09 19:38:47.063000+00:00</t>
  </si>
  <si>
    <t>2015-02-10 18:13:51.833000+00:00</t>
  </si>
  <si>
    <t>asp.net|azure|performancecounter|perfmon|iis-8.5</t>
  </si>
  <si>
    <t>SVG mapping on a transformed container</t>
  </si>
  <si>
    <t>&lt;p&gt;im looking for a solution for the following case.&lt;/p&gt;
&lt;p&gt;I'm trying to map a whole svg image on a transformed container (most possibly also a svg).&lt;/p&gt;
&lt;p&gt;&lt;a href="https://i.stack.imgur.com/G4RuQ.jpg" rel="nofollow noreferrer"&gt;&lt;img src="https://i.stack.imgur.com/G4RuQ.jpg" alt="enter image description here"&gt;&lt;/a&gt;&lt;/p&gt;
&lt;p&gt;The origin image (blue) should connect all 4 edges to the corresponding opposite one. And I'm also wondering, if it would be possible to stretch the content of the original svg like its parents container.&lt;/p&gt;
&lt;p&gt;I searched the web for hours now and all I found where examples using "transform="SkewX(x)", which is not what im looking for.&lt;/p&gt;
&lt;p&gt;In the end it should function like a slider to change the content. If this is not possible, a fade would also work. But still - id like to do it with SVG, so it is lightweight.&lt;/p&gt;
&lt;p&gt;Maybe somebody has a clue, or maybe a hint, where to find answers :)&lt;/p&gt;
&lt;p&gt;Greetings&lt;/p&gt;
&lt;p&gt;Phil&lt;/p&gt;</t>
  </si>
  <si>
    <t>2017-11-09 15:18:34.103000+00:00</t>
  </si>
  <si>
    <t>javascript|css|svg|3d|mapping</t>
  </si>
  <si>
    <t>How to check if current time falls in a specific schedule using PHP (and if not calculate the next time)?</t>
  </si>
  <si>
    <t>&lt;p&gt;I'm trying to write a task scheduler kind of program (more or less an analogy) that needs to print if the current time is inside a specific schedule. If not, then it needs to find the &lt;em&gt;next run&lt;/em&gt; time (i.e. closest time in future that falls under the schedule) and print that instead.&lt;/p&gt;
&lt;p&gt;The schedule format is JSON and looks something like this:&lt;/p&gt;
&lt;pre&gt;&lt;code&gt;[
 {"days": ["Mon","Tue","Wed","Thu","Fri"], "start_time":"09:00", "end_time":"18:00"},
 {"days": ["Sat"],"start_time":"06:00","end_time":"12:00"}
]
&lt;/code&gt;&lt;/pre&gt;
&lt;p&gt;What the above means is that the allowed schedule is between 9am to 6pm on weekdays, 6am to 12pm on Saturday and nothing happens on Sunday (this is just an example, there can be many items and possible overlaps also)&lt;/p&gt;
&lt;p&gt;So let's say today is &lt;code&gt;Thu 19:00&lt;/code&gt;, then it will print "NO" followed by &lt;code&gt;Fri 09:00&lt;/code&gt; the closest time.&lt;/p&gt;
&lt;p&gt;Another example, let's say it is &lt;code&gt;Sat 13:00&lt;/code&gt; then it will again print "NO" followed by &lt;code&gt;Mon 09:00&lt;/code&gt; since Sunday is not in the schedule.&lt;/p&gt;
&lt;p&gt;On the other hand if now is &lt;code&gt;Tue 11:00&lt;/code&gt; then it will just print "YES" (because it falls in the above schedule).&lt;/p&gt;
&lt;p&gt;I've tried to implement it &lt;a href="http://sandbox.onlinephpfunctions.com/code/8d72bad6cf2471383adb616a6edce1c24879af36" rel="nofollow"&gt;here&lt;/a&gt; and it works, but I think my implementation is rather slow since I loop over each and every day to check when it passes and I'm sure there must exists a much faster way to compute the future time directly.&lt;/p&gt;
&lt;p&gt;Thanks for your help!&lt;/p&gt;
&lt;p&gt;P.S. The timezone is always UTC (if it matters). I've already installed &lt;code&gt;Carbon&lt;/code&gt; and open to using any libraries if that makes the job easier.&lt;/p&gt;</t>
  </si>
  <si>
    <t>2016-08-17 23:12:35.307000+00:00</t>
  </si>
  <si>
    <t>2016-08-18 00:29:42.450000+00:00</t>
  </si>
  <si>
    <t>2016-08-17 23:17:39.137000+00:00</t>
  </si>
  <si>
    <t>php|date|datetime|time|php-carbon</t>
  </si>
  <si>
    <t>Python - Receiving more arguments than passing?</t>
  </si>
  <si>
    <t>&lt;p&gt;I'm learning python and gtk and so trying to using cairo to draw a rectangle in the screen with the mouse (I just managed to draw a rectangle without mouse).&lt;/p&gt;
&lt;p&gt;However something strange is happening since I'm receiving more arguments than what I'm passing. How is that possible?&lt;/p&gt;
&lt;p&gt;draw_rectangle - method definition:&lt;/p&gt;
&lt;pre&gt;&lt;code&gt;def draw_rectangle (self, widget, start_x_cood, start_y_cood, ending_x_cood, ending_y_cood):
    print ("draw_retangle")
    cr = cairo.Context ()
    cr.set_source_rgba(1, 1, 1, 1)
    cr.rectangle(start_x_cood, start_y_cood, ending_x_cood, ending_y_cood)
    cr.fill()
&lt;/code&gt;&lt;/pre&gt;
&lt;p&gt;Method that calls draw_rectangle:&lt;/p&gt;
&lt;pre&gt;&lt;code&gt;def on_motion_notify_event (self, widget, event):
        print("on_motion_notify_event")
        if event.is_hint:
            x, y, state = event.window.get_pointer()
        else:
            x = event.x
            y = event.y
            state = event.state
        if self.firstClick :
            self.ending_x_cood = x
            self.ending_y_cood = y
            self.draw_rectangle(self, widget, self.start_x_cood, self.start_y_cood, self.ending_x_cood, self.ending_y_cood)
        return True
&lt;/code&gt;&lt;/pre&gt;
&lt;p&gt;This is giving me the following error:&lt;/p&gt;
&lt;blockquote&gt;
  &lt;p&gt;on_motion_notify_event &lt;br/&gt;
  Traceback (most recent call last):
   File "gui2.py", line 56, in on_motion_notify_event&lt;br/&gt;
      self.draw_rectangle(self, widget, self.start_x_cood, self.start_y_cood, self.ending_x_cood, self.ending_y_cood)&lt;br/&gt;
  TypeError: draw_rectangle() takes exactly 6 arguments (7 given)&lt;br/&gt;
  on_motion_notify_event&lt;br/&gt;
  Traceback (most recent call last):&lt;br/&gt;
   File "gui2.py", line 56, in on_motion_notify_event
      self.draw_rectangle(self, widget, self.start_x_cood, self.start_y_cood, self.ending_x_cood, self.ending_y_cood)&lt;br/&gt;
  TypeError: draw_rectangle() takes exactly 6 arguments (7 given)&lt;/p&gt;
&lt;/blockquote&gt;
&lt;p&gt;Where is that 7th argument coming from?
My searches are leading me to *args and **kwargs but it's not making much sense.&lt;/p&gt;
&lt;p&gt;I've uploaded a runnable version of the code &lt;a href="https://gist.github.com/fawix/4e55cfb2dc6d302f2093" rel="nofollow"&gt;here&lt;/a&gt;&lt;/p&gt;</t>
  </si>
  <si>
    <t>2015-10-02 03:11:22.330000+00:00</t>
  </si>
  <si>
    <t>2015-10-04 07:30:52.153000+00:00</t>
  </si>
  <si>
    <t>How to 'unrender' a p:inputText based on p:selectManyCheckbox selection</t>
  </si>
  <si>
    <t>&lt;p&gt;I need your assistance in rendering inputText based on the selecttio of the selectManyCheckbox in the xhtml. The code is:&lt;/p&gt;
&lt;pre&gt;&lt;code&gt;&amp;lt;p:selectManyCheckbox id="basic" value="#{user1.selectedConsoles}"&amp;gt;
  &amp;lt;f:selectItem itemLabel="Xbox One SS" itemValue="XboxOne" /&amp;gt;
  &amp;lt;f:selectItem itemLabel="PS4 SS" itemValue="PS4" /&amp;gt;
  &amp;lt;f:selectItem itemLabel="Wii U SS" itemValue="WiiU" /&amp;gt;
  &amp;lt;p:ajax listener="#{user1.renderInput}" update="name"/&amp;gt;
&amp;lt;/p:selectManyCheckbox&amp;gt;
 &amp;lt;h:panelGroup id="name"&amp;gt;
  &amp;lt;p:inputText value="" rendered="#{user1.renderText}"/&amp;gt;
 &amp;lt;/h:panelGroup&amp;gt;
&lt;/code&gt;&lt;/pre&gt;
&lt;p&gt;And the bean code:&lt;/p&gt;
&lt;pre&gt;&lt;code&gt;private String[] selectedConsoles; //Setter &amp;amp; Getter
private List&amp;lt;String&amp;gt; list = new ArrayList&amp;lt;String&amp;gt;(); //Setter &amp;amp; Getter
private boolean renderText = false; //Setter &amp;amp; Getter
public void renderInput() {
  list= Arrays.asList(selectedConsoles);
  if (list.contains("PS4")) {
    renderText = true;
  }
  else if (!list.contains("PS4")) {
        renderText = false;
  }
}
&lt;/code&gt;&lt;/pre&gt;
&lt;p&gt;In the above case, once I have selected PS4, the inputText will be shown. But when I unckeck PS4, the inputText will remain visible in the form and will not be 'unrendered'. How can I achieve this.&lt;/p&gt;</t>
  </si>
  <si>
    <t>2015-05-22 17:10:35.330000+00:00</t>
  </si>
  <si>
    <t>2015-05-23 16:47:32.073000+00:00</t>
  </si>
  <si>
    <t>2015-05-22 20:11:24.783000+00:00</t>
  </si>
  <si>
    <t>ajax|jsf|primefaces</t>
  </si>
  <si>
    <t>Prevent Ant from performing a task if a file is older than another file</t>
  </si>
  <si>
    <t>&lt;p&gt;how can I prevent Ant from processing a task if a source file is older than the current target.  For example, I created a &lt;strong&gt;javacc&lt;/strong&gt; file &lt;code&gt;MyParser.jj&lt;/code&gt; and there is no need for javacc to re-generate the file MyParser.java as long as the &lt;code&gt;MyParser.jj&lt;/code&gt; is older than &lt;code&gt;MyParser.java&lt;/code&gt;.&lt;/p&gt;</t>
  </si>
  <si>
    <t>2009-11-11 16:55:50.920000+00:00</t>
  </si>
  <si>
    <t>2010-12-04 00:09:37.730000+00:00</t>
  </si>
  <si>
    <t>2010-11-24 02:56:51.753000+00:00</t>
  </si>
  <si>
    <t>java|ant|timestamp</t>
  </si>
  <si>
    <t>How to send image/Video,Voice Chat using xmpp IOS</t>
  </si>
  <si>
    <t>&lt;p&gt;I am creating a chatting app using &lt;code&gt;XMPP&lt;/code&gt;. The text chat functionality is working fine. Now I want to send audio, video and images. Can anyone tell me how to do that? I am using &lt;code&gt;core data&lt;/code&gt;. It will be better if you guys can suggest me about UI also. &lt;/p&gt;
&lt;p&gt;Any samples like WhatsApp are welcome.&lt;/p&gt;</t>
  </si>
  <si>
    <t>2016-12-08 06:13:50.603000+00:00</t>
  </si>
  <si>
    <t>2016-12-13 10:55:38.227000+00:00</t>
  </si>
  <si>
    <t>ios|objective-c|xmpp</t>
  </si>
  <si>
    <t>Is it possible to access a local website without modifying the hosts file?</t>
  </si>
  <si>
    <t>&lt;p&gt;&lt;strong&gt;TL;DR:&lt;/strong&gt; I have access to the localhost on my iPhone but can't reach local websites because I have no access to the host file.&lt;/p&gt;
&lt;p&gt;Hi everyone,&lt;/p&gt;
&lt;p&gt;I have a local website that uses a CMS setup on my laptop. The binding is specified correctly in IIS and reachable on my laptop. By getting the local address (192.168.xxx.xxx) and opening the appropriate ports, I am able to reach the localhost on my desktop computer and my iPhone. By adding the host name to the host file on my desktop, I am able to reach the website. So far so good!&lt;/p&gt;
&lt;p&gt;However, I am not able to reach the site on my iPhone as I have no access to the hosts file. I tried setting up a binding that specifies the IP address and a set port (192.168.xxx.xxx:port) with limited success, the site was reachable but the CMS I am using on my site requires a hostname to function correctly. I want to be able to reach the site using an Android phone as well if possible, but again, I have no access to the host file.&lt;/p&gt;
&lt;p&gt;I know its possible to fix this with DNS forwarding but I don't have access to the router over the network I am using.&lt;/p&gt;
&lt;p&gt;Is it possible to specify the hostname in the url along with the IP address? Something like 192.168.xxx.xxx:hostname? If this is possible, I will be able to access the site on my iPhone and also on Android phones.&lt;/p&gt;
&lt;p&gt;Any advice would be greatly appreciated, thank you!&lt;/p&gt;</t>
  </si>
  <si>
    <t>2017-04-12 00:19:16.107000+00:00</t>
  </si>
  <si>
    <t>2017-04-20 02:10:37.513000+00:00</t>
  </si>
  <si>
    <t>android|ios|dns|localhost|hostname</t>
  </si>
  <si>
    <t>Giving parameters for an event listener function in JS</t>
  </si>
  <si>
    <t>&lt;p&gt;I have a function (&lt;code&gt;doUpload_reply&lt;/code&gt;) which has &lt;code&gt;eventListeners&lt;/code&gt; in it. My problem is when I want to use the &lt;code&gt;completeHandler_reply&lt;/code&gt; I need to specify a reply id, too. So I gave the id as a parameter in an anonymouse function but did not work for me. I don't know what can be the problem or if there any other solutions to give a parameter for an event listener function I'd very happy.&lt;br /&gt;&lt;br /&gt;
&lt;b&gt;Code:&lt;/b&gt;&lt;br /&gt;
The &lt;code&gt;doUpload_reply&lt;/code&gt; function&lt;/p&gt;
&lt;pre&gt;&lt;code&gt;function doUpload_reply(id,e){
    var file = _(id).files[0];
    if(file.name == ""){
        return false;       
    }
    if(file.type != "image/jpeg" &amp;amp;&amp;amp; file.type != "image/gif" &amp;amp;&amp;amp; file.type != "image/png" &amp;amp;&amp;amp; file.type != "image/jpg"){
        alert("That file type is not supported.");
        return false;
    }
    _("triggerBtn_SP_reply").style.display = "none";
    _("uploadDisplay_SP_reply_"+e).innerHTML = '&amp;lt;img src="images/rolling.gif" width="30" height="30"&amp;gt;';
    var formdata = new FormData();
    formdata.append("stPic_reply", file);
    var ajax = new XMLHttpRequest();
    ajax.addEventListener("load", function(event){
        completeHandler_reply.call(this,e);
    }, false ); // Here is the problem when I want to give 'e' as a 
                // parameter for the completeHandler_reply function (e is the id)
    ajax.addEventListener("error", errorHandler_reply, false);
    ajax.addEventListener("abort", abortHandler_reply, false);
    ajax.open("POST", "php_parsers/photo_system.php");
    ajax.send(formdata);
}
&lt;/code&gt;&lt;/pre&gt;
&lt;p&gt;Is there any way to pass an argument through &lt;code&gt;completeHandler_reply&lt;/code&gt; like I did in the &lt;code&gt;doUpload_reply&lt;/code&gt; function?&lt;br /&gt;
The &lt;code&gt;completeHandler_reply&lt;/code&gt; function is here:&lt;/p&gt;
&lt;pre&gt;&lt;code&gt;function completeHandler(event){
    var data = event.target.responseText;
    var datArray = data.split("|");
    if(datArray[0] == "upload_complete_reply"){
        hasImage = datArray[1];
        _("uploadDisplay_SP").innerHTML = '&amp;lt;img src="tempUploads/'+datArray[1]+'" class="statusImage" /&amp;gt;';
    } else {
        _("uploadDisplay_SP").innerHTML = datArray[0];
        _("triggerBtn_SP").style.display = "block";
    }
}
&lt;/code&gt;&lt;/pre&gt;
&lt;p&gt;And I get a JS error in my console: &lt;i&gt;Uncaught TypeError: Cannot read property 'responseText' of undefined
    at XMLHttpRequest.completeHandler_reply (user.php?u=Frankli Mark&amp;amp;pn=1:1087)
    at XMLHttpRequest. (user.php?u=Frankli Mark&amp;amp;pn=1:1078)&lt;/i&gt;&lt;/p&gt;</t>
  </si>
  <si>
    <t>2017-11-22 18:44:02.170000+00:00</t>
  </si>
  <si>
    <t>2017-11-23 18:45:04.510000+00:00</t>
  </si>
  <si>
    <t>javascript|function|parameters|arguments|addeventlistener</t>
  </si>
  <si>
    <t>Missing type definition for IDBObjectStore.getAll()?</t>
  </si>
  <si>
    <t>&lt;p&gt;&lt;a href="https://developer.mozilla.org/en-US/docs/Web/API/IDBObjectStore" rel="nofollow noreferrer"&gt;&lt;code&gt;IDBObjectStore&lt;/code&gt;&lt;/a&gt; has a method &lt;a href="https://developer.mozilla.org/en-US/docs/Web/API/IDBObjectStore/getAll" rel="nofollow noreferrer"&gt;&lt;code&gt;getAll()&lt;/code&gt;&lt;/a&gt;.&lt;/p&gt;
&lt;p&gt;However, TypeScript reports no such method. The relevant section in &lt;code&gt;lib.d.ts&lt;/code&gt; is:&lt;/p&gt;
&lt;pre&gt;&lt;code&gt;interface IDBObjectStore {
    readonly indexNames: DOMStringList;
    keyPath: string | string[];
    readonly name: string;
    readonly transaction: IDBTransaction;
    autoIncrement: boolean;
    add(value: any, key?: IDBKeyRange | IDBValidKey): IDBRequest;
    clear(): IDBRequest;
    count(key?: IDBKeyRange | IDBValidKey): IDBRequest;
    createIndex(name: string, keyPath: string | string[], optionalParameters?: IDBIndexParameters): IDBIndex;
    delete(key: IDBKeyRange | IDBValidKey): IDBRequest;
    deleteIndex(indexName: string): void;
    get(key: any): IDBRequest;
    index(name: string): IDBIndex;
    openCursor(range?: IDBKeyRange | IDBValidKey, direction?: string): IDBRequest;
    put(value: any, key?: IDBKeyRange | IDBValidKey): IDBRequest;
}
&lt;/code&gt;&lt;/pre&gt;
&lt;p&gt;with no &lt;code&gt;getAll()&lt;/code&gt; in sight. Is this a bug in the type definitions?&lt;/p&gt;
&lt;p&gt;Using TS 2.2.1, with target es6.&lt;/p&gt;</t>
  </si>
  <si>
    <t>2017-03-04 04:30:40.443000+00:00</t>
  </si>
  <si>
    <t>2018-06-29 15:14:30.190000+00:00</t>
  </si>
  <si>
    <t>typescript|indexeddb</t>
  </si>
  <si>
    <t>Appcelerator Titanium Cloud - How to overwrite existing file copy on cloud?</t>
  </si>
  <si>
    <t>&lt;p&gt;I have the following code to upload a database to the Titanium Cloud:&lt;/p&gt;
&lt;pre&gt;&lt;code&gt;Cloud.Files.create({
    name : dbName,
    file : dbFile
}, function(e) {
    if (e.success) {
        var file = e.files[0];
        alert('Boats successfully backed up to cloud!');
    } else {
        alert('Error:\n' + ((e.error &amp;amp;&amp;amp; e.message) || JSON.stringify(e)));
    }
});
&lt;/code&gt;&lt;/pre&gt;
&lt;p&gt;However, if the database is saved more than once, it uploads another copy alongside the old copy.  I would only like to have a single copy of my database on the cloud.  I know there are the methods &lt;code&gt;Cloud.Files.remove&lt;/code&gt; and &lt;code&gt;Cloud.Files.update&lt;/code&gt;, and I would like to use one of them to keep a single copy per user of my database on the cloud.  However, they have a value known as &lt;code&gt;file_id&lt;/code&gt;.  What is this value and what should it be?&lt;/p&gt;</t>
  </si>
  <si>
    <t>2013-11-14 22:02:40.273000+00:00</t>
  </si>
  <si>
    <t>2013-11-15 00:00:19.060000+00:00</t>
  </si>
  <si>
    <t>database|file|titanium|cloud|appcelerator</t>
  </si>
  <si>
    <t>Password-based encryption for Android and iOS</t>
  </si>
  <si>
    <t>&lt;p&gt;I am working on an IM app that has a native Android and a native iOS implementation. One of the required features is being able to encrypt messages by entering an ordinary password string. These messages must then be decrypted by entering this password. I was also told to "use AES".&lt;/p&gt;
&lt;p&gt;My plan, which I have tried with near-success, is to take the password string, salt it with some context info that I know will never change, and generate a fixed-length key using something like MD5. I know this isn't super secure.&lt;/p&gt;
&lt;p&gt;To decrypt, I repeat above, and I get the same key. Then, I decrypt the data with that key, and get the original data back.&lt;/p&gt;
&lt;p&gt;I got this to work on Android and iOS, but they cannot decrypt each other's data, which tells me there might be implementation differences that I can't see and that I can't change.  The first 16 bytes of the AES128-encrypted data on both platforms are always the same, but after that, they are completely different. What can I check for?&lt;/p&gt;
&lt;p&gt;To be ultra-clear, the user experience is to be identical to that of sharing a zip file with a password. The user enters the password, at any time, from any device, and BAM, they get the unencrypted data. Sharing keyfiles or any of that stuff is NOT part of this.&lt;/p&gt;</t>
  </si>
  <si>
    <t>2014-04-10 18:23:03.503000+00:00</t>
  </si>
  <si>
    <t>2014-04-10 18:54:55.427000+00:00</t>
  </si>
  <si>
    <t>android|ios|encryption|aes</t>
  </si>
  <si>
    <t>Excel - self adjusting chart marker</t>
  </si>
  <si>
    <t>&lt;p&gt;I have a series of line graphs in excel that is data over time.
There are several date milestones in the chart (I.E. Nov 24th: Black Friday)&lt;/p&gt;
&lt;p&gt;On the chart I'm trying to put in an arrow on the chart with the label over the chart near the date. (See attached, below)&lt;/p&gt;
&lt;p&gt;The problem is that these are manually added and as I expand the data in the chart (add another month of data) the chart compresses and my milestone markers have to all be hand repositioned.&lt;/p&gt;
&lt;p&gt;How can I do these milestone markers so that I don't have to hand edit the table every time I expand the chart? A sample chart with a column for the desired labels can be found at &lt;a href="http://www.lordandrei.com/Media/Sample_Issue.xlsx" rel="nofollow noreferrer"&gt;this link&lt;/a&gt;.&lt;/p&gt;
&lt;p&gt;As an added note, I'm using Office (Excel) 11 for Mac.&lt;/p&gt;
&lt;p&gt;&lt;img src="https://i.stack.imgur.com/avRWW.png" alt="Example of a milestone marker on the chart"&gt;&lt;/p&gt;</t>
  </si>
  <si>
    <t>2012-05-30 14:19:39.110000+00:00</t>
  </si>
  <si>
    <t>2012-06-02 18:48:55.870000+00:00</t>
  </si>
  <si>
    <t>2012-06-01 12:38:42.197000+00:00</t>
  </si>
  <si>
    <t>excel|charts</t>
  </si>
  <si>
    <t>MVC Form just doesn't post if no radiobutton selected</t>
  </si>
  <si>
    <t>&lt;p&gt;I have a user registration form, with one set of radio buttons for the user's selected package.  The form first renders with none of the radio buttons selected, as I want it to.  However, if I don't select any option, the form merely doesn't post, based on some client side validation, yet there is no indication of what is wrong.  To me it's obvious, but to my users it definitely won't be.  How can I inform the user what is wrong?&lt;/p&gt;
&lt;p&gt;The radio buttons are in a table, not a RadioButtonList, as I wanted a few columns per button, so there is no single control I can attach a validation message to.&lt;/p&gt;</t>
  </si>
  <si>
    <t>2011-04-17 11:45:32.213000+00:00</t>
  </si>
  <si>
    <t>2011-04-17 12:01:50.347000+00:00</t>
  </si>
  <si>
    <t>asp.net|asp.net-mvc</t>
  </si>
  <si>
    <t>Select columns with eloquent on relations</t>
  </si>
  <si>
    <t>&lt;p&gt;I have two tables which look look like this:&lt;/p&gt;
&lt;pre&gt;&lt;code&gt;Addresses
ID | first_name | last_name | street
Clients
ID | address_id | assignment_id | comment
&lt;/code&gt;&lt;/pre&gt;
&lt;p&gt;Now I want to serach a name via a search input and an ajax on my address table. But only for clients. Means, I have to use the laravel relationships. I have already set it up:&lt;/p&gt;
&lt;pre&gt;&lt;code&gt;Address Model:
    public function clients()
    {
        return $this-&amp;gt;hasMany('App\Client');
    }
Client Model:
    public function address()
    {
        return $this-&amp;gt;belongsTo('App\Address');
    }
&lt;/code&gt;&lt;/pre&gt;
&lt;p&gt;What I want to get retuned is the ID of the CLIENTS table, the first name and last name of the address table for each client. This is my query so far:&lt;/p&gt;
&lt;pre&gt;&lt;code&gt;$clients = Address::whereHas('clients', function ($query) use ($searchString){
                $query-&amp;gt;select("id AS clientID")-&amp;gt;where('last_name', 'like', '%'.$searchString.'%');
            })-&amp;gt;get();
&lt;/code&gt;&lt;/pre&gt;
&lt;p&gt;However, I don't get how I can pick the ID from the client table.. &lt;code&gt;$query-&amp;gt;select("id AS clientID")&lt;/code&gt; this isn't working..&lt;/p&gt;
&lt;p&gt;How can I pick the ID of the client table and search the first name as well on the address table?&lt;/p&gt;
&lt;p&gt;Kind regards&lt;/p&gt;</t>
  </si>
  <si>
    <t>2018-07-12 11:19:53.560000+00:00</t>
  </si>
  <si>
    <t>2018-07-12 13:00:55.507000+00:00</t>
  </si>
  <si>
    <t>laravel|join|eloquent|laravel-5.5</t>
  </si>
  <si>
    <t>How to build berkeley db on linux</t>
  </si>
  <si>
    <t>&lt;p&gt;I've downloaded &lt;a href="http://download.oracle.com/otn/berkeley-db/db-18.1.25.zip" rel="nofollow noreferrer"&gt;Berkeley DB source codes&lt;/a&gt; from Oracle's website. After unpacking the zip file, there does not have any files in &lt;code&gt;build_unix&lt;/code&gt; directory. There exists an directory which contains sln file for build it on windows using visual studio. &lt;/p&gt;
&lt;p&gt;My question is if there is a sample Makefile &amp;amp; Configure script for building this db on unix-like systems such as Linux.&lt;/p&gt;</t>
  </si>
  <si>
    <t>2018-06-26 11:10:00.323000+00:00</t>
  </si>
  <si>
    <t>2018-06-27 02:49:08.597000+00:00</t>
  </si>
  <si>
    <t>berkeley-db</t>
  </si>
  <si>
    <t>HTML &amp; CSS: Split page horizontally with vertical scrollbars</t>
  </si>
  <si>
    <t>&lt;p&gt;I can't find how to do something that should be very simple. I want to divide page to two panes horizontally. Between the panes there's some border (wheter it can be resized or not I don't care). The upper pane can scroll vertically, while the lower pane stay fixed.&lt;/p&gt;
&lt;p&gt;I tried bootstrap sticky fixed footer, but I don't have scroller for top part there.&lt;/p&gt;
&lt;p&gt;My eventual goal is to insert all kind of links in bottom fixed pane that will help navigating to places in the top pane.&lt;/p&gt;
&lt;p&gt;Thanks in advance&lt;/p&gt;</t>
  </si>
  <si>
    <t>2014-06-21 23:09:53.357000+00:00</t>
  </si>
  <si>
    <t>2016-05-31 07:04:53.023000+00:00</t>
  </si>
  <si>
    <t>Default checked checkboxes not submitted</t>
  </si>
  <si>
    <t>&lt;p&gt;I have some checkboxes on a web page, for example:&lt;/p&gt;
&lt;pre&gt;&lt;code&gt;&amp;lt;input type="checkbox"&amp;lt;?php echo $checked; ?&amp;gt; name="stuff[]" value="First" /&amp;gt;
&lt;/code&gt;&lt;/pre&gt;
&lt;p&gt;where &lt;code&gt;$checked&lt;/code&gt; is either an empty string or &lt;code&gt;checked="checked"&lt;/code&gt; depending on what had been submitted.&lt;/p&gt;
&lt;p&gt;I submit the form and (assuming at least some checkboxes with the name &lt;code&gt;stuff[]&lt;/code&gt; checked), &lt;code&gt;_POST['stuff']&lt;/code&gt; in PHP is an array of the values for the checked boxes, such as &lt;code&gt;('first', 'third', 'fourth')&lt;/code&gt;.  HOWEVER, if the checkbox is pre-checked with &lt;code&gt;checked="checked"&lt;/code&gt;, the value of the box ('first' in the above example) is left out of the list of &lt;code&gt;stuff&lt;/code&gt; values.  It is left out even if the user unchecks the box and then rechecks it.&lt;/p&gt;
&lt;p&gt;I want the submitted value to include all checked items including the pre-checked (and not user-unchecked) ones.  How can I do this?&lt;/p&gt;</t>
  </si>
  <si>
    <t>2013-04-02 16:37:18.487000+00:00</t>
  </si>
  <si>
    <t>2013-04-02 16:39:28.203000+00:00</t>
  </si>
  <si>
    <t>html</t>
  </si>
  <si>
    <t>Why do we use the "salt" to secure our passwords?</t>
  </si>
  <si>
    <t>&lt;p&gt;i was reading &lt;a href="http://ruby.railstutorial.org/chapters/modeling-and-viewing-users-two#sec:secure_passwords" rel="nofollow noreferrer"&gt;this tutorial&lt;/a&gt;, and i encountered the following discussion about encryption. At the end there's written &lt;/p&gt;
&lt;blockquote&gt;
  &lt;p&gt;&lt;strong&gt;In the last line, we���ve hashed the salt with the password, yielding an
  encrypted password that is virtually
  impossible to crack&lt;/strong&gt;&lt;/p&gt;
&lt;/blockquote&gt;
&lt;p&gt;But in my opinion an hacker who has both the &lt;code&gt;encrypted_password&lt;/code&gt; and the &lt;code&gt;salt&lt;/code&gt; could do the "rainbow" trick exactly as if we were using the &lt;code&gt;salt&lt;/code&gt;.&lt;/p&gt;
&lt;p&gt;So, where i'm wrong?&lt;/p&gt;
&lt;p&gt;Thanks!&lt;/p&gt;
&lt;blockquote&gt;
&lt;pre&gt;&lt;code&gt;$ rails console
&amp;gt;&amp;gt; require 'digest'
&amp;gt;&amp;gt; def secure_hash(string)
&amp;gt;&amp;gt;   Digest::SHA2.hexdigest(string)
&amp;gt;&amp;gt; end
=&amp;gt; nil
&amp;gt;&amp;gt; password = "secret"
=&amp;gt; "secret"
&amp;gt;&amp;gt; encrypted_password = secure_hash(password)
=&amp;gt; "2bb80d537b1da3e38bd30361aa855686bde0eacd7162fef6a25fe97bf527a25b"
&amp;gt;&amp;gt; submitted_password = "secret"
=&amp;gt; "secret"
&amp;gt;&amp;gt; encrypted_password == secure_hash(submitted_password)
=&amp;gt; true
&lt;/code&gt;&lt;/pre&gt;
  &lt;p&gt;Here we���ve defined a function called
  secure_hash that uses a cryptographic
  hash function called SHA2, part of the
  SHA family of hash functions, which we
  include into Ruby through the digest
  library.7 It���s not important to know
  exactly how these hash functions work;
  for our purposes what���s important is
  that they are one-way: there is no
  computationally tractable way to
  discover that&lt;/p&gt;
  &lt;p&gt;2bb80d537b1da3e38bd30361aa855686bde0eacd7162fef6a25fe97bf527a25b
  is the SHA2 hash of the string
  "secret".&lt;/p&gt;
  &lt;p&gt;If you think about it, though, we
  still have a problem: if an attacker
  ever got hold of the hashed passwords,
  he would still have a chance at
  discovering the originals. For
  example, he could guess that we used
  SHA2, and so write a program to
  compare a given hash to the hashed
  values of potential passwords:&lt;/p&gt;
&lt;pre&gt;&lt;code&gt;&amp;gt;&amp;gt; hash = "2bb80d537b1da3e38bd30361aa855686bde0eacd7162fef6a25fe97bf527a25b"
&amp;gt;&amp;gt; secure_hash("secede") == hash
=&amp;gt; false
&amp;gt;&amp;gt; secure_hash("second") == hash
=&amp;gt; false
&amp;gt;&amp;gt; secure_hash("secret") == hash
=&amp;gt; true
&lt;/code&gt;&lt;/pre&gt;
  &lt;p&gt;So our attacker has a match���bad news
  for any users with password "secret".
  This technique is known as a rainbow
  attack.&lt;/p&gt;
  &lt;p&gt;To foil a potential rainbow attack, we
  can use a salt, which is a different
  unique string for each user.8 One
  common way to (nearly) ensure
  uniqueness is to hash the current time
  (in UTC to be time zone���independent)
  along with the password, so that two
  users will have the same salt only if
  they are created at exactly the same
  time and have the same password. Let���s
  see how this works using the
  secure_hash function defined in the
  console above:&lt;/p&gt;
&lt;pre&gt;&lt;code&gt;&amp;gt;&amp;gt; Time.now.utc
=&amp;gt; Fri Jan 29 18:11:27 UTC 2010
&amp;gt;&amp;gt; password = "secret"
=&amp;gt; "secret"
&amp;gt;&amp;gt; salt = secure_hash("#{Time.now.utc}--#{password}")
=&amp;gt; "d1a3eb8c9aab32ec19cfda810d2ab351873b5dca4e16e7f57b3c1932113314c8"
&amp;gt;&amp;gt; encrypted_password = secure_hash("#{salt}--#{password}")
=&amp;gt; "69a98a49b7fd103058639be84fb88c19c998c8ad3639cfc5deb458018561c847"
&lt;/code&gt;&lt;/pre&gt;
  &lt;p&gt;&lt;strong&gt;In the last line, we���ve hashed the salt with the password, yielding an
  encrypted password that is virtually
  impossible to crack&lt;/strong&gt;. (For clarity,
  arguments to hashing functions are
  often separated with --.)&lt;/p&gt;
&lt;/blockquote&gt;</t>
  </si>
  <si>
    <t>2011-03-09 22:19:17.250000+00:00</t>
  </si>
  <si>
    <t>2014-06-05 11:50:42.347000+00:00</t>
  </si>
  <si>
    <t>encryption</t>
  </si>
  <si>
    <t>Slick Try(query(run)) always return success</t>
  </si>
  <si>
    <t>&lt;p&gt;I was using slick 3.2.1. I use operatorId as Foreign Key.&lt;/p&gt;
&lt;p&gt;My code is something like that&lt;/p&gt;
&lt;pre&gt;&lt;code&gt;def changeCommentStatus(changeRequest: StatusUpdateRequest(implicit ec: ExecutionContext): Future[Int] = {
    val changeStatusQuery = comments
      .filter(_.id inSetBind changeRequest.commentIds)
      .filter(_.status === changeRequest.prevStatus)
      .map(c =&amp;gt; (c.operatorId, c.updatedAt, c.status))
      .update((Some(changeRequest.operatorId), Some(new Timestamp(System.currentTimeMillis())), changeRequest.status))
    db.run(changeStatusQuery)
  }
Try(changeCommentStatus(changeRequest)) match {
      case Success(response) =&amp;gt; bla bla bla
      case Failure(f) =&amp;gt; bla bla bla
&lt;/code&gt;&lt;/pre&gt;
&lt;p&gt;I use operatorId which violate Foreign Key but Try cannot be failure. How can i fix that?&lt;/p&gt;</t>
  </si>
  <si>
    <t>2017-12-28 13:07:00.267000+00:00</t>
  </si>
  <si>
    <t>2017-12-28 14:10:54.137000+00:00</t>
  </si>
  <si>
    <t>2017-12-28 13:23:53.567000+00:00</t>
  </si>
  <si>
    <t>postgresql|scala|slick</t>
  </si>
  <si>
    <t>Condition in Javascript doesn't work</t>
  </si>
  <si>
    <t>&lt;p&gt;I'm about to get mad because of those conditions in JavaScript. Why this one doesn't work?&lt;/p&gt;
&lt;pre&gt;&lt;code&gt;if (isNaN(first) || isNaN(second) &amp;amp;&amp;amp; (act !== '-' || act !== '+'))
&lt;/code&gt;&lt;/pre&gt;
&lt;p&gt;It should check is first is number, second is number and act is minus or plus. It's all right with numbers but it doesn't check act correct. What's wrong?&lt;/p&gt;
&lt;p&gt;E.g. first is 1, act is a, second is 2. It won't work.&lt;/p&gt;
&lt;p&gt;&lt;strong&gt;P.S.&lt;/strong&gt;&lt;/p&gt;
&lt;p&gt;I've some knowledge in C++ and Java. I've never had any problems with it. But since the time I've started to learn Javascript, I get so many mistakes like this.&lt;/p&gt;
&lt;p&gt;Is there different system of such expressions?&lt;/p&gt;</t>
  </si>
  <si>
    <t>2015-07-30 10:02:54.200000+00:00</t>
  </si>
  <si>
    <t>2015-08-18 19:56:39.323000+00:00</t>
  </si>
  <si>
    <t>meaning of deploy term on Application Server</t>
  </si>
  <si>
    <t>&lt;p&gt;Can you please explain me what is the meaning of deploy term on Application Server (JBoss for example) ? Does it mean class loading of war/ear to JVM ?
If so , does war/ear is being undeploy automatically when server is stopped ?
Does war with deployed marker is deploy also when server is stop ?&lt;/p&gt;</t>
  </si>
  <si>
    <t>2015-01-22 18:56:13.593000+00:00</t>
  </si>
  <si>
    <t>2015-01-22 19:36:42.043000+00:00</t>
  </si>
  <si>
    <t>jboss7.x|application-server</t>
  </si>
  <si>
    <t>NSNumber numberFromString not placed decimals</t>
  </si>
  <si>
    <t>&lt;p&gt;I am trying to convert NSString to NSNumber and it seems to create a decimal point issue here.&lt;/p&gt;
&lt;pre&gt;&lt;code&gt;NSString *str = @"515.51515";
NSNumberFormatter * f = [[NSNumberFormatter alloc] init];
[f setNumberStyle:NSNumberFormatterDecimalStyle];
NSNumber * myNumber = [f numberFromString:str];
NSLog(@"Number here:%@",myNumber);
[f release];
&lt;/code&gt;&lt;/pre&gt;
&lt;p&gt;&amp;amp; result print is
2015-03-01 08:09:28.353 myApp [57376:2086924] Number here: &lt;strong&gt;515.5151499999999&lt;/strong&gt;&lt;/p&gt;
&lt;p&gt;Actual debug log picture here &lt;/p&gt;
&lt;p&gt;&lt;img src="https://i.stack.imgur.com/9EQTD.png" alt="enter image description here"&gt;&lt;/p&gt;
&lt;p&gt;but actually it should be &lt;strong&gt;515.51515&lt;/strong&gt; rather &lt;strong&gt;515.5151499999999&lt;/strong&gt;.&lt;/p&gt;
&lt;p&gt;I tried all comibination with f.usesSignificantDigits &amp;amp; f.maximumFractionDigits =10 but no luck.&lt;br&gt;
please let me know How to fix this?&lt;/p&gt;</t>
  </si>
  <si>
    <t>2015-03-09 15:27:34.410000+00:00</t>
  </si>
  <si>
    <t>2015-03-09 19:20:52.070000+00:00</t>
  </si>
  <si>
    <t>2015-03-09 16:41:36.620000+00:00</t>
  </si>
  <si>
    <t>ios|objective-c|nsnumber</t>
  </si>
  <si>
    <t>MongoDB - slow '$group' performance</t>
  </si>
  <si>
    <t>&lt;p&gt;I have a MongoDB collection of over 1,000,000 records.
Each record size is around 20K (so the total collection size is around 20GB).&lt;/p&gt;
&lt;p&gt;I have a 'type' field in the collection (that can have around 10 different values).
I would like to get the per-type counters for the collection.
Also, there is an index on the 'type' field.&lt;/p&gt;
&lt;p&gt;I've tested two different approaches (assume python syntax):&lt;/p&gt;
&lt;h1&gt;A naive method - using 'count' calls for each of the values:&lt;/h1&gt;
&lt;pre&gt;&lt;code&gt;for type_val in my_db.my_colc.distinct('type'):
    counters[type_val] = my_db.my_colc.find({'type' : type_val}).count()
&lt;/code&gt;&lt;/pre&gt;
&lt;h1&gt;Using aggregation framework with a '$group' syntax:&lt;/h1&gt;
&lt;pre&gt;&lt;code&gt;counters = my_db.my_colc.aggregate([{'$group' :  {'_id': '$type', 'agg_val': { '$sum': 1 } }}])
&lt;/code&gt;&lt;/pre&gt;
&lt;p&gt;The performance I'm receiving for the first approach is about 2 orders of magnitude faster than for the 2nd approach.
Seems to be related to the fact that count runs on the indices only, without accessing the documents, while $group has to go over the documents one-by-one.
(It's about 1min vs. 45mins).&lt;/p&gt;
&lt;p&gt;Is there any way to run an efficient grouping query on the 'type' index, that would use only the index, thus achieving the performance results from #1, but using the aggregation framework ?&lt;/p&gt;
&lt;p&gt;I am using MongoDB 2.6.1&lt;/p&gt;
&lt;p&gt;Update:
&lt;a href="https://jira.mongodb.org/browse/SERVER-11447" rel="noreferrer"&gt;https://jira.mongodb.org/browse/SERVER-11447&lt;/a&gt; is open on this issue in MongoDB Jira.&lt;/p&gt;</t>
  </si>
  <si>
    <t>2014-07-27 11:36:44.120000+00:00</t>
  </si>
  <si>
    <t>2014-09-26 17:47:23.603000+00:00</t>
  </si>
  <si>
    <t>performance|mongodb|pymongo</t>
  </si>
  <si>
    <t>What Are Large Graphs? What is Large Graph Analysis? What Is Big Data? What is Big Data Analysis?</t>
  </si>
  <si>
    <t>&lt;p&gt;I know what are these as I have started working with them. But for now, I just want to know the formal definitions of these terms and questions.&lt;/p&gt;
&lt;p&gt;Any help in these regards is highly appreciated.&lt;/p&gt;</t>
  </si>
  <si>
    <t>2013-09-12 06:51:12.287000+00:00</t>
  </si>
  <si>
    <t>2016-06-15 00:48:11.860000+00:00</t>
  </si>
  <si>
    <t>graph|analysis|bigdata</t>
  </si>
  <si>
    <t>how to use old profile picture if no image selected in php</t>
  </si>
  <si>
    <t>&lt;p&gt;this is my code updating data. How is it possible to use old image if no image is selected?&lt;/p&gt;
&lt;p&gt;its a profile page when someone updates his profile but don't select the image for update then old image should be remained there..&lt;/p&gt;
&lt;pre&gt;&lt;code&gt;&amp;lt;?php
if(isset($_POST['update_user'])){
//getting text data from field
$update_id = $user_id;
$fullname = $_POST['fullname'];
$designation = $_POST['designation'];
$username = $_POST['username'];
$location="images/users/";
$name=$_FILES['user_img']['name'];
$temp_name=$_FILES['user_img']['tmp_name'];
if(isset($name)){
move_uploaded_file($temp_name,$location.$name);
}
else
{
    echo $user_img;
}
$update_product = "update user set FullName='$fullname',Designation='$designation',UserName='$username',User_Pic='$name' where Id='$update_id'";
$run_product = mysqli_query($con, $update_product);
if ($run_product){
echo"&amp;lt;scripy&amp;gt;alert('Update Successful')&amp;lt;/script&amp;gt;";
echo "&amp;lt;script&amp;gt;window.open('user_manage.php','_self') &amp;lt;/script&amp;gt;";
}
}
?&amp;gt;
&lt;/code&gt;&lt;/pre&gt;</t>
  </si>
  <si>
    <t>2018-01-09 06:49:40.410000+00:00</t>
  </si>
  <si>
    <t>2018-01-09 09:47:37.427000+00:00</t>
  </si>
  <si>
    <t>php|mysql|post</t>
  </si>
  <si>
    <t>Double Impersonation - from Web Site to Service to Service</t>
  </si>
  <si>
    <t>&lt;p&gt;I have an ASP MVC web site, let's call it WebSite. And two services Service1 and Service2. From the WebSite I call Service1 and from Service1 I call Service2. In WebSite I use Windows Authentication. I want to call Service2 from WebSite with User's rights. I've read about double impersonation and delegation, but I want to clarify something.. If I'm hosting WebSite and both Services at same machine, do I still need to use delegation? And how I actually do this in code/web.config??
I call Service1 from WebSite with ((WindowsIdentity)HttpContext.Current.User.Identity).Impersonate() and this works fine, but when I try to this calling Service2 from Service1, ServiceSecurityContext.Current.WindowsIdentity.Impersonate() throws exception.
So, how can I do this?&lt;/p&gt;</t>
  </si>
  <si>
    <t>2014-02-08 15:27:43.003000+00:00</t>
  </si>
  <si>
    <t>2014-02-10 07:32:37.450000+00:00</t>
  </si>
  <si>
    <t>c#|asp.net|asp.net-mvc|wcf|impersonation</t>
  </si>
  <si>
    <t>How to make spaces wider in vim?</t>
  </si>
  <si>
    <t>&lt;p&gt;I recently installed the window manager awesome, and started to use xterm. While configuring the font, I came accross this webpage: &lt;a href="https://cjshayward.com/terminal/printer.html" rel="nofollow"&gt;https://cjshayward.com/terminal/printer.html&lt;/a&gt;
that makes the really good point that you don't have to make the font bigger to get more easily readable code, but only to make the spaces between words wider.&lt;/p&gt;
&lt;p&gt;How can I achieve this in vim?&lt;/p&gt;</t>
  </si>
  <si>
    <t>2015-02-20 20:20:21.813000+00:00</t>
  </si>
  <si>
    <t>2015-02-21 01:06:15.080000+00:00</t>
  </si>
  <si>
    <t>vim|xterm</t>
  </si>
  <si>
    <t>Start another application with home key disable from our activity</t>
  </si>
  <si>
    <t>&lt;p&gt;Is it possible to start an application with home key disabled ,from within our activity?&lt;/p&gt;</t>
  </si>
  <si>
    <t>2013-10-19 05:58:06.073000+00:00</t>
  </si>
  <si>
    <t>2013-10-19 06:09:41.650000+00:00</t>
  </si>
  <si>
    <t>Samsung Galaxy Y didn't detect the barcode</t>
  </si>
  <si>
    <t>&lt;p&gt;I have written a program for Bar code scanner application it works fine in the Samsung Galaxy S551 but it didn't detect the bar code in the Samsung Galaxy Y.I compared both the devices and found it that might be due to Android version compatibility.I build application for Android 2.2 and tried to ran it on the Samsung Galaxy Y so again I build application for Android 2.3, I got the same result.Samsung Galaxy Y still didn't detect the bar code...&lt;/p&gt;</t>
  </si>
  <si>
    <t>2012-03-30 10:14:14.523000+00:00</t>
  </si>
  <si>
    <t>2018-06-30 11:46:38.023000+00:00</t>
  </si>
  <si>
    <t>android|samsung-mobile</t>
  </si>
  <si>
    <t>Extract zip entries to another Zip file</t>
  </si>
  <si>
    <t>&lt;p&gt;Can anyone tell me why the following code doesnt work? I am using the SharpZipLib API for the Zip streams, latest version DL'ed today from their site. Im attempting to use this logic to merge the contents of one zip file into another, without having to perform IO on the disk, as the intended zip files may contain reserved file names for windows. I have tried this with multiple different source and destination zip files (those that contain reserved names and those that dont). The code does not throw any exception, and if you inspect the buffer prior to each write operation, you can see that it contains real data, yet after the entire operation finishes the size of the target zip file has not changed, and you can explore it to confirm that no new files (the ones the code is supposed to add) have actually been added to the destination file. :(&lt;/p&gt;
&lt;pre&gt;&lt;code&gt;    public static void CopyToZip(string inArchive, string outArchive)
    {
        ZipOutputStream outStream = null;
        ZipInputStream inStream = null;
        try
        {
            outStream = new ZipOutputStream(File.OpenWrite(outArchive));
            outStream.IsStreamOwner = false;
            inStream = new ZipInputStream(File.OpenRead(inArchive));
            ZipEntry currentEntry = inStream.GetNextEntry();
            while (currentEntry != null)
            {
                byte[] buffer = new byte[1024];
                ZipEntry newEntry = new ZipEntry(currentEntry.Name);
                newEntry.Size = currentEntry.Size;
                newEntry.DateTime = currentEntry.DateTime;
                outStream.PutNextEntry(newEntry);
                int size = 0;
                while ((size = inStream.Read(buffer, 0, buffer.Length)) &amp;gt; 0)
                {
                    outStream.Write(buffer, 0, size);
                }
                outStream.CloseEntry();
                currentEntry = inStream.GetNextEntry();
            }
            outStream.IsStreamOwner = true;
        }
        catch (Exception e)
        {
            throw e;
        }
        finally
        {
            try { outStream.Close(); }
            catch (Exception ignore) { }
            try { inStream.Close(); }
            catch (Exception ignore) { }
        }      
    }
&lt;/code&gt;&lt;/pre&gt;</t>
  </si>
  <si>
    <t>2012-08-07 04:57:54.410000+00:00</t>
  </si>
  <si>
    <t>2012-10-30 18:06:20.723000+00:00</t>
  </si>
  <si>
    <t>2012-08-07 08:44:46.203000+00:00</t>
  </si>
  <si>
    <t>c#|sharpziplib</t>
  </si>
  <si>
    <t>Display all points in chart control on a windows form in C#</t>
  </si>
  <si>
    <t>&lt;p&gt;I am trying to display several points with x and y coordinates between 0 and 200 in a chart control on a Windows form app in C#. My code looks like the following:&lt;/p&gt;
&lt;pre&gt;&lt;code&gt;using System;
using System.Collections.Generic;
using System.ComponentModel;
using System.Data;
using System.Drawing;
using System.Linq;
using System.Text;
using System.Threading.Tasks;
using System.Windows.Forms;
namespace WindowsFormsApp3
{
    public partial class Form1 : Form
    {
        public class Point
        {
            public double X;
            public double Y;
            public Point(double x, double y)
            {
                X = x;
                Y = y;
            }
        }
        public Form1()
        {
            InitializeComponent();
            List&amp;lt;Point&amp;gt; points = new List&amp;lt;Point&amp;gt;();
            for (int i=0; i&amp;lt;5; i++)
            {
                points.Add(new Point(GetRandomNumber(0, 200), GetRandomNumber(0, 200)));
            }
            foreach(Point f in points)
            {
                chart1.Series["Series1"].Points.AddXY(f.X, f.Y);
            }
            Application.DoEvents();
        }
        double GetRandomNumber(double minimum, double maximum)
        {
            Random random = new Random();
            return random.NextDouble() * (maximum - minimum) + minimum;
        }
    }
}
&lt;/code&gt;&lt;/pre&gt;
&lt;p&gt;When I run this, however, I get this plot:&lt;/p&gt;
&lt;p&gt;&lt;a href="https://i.stack.imgur.com/FMvXE.png" rel="nofollow noreferrer"&gt;&lt;img src="https://i.stack.imgur.com/FMvXE.png" alt="enter image description here"&gt;&lt;/a&gt;&lt;/p&gt;
&lt;p&gt;I get a similar result no matter what range I use. For example, the following output is for x and y in the range of 0, 30:&lt;/p&gt;
&lt;p&gt;&lt;a href="https://i.stack.imgur.com/uEbOt.png" rel="nofollow noreferrer"&gt;&lt;img src="https://i.stack.imgur.com/uEbOt.png" alt="enter image description here"&gt;&lt;/a&gt;&lt;/p&gt;
&lt;p&gt;However, when I manually enter some random points to the list, the chart scales appropriately, and they all show up o it just fine:&lt;/p&gt;
&lt;pre&gt;&lt;code&gt;List&amp;lt;Point&amp;gt; points = new List&amp;lt;Point&amp;gt;
            {
                new Point(10, 29),
                new Point(5, 16),
                new Point(27, 8),
                new Point(17, 23),
                new Point(22, 13)
            };
&lt;/code&gt;&lt;/pre&gt;
&lt;p&gt;&lt;a href="https://i.stack.imgur.com/8ImnT.png" rel="nofollow noreferrer"&gt;&lt;img src="https://i.stack.imgur.com/8ImnT.png" alt="enter image description here"&gt;&lt;/a&gt;&lt;/p&gt;
&lt;p&gt;Why is this? and how can I get all points to display appropriately, when randomly generated.&lt;/p&gt;
&lt;p&gt;I am using: &lt;/p&gt;
&lt;pre&gt;&lt;code&gt;Microsoft Visual Studio Community 2017 
Visual C# 2017   00369-60000-00001-AA613
Microsoft Visual C# 2017
&lt;/code&gt;&lt;/pre&gt;</t>
  </si>
  <si>
    <t>2017-12-17 14:08:43.777000+00:00</t>
  </si>
  <si>
    <t>2017-12-17 19:37:30.980000+00:00</t>
  </si>
  <si>
    <t>c#|winforms|visual-studio|microsoft-chart-controls</t>
  </si>
  <si>
    <t>Manual Reset Event Basic Question</t>
  </si>
  <si>
    <t>&lt;p&gt;i am little confused about the manual reset event's wait one method , consider below scenarion&lt;/p&gt;
&lt;pre&gt;&lt;code&gt;static  object objLock = new object();
    static int counter = 5;
    static ManualResetEvent mEvent = new ManualResetEvent(false);
    static void Main(string[] args)
    {
        ///LeftShifting(10, 4);
       // RightShifting(3, 1);
       // Xoring(0001, 1001);
       // ExcahnageValuesWithXoring(10, 20);
       // ReverseBits(0);
        Thread.CurrentThread.Name = "Main Thread";
        for(int i=0;i&amp;lt;5;i++)
        {
            Thread t = new Thread(new ThreadStart(DoSomeLongWork));
            t.Name = i.ToString();
            t.Start();
        }
        Console.WriteLine("Current thread is " + Thread.CurrentThread.Name);
        mEvent.WaitOne();
        Console.WriteLine("Current thread is " + Thread.CurrentThread.Name);
        Console.WriteLine("Completed Long Running Process...");
        Console.ReadLine();
    }
    private static void DoSomeLongWork()
    {
        Console.WriteLine("Starting Long Running Process...On " + Thread.CurrentThread.Name);
        Thread.Sleep(5000);
        Interlocked.Decrement(ref counter);
        Console.WriteLine("Ending Long Running Process...On " + Thread.CurrentThread.Name);
        if (counter == 0)
            mEvent.Set();
    }
&lt;/code&gt;&lt;/pre&gt;
&lt;p&gt;my question is when i call mEvent.Waitone() is it going to block 'Main Thread' or the one of the executing child thread.&lt;/p&gt;</t>
  </si>
  <si>
    <t>2011-01-28 11:13:52.800000+00:00</t>
  </si>
  <si>
    <t>2011-01-28 11:16:45.140000+00:00</t>
  </si>
  <si>
    <t>In Service Oriented Architecture (SOA), should each service own its own data?</t>
  </si>
  <si>
    <t>&lt;p&gt;Under Service Oriented Architecture (SOA), I am interested in the question of whether a service should own its own data or not.&lt;/p&gt;
&lt;p&gt;One of the constraints is that if anything fails at any point, we need to be able to roll the state of the entire system back to a prior state so we can retry or resume an operation.&lt;/p&gt;
&lt;p&gt;If each service owns its own data, then does this imply that the system deals with change better from the programmers point of view?&lt;/p&gt;
&lt;p&gt;However, if each service owns its own data, are there any mechanisms to roll the entire system back to a prior state so a failed operation can be resumed or retried?&lt;/p&gt;</t>
  </si>
  <si>
    <t>2013-09-06 16:07:08.840000+00:00</t>
  </si>
  <si>
    <t>2014-12-19 00:52:55.737000+00:00</t>
  </si>
  <si>
    <t>c#|java|c++|architecture|soa</t>
  </si>
  <si>
    <t>Using vb.net to parse through json code with exception</t>
  </si>
  <si>
    <t>&lt;p&gt;I am trying to use vb.net windows forms application to parse through some JSON code. My code builds just fine and compiles, but the moment I click on my button, I get this exception:&lt;/p&gt;
&lt;blockquote&gt;
  &lt;p&gt;Newtonsoft.Json.JsonReaderException: 'Error parsing NaN value. Path '', line 1, position 1.'&lt;/p&gt;
&lt;/blockquote&gt;
&lt;p&gt;The exception is pointing to this line at the end of my code:&lt;/p&gt;
&lt;pre&gt;&lt;code&gt;For Each item As JObject In JArray.Parse(jsonObjects.SelectTokens("items").ToString)
&lt;/code&gt;&lt;/pre&gt;
&lt;p&gt;I have tried to solve it, but I don't know how to anymore. Here is my code:&lt;/p&gt;
&lt;pre&gt;&lt;code&gt;Imports Newtonsoft.Json
Imports Newtonsoft.Json.Linq
Public Class Form1
    Private Sub Button1_Click(sender As Object, e As EventArgs) Handles Button1.Click
        Dim jsonString As String = "{""id"":1, ""name"":""tom"", 
""items"":[
    {""name"":""apple"", ""count"":1 },
    {""name"":""milk"", ""count"":2 }
]
}"
        Dim jsonObjects As JObject = JObject.Parse(jsonString)
        Console.WriteLine("id:" &amp;amp; jsonObjects.SelectTokens("id").ToString)
        Console.WriteLine("name:" &amp;amp; jsonObjects.SelectTokens("name").ToString)
        Console.WriteLine("items:" &amp;amp; jsonObjects.SelectTokens("items").ToString)
        'Dim jsonArray As JArray = JArray.Parse(jsonObjects.SelectTokens("items").ToString)
        For Each item As JObject In JArray.Parse(jsonObjects.SelectTokens("items").ToString)
            Console.WriteLine("item:" &amp;amp; item.SelectTokens("name").ToString)
        Next
    End Sub
End Class
&lt;/code&gt;&lt;/pre&gt;</t>
  </si>
  <si>
    <t>2017-12-21 17:27:29.600000+00:00</t>
  </si>
  <si>
    <t>2017-12-21 18:54:50.417000+00:00</t>
  </si>
  <si>
    <t>2017-12-21 18:40:29.523000+00:00</t>
  </si>
  <si>
    <t>user8915618</t>
  </si>
  <si>
    <t>json|vb.net</t>
  </si>
  <si>
    <t>Is it possible to change the model name in the django admin site?</t>
  </si>
  <si>
    <t>&lt;p&gt;I am translating a django app and I would like to translate also the homepage of the django admin site. &lt;/p&gt;
&lt;p&gt;On this page are listed the application names and the model class names. I would like to translate the model class name but I don't find how to give a user-friendly name for a model class.&lt;/p&gt;
&lt;p&gt;Does anybody know how to do that?&lt;/p&gt;</t>
  </si>
  <si>
    <t>2010-03-17 14:15:42.163000+00:00</t>
  </si>
  <si>
    <t>2017-08-28 11:02:15.227000+00:00</t>
  </si>
  <si>
    <t>python|django|django-models|django-admin</t>
  </si>
  <si>
    <t>How to reference a Profile111 PCL from a netstandard2.0 assembly?</t>
  </si>
  <si>
    <t>&lt;p&gt;I have a profile111-pcl-assembly which should be used by a netstandard2.0 class library.&lt;/p&gt;
&lt;p&gt;The compatibility chart [1] says that Profile111 already is compatible with netstandard1.1.
But I always get this silly warning:&lt;/p&gt;
&lt;blockquote&gt;
  &lt;p&gt;warning NU1701: Package 'Name' was restored using
  '.NETFramework,Version=v4.6.1' instead of the project target framework
  '.NETStandard,Version=v2.0'. This package may not be fully compatible
  with your project.&lt;/p&gt;
&lt;/blockquote&gt;
&lt;p&gt;Why the f*ck should it &lt;strong&gt;NOT&lt;/strong&gt; be fully compatible with my project?&lt;/p&gt;
&lt;p&gt;I already tried using &lt;code&gt;&amp;lt;PackageTargetFallback&amp;gt;&lt;/code&gt; but this did not change anything.&lt;/p&gt;
&lt;p&gt;[1] &lt;a href="https://docs.microsoft.com/en-us/nuget/schema/target-frameworks" rel="nofollow noreferrer"&gt;https://docs.microsoft.com/en-us/nuget/schema/target-frameworks&lt;/a&gt;&lt;/p&gt;</t>
  </si>
  <si>
    <t>2017-09-08 14:45:59.983000+00:00</t>
  </si>
  <si>
    <t>2017-11-22 12:28:10.917000+00:00</t>
  </si>
  <si>
    <t>portable-class-library|.net-standard-2.0</t>
  </si>
  <si>
    <t>differentiate between mobile app and desktop browser request for session management</t>
  </si>
  <si>
    <t>&lt;p&gt;Context:(Java) Web application uses apache shiro for session management,authentication,authorization. 
Now for mobile users alone, the session attributes needs to be changed during creation(ex: increasing the session time out interval etc). &lt;/p&gt;
&lt;p&gt;How to differentiate between mobile client and desktop browser client? 
browser user agent might give the value, but is it dependable?&lt;/p&gt;
&lt;p&gt;What are the other things need to be taken care(in terms of session handling at back end) when mobile devices consume web application?&lt;/p&gt;</t>
  </si>
  <si>
    <t>2014-09-15 10:21:44.810000+00:00</t>
  </si>
  <si>
    <t>2014-09-15 12:50:44.797000+00:00</t>
  </si>
  <si>
    <t>jquery|session|architecture|shiro|mobile-application</t>
  </si>
  <si>
    <t>Windows Store App: Eliminates GridView styles and use only for hub page layout</t>
  </si>
  <si>
    <t>&lt;p&gt;I try to make a Windows Store App (Metro) hub page which has four different templates with GridView.&lt;/p&gt;
&lt;p&gt;I referenced &lt;a href="http://coding.kulman.sk/using-different-data-templates-with-gridview-in-windows-8-apps/" rel="nofollow noreferrer"&gt;link&lt;/a&gt; in &lt;a href="https://stackoverflow.com/questions/13155905/creating-hub-page-with-different-controls-in-windows-8"&gt;Creating hub page with different controls in Windows 8&lt;/a&gt; page and it works fine. &lt;/p&gt;
&lt;p&gt;But GridView has a default style which interacts with touch(and mouse) activity.
It grayed when hover, and shows click interaction.&lt;/p&gt;
&lt;p&gt;My question is, how to disable those behaviors?
I tried to dig with Blend but hard to find the place to be customized.&lt;/p&gt;</t>
  </si>
  <si>
    <t>2012-12-10 06:17:22.630000+00:00</t>
  </si>
  <si>
    <t>2013-02-27 06:17:03.390000+00:00</t>
  </si>
  <si>
    <t>2017-05-23 12:29:20.860000+00:00</t>
  </si>
  <si>
    <t>microsoft-metro|winrt-xaml|windows-store-apps</t>
  </si>
  <si>
    <t>configuring saml-sample (SP) to work with Okta (IdP)</t>
  </si>
  <si>
    <t>&lt;p&gt;Okta is an IdP for SAML logins. I have a super-admin user of Okta.&lt;/p&gt;
&lt;p&gt;I try to use Spring's saml-sample project as my SP (service-provider). When I configure it (spring-saml-sample) in the Okta system, I need to supply some data on my SP, such as "post back URL", "recipient" and "audience restriction".&lt;/p&gt;
&lt;p&gt;After sniffing in Okta's docs, I found this:&lt;/p&gt;
&lt;p&gt;&lt;strong&gt;Audience Restriction&lt;/strong&gt; ��� This is the entity id of the Service Provider. It will be provided by the SP and must match exactly. Consult the SP documentation to get this information.&lt;/p&gt;
&lt;p&gt;&lt;strong&gt;Recipient&lt;/strong&gt; ���Enter the service provider���s assertion consumer service URL . Consult the SP documentation to get this information.
So I figured out that this URL should be:
&lt;a href="http://srv101.watchdox.net/spring-security-saml2-sample/saml/SSO/alias/defaultAlias" rel="nofollow"&gt;http://srv101.watchdox.net/spring-security-saml2-sample/saml/SSO/alias/defaultAlias&lt;/a&gt;&lt;/p&gt;
&lt;p&gt;&lt;strong&gt;Post Back URL&lt;/strong&gt; ��� This is the SAML SP endpoint (i.e. where your users will log in)&lt;/p&gt;
&lt;p&gt;&lt;strong&gt;Destination for the SAML response&lt;/strong&gt; ��� This is the intended destination of the saml assertion. Unless specified by the SP, this will typically be identical to the post back URL. Consult the SP documentation to get this information. &lt;/p&gt;
&lt;p&gt;The Problem:&lt;/p&gt;
&lt;p&gt;My app (spring-saml-sample) has a "welcome" page, where the user chooses the IdP he wants to login with. So I choose "Okta" IdP, and then i am redirected to the Okta to log-in (perfect till here), but after login, instead of redirecting me back to my app (to the protected resource), I stay in the Okta system and see their framework. I do see my app there. When I click on it, I get to my first page, to choose the IdP.&lt;/p&gt;
&lt;p&gt;I believe the problem is with my URLs, or with the SAML response...
Anyonw has an idea?&lt;/p&gt;
&lt;p&gt;Pasted here the Request and response, if might be helpfull.&lt;/p&gt;
&lt;p&gt;I pasted here the SAML requests and responses, in case it might be helpfull. Note that the Status Code in the response is "Success"!&lt;/p&gt;
&lt;p&gt;What can be wrong? what am I missing?&lt;/p&gt;
&lt;p&gt;Request:&lt;/p&gt;
&lt;pre&gt;&lt;code&gt;POST https://watchdox.okta.com/app/template_saml_2_0/k3gvyf0mGFVVCVQBYTTA/sso/saml HTTP/1.1
Host: watchdox.okta.com
User-Agent: Mozilla/5.0 (Windows NT 6.1; WOW64; rv:20.0) Gecko/20100101 Firefox/20.0
Accept: text/html,application/xhtml+xml,application/xml;q=0.9,*/*;q=0.8
Accept-Language: en-US,en;q=0.5
Accept-Encoding: gzip, deflate
Referer: https://srv101.watchdox.net/spring-security-saml2-sample/saml/login/alias/defaultAlias?idp=http%3A%2F%2Fwww.okta.com%2Fk3gvyf0mGFVVCVQBYTTA
Content-Type: application/x-www-form-urlencoded
Content-Length: 3906
HTTP/?.? 200 OK
Server: nginx/1.2.6
Date: Thu, 18 Apr 2013 08:49:39 GMT
Content-Type: text/html;charset=utf-8
Transfer-Encoding: chunked
Connection: keep-alive
P3P: CP="HONK"
Set-Cookie: sid=""; Expires=Thu, 01-Jan-1970 00:00:10 GMT; Path=/
t=default; Path=/
X-Okta-backend: webapp09e.prod.saasure.com
Cache-Control: no-cache, public
Pragma: no-cache
Expires: 0
Content-Language: en-US
Content-Encoding: gzip
&lt;/code&gt;&lt;/pre&gt;
&lt;p&gt;SAML request:&lt;/p&gt;
&lt;pre&gt;&lt;code&gt;&amp;lt;saml2p:AuthnRequest xmlns:saml2p="urn:oasis:names:tc:SAML:2.0:protocol"
                     AssertionConsumerServiceURL="https://srv101.watchdox.net:443/spring-security-saml2-sample/saml/SSO/alias/defaultAlias"
                     Destination="https://watchdox.okta.com/app/template_saml_2_0/k3gvyf0mGFVVCVQBYTTA/sso/saml"
                     ForceAuthn="false"
                     ID="a32a5d9jfge33c9b46gdaddid8gd41b"
                     IsPassive="false"
                     IssueInstant="2013-04-18T08:49:38.141Z"
                     ProtocolBinding="urn:oasis:names:tc:SAML:2.0:bindings:HTTP-POST"
                     Version="2.0"
                     &amp;gt;
    &amp;lt;saml2:Issuer xmlns:saml2="urn:oasis:names:tc:SAML:2.0:assertion"&amp;gt;com.watchdox.ohad&amp;lt;/saml2:Issuer&amp;gt;
    &amp;lt;ds:Signature xmlns:ds="http://www.w3.org/2000/09/xmldsig#"&amp;gt;
        &amp;lt;ds:SignedInfo&amp;gt;
            &amp;lt;ds:CanonicalizationMethod Algorithm="http://www.w3.org/2001/10/xml-exc-c14n#" /&amp;gt;
            &amp;lt;ds:SignatureMethod Algorithm="http://www.w3.org/2000/09/xmldsig#rsa-sha1" /&amp;gt;
            &amp;lt;ds:Reference URI="#a32a5d9jfge33c9b46gdaddid8gd41b"&amp;gt;
                &amp;lt;ds:Transforms&amp;gt;
                    &amp;lt;ds:Transform Algorithm="http://www.w3.org/2000/09/xmldsig#enveloped-signature" /&amp;gt;
                    &amp;lt;ds:Transform Algorithm="http://www.w3.org/2001/10/xml-exc-c14n#" /&amp;gt;
                &amp;lt;/ds:Transforms&amp;gt;
                &amp;lt;ds:DigestMethod Algorithm="http://www.w3.org/2000/09/xmldsig#sha1" /&amp;gt;
                &amp;lt;ds:DigestValue&amp;gt;blwZT1B5451jbzeB9m0ogyGQuFY=&amp;lt;/ds:DigestValue&amp;gt;
            &amp;lt;/ds:Reference&amp;gt;
        &amp;lt;/ds:SignedInfo&amp;gt;
        &amp;lt;ds:SignatureValue&amp;gt;RZeXySsMfy+iBglUngrCHg2XoaA4WzAkLrB/zhjRfqFQS45avePlF8f19N+MHoFSirI08R08lXNJqdT/+0tKEujwsluCzFMnOCVPhtZIs7DblxqD+nR0XmF9+fKt91z/KQRtGLQtO/bsl3X3dmkUULGUWBxi8ga9jyTnkGwMFjE8J/Ba0P9eZjLV9YV/Piui/3B1XbhezVIIAvPNOpwQzK1kSA19bwlSejCjsf1Xe9kLXoCdf56ykjGDSdj2HpEVKQcjbu2nfPTFAXRTehx6h5qiKVl5R1DdDtFfq9EOXpZgy5pcu4bHqDhNAMwhZCu57fIIRR5IWuC6YUAXTDFXbg==&amp;lt;/ds:SignatureValue&amp;gt;
        &amp;lt;ds:KeyInfo&amp;gt;
            &amp;lt;ds:X509Data&amp;gt;
                &amp;lt;ds:X509Certificate&amp;gt;MIIDUjCCAjqgAwIBAgIEUOLIQTANBgkqhkiG9w0BAQUFADBrMQswCQYDVQQGEwJGSTEQMA4GA1UE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=&amp;lt;/ds:X509Certificate&amp;gt;
            &amp;lt;/ds:X509Data&amp;gt;
        &amp;lt;/ds:KeyInfo&amp;gt;
    &amp;lt;/ds:Signature&amp;gt;
&amp;lt;/saml2p:AuthnRequest&amp;gt;
&lt;/code&gt;&lt;/pre&gt;
&lt;p&gt;Okta response:&lt;/p&gt;
&lt;pre&gt;&lt;code&gt;POST http://srv101.watchdox.net/spring-security-saml2-sample/ HTTP/1.1
Host: srv101.watchdox.net
User-Agent: Mozilla/5.0 (Windows NT 6.1; WOW64; rv:20.0) Gecko/20100101 Firefox/20.0
Accept: text/html,application/xhtml+xml,application/xml;q=0.9,*/*;q=0.8
Accept-Language: en-US,en;q=0.5
Accept-Encoding: gzip, deflate
Content-Type: application/x-www-form-urlencoded
Content-Length: 7863
HTTP/?.? 302 Found
Date: Thu, 18 Apr 2013 08:51:57 GMT
Server: Apache
Location: https://srv101.watchdox.net/spring-security-saml2-sample/
Content-Length: 241
Keep-Alive: timeout=30, max=100
Connection: Keep-Alive
Content-Type: text/html; charset=iso-8859-1
&lt;/code&gt;&lt;/pre&gt;
&lt;p&gt;SAML Response:&lt;/p&gt;
&lt;pre&gt;&lt;code&gt;&amp;lt;saml2p:Response xmlns:saml2p="urn:oasis:names:tc:SAML:2.0:protocol"
                 Destination="http://srv101.watchdox.net/spring-security-saml2-sample/"
                 ID="id141234960903909491594058959"
                 InResponseTo="a32a5d9jfge33c9b46gdaddid8gd41b"
                 IssueInstant="2013-04-18T08:51:49.819Z"
                 Version="2.0"
                 &amp;gt;
    &amp;lt;saml2:Issuer xmlns:saml2="urn:oasis:names:tc:SAML:2.0:assertion"
                  Format="urn:oasis:names:tc:SAML:2.0:nameid-format:entity"
                  &amp;gt;http://www.okta.com/k3gvyf0mGFVVCVQBYTTA&amp;lt;/saml2:Issuer&amp;gt;
    &amp;lt;ds:Signature xmlns:ds="http://www.w3.org/2000/09/xmldsig#"&amp;gt;
        &amp;lt;ds:SignedInfo&amp;gt;
            &amp;lt;ds:CanonicalizationMethod Algorithm="http://www.w3.org/2001/10/xml-exc-c14n#" /&amp;gt;
            &amp;lt;ds:SignatureMethod Algorithm="http://www.w3.org/2000/09/xmldsig#rsa-sha1" /&amp;gt;
            &amp;lt;ds:Reference URI="#id141234960903909491594058959"&amp;gt;
                &amp;lt;ds:Transforms&amp;gt;
                    &amp;lt;ds:Transform Algorithm="http://www.w3.org/2000/09/xmldsig#enveloped-signature" /&amp;gt;
                    &amp;lt;ds:Transform Algorithm="http://www.w3.org/2001/10/xml-exc-c14n#" /&amp;gt;
                &amp;lt;/ds:Transforms&amp;gt;
                &amp;lt;ds:DigestMethod Algorithm="http://www.w3.org/2000/09/xmldsig#sha1" /&amp;gt;
                &amp;lt;ds:DigestValue&amp;gt;nCrBE9jowt9QAOk5ipw1SFnb248=&amp;lt;/ds:DigestValue&amp;gt;
            &amp;lt;/ds:Reference&amp;gt;
        &amp;lt;/ds:SignedInfo&amp;gt;
        &amp;lt;ds:SignatureValue&amp;gt;lwSHBmy4Hqt3XjbnPni6PePFFCn9hUJb7K4jh3xAyUum+y59TUYftphi00lFhnFZXsV5Tj75zLru3JX1jt7bdT73wsYS6ccNcyOvZpJvNiqbBeUmydK45DBrzIVxDA9CWS94+PTH4rrWT5+OEWURBxwhv9BiKiFrLb60YIp6Q3o=&amp;lt;/ds:SignatureValue&amp;gt;
        &amp;lt;ds:KeyInfo&amp;gt;
            &amp;lt;ds:X509Data&amp;gt;
                &amp;lt;ds:X509Certificate&amp;gt;MIICmzCCAgSgAwIBAgIGAT1+4eJ9MA0GCSqGSIb3DQEBBQUAMIGQMQswCQYDVQQGEwJVUzETMBEG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&amp;lt;/ds:X509Certificate&amp;gt;
            &amp;lt;/ds:X509Data&amp;gt;
        &amp;lt;/ds:KeyInfo&amp;gt;
    &amp;lt;/ds:Signature&amp;gt;
    &amp;lt;saml2p:Status xmlns:saml2p="urn:oasis:names:tc:SAML:2.0:protocol"&amp;gt;
        &amp;lt;saml2p:StatusCode Value="urn:oasis:names:tc:SAML:2.0:status:Success" /&amp;gt;
    &amp;lt;/saml2p:Status&amp;gt;
    &amp;lt;saml2:Assertion xmlns:saml2="urn:oasis:names:tc:SAML:2.0:assertion"
                     ID="id14123496090473949894445897"
                     IssueInstant="2013-04-18T08:51:49.819Z"
                     Version="2.0"
                     &amp;gt;
        &amp;lt;saml2:Issuer Format="urn:oasis:names:tc:SAML:2.0:nameid-format:entity"
                      xmlns:saml2="urn:oasis:names:tc:SAML:2.0:assertion"
                      &amp;gt;http://www.okta.com/k3gvyf0mGFVVCVQBYTTA&amp;lt;/saml2:Issuer&amp;gt;
        &amp;lt;ds:Signature xmlns:ds="http://www.w3.org/2000/09/xmldsig#"&amp;gt;
            &amp;lt;ds:SignedInfo&amp;gt;
                &amp;lt;ds:CanonicalizationMethod Algorithm="http://www.w3.org/2001/10/xml-exc-c14n#" /&amp;gt;
                &amp;lt;ds:SignatureMethod Algorithm="http://www.w3.org/2000/09/xmldsig#rsa-sha1" /&amp;gt;
                &amp;lt;ds:Reference URI="#id14123496090473949894445897"&amp;gt;
                    &amp;lt;ds:Transforms&amp;gt;
                        &amp;lt;ds:Transform Algorithm="http://www.w3.org/2000/09/xmldsig#enveloped-signature" /&amp;gt;
                        &amp;lt;ds:Transform Algorithm="http://www.w3.org/2001/10/xml-exc-c14n#" /&amp;gt;
                    &amp;lt;/ds:Transforms&amp;gt;
                    &amp;lt;ds:DigestMethod Algorithm="http://www.w3.org/2000/09/xmldsig#sha1" /&amp;gt;
                    &amp;lt;ds:DigestValue&amp;gt;D/wZzyBDL0RXwrf7d44mvuysYz0=&amp;lt;/ds:DigestValue&amp;gt;
                &amp;lt;/ds:Reference&amp;gt;
            &amp;lt;/ds:SignedInfo&amp;gt;
            &amp;lt;ds:SignatureValue&amp;gt;DCrm/mkLiVsD8dAc4puY/L3GR1bxtDBn6+sTifLgxDGokFbS4PShjA3Ak6mTW1dM48TwXi1oB9Pz++iOP4w6ZVeBj9bWIPJaCATjWn26xBlt3GHaPjiOpUdvG5YwwqCMUlQ1+M0RhJDlkChfZbjPIKXibcP8TBIsj2sekr5sQSI=&amp;lt;/ds:SignatureValue&amp;gt;
            &amp;lt;ds:KeyInfo&amp;gt;
                &amp;lt;ds:X509Data&amp;gt;
                    &amp;lt;ds:X509Certificate&amp;gt;MIICmzCCAgSgAwIBAgIGAT1+4eJ9MA0GCSqGSIb3DQEBBQUAMIGQMQswCQYDVQQGEwJVUzETMBEG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&amp;lt;/ds:X509Certificate&amp;gt;
                &amp;lt;/ds:X509Data&amp;gt;
            &amp;lt;/ds:KeyInfo&amp;gt;
        &amp;lt;/ds:Signature&amp;gt;
        &amp;lt;saml2:Subject xmlns:saml2="urn:oasis:names:tc:SAML:2.0:assertion"&amp;gt;
            &amp;lt;saml2:NameID Format="urn:oasis:names:tc:SAML:1.1:nameid-format:unspecified"&amp;gt;OhadR@watchdox.com&amp;lt;/saml2:NameID&amp;gt;
            &amp;lt;saml2:SubjectConfirmation Method="urn:oasis:names:tc:SAML:2.0:cm:bearer"&amp;gt;
                &amp;lt;saml2:SubjectConfirmationData InResponseTo="a32a5d9jfge33c9b46gdaddid8gd41b"
                                               NotOnOrAfter="2013-04-18T08:56:49.819Z"
                                               Recipient="http://srv101.watchdox.net/spring-security-saml2-sample/saml/SSO/alias/defaultAlias"
                                               /&amp;gt;
            &amp;lt;/saml2:SubjectConfirmation&amp;gt;
        &amp;lt;/saml2:Subject&amp;gt;
        &amp;lt;saml2:Conditions NotBefore="2013-04-18T08:46:49.819Z"
                          NotOnOrAfter="2013-04-18T08:56:49.819Z"
                          xmlns:saml2="urn:oasis:names:tc:SAML:2.0:assertion"
                          &amp;gt;
            &amp;lt;saml2:AudienceRestriction&amp;gt;
                &amp;lt;saml2:Audience&amp;gt;com.watchdox.ohad&amp;lt;/saml2:Audience&amp;gt;
            &amp;lt;/saml2:AudienceRestriction&amp;gt;
        &amp;lt;/saml2:Conditions&amp;gt;
        &amp;lt;saml2:AuthnStatement AuthnInstant="2013-04-18T08:51:49.819Z"
                              SessionIndex="a32a5d9jfge33c9b46gdaddid8gd41b"
                              xmlns:saml2="urn:oasis:names:tc:SAML:2.0:assertion"
                              &amp;gt;
            &amp;lt;saml2:AuthnContext&amp;gt;
                &amp;lt;saml2:AuthnContextClassRef&amp;gt;urn:oasis:names:tc:SAML:2.0:ac:classes:PasswordProtectedTransport&amp;lt;/saml2:AuthnContextClassRef&amp;gt;
            &amp;lt;/saml2:AuthnContext&amp;gt;
        &amp;lt;/saml2:AuthnStatement&amp;gt;
    &amp;lt;/saml2:Assertion&amp;gt;
&amp;lt;/saml2p:Response&amp;gt;
&lt;/code&gt;&lt;/pre&gt;
&lt;p&gt;Thanks for any answer!&lt;/p&gt;</t>
  </si>
  <si>
    <t>2013-04-14 08:39:41.860000+00:00</t>
  </si>
  <si>
    <t>2015-04-04 12:21:33.277000+00:00</t>
  </si>
  <si>
    <t>2014-07-23 07:32:22.603000+00:00</t>
  </si>
  <si>
    <t>spring-security|saml-2.0|spring-saml</t>
  </si>
  <si>
    <t>Efficiently truncate string "float" in Erlang</t>
  </si>
  <si>
    <t>&lt;p&gt;I have a string that can be like this: "100.4", "100.4867", "100.0".  I'd like to truncate it so that it has at most two digits after the period.  So for example: "100.4", "100.48", "100.0".  What's an efficient way to do this in Erlang?&lt;/p&gt;</t>
  </si>
  <si>
    <t>2016-07-04 17:00:24.137000+00:00</t>
  </si>
  <si>
    <t>2018-09-27 04:46:17.613000+00:00</t>
  </si>
  <si>
    <t>erlang</t>
  </si>
  <si>
    <t>Include same file multiple times in PHP</t>
  </si>
  <si>
    <t>&lt;p&gt;Basically I have a list of particular members that I am calling with their member ID, and displaying the td's afterwards on each one..&lt;/p&gt;
&lt;p&gt;So I have the table like this&lt;/p&gt;
&lt;pre&gt;&lt;code&gt;    &amp;lt;table id="sortable" class="tablesorter" width="100%"&amp;gt;
  &amp;lt;thead&amp;gt;
    &amp;lt;tr&amp;gt;
      &amp;lt;th class="header"&amp;gt;&amp;lt;strong&amp;gt;Game Username&amp;lt;/strong&amp;gt;&amp;lt;/th&amp;gt;
      &amp;lt;th class="header"&amp;gt;&amp;lt;strong&amp;gt;Rank&amp;lt;/strong&amp;gt;&amp;lt;/th&amp;gt;
      &amp;lt;th class="header"&amp;gt;&amp;lt;strong&amp;gt;Game Played&amp;lt;/strong&amp;gt;&amp;lt;/th&amp;gt;
      &amp;lt;th class="header"&amp;gt;&amp;lt;strong&amp;gt;Playing On&amp;lt;/strong&amp;gt;&amp;lt;/th&amp;gt;
      &amp;lt;th class="header"&amp;gt;&amp;lt;strong&amp;gt;Age&amp;lt;/strong&amp;gt;&amp;lt;/th&amp;gt;
      &amp;lt;th class="header"&amp;gt;&amp;lt;strong&amp;gt;Time On&amp;lt;/strong&amp;gt;&amp;lt;/th&amp;gt;
      &amp;lt;th class="header"&amp;gt;&amp;lt;strong&amp;gt;Location&amp;lt;/strong&amp;gt;&amp;lt;/th&amp;gt;
    &amp;lt;/tr&amp;gt;
  &amp;lt;/thead&amp;gt;
  &amp;lt;tbody&amp;gt;
    &amp;lt;?php include ("users.php"); ?&amp;gt;
  &amp;lt;/tbody&amp;gt;
&lt;/code&gt;&lt;/pre&gt;
&lt;p&gt;And the users.php file looks like this, but right now at over 50 lines of the same code as below, with only the $id= number changed..&lt;/p&gt;
&lt;pre&gt;&lt;code&gt;&amp;lt;tr&amp;gt;&amp;lt;td class="username"&amp;gt;&amp;lt;a href="&amp;lt;?php $id='1'; include ("fields.php"); ?&amp;gt;
&amp;lt;tr&amp;gt;&amp;lt;td class="username"&amp;gt;&amp;lt;a href="&amp;lt;?php $id='2'; include ("fields.php"); ?&amp;gt;
&amp;lt;tr&amp;gt;&amp;lt;td class="username"&amp;gt;&amp;lt;a href="&amp;lt;?php $id='3'; include ("fields.php"); ?&amp;gt;
&amp;lt;tr&amp;gt;&amp;lt;td class="username"&amp;gt;&amp;lt;a href="&amp;lt;?php $id='4'; include ("fields.php"); ?&amp;gt;
&amp;lt;tr&amp;gt;&amp;lt;td class="username"&amp;gt;&amp;lt;a href="&amp;lt;?php $id='5'; include ("fields.php"); ?&amp;gt;
&lt;/code&gt;&lt;/pre&gt;
&lt;p&gt;The fields.php file is the remainder of the table rows etc., starting with the below code to close off this td.&lt;/p&gt;
&lt;pre&gt;&lt;code&gt;&amp;lt;?php echo $domain; $member_id = $id; $user_info = get_userdata($id);echo $user_info-&amp;gt; user_login.""; ?&amp;gt;"&amp;gt;&amp;lt;?php echo xprofile_get_field_data( "$field_gamename" , $member_id); ?&amp;gt;&amp;lt;/a&amp;gt;
&amp;lt;/td&amp;gt;
&lt;/code&gt;&lt;/pre&gt;
&lt;p&gt;I'm trying to avoid including the fields.php file over 50 times in the users.php file. Anyone got an idea of the most efficient way?&lt;/p&gt;
&lt;p&gt;Thanks!&lt;/p&gt;</t>
  </si>
  <si>
    <t>2014-03-20 10:57:33.820000+00:00</t>
  </si>
  <si>
    <t>2018-10-13 02:23:04.240000+00:00</t>
  </si>
  <si>
    <t>php|include</t>
  </si>
  <si>
    <t>Adding data below last used row and merging the cells</t>
  </si>
  <si>
    <t>&lt;p&gt;I am trying to make a compare file script that'll check for a certain ticketID on file 1 that isn't on file 2, and vice versa. That compare will add the whole row to a sheet if it wasn't found in a file. I have the data separated and have text that is a description for the first block of data (the IDs in file1 not in file2).&lt;/p&gt;
&lt;p&gt;&lt;em&gt;I have attached an image of what the current output looks like (I've erased the pertinent data but the data goes in the light grey lines).&lt;/em&gt; 
I have my code ordered to where I want to insert the description text for the second compare. So I check for last row after the first compare loop. &lt;/p&gt;
&lt;pre&gt;&lt;code&gt;Sheets("Sheet3").Select
LastRow = ActiveSheet.Cells(Rows.Count, "A").End(xlUp).Row + 1
ActiveSheet.Cells(LastRow, "A").Value = "here"
ActiveSheet.Cells(LastRow, "A").Select
&lt;/code&gt;&lt;/pre&gt;
&lt;p&gt;My issue is that I don't know how to grab that range of cells. In my current output, I want to grab from (A15:P16), so two rows all the way to column P. I always know it'll be Row A and Column P, but I never know what row number. This is because when I compare files I won't know how many differences I will have and therefore how many rows are used in sheet3. Once I have this range selected or available, I'd like to put in my description text for the second block of data and be able to merge and indent and customize it so I can have it where I want. Then I will do the second compare and insert the data from file 2 not found in file1. So the main issue is I don't know how to grab that range of cells I want because I won't know the exact rows it'll be on.&lt;/p&gt;</t>
  </si>
  <si>
    <t>2016-06-22 17:03:38.557000+00:00</t>
  </si>
  <si>
    <t>2016-06-22 17:15:12.113000+00:00</t>
  </si>
  <si>
    <t>2016-06-22 17:09:43.510000+00:00</t>
  </si>
  <si>
    <t>Clean up XML using netbeans</t>
  </si>
  <si>
    <t>&lt;p&gt;Is it possible to clean up XML using only Netbeans IDE? For example the indentation is not as it supposed to be.&lt;/p&gt;</t>
  </si>
  <si>
    <t>2010-05-31 21:29:36.203000+00:00</t>
  </si>
  <si>
    <t>2010-05-31 22:00:19.197000+00:00</t>
  </si>
  <si>
    <t>xml|netbeans</t>
  </si>
  <si>
    <t>Finding posts where position distance is less or equal to dynamic value</t>
  </si>
  <si>
    <t>&lt;p&gt;I need help with a architectural problem that im working with. The user enters a position and a radius (e.g. distance). The software searches in a (giant = couple of 100k posts) database table for posts where the users location and the "posts" distance to each other is less than the entered distance.&lt;/p&gt;
&lt;p&gt;It's kind of hard for me to explain, but imagine a table with two posts, point a and point c, point U is the user location. The user has entered a position and a radius, and the position and radius for a and c is predefined (stored in a database).&lt;/p&gt;
&lt;p&gt;&lt;img src="https://i.stack.imgur.com/5MDIB.jpg" alt="Crossmatching areas"&gt;&lt;/p&gt;
&lt;p&gt;In this case i would only be interested in the point A, because the two areas intersect with each other. How should i transform this into doing in a database with a couple of hundred thousand posts in an effective way? In the database i shall store longitude,latitude and radius.&lt;/p&gt;</t>
  </si>
  <si>
    <t>2011-12-06 20:35:37.523000+00:00</t>
  </si>
  <si>
    <t>2011-12-06 21:29:33.220000+00:00</t>
  </si>
  <si>
    <t>sql|map|sql-server-2008-r2</t>
  </si>
  <si>
    <t>qt c++ error: curl/curl.h: No such file or directory</t>
  </si>
  <si>
    <t>&lt;p&gt;I downloaded the libcURL source code and imported the headers and source into my .pro file and it seems to find all the libraries except for the main one.&lt;/p&gt;
&lt;p&gt;dies on:&lt;/p&gt;
&lt;pre&gt;&lt;code&gt;#include &amp;lt;curl/curl.h&amp;gt;
&lt;/code&gt;&lt;/pre&gt;
&lt;p&gt;.pro file contains:
(this is the updated version)....................&lt;/p&gt;
&lt;pre&gt;&lt;code&gt;QT       += core gui
greaterThan(QT_MAJOR_VERSION, 4): QT += widgets
TARGET = RESTtest
TEMPLATE = app
SOURCES += main.cpp\
        mainwindow.cpp \
    ../../../../../Users/Brad2/Documents/GitHub/curlcpp/src/CurlMulti.cpp \
    ../../../../../Users/Brad2/Documents/GitHub/curlcpp/src/CurlHeader.cpp \
    ../../../../../Users/Brad2/Documents/GitHub/curlcpp/src/CurlVersion.cpp \
    ../../../../../Users/Brad2/Documents/GitHub/curlcpp/src/CurlEasy.cpp \
    ../../../../../Users/Brad2/Documents/GitHub/curlcpp/src/CurlShare.cpp \
    ../../../../../Users/Brad2/Documents/GitHub/curlcpp/src/CurlMessage.cpp \
    ../../../../../Users/Brad2/Documents/GitHub/curlcpp/src/CurlHttpPost.cpp \
HEADERS  += mainwindow.h \
    ../../../../../Users/Brad2/Documents/GitHub/curlcpp/include/CurlEasy.h \
    ../../../../../Users/Brad2/Documents/GitHub/curlcpp/include/CurlInterface.h \
    ../../../../../Users/Brad2/Documents/GitHub/curlcpp/include/CurlMulti.h \
    ../../../../../Users/Brad2/Documents/GitHub/curlcpp/include/CurlPair.h \
    ../../../../../Users/Brad2/Documents/GitHub/curlcpp/include/CurlVersion.h \
    ../../../../../Users/Brad2/Documents/GitHub/curlcpp/include/CurlHttpPost.h \
    ../../../../../Users/Brad2/Documents/GitHub/curlcpp/include/CurlHeader.h \
    ../../../../../Users/Brad2/Documents/GitHub/curlcpp/include/CurlShare.h \
    ../../../../../Users/Brad2/Documents/GitHub/curlcpp/include/CurlMessage.h \
    ../../../../../Users/Brad2/Documents/GitHub/curlcpp/include/CurlError.h \
FORMS    += mainwindow.ui
win32:LIBS += -L"../../../../../Users/Brad2/Documents/GitHub/curl-7.34.0-rtmp-ssh2-ssl-sspi-zlib-winidn-static-bin-w64" -lcurl
INCLUDEPATH += "../../../../../Users/Brad2/Documents/GitHub/curlcpp/include"
INCLUDEPATH += "../../../../../Users/Brad2/Documents/GitHub/curlcpp/src"
INCLUDEPATH += "../../../../../Users/Brad2/Documents/GitHub/curl/include"
INCLUDEPATH += "../../../../../Users/Brad2/Documents/GitHub/curl/include/curl"
OTHER_FILES += \
    ../../../../../Users/Brad2/Documents/GitHub/curl-7.34.0-rtmp-ssh2-ssl-sspi-zlib-winidn-static-bin-w64/curl.exe \
    ../../../../../Users/Brad2/Documents/GitHub/curl-7.34.0-rtmp-ssh2-ssl-sspi-zlib-winidn-static-bin-w64/libeay32.dll \
    ../../../../../Users/Brad2/Documents/GitHub/curl-7.34.0-rtmp-ssh2-ssl-sspi-zlib-winidn-static-bin-w64/libcurl.dll \
    ../../../../../Users/Brad2/Documents/GitHub/curl-7.34.0-rtmp-ssh2-ssl-sspi-zlib-winidn-static-bin-w64/ssleay32.dll \
    ../../../../../Users/Brad2/Documents/GitHub/curl-7.34.0-rtmp-ssh2-ssl-sspi-zlib-winidn-static-bin-w64/mk-ca-bundle.vbs
&lt;/code&gt;&lt;/pre&gt;</t>
  </si>
  <si>
    <t>2014-05-28 13:36:47.147000+00:00</t>
  </si>
  <si>
    <t>2014-05-28 17:03:27.620000+00:00</t>
  </si>
  <si>
    <t>c++|qt|curl|libcurl</t>
  </si>
  <si>
    <t>Get Characters from Float64Array</t>
  </si>
  <si>
    <t>&lt;p&gt;How i can get from a &lt;code&gt;Long&lt;/code&gt; value an array of &lt;code&gt;characters&lt;/code&gt; or a &lt;code&gt;String&lt;/code&gt;?&lt;/p&gt;
&lt;p&gt;My first thinking was &lt;code&gt;Float64Array&lt;/code&gt; because, &lt;code&gt;JavaScript&lt;/code&gt; don't know longer values after 53bits and an bit-shifting for long values need 56bit like:&lt;/p&gt;
&lt;pre&gt;&lt;code&gt;this.writeByte(value &amp;gt;&amp;gt;&amp;gt; 56);
this.writeByte(value &amp;gt;&amp;gt;&amp;gt; 48);
this.writeByte(value &amp;gt;&amp;gt;&amp;gt; 40);
this.writeByte(value &amp;gt;&amp;gt;&amp;gt; 32);
this.writeByte(value &amp;gt;&amp;gt;&amp;gt; 24);
this.writeByte(value &amp;gt;&amp;gt;&amp;gt; 16);
this.writeByte(value &amp;gt;&amp;gt;&amp;gt; 8);
this.writeByte(value);
&lt;/code&gt;&lt;/pre&gt;
&lt;p&gt;I wan't a result from the &lt;code&gt;Long&lt;/code&gt;-Value &lt;code&gt;-736340139&lt;/code&gt;. The original hex value is&lt;/p&gt;
&lt;blockquote&gt;
  &lt;p&gt;&lt;strong&gt;HEX:&lt;/strong&gt; FF FF FF FF FF FF D0 3F&lt;/p&gt;
  &lt;p&gt;&lt;strong&gt;RAW:&lt;/strong&gt; ��������������&lt;/p&gt;
&lt;/blockquote&gt;
&lt;p&gt;When i'm using &lt;code&gt;Float64Array&lt;/code&gt;, im getting following results:&lt;/p&gt;
&lt;blockquote&gt;
  &lt;p&gt;new Float64Array([ -736340139 ]);&lt;/p&gt;
&lt;/blockquote&gt;
&lt;p&gt;&lt;a href="https://i.stack.imgur.com/mIGvk.jpg" rel="nofollow noreferrer"&gt;&lt;img src="https://i.stack.imgur.com/mIGvk.jpg" alt="Output"&gt;&lt;/a&gt;&lt;/p&gt;
&lt;p&gt;How i can..&lt;/p&gt;
&lt;p&gt;&lt;strong&gt;A)&lt;/strong&gt; access the buffer-values like &lt;code&gt;Int8Array&lt;/code&gt;, &lt;code&gt;Int16Array&lt;/code&gt;, &lt;code&gt;Int32Array&lt;/code&gt; and &lt;code&gt;Uint8Array&lt;/code&gt;?&lt;/p&gt;
&lt;p&gt;&lt;strong&gt;B)&lt;/strong&gt; create an "Long" String there contains the Value &lt;code&gt;-736340139&lt;/code&gt; with the RAW-Output &lt;code&gt;��������������?&lt;/code&gt; (or in HEX &lt;code&gt;FF FF FF FF FF FF D0 3F&lt;/code&gt;)?&lt;/p&gt;</t>
  </si>
  <si>
    <t>2018-04-22 17:12:32.973000+00:00</t>
  </si>
  <si>
    <t>javascript|typed-arrays</t>
  </si>
  <si>
    <t>LocalReports in C# causing Microsoft.Reporting.WinForms.LocalProcessingException</t>
  </si>
  <si>
    <t>&lt;p&gt;Does anybody know how I can get around this error or what it means?&lt;/p&gt;
&lt;p&gt;Error: Microsoft.Reporting.WinForms.LocalProcessingException&lt;/p&gt;
&lt;p&gt;Inner exception: Microsoft.ReportingServices.ReportProcessing.ProcessingAbortedException&lt;/p&gt;
&lt;p&gt;(I put the full error as a comment inside the catch block in code snippet below)&lt;/p&gt;
&lt;p&gt;This is my first attempt to run local reports / report viewer inside VS 2010, but this render method is exploding every time, and google seems not to turn up much help.&lt;/p&gt;
&lt;p&gt;Can you spot any obvious mistakes? &lt;/p&gt;
&lt;p&gt;FYI stuff not shown is a very simple XSD with one datatable, which is populated in the code to be used as a dataset, and one rdlc file (the report), which has one table in it and uses a datasource with just the one dataset (the xsd).&lt;/p&gt;
&lt;p&gt;Thanks.&lt;/p&gt;
&lt;pre&gt;&lt;code&gt;class Program
{
    private const string UID = "myLogin";
    private const string PASSWORD = "myPassword";
    private const string IP = "myServerIPaddress";
    static void Main(string[] args)
    {
        Warning[] warnings;
        string[] streamIds;
        string mimeType = string.Empty;
        string encoding = string.Empty;
        string extension = string.Empty;
        try
        {
            using (MySqlConnection con = GetMySqlConnetion("schools"))
            {
                using (MySqlCommand cmd = new MySqlCommand())
                {
                    cmd.Connection = con;
                    cmd.CommandText = @"SELECT `venrollmentandmaxenrollment`.`classId`,
                                        `venrollmentandmaxenrollment`.`NumberOfStudentsEnrolled`,
                                        `venrollmentandmaxenrollment`.`NumberOfMaxEnrollments`
                                    FROM `schools`.`venrollmentandmaxenrollment`;";
                    MySqlDataReader sessionReportReader = cmd.ExecuteReader();
                    DataSet1 dataSet1 = new DataSet1();
                    dataSet1.Load(sessionReportReader, System.Data.LoadOption.Upsert, dataSet1.Tables[0].TableName);
                    ReportViewer viewer = new ReportViewer();
                    viewer.ProcessingMode = ProcessingMode.Local;
                    viewer.LocalReport.ReportPath = "C:\\VS\\TestReports\\TestReports\\Report1.rdlc";
                    viewer.LocalReport.DataSources.Add(new ReportDataSource(dataSet1.Tables[0].TableName, dataSet1.Tables[0]));
                    byte[] bytes = viewer.LocalReport.Render("PDF", null, out mimeType, out encoding, out extension, out streamIds, out warnings);
                    //TODO: do something with bytes, and drag this code back to the main application, once we get this working!
                }
            }
        }
        catch (Exception ex)
        {
            /*
             LocalReport.Render always takes us here with this exception:
             * 
             Microsoft.Reporting.WinForms.LocalProcessingException occurred
              Message=An error occurred during local report processing.
              Source=Microsoft.ReportViewer.WinForms
              StackTrace:
                   at Microsoft.Reporting.WinForms.LocalReport.InternalRender(String format, Boolean allowInternalRenderers, String deviceInfo, PageCountMode pageCountMode, CreateAndRegisterStream createStreamCallback, Warning[]&amp;amp; warnings)
              InnerException: Microsoft.ReportingServices.ReportProcessing.ProcessingAbortedException
                   Message=An error has occurred during report processing.
                   Source=Microsoft.ReportViewer.Common
                   ExceptionLevelHelpLink=http://go.microsoft.com/fwlink/?LinkId=20476&amp;amp;EvtSrc=Microsoft.ReportingServices.Diagnostics.Utilities.ErrorStrings&amp;amp;EvtID=rsProcessingAborted&amp;amp;ProdName=Microsoft%20SQL%20Server%20Reporting%20Services&amp;amp;ProdVer=1.0
                   SkipTopLevelMessage=false
                   StackTrace:
                        at Microsoft.ReportingServices.OnDemandProcessing.OnDemandProcessingContext.AbortHelper.ThrowAbortException(String reportUniqueName)
                        at Microsoft.ReportingServices.OnDemandProcessing.OnDemandProcessingContext.CheckAndThrowIfAborted()
                        at Microsoft.ReportingServices.OnDemandProcessing.RetrievalManager.FetchData(Boolean mergeTran)
                        at Microsoft.ReportingServices.OnDemandProcessing.RetrievalManager.PrefetchData(ReportInstance reportInstance, ParameterInfoCollection parameters, Boolean mergeTran)
                        at Microsoft.ReportingServices.OnDemandProcessing.Merge.FetchData(ReportInstance reportInstance, Boolean mergeTransaction)
                        at Microsoft.ReportingServices.ReportProcessing.ReportProcessing.ProcessOdpReport(Report report, OnDemandMetadata odpMetadataFromSnapshot, ProcessingContext pc, Boolean snapshotProcessing, Boolean reprocessSnapshot, Boolean processUserSortFilterEvent, Boolean processWithCachedData, ErrorContext errorContext, DateTime executionTime, IChunkFactory cacheDataChunkFactory, StoreServerParameters storeServerParameters, GlobalIDOwnerCollection globalIDOwnerCollection, SortFilterEventInfoMap oldUserSortInformation, EventInformation newUserSortInformation, String oldUserSortEventSourceUniqueName, ExecutionLogContext executionLogContext, OnDemandProcessingContext&amp;amp; odpContext)
                        at Microsoft.ReportingServices.ReportProcessing.ReportProcessing.RenderReport(IRenderingExtension newRenderer, DateTime executionTimeStamp, ProcessingContext pc, RenderingContext rc, IChunkFactory cacheDataChunkFactory, IChunkFactory yukonCompiledDefinition, Boolean&amp;amp; dataCached)
                        at Microsoft.ReportingServices.ReportProcessing.ReportProcessing.RenderReport(IRenderingExtension newRenderer, DateTime executionTimeStamp, ProcessingContext pc, RenderingContext rc, IChunkFactory yukonCompiledDefinition)
                        at Microsoft.Reporting.LocalService.CreateSnapshotAndRender(CatalogItemContextBase itemContext, ReportProcessing repProc, IRenderingExtension renderer, ProcessingContext pc, RenderingContext rc, SubreportCallbackHandler subreportHandler, ParameterInfoCollection parameters, DatasourceCredentialsCollection credentials)
                        at Microsoft.Reporting.LocalService.Render(CatalogItemContextBase itemContext, Boolean allowInternalRenderers, ParameterInfoCollection reportParameters, IEnumerable dataSources, DatasourceCredentialsCollection credentials, CreateAndRegisterStream createStreamCallback, ReportRuntimeSetup runtimeSetup)
                        at Microsoft.Reporting.WinForms.LocalReport.InternalRender(String format, Boolean allowInternalRenderers, String deviceInfo, PageCountMode pageCountMode, CreateAndRegisterStream createStreamCallback, Warning[]&amp;amp; warnings)
                   InnerException: Microsoft.ReportingServices.ReportProcessing.ReportProcessingException
                        Message=DataSet1
                        Source=Microsoft.ReportViewer.Common
                        ExceptionLevelHelpLink=http://go.microsoft.com/fwlink/?LinkId=20476&amp;amp;EvtSrc=Microsoft.ReportingServices.Diagnostics.Utilities.ErrorStrings&amp;amp;EvtID=rsErrorCreatingDataReader&amp;amp;ProdName=Microsoft%20SQL%20Server%20Reporting%20Services&amp;amp;ProdVer=1.0
                        SkipTopLevelMessage=false
                        StackTrace:
                             at Microsoft.ReportingServices.OnDemandProcessing.RuntimeDataSet.RunDataSetQuery()
                             at Microsoft.ReportingServices.OnDemandProcessing.TablixProcessing.RuntimeOnDemandDataSet.Process()
                             at Microsoft.ReportingServices.OnDemandProcessing.RuntimeDataSet.ProcessConcurrent(Object threadSet)
                        InnerException: 
             */
        }
    }
    public static MySqlConnection GetMySqlConnetion(string DB)
    {
        string connStr = String.Format(
            "SERVER={0}; Port={1}; UID={2}; PASSWORD={3}; DATABASE={4}; pooling={5};",
            IP,
            "3306",
            UID,
            PASSWORD,
            DB,
            "false");
        MySqlConnection mycon = null;
        try
        {
            mycon = new MySqlConnection(connStr);
            mycon.Open();
        }
        catch (MySqlException ex)
        {
            Logger logger = new Logger("Test Reports App");
            logger.Log(ex);
        }
        return mycon;
    }
}
&lt;/code&gt;&lt;/pre&gt;</t>
  </si>
  <si>
    <t>2013-09-04 20:31:27.973000+00:00</t>
  </si>
  <si>
    <t>2014-11-28 10:56:47.283000+00:00</t>
  </si>
  <si>
    <t>c#|mysql|reporting-services|xsd|localreport</t>
  </si>
  <si>
    <t>ansible sudo: sorry, you must have a tty to run sudo</t>
  </si>
  <si>
    <t>&lt;p&gt;I need to run playbooks on Vagrant boxes and on aws when I setup environment with cloud formation.&lt;/p&gt;
&lt;p&gt;In Vagrant file I use ansible-local and everything works fine &lt;/p&gt;
&lt;pre&gt;&lt;code&gt;name: Setup Unified Catalog Webserver  
    hosts: 127.0.0.1  
    connection: local  
  become: yes  
  become_user: root
  roles: generic
&lt;/code&gt;&lt;/pre&gt;
&lt;p&gt;However when I create instance in AWS the ansible playbook fails with error:&lt;br&gt;
&lt;code&gt;sudo: sorry, you must have a tty to run sudo&lt;/code&gt;&lt;br&gt;
This happen because it is run as root and it doesnt have tty. But I dont know how to fix it without making change in &lt;code&gt;/etc/sudoers&lt;/code&gt; to allow &lt;code&gt;!requiretty&lt;/code&gt;&lt;/p&gt;
&lt;p&gt;Is there any flags I can setup in ansible.cfg or in my Cloud Formation template?&lt;/p&gt;
&lt;pre&gt;&lt;code&gt;  "#!/bin/bash\n", "\n", "   
 echo 'Installing Git'\n","  
  yum --nogpgcheck -y install git ansible htop nano wget\n",
 "wget https://s3.eu-central-1.amazonaws.com/XXX -O /root/.ssh/id_rsa\n", 
"chmod 600 /root/.ssh/id_rsa\n", 
"ssh-keyscan 172.31.7.235 &amp;gt;&amp;gt; /root/.ssh/known_hosts\n",
 "git clone git@172.31.7.235:something/repo.git /root/repo\n", 
"ansible-playbook /root/env/ansible/test.yml\n
&lt;/code&gt;&lt;/pre&gt;</t>
  </si>
  <si>
    <t>2016-02-24 08:36:43.543000+00:00</t>
  </si>
  <si>
    <t>2017-07-04 06:59:30.927000+00:00</t>
  </si>
  <si>
    <t>2016-02-24 10:10:58.877000+00:00</t>
  </si>
  <si>
    <t>ansible|sudo|amazon-cloudformation</t>
  </si>
  <si>
    <t>Uploading a file to a directory inside your application folder VS2013</t>
  </si>
  <si>
    <t>&lt;p&gt;While developing inside VS2013 using the built in IIS Express Web Server I created a Documents folder within my Application folder to upload files to. When trying to save a file I am using:&lt;/p&gt;
&lt;pre&gt;&lt;code&gt;string uploadedFile = @"C:\dev\myApps\Application1\Documents\uploadedFile.pdf";
file.SaveAs(uploadedFile );
&lt;/code&gt;&lt;/pre&gt;
&lt;p&gt;I added full control permissions to the Documents folder for IIS_IUSRS, NETWORK, NETWORK SERVICE. Still nothing.&lt;/p&gt;</t>
  </si>
  <si>
    <t>2015-03-07 15:18:42.730000+00:00</t>
  </si>
  <si>
    <t>2015-03-08 15:11:12.760000+00:00</t>
  </si>
  <si>
    <t>c#|visual-studio-2013|webforms|iis-express</t>
  </si>
  <si>
    <t>How to define Preprocessor Directive Global in c#</t>
  </si>
  <si>
    <t>&lt;p&gt;My Question is how to define Preprocessor Directive Global at one place for all C# classes in website.&lt;/p&gt;</t>
  </si>
  <si>
    <t>2013-10-16 06:47:53.963000+00:00</t>
  </si>
  <si>
    <t>2013-10-17 06:17:42.927000+00:00</t>
  </si>
  <si>
    <t>c#|jquery|wcf</t>
  </si>
  <si>
    <t>cakephp, facebook connect webtechnick plugin</t>
  </si>
  <si>
    <t>&lt;p&gt;I'm using webtechnick Facebook plugin to use Facebook authentication in my cakephp application.
It was woking fine till yesterday. Now whenever I try to login using Facebook details, the login button will change to logout but I can get the Facebook id or other information.&lt;/p&gt;
&lt;p&gt;What will be the problem?&lt;/p&gt;
&lt;hr&gt;
&lt;p&gt;EDIT&lt;/p&gt;
&lt;p&gt;I am using &lt;/p&gt;
&lt;pre&gt;&lt;code&gt;if($this-&amp;gt;Connect-&amp;gt;user()){
    .............
    .............
}
&lt;/code&gt;&lt;/pre&gt;
&lt;p&gt;function in app_controller.php &lt;code&gt;$this-&amp;gt;Connect-&amp;gt;user()&lt;/code&gt; function will give the logged in users's information, if the user's Facebook username/password is correct.&lt;/p&gt;
&lt;p&gt;I'm getting empty result for this function.&lt;/p&gt;
&lt;pre&gt;&lt;code&gt;&amp;lt;?php 
    echo $this-&amp;gt;Facebook-&amp;gt;logout();    
?&amp;gt;
&lt;/code&gt;&lt;/pre&gt;
&lt;p&gt;The above code will give me a Facebook login button , when the user is not logged in the Facebook, after a successful login using Facebook credentials this button will change into Facebook logout.&lt;/p&gt;
&lt;p&gt;Now I am getting this Facebook login button changed into logout, but no Facebook details.&lt;/p&gt;</t>
  </si>
  <si>
    <t>2011-05-31 06:21:21.450000+00:00</t>
  </si>
  <si>
    <t>2013-12-16 10:03:50.820000+00:00</t>
  </si>
  <si>
    <t>facebook|cakephp|plugins|connect</t>
  </si>
  <si>
    <t>What is the alternative to "refs" in "react-custom-scrollbars"?</t>
  </si>
  <si>
    <t>&lt;p&gt;I am building a chat system that automatically scrolls to the bottom when entering the window and when new messages come in. As I am using props only to manage my whole project so I cannot use "refs". Now want to use "scrolltobottom" method so that I can start my chat at the latest one, but I can not use "refs". &lt;/p&gt;</t>
  </si>
  <si>
    <t>2018-07-18 05:23:48.887000+00:00</t>
  </si>
  <si>
    <t>How to install multiple groups in one shot with ansible yum module?</t>
  </si>
  <si>
    <t>&lt;blockquote&gt;
  &lt;p&gt;Some plugins like, the yum and apt modules can take lists directly to their options, this is more optimal than looping over the task. See each action���s documentation for details, for now here is an example:&lt;/p&gt;
&lt;/blockquote&gt;
&lt;pre&gt;&lt;code&gt;- name: optimal yum
  yum:
    name: "{{list_of_packages}}"
    state: present
- name: non optimal yum, not only slower but might cause issues with interdependencies
  yum:
    name: "{{item}}"
    state: present
  loop: "{{list_of_packages}}"
&lt;/code&gt;&lt;/pre&gt;
&lt;p&gt;I was trying to do this&lt;/p&gt;
&lt;pre&gt;&lt;code&gt;- name: Install libvirt
  yum:
    name: '"@Virtualization Hypervisor" "@Virtualization Client"'
&lt;/code&gt;&lt;/pre&gt;
&lt;p&gt;But it fails saying that &lt;code&gt;@Virtualization Hypervisor @Virtualization Client&lt;/code&gt; isn't available. Removing the surround single quote or all quotes won't work either. How to approach this?&lt;/p&gt;
&lt;p&gt;Currently I'm using the &lt;em&gt;non-optimal&lt;/em&gt; solution but I would like to install both groups in one shot.&lt;/p&gt;
&lt;pre&gt;&lt;code&gt;- name: Install libvirt
  yum:
    name: "{{ item }}"
    state: present
  loop:
    - "@Virtualization Hypervisor"
    - "@Virtualization Client"
&lt;/code&gt;&lt;/pre&gt;</t>
  </si>
  <si>
    <t>2018-06-27 19:49:26.857000+00:00</t>
  </si>
  <si>
    <t>2018-06-27 19:52:45.383000+00:00</t>
  </si>
  <si>
    <t>ansible|yum</t>
  </si>
  <si>
    <t>C++ to C# Code conversion, reference vs. value type troubles</t>
  </si>
  <si>
    <t>&lt;p&gt;First off, sorry for the probably confusing title, feel free to change it whenever somebody knows a more appropriate one.&lt;/p&gt;
&lt;p&gt;I'm in the process of porting a math library from C++ to C#. Porting the actual code was done in a couple of days. However, I've been struggling to solve all the bugs introduced by the fact that C# classes are reference types versus C++ classes being value types.&lt;/p&gt;
&lt;p&gt;Let me explain: If I have a Class Foo in C++ that has nested class Bar, and if I assign an existing instance of Bar to Foo, I'm essentially copying it, if the C++ compiler knows a way to do so (IF I'm not using pointers, of course)&lt;/p&gt;
&lt;p&gt;If I do the same in C# I assign a reference. This leads to incredibly hard to find side effects. If, in C#, my code later modifies my Bar instance after assigning it to Foo, then of course the Foo.Bar objects gets modified as well. Not good.&lt;/p&gt;
&lt;p&gt;So my question is: Is there an easy way, or a best practice approach, to find the positions in my code that assign a reference when I was assuming I assigned a copy? &lt;em&gt;I even considered creating a new object every time the getter is called on an object&lt;/em&gt;, and copying the values there. Of course this would mean that I can never have a reverence to an object again. Again, not good.&lt;/p&gt;
&lt;p&gt;So basically what I'm asking is: How can I find every occurrence of the assign operator (=) where the TARGET is a reference type? It's those lines of code I need to change.&lt;/p&gt;
&lt;p&gt;I've tried to do it manually by simply searching for the '=' character, but after searching thousands and thousands lines of code, but I'm still missing the occasional assignment target.&lt;/p&gt;</t>
  </si>
  <si>
    <t>2014-09-12 15:49:54.320000+00:00</t>
  </si>
  <si>
    <t>2014-09-12 15:54:28.567000+00:00</t>
  </si>
  <si>
    <t>c#|c++</t>
  </si>
  <si>
    <t>Variable scope in php in 2 block codes</t>
  </si>
  <si>
    <t>&lt;p&gt;In a webpage in top i use this code:&lt;/p&gt;
&lt;pre&gt;&lt;code&gt;&amp;lt;?php
switch ($urlcomecatid) {
case "95":
$target_cat1='96';
$target_cat1_name = "A";
break;
case "96":
$target_cat1='95';
$target_cat1_name = "B";
break;
?&amp;gt;
&lt;/code&gt;&lt;/pre&gt;
&lt;p&gt;and in another down part the page i use these variable&lt;/p&gt;
&lt;pre&gt;&lt;code&gt;&amp;lt;?php
echo "&amp;lt;p class='pagefooterlifestyle' align='center'&amp;gt;
&amp;lt;a href='../lifestyle/lifestylesub.php? catid=$target_cat1'&amp;gt;$target_cat1_name&amp;lt;/a&amp;gt;&amp;lt;/p&amp;gt;";
?&amp;gt;
&lt;/code&gt;&lt;/pre&gt;
&lt;p&gt;BUT i get error undefined variable for 
$target_cat1
$target_cat1_name &lt;/p&gt;
&lt;p&gt;please let me know that what is the problem?&lt;/p&gt;</t>
  </si>
  <si>
    <t>2015-01-31 14:27:54.770000+00:00</t>
  </si>
  <si>
    <t>2015-01-31 14:51:30.053000+00:00</t>
  </si>
  <si>
    <t>Socket Programming with J2ME</t>
  </si>
  <si>
    <t>&lt;p&gt;How can i connect to a TcpServer(using ip &amp;amp; port) with J2ME ? i want to send a request to the server and get responses !&lt;/p&gt;</t>
  </si>
  <si>
    <t>2010-10-25 17:27:20.840000+00:00</t>
  </si>
  <si>
    <t>2010-10-26 07:32:57.170000+00:00</t>
  </si>
  <si>
    <t>sockets|java-me|tcp</t>
  </si>
  <si>
    <t>JSoup fetching image issue</t>
  </si>
  <si>
    <t>&lt;p&gt;I'm trying to fetch an image into my android app but I am unable do so after several failed attempts. I would like to get the image for current weather icon the page "&lt;a href="http://www.wunderground.com/US/ma/boston.html?MR=1" rel="nofollow"&gt;http://www.wunderground.com/US/ma/boston.html?MR=1&lt;/a&gt;" &lt;/p&gt;
&lt;p&gt;It's the icon right next to temperature and it's html code looks like:&lt;/p&gt;
&lt;pre&gt;&lt;code&gt;            &amp;lt;img src="http://icons-ak.wxug.com/i/c/k/nt_partlycloudy.gif" width="44" height="44" alt="Scattered Clouds" class="condIcon"&amp;gt;
&lt;/code&gt;&lt;/pre&gt;
&lt;p&gt;I use code that looks like as follows but I am unsure on what to pass as the argument of the doc.select(" ... "); statement in the second line. When I use the following code exactly, I can retrieve the image from the androidbegin.com website. Please help figure out what argument to use for the wunderground link above.&lt;/p&gt;
&lt;pre&gt;&lt;code&gt;        Document doc = Jsoup.connect("http://www.androidbegin.com").get();        
            Elements img = doc.select("h1[class=image-logo] img[src]");
            String imgSrc = img.attr("src");
            InputStream input = new java.net.URL(imgSrc).openStream();
            bitmap = BitmapFactory.decodeStream(input);
&lt;/code&gt;&lt;/pre&gt;
&lt;p&gt;So far I have used lines like:&lt;/p&gt;
&lt;pre&gt;&lt;code&gt;Elements img = document.select("curIcon[class=condIcon] img[src]");
&lt;/code&gt;&lt;/pre&gt;
&lt;p&gt;but to no avail. Alternatively, please suggest a resource where I could learn about these arguments myself.&lt;/p&gt;
&lt;p&gt;Thank you.&lt;/p&gt;</t>
  </si>
  <si>
    <t>2013-11-28 05:46:07.513000+00:00</t>
  </si>
  <si>
    <t>2013-11-28 15:44:59.917000+00:00</t>
  </si>
  <si>
    <t>java|android|html|jsoup</t>
  </si>
  <si>
    <t>How to get browser IP address and the visitors country, who visited my site, without doing any API call</t>
  </si>
  <si>
    <t>&lt;p&gt;How to get browser IP address and the visitors country, who visited my site, without doing any API call. suppose that my site is www.xyz.com. and anyone is putting my site url in browser address bar. on hiting my url, i should get browser IP address and the visitors country. &lt;/p&gt;</t>
  </si>
  <si>
    <t>2018-06-20 14:13:06.737000+00:00</t>
  </si>
  <si>
    <t>2018-06-20 14:18:00.903000+00:00</t>
  </si>
  <si>
    <t>javascript|angular|frontend</t>
  </si>
  <si>
    <t>Jquery chaining different css issues</t>
  </si>
  <si>
    <t>&lt;p&gt;Trying to use css in jquery to define an element and another snipet of code when the mouse hovers over, i cant get either css codes to run.  This is a proposing experiment and already aware CSS is more of use.  This is simply a jquery use only codes.&lt;/p&gt;
&lt;p&gt;Here are the jquery codes for a given paragraph with class p.&lt;/p&gt;
&lt;pre&gt;&lt;code&gt;&amp;lt;p class="p"&amp;gt; this is a generic element with generic coding.&amp;lt;/p&amp;gt;
&lt;/code&gt;&lt;/pre&gt;
&lt;p&gt;Here is the jquery end.&lt;/p&gt;
&lt;pre&gt;&lt;code&gt;$("document"). ready( function (){
    var $p = $("p.p");
    $p
        .css({
            "font-size" :  "200%" ,
            "color" : "#030"
        })
       .onhover( function(){
            $p.css({
                "font-size" : "175%" ,
                "color" : "#060"
            });
      });
});
&lt;/code&gt;&lt;/pre&gt;
&lt;p&gt;Hopefully it will work!  Thank you all for your hard work!&lt;/p&gt;</t>
  </si>
  <si>
    <t>2016-07-06 23:07:07.087000+00:00</t>
  </si>
  <si>
    <t>2016-07-06 23:12:20.930000+00:00</t>
  </si>
  <si>
    <t>2016-07-06 23:09:54.240000+00:00</t>
  </si>
  <si>
    <t>Laravel return models created_at</t>
  </si>
  <si>
    <t>&lt;p&gt;I have:&lt;/p&gt;
&lt;p&gt;&lt;strong&gt;Model&lt;/strong&gt;&lt;/p&gt;
&lt;pre&gt;&lt;code&gt;public function getUrlAttribute() {
    dd($this-&amp;gt;created_at);
}
&lt;/code&gt;&lt;/pre&gt;
&lt;p&gt;&lt;strong&gt;View&lt;/strong&gt;&lt;/p&gt;
&lt;pre&gt;&lt;code&gt;@foreach($item as $item)
    {{$item-&amp;gt;url}}
    ...
@endforeach
&lt;/code&gt;&lt;/pre&gt;
&lt;p&gt;But it returns null, when in fact every row in my table has a created_at datetime. What is going wrong here?&lt;/p&gt;</t>
  </si>
  <si>
    <t>2016-06-05 15:22:05.247000+00:00</t>
  </si>
  <si>
    <t>2016-06-05 15:49:26.480000+00:00</t>
  </si>
  <si>
    <t>2016-06-05 15:26:05.420000+00:00</t>
  </si>
  <si>
    <t>php|laravel|laravel-5|eloquent</t>
  </si>
  <si>
    <t>Spark mllib ALS recommendations</t>
  </si>
  <si>
    <t>&lt;p&gt;I am training the ALS model for recommendations. I have about 200m ratings from about 10m users and 3m products. I have a small cluster with 48 cores and 120gb cluster-wide memory. &lt;/p&gt;
&lt;p&gt;My code is very similar to the example code 
spark/examples/src/main/scala/org/apache/spark/examples/mllib/MovieLensALS.scala code. &lt;/p&gt;
&lt;p&gt;I have a couple of questions:&lt;/p&gt;
&lt;p&gt;All steps up to model training runs reasonably fast. Model training is under 10 minutes for rank 20. However, the model.recommendProductsForUsers step is either slow or just does not work as the code just seems to hang at this point. I have tried user and product blocks sizes of -1 and 20, 40, etc, played with executor memory size, etc. Can someone shed some light here as to what could be wrong?&lt;/p&gt;
&lt;p&gt;Also, is there any example code for the ml.recommendation.ALS algorithm? I can figure out how to train the model but I don't understand (from the documentation) how to perform predictions?&lt;/p&gt;
&lt;p&gt;Thanks for any information you can provide.&lt;/p&gt;</t>
  </si>
  <si>
    <t>2017-06-01 20:44:37.517000+00:00</t>
  </si>
  <si>
    <t>2017-06-02 10:52:31.707000+00:00</t>
  </si>
  <si>
    <t>apache-spark|apache-spark-mllib</t>
  </si>
  <si>
    <t>AVA: does not show failed tests within a timeout, only passed</t>
  </si>
  <si>
    <t>&lt;p&gt;Any output method I use with AVA, e.g. Verbose, a reporter, or its default, always outputs the passed tests, but never the failed tests.&lt;/p&gt;
&lt;p&gt;It's becoming increasingly difficult to figure out which tests failed and why (without process of elimination, which isn't ideal):&lt;/p&gt;
&lt;pre&gt;&lt;code&gt;  ��� Exited because no new tests completed within the last 10000ms of inactivity
  55 tests passed [09:38:58]
  1 uncaught exception
&lt;/code&gt;&lt;/pre&gt;
&lt;p&gt;Preferably, I want to know which of the tests failed within the timeout, not passed - I have a total of 59 tests.&lt;/p&gt;
&lt;p&gt;Has anyone achieved this in AVA?&lt;/p&gt;</t>
  </si>
  <si>
    <t>2017-09-21 10:01:36.543000+00:00</t>
  </si>
  <si>
    <t>2017-09-24 14:33:14.273000+00:00</t>
  </si>
  <si>
    <t>user860511</t>
  </si>
  <si>
    <t>ava</t>
  </si>
  <si>
    <t>I need query to provide distinct number of choices from group of numbers</t>
  </si>
  <si>
    <t>&lt;p&gt;I have eight numbers in my table. I need to return 28 distinct combinations. I thought I had the code correct but it returns an infinite number of combinations.&lt;/p&gt;
&lt;p&gt;Here is the code.&lt;/p&gt;
&lt;pre&gt;&lt;code&gt;SELECT t1.ID AS Number_1,
       t2.ID AS Number_2,
       t3.ID AS Number_3,
       t4.ID AS Number_4,
       t5.ID AS Number_5,
       t6.ID AS Number_6
  FROM cTop8 AS t1,
       cTop8 as t2,
       cTop8 as t3,
       cTop8 as t4,
       cTop8 as t5,
       cTop8 as t6
 where t2.id &amp;lt;&amp;gt; t1.id
   and t3.id &amp;lt;&amp;gt; t2.id
   AND t3.id &amp;lt;&amp;gt; t1.id
   and t4.id &amp;lt;&amp;gt; t3.id
   AND t4.id &amp;lt;&amp;gt; t2.id
   AND t4.id &amp;lt;&amp;gt; t1.id
   and t5.id &amp;lt;&amp;gt; t4.id
   AND t5.id &amp;lt;&amp;gt; t3.id
   AND t5.id &amp;lt;&amp;gt; t2.id
   AND t5.id &amp;lt;&amp;gt; t1.id
   and t6.id &amp;lt;&amp;gt; t5.id
   AND t6.id &amp;lt;&amp;gt; t4.id
   AND t6.id &amp;lt;&amp;gt; t3.id
   AND t6.id &amp;lt;&amp;gt; t2.id
   AND t6.id &amp;lt;&amp;gt; t1.id
 ORDER BY rand()
&lt;/code&gt;&lt;/pre&gt;</t>
  </si>
  <si>
    <t>2016-08-18 11:28:52.313000+00:00</t>
  </si>
  <si>
    <t>2016-08-18 11:51:06.890000+00:00</t>
  </si>
  <si>
    <t>2016-08-18 11:46:42.493000+00:00</t>
  </si>
  <si>
    <t>The padding of div is broken by the column layout</t>
  </si>
  <si>
    <t>&lt;p&gt;When I create a layout which likes pinterest, I use column. But I don't control column.&lt;/p&gt;
&lt;p&gt;The column breaks a div's padding part.&lt;/p&gt;
&lt;p&gt;The problem is 
&lt;a href="https://i.stack.imgur.com/k9E2Y.png" rel="nofollow noreferrer"&gt;#1&lt;/a&gt;.&lt;/p&gt;
&lt;p&gt;I found that this error occurs when the longest div is longer than the other div.
&lt;a href="https://i.stack.imgur.com/4kuCy.png" rel="nofollow noreferrer"&gt;#2&lt;/a&gt;&lt;/p&gt;
&lt;p&gt;I use Dev Tools, but I can't solve this problem. because of &lt;a href="https://i.stack.imgur.com/DHzBM.png" rel="nofollow noreferrer"&gt;#3&lt;/a&gt;&lt;/p&gt;
&lt;p&gt;In Dev Tools, layout looks no problem. but I don't know why padding part moved next column.&lt;a href="https://i.stack.imgur.com/k97og.png" rel="nofollow noreferrer"&gt;#4&lt;/a&gt;
This is my layout source code.&lt;/p&gt;
&lt;pre&gt;&lt;code&gt;.card {
  break-inside: avoid;
  width: 15rem;
  height: max-content;
  margin: 10px;
  background-color: white;
  border: 1px solid var(--oc-gray-3);
  border-radius: 10px;
  align-items: center;
  box-shadow: 0 3px 5px 0 rgba(0, 0, 0, 0.15);
  transition: all .4s ease-in-out;
}
.card-container {
  break-inside: avoid;
  column-count: 10;
  column-gap: 1rem;
  column-width: 16rem;
  width: max-content;
  max-height: max-content;
  height: 100%;
  max-width: 96vw;
}
.card-title {
  padding: 10px;  
  font-size: 1.2rem;
  word-break: break-word;
  text-align: center;
}
.card-link {
  display: block;
  padding: 10px;
  word-break: keep-all;
  overflow-x: hidden;
} 
@media screen and (max-width: 700px) {
  footer {
  display: block;
  z-index: 1000;
  background-color: white;
  height: 56px;
  }
  article {
    margin-bottom: 10px;
    padding: 10px;
    height: calc(100vh - 140px);
    overflow-y: scroll;
    overflow-x: hidden;
    justify-content: center;
    display: flex;
  }
}
@media screen and (min-width: 700px) {
  footer {
    display: none !important;
    height: 0;
  }
  article {
    margin-bottom: 10px;
    padding: 30px;
    height: 100vh;
    overflow-y: scroll;
    overflow-x: hidden;
    justify-content: center;
    display: flex;
  }
}
.card-link button, .destination {
  background-position: center;
  transition: background 0.8s;
}
.card-link {
  background-position: center;
  transition: background 0.3s;
}
.card-link:last-child:hover, .card-link:last-child, .card-link:last-child:active {
  transition: none;
  background: white;
}
&amp;lt;article&amp;gt;
  &amp;lt;div class="card-container"&amp;gt;
    &amp;lt;div class="card" v-for="group in groups" :key="group.id"&amp;gt;
      &amp;lt;div class="card-title"&amp;gt;
        &amp;lt;span class="title"&amp;gt;Lorem ipsum&amp;lt;/span&amp;gt;
      &amp;lt;/div&amp;gt;
      &amp;lt;div class="card-list"&amp;gt;
        &amp;lt;div class="card-link" v-for="link in group.list" :key="link.title"&amp;gt;
          &amp;lt;a class="link" :href="link.url"&amp;gt;Lorem ipsum&amp;lt;/a&amp;gt;
        &amp;lt;/div&amp;gt;
        &amp;lt;div class="card-link"
             style="border-top:1px solid #f1f3f5;align-items: center;display:flex;padding: 10px;border-bottom-left-radius: 10px;border-bottom-right-radius: 10px;"&amp;gt;
          &amp;lt;button&amp;gt;&amp;lt;i class="material-icons red6"&amp;gt;
            favorite
          &amp;lt;/i&amp;gt;&amp;lt;/button&amp;gt;
          &amp;lt;button @click="copyURL(group.id)"&amp;gt;&amp;lt;img src="../assets/icon/copy.svg" alt="copy"&amp;gt;&amp;lt;/button&amp;gt;
          &amp;lt;button&amp;gt;&amp;lt;img src="../assets/icon/share.svg" alt="share"&amp;gt;&amp;lt;/button&amp;gt;
          &amp;lt;button&amp;gt;&amp;lt;img src="../assets/icon/more.svg" alt="more"&amp;gt;&amp;lt;/button&amp;gt;
        &amp;lt;/div&amp;gt;
      &amp;lt;/div&amp;gt;
    &amp;lt;/div&amp;gt;
  &amp;lt;/div&amp;gt;
&amp;lt;/article&amp;gt;
&lt;/code&gt;&lt;/pre&gt;</t>
  </si>
  <si>
    <t>2018-09-15 14:55:08.260000+00:00</t>
  </si>
  <si>
    <t>2018-09-15 16:51:45.230000+00:00</t>
  </si>
  <si>
    <t>html|css|css3|layout</t>
  </si>
  <si>
    <t>Export table with random rows and columns (defined by an object) to excel</t>
  </si>
  <si>
    <t>&lt;p&gt;I have a task that I am sure can be easily generalized in a simple way.&lt;/p&gt;
&lt;p&gt;I have different tables to be exported to excel dynamically, and what I am doing is creating the table columns in HTML from the Object parameters, and the rows using a foreach on the List to create the rows.&lt;/p&gt;
&lt;p&gt;So for example if I have a list of Customer (&lt;code&gt;List&amp;lt;Customer&amp;gt;&lt;/code&gt; ) 
I create the tr basing on the amount and name of the Object properties:&lt;/p&gt;
&lt;pre&gt;&lt;code&gt;public class Customer
{
    public int DeliveryAddressId { get; set; }
    public DateTime CreatedDate { get; set; }
    public string Firstname { get; set; }
    public string Lastname { get; set; }
    ....
}
var output = "&amp;lt;table&amp;gt;";
        output += "&amp;lt;thead&amp;gt;";
        output += "&amp;lt;tr&amp;gt;";
        output += "&amp;lt;th&amp;gt;DeliveryAddressId &amp;lt;/th&amp;gt;";
        .....
&lt;/code&gt;&lt;/pre&gt;
&lt;p&gt;and the foreach to fill in the rows:&lt;/p&gt;
&lt;pre&gt;&lt;code&gt;foreach (var customer in List&amp;lt;Customer&amp;gt;)
        {
            output += "&amp;lt;tr&amp;gt;";
            output += "&amp;lt;td&amp;gt;" + customer.DeliveryAddressId + "&amp;lt;/td&amp;gt;";
            .....
&lt;/code&gt;&lt;/pre&gt;
&lt;p&gt;But then I have different objects with different parameters, so the question is:&lt;/p&gt;
&lt;p&gt;How can I create a generic method that takes a &lt;code&gt;List&amp;lt;Object&amp;gt;&lt;/code&gt; as input and create this kind of table using the object parameter names as columns name and then cycles the rows accordingly?&lt;/p&gt;</t>
  </si>
  <si>
    <t>2012-11-13 12:07:25.747000+00:00</t>
  </si>
  <si>
    <t>2012-11-13 14:27:11.687000+00:00</t>
  </si>
  <si>
    <t>2012-11-13 13:05:53.757000+00:00</t>
  </si>
  <si>
    <t>c#|asp.net|.net|reflection|parameters</t>
  </si>
  <si>
    <t>Why does Dijkstra's algorithm need a priority queue when this regular queue version is also correct?</t>
  </si>
  <si>
    <t>&lt;p&gt;I have read the following but please take a look at my code below. &lt;/p&gt;
&lt;p&gt;&lt;a href="https://stackoverflow.com/questions/12481256/why-dijkstras-algorithm-uses-heap-priority-queue"&gt;Why Dijkstra&amp;#39;s Algorithm uses heap (priority queue)?&lt;/a&gt;&lt;/p&gt;
&lt;p&gt;I have two versions of dijkstra, one good version with PQueue, and one bad version with regular linked list queue. &lt;/p&gt;
&lt;pre&gt;&lt;code&gt;public static void computeDijkstra(Vertex source) {
    source.minDistance = 0.;
    Queue&amp;lt;Vertex&amp;gt; vertexQueue = new PriorityQueue&amp;lt;Vertex&amp;gt;();
    // Queue&amp;lt;Vertex&amp;gt; vertexQueue = new LinkedList&amp;lt;Vertex&amp;gt;();
    vertexQueue.add(source);
    while (!vertexQueue.isEmpty()) {
        Vertex fromVertex = vertexQueue.poll();
        if (fromVertex.neighbors != null) {
            for (Edge currentEdge : fromVertex.neighbors) {
                Vertex toVertex = currentEdge.target;
                if (currentEdge.weight + fromVertex.minDistance &amp;lt; toVertex.minDistance) {
                    toVertex.minDistance = currentEdge.weight + fromVertex.minDistance;
                    toVertex.previous = fromVertex;
                    vertexQueue.add(toVertex);
                }
            }
        }
    }
}
public static void computeDijkstraBad(Vertex source) {
    source.minDistance = 0.;
    // Queue&amp;lt;Vertex&amp;gt; vertexQueue = new PriorityQueue&amp;lt;Vertex&amp;gt;();
    Queue&amp;lt;Vertex&amp;gt; vertexQueue = new LinkedList&amp;lt;Vertex&amp;gt;();
    vertexQueue.add(source);
    while (!vertexQueue.isEmpty()) {
        Vertex fromVertex = vertexQueue.poll();
        if (fromVertex.neighbors != null) {
            for (Edge currentEdge : fromVertex.neighbors) {
                Vertex toVertex = currentEdge.target;
                if (currentEdge.weight + fromVertex.minDistance &amp;lt; toVertex.minDistance) {
                    toVertex.minDistance = currentEdge.weight + fromVertex.minDistance;
                    toVertex.previous = fromVertex;
                    vertexQueue.add(toVertex);
                }
            }
        }
    }
}
&lt;/code&gt;&lt;/pre&gt;
&lt;p&gt;I also have graph creation with a text file like below&lt;/p&gt;
&lt;pre&gt;&lt;code&gt;0, 1, 2, 3, 4, 5, 6 // vertices
0, 6 // from and to vertex
1, (2-5, 0-4, 4-6) // from vertex 1 it will have edge to 2 with weight 5 ...
0, (4-3, 3-7)
4, (2-11, 3-8)
3, (2-2, 5-5)
2, (6-2, 5-10)
5, (6-3)
&lt;/code&gt;&lt;/pre&gt;
&lt;p&gt;Both the implementation renders the following &lt;code&gt;[0, 3, 2, 6]&lt;/code&gt; which is the shortest path indeed from 0 to 6! &lt;/p&gt;
&lt;p&gt;Now we know, if a Simple BFS is used to find shortest distance with positive integers, there will be cases where it will not find the minimum path. So, can someone give me a counter example for which my Bad implementation will fail to print the right path for a graph. Feel free to give me the answer in the graph format (the sample text file format) that I used. &lt;/p&gt;
&lt;p&gt;So far all the graphs I have had, both implementations rendered the right result. This shouldn't happen because the bad implementation is runtime (E+V) and we know we can't find shortest path without at least E log V.&lt;/p&gt;
&lt;p&gt;Another example,&lt;/p&gt;
&lt;pre&gt;&lt;code&gt;0, 1, 2, 3, 4, 5, 6, 7, 8, 9, 10
0, 10
0, (1-9, 2-10, 3-11)
1, (4-1, 5-7)
2, (4-4, 5-3, 6-5)
3, (5-1, 6-4)
4, (7-9, 8-14, 5-3)
5, (7-4, 8-5, 9-9, 6-2)
6, (8-2, 9-2)
7, (10-3)
8, (10-2)
9, (10-5)
&lt;/code&gt;&lt;/pre&gt;
&lt;p&gt;Both implementations renders [0, 3, 5, 6, 8, 10], which is the correct shortest path from 0-10.&lt;/p&gt;</t>
  </si>
  <si>
    <t>2016-04-28 16:48:32.620000+00:00</t>
  </si>
  <si>
    <t>2016-05-02 03:32:54.610000+00:00</t>
  </si>
  <si>
    <t>2017-05-23 11:46:11.673000+00:00</t>
  </si>
  <si>
    <t>algorithm|graph|dijkstra</t>
  </si>
  <si>
    <t>Efficiency of serialization of object to indexedDB verus JSON.stringify</t>
  </si>
  <si>
    <t>&lt;p&gt;I'm interested in the difference in terms of efficiency for browser/CPU/memory between the serialization step of JSON.stringify versus that of writing an object to an object store in indexedDB.&lt;/p&gt;
&lt;p&gt;The motivation or context for the question is writing an object from the database to the client's hard drive in the most efficient manner. To do so, the object is retrieved with a get statement and written to an object, that object is converted to a string with JSON.stringify and then written as text to disk. I assume that the get statement unserializes the object from its serialized form in the database.  If so, then the object is unserialized from indexedDB form and then serialized to JSON.stringify form.&lt;/p&gt;
&lt;p&gt;Then to recover the data from disk, the file is read, the text is converted to an object with JSON.parse and the object is added or put in the database, which appears to require another serialization step. So, the JSON string is parsed to an object and then serialized to the indexedDB form.&lt;/p&gt;
&lt;p&gt;The first part of my question is can the object be retrieved from the database in its serialized form so that it can be saved to disk in that same form and again written to the database without having to perform the intermediate steps of stringify/parse?&lt;/p&gt;
&lt;p&gt;The second part of the question is, if it is not possible to do so, and for the special case of using indexedDB without any indexing and never querying data by any value other than an out-of-line unique key, is there any advantage to storing the stringified object to the database rather than the object?&lt;/p&gt;
&lt;p&gt;In this scenario, the writing/reading to disk would not involve the intermediate stringify/parse steps and there would be no unserialization/serialization step when the string is get/put in the database since it is not an object. However, to change a value in one of these strings in the database would require a JSON.parse on the result of get to convert it to an object and then a JSON.stringify after the value is changed before the string is put back in the database.&lt;/p&gt;
&lt;p&gt;But how do the JSON.parse and JSON.stringify compare to the unserialization and reserialization of the database object when using get and put on the object? I thought that the serialization of an object to indexedDB would require more than a JSON.stringify, since the former can be queried by its properties.&lt;/p&gt;
&lt;p&gt;I will experiment to see if a difference is observable, but wanted to ask someone who understands the inner workings of the two types of serialization if there is an underlying reason, in this case, to use one approach over the other.&lt;/p&gt;
&lt;p&gt;&lt;strong&gt;EDIT&lt;/strong&gt;&lt;/p&gt;
&lt;p&gt;Apparently, if I understand correctly, the structured clone algorithm is used in storing objects in indexedDB; but is that result still serialized before storing? and JSON employs a lexical grammer but never copies the object.  &lt;/p&gt;
&lt;p&gt;Perhaps, I'm just very confused and there is no serialization step in writing to indexedDB and the increased usage of RAM that I observed is to clone the object, which is then stored as an object.  If so, then the first part of question makes no sense at all, because the database object will always need to be converted to a string to save to disk. And the second part of my question would become which is more demanding on the browser, 1) converting an object to a string or cloning it and 2) retrieving and object from database versus retrieving a string (if saved as JSON string) and parsing it?&lt;/p&gt;
&lt;p&gt;After finding more information about this, although much of it was over my head, I'm not sure the question is even worth considering.&lt;/p&gt;
&lt;p&gt;Thank you.&lt;/p&gt;</t>
  </si>
  <si>
    <t>2018-06-03 18:06:41.230000+00:00</t>
  </si>
  <si>
    <t>2018-06-17 04:25:36.443000+00:00</t>
  </si>
  <si>
    <t>javascript|json|indexeddb</t>
  </si>
  <si>
    <t>SQLAlchemy+Tornado: How to create a scopefunc for SQLAlchemy's ScopedSession?</t>
  </si>
  <si>
    <t>&lt;p&gt;Using tornado, I want to create a bit of middleware magic that ensures that my SQLAlchemy sessions get properly closed/cleaned up so that objects aren't shared from one request to the next. The trick is that, since some of my tornado handlers are asynchronous, I can't just share one session for each request.&lt;/p&gt;
&lt;p&gt;So I am left trying to create a ScopedSession that knows how to create a new session for each request. All I need to do is define a scopefunc for my code that can turn the currently executing request into a unique key of some sort, however I can't seem to figure out how to &lt;em&gt;get&lt;/em&gt; the current request at any one point in time (outside of the scope of the current RequestHandler, which my function doesn't have access to either).&lt;/p&gt;
&lt;p&gt;Is there something I can do to make this work?&lt;/p&gt;</t>
  </si>
  <si>
    <t>2011-12-30 00:30:40.830000+00:00</t>
  </si>
  <si>
    <t>2017-12-21 23:39:20.620000+00:00</t>
  </si>
  <si>
    <t>python|sqlalchemy|tornado</t>
  </si>
  <si>
    <t>How to keep HAProxy TCP connection alive?</t>
  </si>
  <si>
    <t>&lt;p&gt;I am having HAProxy in front of TCP servers like Postgres, Mongo and logstash. I am able to establish TCP connection but the connection will timeout after several minutes. Errors I'm getting are like &lt;/p&gt;
&lt;blockquote&gt;
  &lt;p&gt;Mongo::Error::SocketTimeoutError, Socket request timed out&lt;/p&gt;
&lt;/blockquote&gt;
&lt;p&gt;and &lt;/p&gt;
&lt;blockquote&gt;
  &lt;p&gt;server closed the connection unexpectedly
      This probably means the server terminated abnormally
      before or while processing the request.&lt;/p&gt;
&lt;/blockquote&gt;
&lt;p&gt;What can I do to keep TCP connection alive?&lt;/p&gt;</t>
  </si>
  <si>
    <t>2017-10-30 20:24:02.523000+00:00</t>
  </si>
  <si>
    <t>2017-11-04 15:43:52.493000+00:00</t>
  </si>
  <si>
    <t>load-balancing|haproxy|rancher</t>
  </si>
  <si>
    <t>How to write conditional query in laravel 5.2?</t>
  </si>
  <si>
    <t>&lt;p&gt;How can I write this kind of queries in laravel 5.2 eloquent or query builder?&lt;/p&gt;
&lt;pre&gt;&lt;code&gt;$query = Customers::leftjoin('Query string');    
if(condition)
    {
        //This part added to query   
    }
    else
    {
        //This part added to query
    }
-&amp;gt;get();
&lt;/code&gt;&lt;/pre&gt;</t>
  </si>
  <si>
    <t>2016-10-11 11:12:15.413000+00:00</t>
  </si>
  <si>
    <t>2016-10-14 12:18:41.843000+00:00</t>
  </si>
  <si>
    <t>php|laravel-5.2</t>
  </si>
  <si>
    <t>clicking a href does not work second time</t>
  </si>
  <si>
    <t>&lt;p&gt;I write 2 examples. at 1st example I can click a lot of time. But at 2nd example clicking does not work at second time . I mean clicking only possible 1 time.&lt;/p&gt;
&lt;pre&gt;&lt;code&gt;&amp;lt;a href="index.php"&amp;gt;Click me&amp;lt;/a&amp;gt;
&amp;lt;a href="index.php?location=#menu"&amp;gt;Click me&amp;lt;/a&amp;gt;
&lt;/code&gt;&lt;/pre&gt;</t>
  </si>
  <si>
    <t>2013-04-02 12:47:09.693000+00:00</t>
  </si>
  <si>
    <t>2013-04-02 12:57:32.607000+00:00</t>
  </si>
  <si>
    <t>html|href</t>
  </si>
  <si>
    <t>Ionic 3 FCM open specific pages when notification tapped when app is in background/closed</t>
  </si>
  <si>
    <t>&lt;p&gt;I can get the push notification when my apps is on background/closed and I can get the data in the payload of the notifications when i tapped it and open&lt;/p&gt;
&lt;pre&gt;&lt;code&gt;"notification": {
    "title": "Chat Messages",
    "body": `You have received chat messages from ${userName}`,
    "sound": "default",
    "click_action":"FCM_PLUGIN_ACTIVITY",
    "icon":"fcm_push_icon"
},
"data": {
    "user_id" : from_user_id,
    "user_name" : userName,
    "type" : notification_type
}
&lt;/code&gt;&lt;/pre&gt;
&lt;p&gt;but there is a problem which I can't make it open a specific page after i tapped the notification when in background/closed.&lt;/p&gt;
&lt;p&gt;Here is my code in the app.components.ts:&lt;/p&gt;
&lt;pre&gt;&lt;code&gt;import { Component, ViewChild } from '@angular/core';
import { Platform, NavController } from 'ionic-angular';
import { StatusBar } from '@ionic-native/status-bar';
import { SplashScreen } from '@ionic-native/splash-screen';
import { FCM } from '@ionic-native/fcm';
import { LoginPage } from '../pages/login/login';
import { TestpagePage } from '../pages/testpage/testpage';
@Component({
   templateUrl: 'app.html'
})
export class MyApp {
@ViewChild('myNav') navCtrl: NavController
rootPage:any = LoginPage;
constructor(fcm: FCM, platform: Platform, statusBar: StatusBar, splashScreen: SplashScreen) {
   platform.ready().then(() =&amp;gt; {
  // Okay, so the platform is ready and our plugins are available.
  // Here you can do any higher level native things you might need.
  statusBar.styleDefault();
  splashScreen.hide();
  fcm.onNotification().subscribe(function(data) {
    if(data.wasTapped) {
      alert('HI');
      if(data.type == 'messages') {
        alert('HEY');
        this.navCtrl.setRoot(TestpagePage);
      }
    } else {
      alert('Untapped&amp;lt;br&amp;gt;' +
            'User ID: ' + data.user_id + 
            '&amp;lt;br&amp;gt;User Name: ' + data.user_name +
            '&amp;lt;br&amp;gt;Type: ' + data.type);
     }
   });
  });
 }
}
&lt;/code&gt;&lt;/pre&gt;
&lt;p&gt;It will execute the 'HI' and 'HEY' alert inside the &lt;code&gt;if(data.wasTapped) {&lt;/code&gt; but it seems like the &lt;code&gt;this.navCtrl.setRoot('TestpagePage');&lt;/code&gt; is not fired. I don't know why please help me!&lt;/p&gt;</t>
  </si>
  <si>
    <t>2018-04-17 04:13:39.247000+00:00</t>
  </si>
  <si>
    <t>2018-06-05 16:56:18.517000+00:00</t>
  </si>
  <si>
    <t>2018-04-17 11:24:39.763000+00:00</t>
  </si>
  <si>
    <t>firebase|ionic-framework|firebase-cloud-messaging|ionic-native|cordova-plugin-fcm</t>
  </si>
  <si>
    <t>UITableView delegates not getting called after NSURL delegates</t>
  </si>
  <si>
    <t>&lt;p&gt;I am trying to create an iOS app that gets some data from a web service and displays it in customized cells. So far i could verify via NSLog cmd that the data actually is in the corresponding array. This means the Connection delegates getting called. But unfortunately not the TableView delegates. Or lets say they are getting called but maybe at the wrong place? i also tried to reload the Table view after the connectionDidFinishLoading method but it does not work too. Any idea what is wrong?&lt;/p&gt;
&lt;p&gt;It is also very interesting that the first time my NSLog is getting called i have 0 objects in the array and the second time after the connection has been made i have 25 objects. That is how it should be. but still. the table cells are empty...&lt;/p&gt;
&lt;p&gt;My Table view delegates:&lt;/p&gt;
&lt;pre&gt;&lt;code&gt;- (NSInteger)numberOfSectionsInTableView:(UITableView *)tableView numberOfRowsInSection:    (NSInteger)section{
return _matchesArray.count;
}
&lt;/code&gt;&lt;/pre&gt;
&lt;p&gt;-&lt;/p&gt;
&lt;pre&gt;&lt;code&gt; - (NSInteger)tableView:(UITableView *)tableView numberOfRowsInSection:(NSInteger)section{
   NSLog(@"%lu", (unsigned long)_matchesArray.count);
   return _matchesArray.count;
}
&lt;/code&gt;&lt;/pre&gt;
&lt;p&gt;-&lt;/p&gt;
&lt;pre&gt;&lt;code&gt;- (UITableViewCell *)tableView:(UITableView *)tableView cellForRowAtIndexPath:(NSIndexPath *)indexPath{
static NSString *cellIdentifier = @"Cell";
ResultCell * cell = (ResultCell *)[tableView dequeueReusableCellWithIdentifier:cellIdentifier];
if (cell == nil) {
    NSArray * nib = [[NSBundle mainBundle] loadNibNamed:@"ResultCell" owner:self options:nil];
    cell = [nib objectAtIndex:0];
}
// Retrieve the current team object for use with this indexPath.row
Matches * currentMatch = [_matchesArray objectAtIndex:indexPath.row];
 // now set the text
if ([currentMatch.matchesPlace isEqualToString:@"H"]) {
    cell.labelTeamA.text = currentMatch.matchesTeam;
    cell.labelTeamB.text = currentMatch.matchesOpponent;
}else{
    cell.labelTeamA.text = currentMatch.matchesOpponent;
    cell.labelTeamB.text = currentMatch.matchesTeam;
}
cell.labelResult.text = currentMatch.matchesResult;
cell.labelTime.text = currentMatch.matchesDate;
cell.labelPlace.text = currentMatch.matchesPlace;
cell.labelFvrzId.text = currentMatch.matchesFvrzNr;
cell.labelCategory.text = currentMatch.matchesCategory;
return cell;
}
&lt;/code&gt;&lt;/pre&gt;
&lt;p&gt;My Connection delegates:&lt;/p&gt;
&lt;pre&gt;&lt;code&gt;- (void) retrieveResults{
// Create the request.
NSURLRequest * request = [NSURLRequest requestWithURL:[NSURL URLWithString:getMatchesURL]];
// start showing network activity indicator in status bar
[UIApplication sharedApplication].networkActivityIndicatorVisible = YES;
// Create url connection and fire request
NSURLConnection * conn = [[NSURLConnection alloc] initWithRequest:request delegate:self];
}
&lt;/code&gt;&lt;/pre&gt;
&lt;p&gt;-&lt;/p&gt;
&lt;pre&gt;&lt;code&gt;#pragma mark NSURLConnection Delegate Methods
- (void)connection:(NSURLConnection *)connection didReceiveResponse:(NSURLResponse *)response {
_responseData = [[NSMutableData alloc] init];
}
&lt;/code&gt;&lt;/pre&gt;
&lt;p&gt;-&lt;/p&gt;
&lt;pre&gt;&lt;code&gt;- (void)connection:(NSURLConnection *)connection didReceiveData:(NSData *)data {
[_responseData appendData:data];
}
&lt;/code&gt;&lt;/pre&gt;
&lt;p&gt;-&lt;/p&gt;
&lt;pre&gt;&lt;code&gt;- (NSCachedURLResponse *)connection:(NSURLConnection *)connection
              willCacheResponse:(NSCachedURLResponse*)cachedResponse {
// Return nil to indicate not necessary to store a cached response for this connection
return nil;
}
&lt;/code&gt;&lt;/pre&gt;
&lt;p&gt;-&lt;/p&gt;
&lt;pre&gt;&lt;code&gt;- (void)connectionDidFinishLoading:(NSURLConnection *)connection {
// The request is complete and data has been received
// You can parse the stuff in your instance variable now
// stop showing network activity indicator in status bar
[UIApplication sharedApplication].networkActivityIndicatorVisible = NO;
//convert to json
_json = [NSJSONSerialization JSONObjectWithData:_responseData options:NSJSONReadingMutableLeaves error:nil];
//setup matches array
_matchesArray = [[NSMutableArray alloc]init];
for (int i = 0; i &amp;lt; _json.count; i++) {
    // create matches object
    NSString * matchTeam = [[_json objectAtIndex:i]objectForKey:@"fcs"];
    NSString * matchOpponent = [[_json objectAtIndex:i]objectForKey:@"opponent"];
    NSString * matchResult = [[_json objectAtIndex:i]objectForKey:@"resultat"];
    NSString * matchTime = [[_json objectAtIndex:i]objectForKey:@"date"];
    NSString * matchPlace = [[_json objectAtIndex:i]objectForKey:@"place"];
    NSString * matchCategory = [[_json objectAtIndex:i]objectForKey:@"category"];
    NSString * matchId = [[_json objectAtIndex:i]objectForKey:@"fvrzid"];
    Matches * myMatch = [[[Matches alloc] init] initMatch: matchId andMatchesCategory: matchCategory andMatchesDate: matchTime andMatchesTeam: matchTeam andMatchesOpponent: matchOpponent andMatchesPlace: matchPlace andMatchesResult: matchResult];
    // add Match object to object array
    [_matchesArray addObject:myMatch];
}
NSLog(@"%lu", (unsigned long)_matchesArray.count);
[_resultTableView reloadData];
NSLog(@"%lu", (unsigned long)_matchesArray.count);
}
&lt;/code&gt;&lt;/pre&gt;
&lt;p&gt;-&lt;/p&gt;
&lt;pre&gt;&lt;code&gt;- (void)connection:(NSURLConnection *)connection didFailWithError:(NSError *)error {
}
&lt;/code&gt;&lt;/pre&gt;</t>
  </si>
  <si>
    <t>2013-09-27 16:27:49.533000+00:00</t>
  </si>
  <si>
    <t>2013-10-06 09:41:44.660000+00:00</t>
  </si>
  <si>
    <t>ios|objective-c|uitableview|delegates|nsurlconnection</t>
  </si>
  <si>
    <t>ios swift parse: Put all related data into one object</t>
  </si>
  <si>
    <t>&lt;p&gt;when I query my class I also need its pointer data. While be &lt;code&gt;findObjectsInBackgroundWithBlock&lt;/code&gt; method I would like to have all the data combined into one object. This is my query so far:&lt;/p&gt;
&lt;pre&gt;&lt;code&gt;func fetchAllObjects(){
        PFObject.unpinAllObjectsInBackgroundWithBlock(nil)
        var query = PFQuery(className: "CardSet")
        query.whereKey("user", equalTo: PFUser.currentUser())
        query.includeKey("lesson")
        query.findObjectsInBackgroundWithBlock { (objects, error) -&amp;gt; Void in
            if (error == nil) {
                for object in objects{
                    var lesson: PFObject = object["lesson"] as PFObject
                    // how do I get the lessons object into the cardset object?
                }
                PFObject.pinAllInBackground(objects, block: nil)
            }else{
                println(error.userInfo)
            }
        }
    }
&lt;/code&gt;&lt;/pre&gt;
&lt;p&gt;As I want to pin the entire object with all related data in line &lt;code&gt;PFObject.pinAllInBackground(objects, block: nil)&lt;/code&gt; I need to pack the &lt;code&gt;lesson&lt;/code&gt; object into the &lt;code&gt;CardSet&lt;/code&gt; object.&lt;/p&gt;
&lt;p&gt;How can I do that?&lt;/p&gt;</t>
  </si>
  <si>
    <t>2015-03-09 10:27:22.093000+00:00</t>
  </si>
  <si>
    <t>2015-03-09 14:01:52.757000+00:00</t>
  </si>
  <si>
    <t>ios|swift|object|parse.com</t>
  </si>
  <si>
    <t>Easiest way to disable Form while worker thread spins?</t>
  </si>
  <si>
    <t>&lt;p&gt;When I have a WinForms app that needs to do some heavy lifting in the background but only ever one task at at time (the usual), the general procedure is the same:&lt;/p&gt;
&lt;ul&gt;
&lt;li&gt;Set UI to "working" status (disable button to prevent subsequent presses, display operation progress, maybe pop up separate status form on top of main form...)&lt;/li&gt;
&lt;li&gt;newThread.Start();&lt;/li&gt;
&lt;li&gt;Set UI back to user-interactable state when finished or canceled&lt;/li&gt;
&lt;/ul&gt;
&lt;p&gt;The problem is, I always end up wiring it all up by hand.  If I go the route of disabling certain buttons, making the form confirm when the user tries to close it, etc... there's really no way around that, since each form is different.  But sometimes it's just not worth it to spend the time writing all those specifics and all I want to do is stop the user from clicking anything and show some visual indication that the application is working.&lt;/p&gt;
&lt;p&gt;Is there an easy way to set the UI to a non-interactable "working" status, sort of a like a lightbox does in web interfaces?&lt;/p&gt;
&lt;p&gt;Criteria:&lt;/p&gt;
&lt;ul&gt;
&lt;li&gt;Least amount of code wins. (I'm lazy.)&lt;/li&gt;
&lt;li&gt;User should no longer be able to interact with the form.
&lt;ul&gt;
&lt;li&gt;Form can be completely non-interactable, partially non-interactable, whatever keeps the user relatively contained.&lt;/li&gt;
&lt;li&gt;Option to cancel operation is not required... that can be added later depending on how much time I want to spend on user experience.&lt;/li&gt;
&lt;/ul&gt;&lt;/li&gt;
&lt;/ul&gt;
&lt;p&gt;If only there were a UI counterpart to BackgroundWorker...&lt;/p&gt;</t>
  </si>
  <si>
    <t>2011-04-06 20:35:01.147000+00:00</t>
  </si>
  <si>
    <t>2015-07-23 16:40:52.547000+00:00</t>
  </si>
  <si>
    <t>2011-04-06 20:46:38.233000+00:00</t>
  </si>
  <si>
    <t>How to draw transparency in UIView?</t>
  </si>
  <si>
    <t>&lt;p&gt;I'm well aware that this question has been asked many times, but clearly something is different.  I'm drawing rectangles over faces in a UIImageView and so I need the rectangles to be transparent.&lt;/p&gt;
&lt;p&gt;As far as I can see, I'm following all recommendations to draw a transparent background in a view (e.g. clear the rect of the current graphics context).  I'm also setting the view to not be be opaque and setting the backgroundColor to be clearColor.  Are there other steps necessary?&lt;/p&gt;
&lt;pre&gt;&lt;code&gt;-(instancetype)init
{
    self = [super init];
    if ( self ) {
        self.opaque = NO;
        self.backgroundColor = [UIColor clearColor];
        self.clearsContextBeforeDrawing = NO;
    }
    return self;
}
- (void)drawRect:(CGRect)rect {
    UIBezierPath * path = [UIBezierPath bezierPathWithRect:rect];
    CGContextRef ctx = UIGraphicsGetCurrentContext();
    [[UIColor clearColor] setFill];
    CGContextClearRect(ctx, rect);
    [self.rectColor setStroke];
    path.lineWidth = 5.0;
    [path stroke];
}
@end
&lt;/code&gt;&lt;/pre&gt;
&lt;p&gt;&lt;a href="https://i.stack.imgur.com/GPbkC.png" rel="nofollow noreferrer"&gt;&lt;img src="https://i.stack.imgur.com/GPbkC.png" alt="An example of my output"&gt;&lt;/a&gt;&lt;/p&gt;
&lt;p&gt;I need the background to be transparent, and this view just shows up black by default.  I've tried to clearing the rectangle of the CGContext directly, as I've heard this is (was) commonly the solution.&lt;/p&gt;</t>
  </si>
  <si>
    <t>2015-11-11 03:36:21.873000+00:00</t>
  </si>
  <si>
    <t>2015-11-11 04:59:21.637000+00:00</t>
  </si>
  <si>
    <t>2015-11-11 04:43:40.683000+00:00</t>
  </si>
  <si>
    <t>ios|core-graphics</t>
  </si>
  <si>
    <t>Download existing file from server to client using php</t>
  </si>
  <si>
    <t>&lt;p&gt;I'm trying to make a distant client able to download an existing file(csv) named "source.csv" in my local machine using php.&lt;br&gt;
After downloading the file the client should have a file named &lt;code&gt;sourceCopy.csv&lt;/code&gt;with the same content as the source file.&lt;/p&gt;
&lt;p&gt;Here's what I've tried :&lt;/p&gt;
&lt;pre&gt;&lt;code&gt;$file_url = 'source.csv';
header('Content-Type: application/csv');
header("Content-Transfer-Encoding: Binary");
header('Content-disposition: attachment; filename="sourceCopy.csv"');
readfile($file_url); 
&lt;/code&gt;&lt;/pre&gt;
&lt;p&gt;The file is downloaded but it doesn't match the source file !&lt;/p&gt;</t>
  </si>
  <si>
    <t>2018-01-02 15:03:32.760000+00:00</t>
  </si>
  <si>
    <t>2018-01-02 19:03:00.930000+00:00</t>
  </si>
  <si>
    <t>php|csv</t>
  </si>
  <si>
    <t>Unable to resolve dependency 'openssl.v120.windesktop.msvcstl.dyn.rt-dyn.x64 (= 1.0.2.1)'</t>
  </si>
  <si>
    <t>&lt;p&gt;I get this error repeatedly when trying to install third party package in vs package manager,&lt;/p&gt;
&lt;blockquote&gt;
  &lt;p&gt;Unable to resolve dependency 'openssl.v120.windesktop.msvcstl.dyn.rt-dyn.x64 (= 1.0.2.1)'.&lt;/p&gt;
&lt;/blockquote&gt;
&lt;p&gt;when I am trying to install curl or libssh2 in visual studio 2013. Why is that ? 
I tried to install openssl.v120.windesktop.msvcstl.dyn.rt-dyn.x64 (= 1.0.2.1) but it did not work for me ? What am I doing wrong ?&lt;/p&gt;
&lt;p&gt;&lt;a href="https://i.stack.imgur.com/zaT2A.png" rel="nofollow noreferrer"&gt;&lt;img src="https://i.stack.imgur.com/zaT2A.png" alt="Here is the error"&gt;&lt;/a&gt;&lt;/p&gt;</t>
  </si>
  <si>
    <t>2016-11-06 08:33:35.977000+00:00</t>
  </si>
  <si>
    <t>2017-04-22 16:31:41.523000+00:00</t>
  </si>
  <si>
    <t>c++|visual-studio|curl</t>
  </si>
  <si>
    <t>Prompting user when application closes</t>
  </si>
  <si>
    <t>&lt;p&gt;I am making a web browser for the windows phone platform, and I am using the back button as an a navigation back key for the browser. However, windows phone requires the back button to also close the app or close it by prompting the user. I myself am trying this, though I just can't get it to work together. Here's my code&lt;/p&gt;
&lt;pre&gt;&lt;code&gt; if (webTab1.Margin == new Thickness())
 {
    try
    {
        webTab1.InvokeScript("eval", "history.go(-1)");
        e.Cancel = true;
    }
    catch
    {
        MessageBoxResult mb = MessageBox.Show("You want exit the page", "Alert", MessageBoxButton.OKCancel);
        if (mb != MessageBoxResult.OK)
        {
            e.Cancel = true;
        }
    }
 }
&lt;/code&gt;&lt;/pre&gt;
&lt;p&gt;i need it so if the backbutton is pressed and the browser doesnt navigate it should prompt the user to close the app. &lt;/p&gt;</t>
  </si>
  <si>
    <t>2013-04-24 08:47:45.810000+00:00</t>
  </si>
  <si>
    <t>2013-05-01 16:04:57.847000+00:00</t>
  </si>
  <si>
    <t>windows-phone-7|windows-phone-8|webbrowser-control</t>
  </si>
  <si>
    <t>Failed to Convert Columns to Rows When Table has Different Data Types</t>
  </si>
  <si>
    <t>&lt;p&gt;I have a table like below:&lt;/p&gt;
&lt;pre&gt;&lt;code&gt;Create table EmpDetails
(
    ID int primary key,
    DOB datetime not null,
    Name nvarchar(100) not null,
    Salary float not null,
    Email nvarchar(50) not null,
    IsActive bit not null
)
Insert into EmpDetails VALUES (2134, '1985-09-19 03:37:21.757', 'Jack Sparrow', 75000,'abc@gmail.com', 1)
&lt;/code&gt;&lt;/pre&gt;
&lt;p&gt;When I tried to convert the columns into Rows using below query I am getting error and the query failed.&lt;/p&gt;
&lt;pre&gt;&lt;code&gt;select ID, Attrib, Value
from EmpDetails
cross apply
(
select 'DOB', DOB union all
select 'Name', Name union all
select 'Salary', Salary union all
select 'Email', Email union all
select 'IsActive', IsActive
)empd(Attrib, Value);
&lt;/code&gt;&lt;/pre&gt;
&lt;p&gt;&lt;strong&gt;EDIT&lt;/strong&gt;: I have also tried below, but got same error&lt;/p&gt;
&lt;pre&gt;&lt;code&gt;select ID, Attrib, Value
from EmpDetails
cross apply
(
values
('DOB', DOB),
('Name', Name),
('Salary', Salary),
('Email', Email),
('IsActive', IsActive)
) empd(Attrib, Value);
&lt;/code&gt;&lt;/pre&gt;
&lt;p&gt;Error:&lt;/p&gt;
&lt;pre&gt;&lt;code&gt;Conversion failed when converting date and/or time from character string.
&lt;/code&gt;&lt;/pre&gt;
&lt;p&gt;When I tried to CAST the DOB field as &lt;code&gt;datetime&lt;/code&gt; still I am getting same error:&lt;/p&gt;
&lt;pre&gt;&lt;code&gt;select 'DOB', CAST(DOB as datetime)
&lt;/code&gt;&lt;/pre&gt;
&lt;p&gt;How can I proceed here ? Any help is appreciated.&lt;/p&gt;</t>
  </si>
  <si>
    <t>2014-09-18 22:29:15.160000+00:00</t>
  </si>
  <si>
    <t>2014-09-18 23:11:02.200000+00:00</t>
  </si>
  <si>
    <t>2014-09-18 23:03:41.227000+00:00</t>
  </si>
  <si>
    <t>sql|sql-server|cross-apply</t>
  </si>
  <si>
    <t>TFS 2010 Windows Shell Extensions, how do I connect to a workspace?</t>
  </si>
  <si>
    <t>&lt;p&gt;I have VS 2010 and a TFS 2010 server set up and it's all working fine. I've checked out files to my local hard drive. &lt;/p&gt;
&lt;p&gt;I installed the TFS Power Tools to be able to get to TFS through context menu in Windows. If I right click in a TFS project on my hard drive I get all the icons and it works. &lt;/p&gt;
&lt;p&gt;My question is that how do I get the TFS menu if I have no source code from TFS on my hard drive?&lt;/p&gt;
&lt;p&gt;Regards,
Magnus&lt;/p&gt;</t>
  </si>
  <si>
    <t>2011-05-17 09:31:50.530000+00:00</t>
  </si>
  <si>
    <t>2011-05-17 23:55:09.260000+00:00</t>
  </si>
  <si>
    <t>tfs</t>
  </si>
  <si>
    <t>node js best elastic search client</t>
  </si>
  <si>
    <t>&lt;p&gt;I am new to node js and I am trying to work with elastic search.
Tried a few clients&lt;/p&gt;
&lt;ol&gt;
&lt;li&gt;&lt;p&gt;&lt;a href="https://github.com/ncb000gt/node-es" rel="nofollow"&gt;node-es&lt;/a&gt;&lt;/p&gt;&lt;/li&gt;
&lt;li&gt;&lt;p&gt;&lt;a href="https://github.com/phillro/node-elasticsearch-client" rel="nofollow"&gt;https://github.com/phillro/node-elasticsearch-client&lt;/a&gt;&lt;/p&gt;&lt;/li&gt;
&lt;li&gt;&lt;p&gt;sage&lt;/p&gt;&lt;/li&gt;
&lt;li&gt;&lt;p&gt;elasticsearch&lt;/p&gt;&lt;/li&gt;
&lt;/ol&gt;
&lt;p&gt;All of them had issues. My questing is: 
what's the advantage of a node client against just GET'ing the results from the elastic search server? is it for better performance (keeping the connection open)?
Is it for simplicity? (because i got to tell you, they are not so simple to use..)&lt;/p&gt;</t>
  </si>
  <si>
    <t>2014-04-26 12:08:30.910000+00:00</t>
  </si>
  <si>
    <t>2016-08-29 11:55:37.337000+00:00</t>
  </si>
  <si>
    <t>node.js|elasticsearch</t>
  </si>
  <si>
    <t>Anything wrong with storing user's config data in sessions?</t>
  </si>
  <si>
    <t>&lt;p&gt;For a website, I want users to choose the way the website looks, so for example if the user chooses the "dark" theme it updates a row in the DB (with either a "config" table or just a column called "theme" in the users table - haven't decided yet)&lt;/p&gt;
&lt;p&gt;However, when logging in, is there anything wrong with storing the config options in sessions, or should I just store the ID in a session and query the DB on every page load to get user info?&lt;/p&gt;
&lt;p&gt;I'm sure the sessions option would be a lot better for resources, but are there downsides to it (of course when changing the options I would need to make sure the session values are updated too)?&lt;/p&gt;
&lt;p&gt;update (with code):&lt;/p&gt;
&lt;p&gt;option 1: query DB on each page load -&gt; get value (either "dark" or "light" and use this to display the correct theme)
option 2: users logs in, set "dark" or "light" to a session variable, and use this to display the correct theme&lt;/p&gt;</t>
  </si>
  <si>
    <t>2013-04-01 20:56:36.643000+00:00</t>
  </si>
  <si>
    <t>2013-04-01 21:29:47.880000+00:00</t>
  </si>
  <si>
    <t>2013-04-01 21:02:11.243000+00:00</t>
  </si>
  <si>
    <t>php|mysql|session</t>
  </si>
  <si>
    <t>Maximum Number of arraylist is only 99999999</t>
  </si>
  <si>
    <t>&lt;pre&gt;&lt;code&gt;Dim totalAllArr(99999999) As Integer
Public Sub SynchNow()
    ListOfBooksTableAdapter.Fill(OJT_Project_LSDataSet.ListOfBooks)
    For i = 0 To all - 1
        totalAllArr(i) = OJT_Project_LSDataSet.Tables("ListOfBooks").Rows(i).Item("numberofcopy")
        totalAll = totalAll + totalAllArr(i)
    Next
End Sub
&lt;/code&gt;&lt;/pre&gt;
&lt;p&gt;I use this code for counting the sum of all books stored in ListOfBooks table&lt;/p&gt;
&lt;p&gt;'this one works&lt;/p&gt;
&lt;p&gt;Dim totalAllArr(99999999) As Integer&lt;/p&gt;
&lt;p&gt;'this one doesn't work&lt;/p&gt;
&lt;p&gt;Dim totalAllArr() As Integer&lt;/p&gt;
&lt;p&gt;so the maximum bounds of array may store only 99999999 value
if the number of books exceeds, sure it will throw exception&lt;/p&gt;
&lt;p&gt;any other structure of array may use? Please!&lt;/p&gt;</t>
  </si>
  <si>
    <t>2014-03-01 14:13:55.033000+00:00</t>
  </si>
  <si>
    <t>2014-03-11 10:34:37.817000+00:00</t>
  </si>
  <si>
    <t>arrays|vb.net|vba|indexoutofboundsexception</t>
  </si>
  <si>
    <t>DbSet Ordering by non primitive field</t>
  </si>
  <si>
    <t>&lt;p&gt;I'm trying to implement an sorting table in MVC with Razor but i'm having such a pain to make the sorting work with some fields which are non primitive. My class model is as follows&lt;/p&gt;
&lt;pre&gt;&lt;code&gt;public class Turma
{
    public int ID { get; set; }
    public string Ano { get; set; }
    [ForeignKey("Professor")]
    public int Professor_ID { get; set; }
    public virtual Professor Professor { get; set; }
    [ForeignKey("Disciplina")]
    public int Disciplina_ID { get; set; }
    public virtual Disciplina Disciplina { get; set; }
}
public class Professor
{
    public int ID { get; set; }
    public string Nome { get; set; }
    public string Email { get; set; }
    public string Telefone { get; set; }
}
public class Disciplina
{
    public int ID { get; set; }
    public string Nome { get; set; }
}
&lt;/code&gt;&lt;/pre&gt;
&lt;p&gt;I'm tring to, with an DbSet, sorting it like this:&lt;/p&gt;
&lt;pre&gt;&lt;code&gt;turmas = turmas.OrderByDescending(s =&amp;gt; s.Disciplina.Nome);
&lt;/code&gt;&lt;/pre&gt;
&lt;p&gt;Is that even possible?&lt;/p&gt;</t>
  </si>
  <si>
    <t>2013-10-10 01:45:15.460000+00:00</t>
  </si>
  <si>
    <t>2013-10-10 01:52:27.547000+00:00</t>
  </si>
  <si>
    <t>c#|asp.net|asp.net-mvc|entity-framework|razor</t>
  </si>
  <si>
    <t>Retaining longest consecutive occurrence that does not equal a specific value</t>
  </si>
  <si>
    <t>&lt;p&gt;I have a df like so:&lt;/p&gt;
&lt;pre&gt;&lt;code&gt;Value
0
1
3
-999
4
5
6
2
7
8
9
-999
3
2
-999
1
&lt;/code&gt;&lt;/pre&gt;
&lt;p&gt;and I want to retain the most consecutive values in the dataframe that are NOT &lt;code&gt;-999&lt;/code&gt;&lt;/p&gt;
&lt;p&gt;which for this example would give me this:&lt;/p&gt;
&lt;pre&gt;&lt;code&gt;Value
4
5
6
2
7
8
9
&lt;/code&gt;&lt;/pre&gt;
&lt;p&gt;I have multiple dataframes (originally csv files) that have the &lt;code&gt;-999&lt;/code&gt; values in different locations and I would like to apply the same method to all dataframes.&lt;/p&gt;</t>
  </si>
  <si>
    <t>2016-06-26 01:58:54.813000+00:00</t>
  </si>
  <si>
    <t>2016-06-26 02:39:04.830000+00:00</t>
  </si>
  <si>
    <t>Is there a simple way to quickly pass the entire contents of a given array into an `Array.prototype` method variable without using parameters?</t>
  </si>
  <si>
    <t>&lt;p&gt;&lt;strong&gt;context&lt;/strong&gt;&lt;/p&gt;
&lt;p&gt;I created an array &lt;code&gt;docket&lt;/code&gt; to keep track of coordinates as the user clicks on a canvas space. During the main program loop the array is to be scanned by a draw function so that selected pixels can be seen. Originally, inside of my event listener, I was using the &lt;code&gt;push(  )&lt;/code&gt; method but then I realized I wanted a way to sort of toggle the pixels.&lt;/p&gt;
&lt;p&gt;&lt;strong&gt;code description&lt;/strong&gt;&lt;/p&gt;
&lt;p&gt;So I added a method &lt;code&gt;poke(  )&lt;/code&gt; to &lt;code&gt;Array.prototype&lt;/code&gt;, as seen below, which allows me to push the whole &lt;code&gt;docket&lt;/code&gt; array into a local array &lt;code&gt;param.array&lt;/code&gt; and assign the trigger coordinate to a local variable &lt;code&gt;param.entry&lt;/code&gt;. &lt;code&gt;entry&lt;/code&gt; is then pushed into &lt;code&gt;array&lt;/code&gt; and &lt;code&gt;array&lt;/code&gt; is processed by the main &lt;code&gt;poke(  )&lt;/code&gt; loop to ensure there are no duplicate values. If a match is found, both elements are annihilated and &lt;code&gt;param.array&lt;/code&gt; is returned to the top, ultimately shrinking &lt;code&gt;docket&lt;/code&gt; by 1; If no matches are found then no elements are annihilated and &lt;code&gt;param.array&lt;/code&gt; is returned to the top, ultimately expanding &lt;code&gt;docket&lt;/code&gt; by 1.&lt;/p&gt;
&lt;p&gt;&lt;strong&gt;main issue: example 1&lt;/strong&gt;&lt;/p&gt;
&lt;p&gt;Anyway, as the method is currently written, it must be called thusly:&lt;/p&gt;
&lt;p&gt;&lt;code&gt;docket.poke( docket, e.key );&lt;/code&gt; &lt;em&gt;Note: for simplicity I have used keyboard key values.&lt;/em&gt;&lt;/p&gt;
&lt;pre&gt;&lt;code&gt;Array.prototype.poke = function( a, b ) {
  var bool = {  },  i = {  },  param = {  };
  param.array = a;  param.entry = b;    
  //
  param.array.push( param.entry );
  i.len = param.array.length;
  i.end = i.len - 1;
  //
  for ( i.cur = 0; i.cur &amp;lt; i.len; i.cur++ ) {
    bool.match = param.array[ i.cur ] == param.array[ i.end ];
    bool.nSelf = !( i.cur == i.end );
    //
    if ( bool.match &amp;amp;&amp;amp; bool.nSelf ) {
      param.array.splice( i.end, 1 );
      param.array.splice( i.cur, 1 );
      //
      i.end -= 2;
      i.len -= 2;
    }
  }
  //
  return param.array;
}
&lt;/code&gt;&lt;/pre&gt;
&lt;p&gt;This seems a little redundant, but it offers two critical advantages. First to readability and aesthetic. Being able to visibly pass off the contents of &lt;code&gt;docket&lt;/code&gt; to a local array for processing and then visibly return the results to the top I think is very helpful to comprehension. Second, both this example and the next use a sort of confusing truth test to filter out false positives on duplicate value detection. This example doesn't have too though. It could easily be rewritten to compare each element in &lt;code&gt;param.array&lt;/code&gt; to &lt;code&gt;param.entry&lt;/code&gt; using a tight, no nonsense for loop.&lt;/p&gt;
&lt;p&gt;&lt;strong&gt;main issue: example 2&lt;/strong&gt;&lt;/p&gt;
&lt;p&gt;&lt;code&gt;docket.poke( e.key );&lt;/code&gt; is the less redundant and more desired approach. This is my code.&lt;/p&gt;
&lt;pre&gt;&lt;code&gt;Array.prototype.poke = function( a ) {
  var bool = {  },  entry = a,  i = {  };
  //
  this.push( entry );
  i.len = this.length;
  i.end = i.len - 1;
  //
  for ( i.cur = 0; i.cur &amp;lt; i.len; i.cur++ ) {
    bool.match = this[ i.cur ] == this[ i.end ];
    bool.nSelf = !( i.cur == i.end );
    //
    if ( bool.match &amp;amp;&amp;amp; bool.nSelf ) {
      this.splice( i.end, 1 );
      this.splice( i.cur, 1 );
      //
      i.end -= 2;
      i.len -= 2;
    }
  }
}
&lt;/code&gt;&lt;/pre&gt;
&lt;p&gt;As you can see, this eliminates the the redundancy in the call, but it sacrifices some readability of the method and more importantly the opportunity to really slim up the code using the simple comparison I mentioned above.&lt;/p&gt;
&lt;p&gt;So now I'm wondering if there is some less than obvious way that I've missed which will allow me to pass the full contents of my array to a local variable without having to first pass them in as a parameter of its own method.&lt;/p&gt;
&lt;p&gt;Any ideas?&lt;/p&gt;</t>
  </si>
  <si>
    <t>2017-08-15 14:37:47.237000+00:00</t>
  </si>
  <si>
    <t>2017-08-15 15:38:17.157000+00:00</t>
  </si>
  <si>
    <t>javascript|arrays|methods|prototype|splice</t>
  </si>
  <si>
    <t>Silverstripe Userforms custom templates ( + bootstrap )</t>
  </si>
  <si>
    <t>&lt;p&gt;I have a website using Silverstripe CMS ( 3.6.1 ), Framework(3.6.1). I have a page with a big form with lots of fields. I am using the UserForms module (4.0).&lt;/p&gt;
&lt;p&gt;&lt;strong&gt;My questions is:&lt;/strong&gt; 
Can i format how those fields are displayed on template? Because I would like to use bootstrap grid so I can have a custom format: some rows to have 3 inputs ( col-md-4 ) and other rows to have ( col-md-6 ). Depending on the PSD format I have to convert.&lt;/p&gt;
&lt;p&gt;&lt;strong&gt;EDIT1:&lt;/strong&gt; &lt;/p&gt;
&lt;p&gt;I have noticed that I can add Field inside Groups. So what I did was: 
for a row that has 3 inputs, I added a Group with 3 fields and so on.&lt;/p&gt;
&lt;p&gt;Maybe this could help somehow ?&lt;/p&gt;</t>
  </si>
  <si>
    <t>2017-07-06 10:20:41.100000+00:00</t>
  </si>
  <si>
    <t>2017-07-06 22:57:31.593000+00:00</t>
  </si>
  <si>
    <t>php|silverstripe</t>
  </si>
  <si>
    <t>Random HTTP 500 error Django</t>
  </si>
  <si>
    <t>&lt;p&gt;I've been having an issue with a HTTP 500 error. It doesn't seem to cause any real problems until a few hours after the error has been shown. After the error shows up the script begins to act abnormally, giving hangups on controlling a relay and degrading in response time.&lt;/p&gt;
&lt;p&gt;I checked my logs both in the pi and the server side and below is what I found but I can't figure out what my issue is since it seems so random, the HTTP request typically returns a 200 status and runs fine.&lt;/p&gt;
&lt;p&gt;On the pi:&lt;/p&gt;
&lt;p&gt;tail applocation/errors.log     &lt;/p&gt;
&lt;pre&gt;&lt;code&gt;2018-03-05 06:38:33 [HTTP Error]    While sending data to remote Server: HTTP Error 500: Internal Server Error
2018-03-05 09:08:50 [HTTP Error]    While sending data to remote Server: HTTP Error 500: Internal Server Error
&lt;/code&gt;&lt;/pre&gt;
&lt;p&gt;on the server:&lt;/p&gt;
&lt;p&gt;This is where it gets weird because most of the time it returns 200 but like I said every so often it gives a 500 error.&lt;/p&gt;
&lt;p&gt;cat /var/log/ngnix/access.log | grep 9:0&lt;/p&gt;
&lt;pre&gt;&lt;code&gt;47.176.12.130 - - [05/Mar/2018:09:08:29 -0800] "POST /api/1.0/access/add/ HTTP/1.1" 200 43 "-" "Python-urllib/3.4"
47.176.12.130 - - [05/Mar/2018:09:08:50 -0800] "POST /api/1.0/access/add/ HTTP/1.1" 500 38 "-" "Python-urllib/3.4"
47.176.12.130 - - [05/Mar/2018:09:09:28 -0800] "POST /api/1.0/access/add/ HTTP/1.1" 200 43 "-" "Python-urllib/3.4"
&lt;/code&gt;&lt;/pre&gt;
&lt;p&gt;cat /var/log/ngnix/access.log | grep 500&lt;/p&gt;
&lt;pre&gt;&lt;code&gt;raspberry.pi.ip - - [05/Mar/2018:06:38:33 -0800] "POST /api/1.0/access/add/ HTTP/1.1" 500 38 "-" "Python-urllib/3.4"
raspberry.pi.ip - - [05/Mar/2018:09:08:50 -0800] "POST /api/1.0/access/add/ HTTP/1.1" 500 38 "-" "Python-urllib/3.4"
&lt;/code&gt;&lt;/pre&gt;
&lt;p&gt;in my urls.py inside my API:&lt;/p&gt;
&lt;pre&gt;&lt;code&gt;from django.conf.urls import url
from . import views
urlpatterns = [
    url(r'^1.0/access/add/$', views.access_add, name='access_add'),
    url(r'^1.0/employees/active/$', views.employees_active, name='employees_active'),
]
&lt;/code&gt;&lt;/pre&gt;
&lt;p&gt;in my views.py inside my API:&lt;/p&gt;
&lt;pre&gt;&lt;code&gt;@csrf_exempt
def access_add(request):
    context = {
        'status': 'error',
        'msg' : ''
    }
    if request.method != 'POST':
        context["msg"] = "This method only supports POST"
        return JsonResponse(context)
    try:
        content = json.loads(request.body.decode('utf-8'))
    except Exception as e:
        context['msg'] = "Failed to load JSON parameters."
        return JsonResponse(context)
    key = content.get('key')
    gate = content.get('gate')
    code = content.get('code')
    if key != KEY:
        context['msg'] = "Please provide a valid API key."
        return JsonResponse(context)
    if gate not in ['entry','exit']:
        context['msg'] = "Please provide a valid gate name."
        return JsonResponse(context)
    gate = 1 if gate == "entry" else 2
    if not code:
        context['msg'] = "Please provide an access code."
        return JsonResponse(context)
    context['status'] = "success"
    try:
        employee = Employee.objects.get(code=code)
        Eventlog.objects.create(event=gate, employee=employee, status=True)
    except Employee.DoesNotExist:
        try:
            Eventlog.objects.create(event=gate, status=False)
        except:
            pass
    return JsonResponse(context)
&lt;/code&gt;&lt;/pre&gt;</t>
  </si>
  <si>
    <t>2018-03-05 19:44:11.663000+00:00</t>
  </si>
  <si>
    <t>2018-03-05 21:07:34.913000+00:00</t>
  </si>
  <si>
    <t>user9441202</t>
  </si>
  <si>
    <t>django|python-3.x|django-views|django-urls</t>
  </si>
  <si>
    <t>How to use color variable with PaintCode &amp; Xcode</t>
  </si>
  <si>
    <t>&lt;p&gt;I have an Icon drawn via PaintCode. I need to change his color in XCode, programmatically.&lt;/p&gt;
&lt;p&gt;On PaintCode, I set a Variable "ChevronColor" to the Stroke Color.&lt;/p&gt;
&lt;p&gt;&lt;a href="https://i.stack.imgur.com/uI6vN.png" rel="nofollow noreferrer"&gt;&lt;img src="https://i.stack.imgur.com/uI6vN.png" alt="enter image description here"&gt;&lt;/a&gt;&lt;/p&gt;
&lt;p&gt;&lt;a href="https://i.stack.imgur.com/WqLpA.png" rel="nofollow noreferrer"&gt;&lt;img src="https://i.stack.imgur.com/WqLpA.png" alt="enter image description here"&gt;&lt;/a&gt;&lt;/p&gt;
&lt;p&gt;For now I have:&lt;/p&gt;
&lt;pre&gt;&lt;code&gt;@IBDesignable
class IconClass: UIView {
    override func draw(_ rect: CGRect) {
        StyleKit.drawIcon(frame: self.bounds, resizing: .aspectFit)
    }
}
&lt;/code&gt;&lt;/pre&gt;
&lt;p&gt;But I would like to add kind of this, to be able to set the color of the icon.&lt;/p&gt;
&lt;pre&gt;&lt;code&gt; @IBInspectable
     var ChevronColor : UIColor {
         didSet (newColor) {
             setNeedsDisplay()
    }
}
&lt;/code&gt;&lt;/pre&gt;
&lt;p&gt;I don't know how to do. &lt;/p&gt;
&lt;p&gt;After exporting the StyleKit file, I excepted to have this method available in the stylekit file, but it's not the case:&lt;/p&gt;
&lt;pre&gt;&lt;code&gt;StyleKit.drawIcon(frame:  self.bounds, resizing: .aspectFit, chevronColor: self.ChevronColor)
&lt;/code&gt;&lt;/pre&gt;</t>
  </si>
  <si>
    <t>2017-08-24 11:05:57.197000+00:00</t>
  </si>
  <si>
    <t>2017-08-24 17:30:08.870000+00:00</t>
  </si>
  <si>
    <t>swift|instance-variables|uicolor|paint-code</t>
  </si>
  <si>
    <t>Loop through a list of files in stata</t>
  </si>
  <si>
    <t>&lt;p&gt;I am trying to loop through a list of filenames in Stata. Filenames are of the type: &lt;code&gt;CityName.dta&lt;/code&gt;, &lt;code&gt;CityNamePrices.dta&lt;/code&gt;, etc. &lt;/p&gt;
&lt;p&gt;I tool a look at &lt;a href="https://stackoverflow.com/questions/10067768/how-do-i-loop-through-file-names-in-stata"&gt;this&lt;/a&gt; similar question but was not able to adapt it to my setup. &lt;/p&gt;
&lt;p&gt;Here is the code I have tried: &lt;/p&gt;
&lt;pre&gt;&lt;code&gt;local mylist Atlanta Boston Charlotte Chicago 
foreach filename of local mylist {
use `"`filename'"'.dta
*Do some stuff here
use `"`filename'"'Prices.dta
*Do some more stuff here
clear
}
&lt;/code&gt;&lt;/pre&gt;</t>
  </si>
  <si>
    <t>2017-01-21 13:23:16.143000+00:00</t>
  </si>
  <si>
    <t>2017-01-21 14:00:59.623000+00:00</t>
  </si>
  <si>
    <t>2017-05-23 12:24:41.687000+00:00</t>
  </si>
  <si>
    <t>loops|filenames|stata</t>
  </si>
  <si>
    <t>Read gesture starting from background, moving/swiping on a view and ending on background</t>
  </si>
  <si>
    <t>&lt;p&gt;I am trying to implement a gesture reader which requires reading getting callbacks when the user swipes over a view, considering the swipe didn't start in the view itself.
I have attached an image to describe my question in a better form
&lt;a href="https://i.stack.imgur.com/20bS2.png" rel="nofollow noreferrer"&gt;image&lt;/a&gt;&lt;/p&gt;</t>
  </si>
  <si>
    <t>2018-06-07 17:58:12.550000+00:00</t>
  </si>
  <si>
    <t>android|view|swipe|gesture</t>
  </si>
  <si>
    <t>Select records between yesterday and today</t>
  </si>
  <si>
    <t>&lt;p&gt;I have trying to implement a simple SQL query that gets records between today's fixed timing (e.g. 18:00) and yesterday's fixed timing (e.g. 18:00).&lt;/p&gt;
&lt;pre&gt;&lt;code&gt;SELECT * FROM [Table]
WHERE [Table].[Date Time] &amp;gt; Now()-1;
&lt;/code&gt;&lt;/pre&gt;
&lt;p&gt;However, this will return all records between today's current timing and yesterday's.&lt;/p&gt;
&lt;p&gt;Is there a way to return records within specified timings?&lt;/p&gt;
&lt;p&gt;Edit:
I tried this query, but its throwing syntax error.&lt;/p&gt;
&lt;pre&gt;&lt;code&gt;SELECT * FROM [Table]
WHERE [Date Time] BETWEEN FORMAT(DATEADD(DAY, - 1, NOW()) AS DATETIME) + FORMAT('18:00:00' AS TIME) AND FORMAT(NOW() AS DATETIME) + FORMAT('18:00:00' AS TIME);
&lt;/code&gt;&lt;/pre&gt;
&lt;p&gt;Any help?&lt;/p&gt;</t>
  </si>
  <si>
    <t>2016-11-17 09:14:51.007000+00:00</t>
  </si>
  <si>
    <t>2016-11-17 12:13:16.937000+00:00</t>
  </si>
  <si>
    <t>sql|ms-access|ms-access-2016</t>
  </si>
  <si>
    <t>Crystal report display incorrect character while using Oracle Database connection</t>
  </si>
  <si>
    <t>&lt;p&gt;I am trying to create a simple report on Crystal Report 10. This report will pull data from Oracle database.&lt;br&gt;
I have installed Oracle 11g (32 bit) client on my PC.  To connect to Oracle database we only have to use Oracle connection (i.e. using crdb_oracle.dll)
My PC has windows 7 64 bit version.  &lt;/p&gt;
&lt;p&gt;When i pull data from oracle server on crystal report 10 is changes to different character format.&lt;/p&gt;
&lt;p&gt;The actual character should be as &lt;/p&gt;
&lt;blockquote&gt;
  &lt;p&gt;"&lt;strong&gt;�� Abcxyz("��")&lt;/strong&gt;."&lt;/p&gt;
&lt;/blockquote&gt;
&lt;p&gt;But on crystal report it shows as *&lt;/p&gt;
&lt;blockquote&gt;
  &lt;p&gt;c Abcxyz("c").*&lt;/p&gt;
&lt;/blockquote&gt;
&lt;p&gt;I have searched everywhere on Web but i didn't find any solution.  It would be grateful if anyone can please provide the solution for this problem.&lt;/p&gt;</t>
  </si>
  <si>
    <t>2013-11-22 19:50:20.370000+00:00</t>
  </si>
  <si>
    <t>2013-12-02 16:07:08.210000+00:00</t>
  </si>
  <si>
    <t>crystal-reports|oracle11g</t>
  </si>
  <si>
    <t>Core Java - Create custom AOP</t>
  </si>
  <si>
    <t>&lt;p&gt;I was wondering how does AOP actually works and is there a way that we can create our own AOP. what should be the steps taken and best practice for the same?&lt;/p&gt;</t>
  </si>
  <si>
    <t>2015-09-16 05:50:22.433000+00:00</t>
  </si>
  <si>
    <t>2015-09-16 08:32:19.587000+00:00</t>
  </si>
  <si>
    <t>java|aop</t>
  </si>
  <si>
    <t>How Do I Load Images From SD Card One At A Time?</t>
  </si>
  <si>
    <t>&lt;p&gt;Ok, I am able to load a specific image into ImageView from my SD card...no problem. But I need to take a step further and add a button load the next image (move/copy/delete previous image). I can add the button, etc but how do I retreive the 'next' image without knowing filenames? Here is the code so far. I would have liked to use Gallery but it has been deprecated and I can't seem to make anything else work.  Thank You&lt;/p&gt;
&lt;pre&gt;&lt;code&gt;package com.demo.ShowSDImages;
import android.app.Activity;
import android.graphics.Bitmap;
import android.graphics.BitmapFactory;
import android.os.Bundle;
import android.widget.ImageView;
public class AndroidBitmap extends Activity 
  {private final String imageInSD = "/sdcard/er.PNG";
     @Override
     public void onCreate(Bundle savedInstanceState) {
       super.onCreate(savedInstanceState);
       setContentView(R.layout.main);
       Bitmap bitmap = BitmapFactory.decodeFile(imageInSD);
       ImageView myImageView = (ImageView)findViewById(R.id.imageview);
       myImageView.setImageBitmap(bitmap);
    }
}
&lt;/code&gt;&lt;/pre&gt;</t>
  </si>
  <si>
    <t>2012-11-27 15:22:50.657000+00:00</t>
  </si>
  <si>
    <t>2012-11-27 15:26:03.900000+00:00</t>
  </si>
  <si>
    <t>android|image|sd-card</t>
  </si>
  <si>
    <t>Repetitive service design Android</t>
  </si>
  <si>
    <t>&lt;p&gt;I have following design in my app: I have a one activity that sets repeating alarm that launches receiver that starts my service. Every minute. In my service, I set Start Sticky but once Android decides to kill my service, I can't get it to restart. It's Android 4.4.2. Here is my code:&lt;/p&gt;
&lt;pre&gt;&lt;code&gt;public class MainActivity extends AppCompatActivity {
@Override
protected void onCreate(Bundle savedInstanceState) {
    super.onCreate(savedInstanceState);
    setContentView(R.layout.activity_main);
    AlarmManager am = (AlarmManager) getSystemService(ALARM_SERVICE);
    Intent i1 = new Intent(MainActivity.this, AlarmReceiver.class);
    PendingIntent pi = PendingIntent.getBroadcast(MainActivity.this, 0, i1, PendingIntent.FLAG_UPDATE_CURRENT);
    am.setRepeating(AlarmManager.RTC_WAKEUP, 0, 60 * 1000, pi);
}
&lt;/code&gt;&lt;/pre&gt;
&lt;p&gt;here is the receiver&lt;/p&gt;
&lt;pre&gt;&lt;code&gt;    public void onReceive(Context arg0, Intent arg1) {
    // For our recurring task, we'll just display a message
    Log.d(Constants.TAG, "Starting Service");
    Intent intent = new Intent(arg0, MyLocationService.class);
    arg0.startService(intent);
}
&lt;/code&gt;&lt;/pre&gt;
&lt;p&gt;and service:&lt;/p&gt;
&lt;pre&gt;&lt;code&gt;private static PowerManager.WakeLock wl;
private static OkHttpClient client;
@Nullable
@Override
public IBinder onBind(Intent intent) {
    return null;
}
@Override
public int onStartCommand(Intent intent, int flags, int startId) {
    Log.d(Constants.TAG, "Service onStartCommand");
    PowerManager pm = (PowerManager) getSystemService(Context.POWER_SERVICE);
    wl = pm.newWakeLock(PowerManager.PARTIAL_WAKE_LOCK, Constants.TAG);
    wl.acquire();
    client = new OkHttpClient();
    new GetLocation(MyLocationService.this).execute();
    return START_STICKY;
}
&lt;/code&gt;&lt;/pre&gt;</t>
  </si>
  <si>
    <t>2016-06-28 12:41:27.433000+00:00</t>
  </si>
  <si>
    <t>2018-09-12 16:20:47.970000+00:00</t>
  </si>
  <si>
    <t>android|service|alarmmanager</t>
  </si>
  <si>
    <t>public or private, does it really matter with Android variables</t>
  </si>
  <si>
    <t>&lt;p&gt;inside of a single activity, when defining components to be used only within that activity, what's the real difference between the following definitions:&lt;/p&gt;
&lt;pre&gt;&lt;code&gt;Button  btnPower = null;
//or
private Button btnPower = null;
//or
public Button btnPower = null;
public void somethingUsingTheButton(){
  btnPower = (Button)findViewById(R.id.btnpower_id);
}
&lt;/code&gt;&lt;/pre&gt;
&lt;p&gt;are there some "under the hood" conventions that should be thought about (garbage cleanup, memory, etc) that would suggest to always use private over public, if the entity itself is only ever going to be used inside the class it's written in?&lt;/p&gt;</t>
  </si>
  <si>
    <t>2012-09-19 18:44:16.293000+00:00</t>
  </si>
  <si>
    <t>2016-05-19 14:17:20.697000+00:00</t>
  </si>
  <si>
    <t>android|memory|private|public</t>
  </si>
  <si>
    <t>Validate form ip formation in html forms</t>
  </si>
  <si>
    <t>&lt;p&gt;I have a form that receive ip address from user and i wanna to if ip which user inserts isn't match with ip formation like 192.168.0.100(&lt;em&gt;.&lt;/em&gt;._._)it will show error.how can i do that?&lt;/p&gt;
&lt;pre&gt;&lt;code&gt; &amp;lt;form name="add" &amp;gt;
 &amp;lt;input name="ip" type="text" value="" /&amp;gt;  
 &amp;lt;button name="submit" type="submit" value=""&amp;gt;
 &amp;lt;/form&amp;gt; 
&lt;/code&gt;&lt;/pre&gt;</t>
  </si>
  <si>
    <t>2013-06-22 04:32:25.990000+00:00</t>
  </si>
  <si>
    <t>2013-06-22 04:39:04.233000+00:00</t>
  </si>
  <si>
    <t>html|forms|validation|ip</t>
  </si>
  <si>
    <t>Jquery onclick change dynamically</t>
  </si>
  <si>
    <t>&lt;p&gt;following is my JQuery  onclick function. An event applied on image.&lt;/p&gt;
&lt;p&gt;this code is changing onclick event depending on data values received.&lt;br&gt;
I added a break point in code as shown below in code.
A strange thing that is happening is that on my first click interpreter pass through my code one time only which is normal. &lt;/p&gt;
&lt;p&gt;but when i click 2nd time it pass 2 times&lt;/p&gt;
&lt;p&gt;on third click it pass 4 times &lt;/p&gt;
&lt;p&gt;5th click 8 and so on&lt;/p&gt;
&lt;p&gt;i.e number of call backs invoke per click are increasing exponentially. Now my question is why this is happening.&lt;/p&gt;
&lt;p&gt;NOTE: all variables are defined properly but for simplification i striped down rest of code.&lt;/p&gt;
&lt;pre&gt;&lt;code&gt;updateUser = function (user, block) {
    jQuery.ajax({
        type: "POST",
        url: "index.php?option=com_contentbuilder&amp;amp;controller=myActicateUser",
        data: data,
        dataType: "json",
        success: function (data) {
            if (data) {
                var pinID = "#pin" + user;
                user = data[0]; 
&amp;gt;&amp;gt;breakpoint        if (data[1] === "0") {
                    jQuery(pinID).click(function () {
                        updateUser(user, "1")
                    });
                    jQuery(pinID).attr("src", tack);
                } else if (data[1] === "1") {
                    jQuery(pinID).click(function () {
                        updateUser(user, "0")
                    });
                    jQuery(pinID).attr("src", tick);
                }
            }
        }
    });
}
&lt;/code&gt;&lt;/pre&gt;
&lt;p&gt;what i have already tried is &lt;/p&gt;
&lt;pre&gt;&lt;code&gt; if(data[1]==="1"){
                             jQuery(pinID).unbind();
                             jQuery(pinID).removeAttr("onclick");
                             jQuery(pinID).click(function(){updateUser(user,"0")});
}
&lt;/code&gt;&lt;/pre&gt;</t>
  </si>
  <si>
    <t>2013-11-01 09:40:08.760000+00:00</t>
  </si>
  <si>
    <t>2016-05-04 16:59:33.503000+00:00</t>
  </si>
  <si>
    <t>2013-11-01 09:49:28.553000+00:00</t>
  </si>
  <si>
    <t>Precautions on continuous write()ing into a TCP socket in C++?</t>
  </si>
  <si>
    <t>&lt;p&gt;Please consider the following code:&lt;/p&gt;
&lt;pre&gt;&lt;code&gt;while (1) { 
    write(send_socket,sending_buffer,bytes_in_buffer);
}
&lt;/code&gt;&lt;/pre&gt;
&lt;p&gt;Are there any precautions on continuous write()ing (&lt;em&gt;especially from size point of view&lt;/em&gt;), or the operating system and TCP/IP will tidy up and manage everything?&lt;/p&gt;
&lt;p&gt;By the way, is this considered as network throttling?&lt;/p&gt;</t>
  </si>
  <si>
    <t>2015-01-15 18:02:49.630000+00:00</t>
  </si>
  <si>
    <t>2015-01-15 21:07:06.460000+00:00</t>
  </si>
  <si>
    <t>c++|sockets|loops|tcp</t>
  </si>
  <si>
    <t>How to update an object in a more pythonic way</t>
  </si>
  <si>
    <t>&lt;p&gt;Currently, I am Updating a shopping list item as below &lt;/p&gt;
&lt;pre&gt;&lt;code&gt;def update_item(self, name, price, quantity, shoppinglist):
        # updates self If the variable is not equal to the name None
        if name != "None":
            self.name = name
        if price != "None":
            self.price = price
        if quantity != "None":
            self.quantity = quantity
        if shoppinglist != "None":
            self.shoppinglist_id = shoppinglist.id
        db.session.commit()
&lt;/code&gt;&lt;/pre&gt;
&lt;p&gt;I, however, feel there could be a better way to do this. Any help will be appreciated.&lt;/p&gt;</t>
  </si>
  <si>
    <t>2017-09-27 11:17:37.273000+00:00</t>
  </si>
  <si>
    <t>2017-09-28 22:59:47.780000+00:00</t>
  </si>
  <si>
    <t>python|python-2.7|python-3.x|flask-sqlalchemy</t>
  </si>
  <si>
    <t>Libgdx error clickListener</t>
  </si>
  <si>
    <t>&lt;p&gt;I have 5 button and a want each button can't print number 1,2,3,4,5. but each button only print "5". Is there any wrong with my code? Or its bug on libgdx? I use libgdx v1.2.0&lt;/p&gt;
&lt;pre&gt;&lt;code&gt;for (Integer i = 1; i &amp;lt;=5 ; i++){
     tabeldalam=new Table(skin);
     tabeldalam.row();
     tabeldalam.add(new Label("GAmbar :", skin)).height(100).width(100);
     tabeldalam.row();
     tabeldalam.add(new Label("Harga",skin)).height(30).width(100);
     tabeldalam.row();
     TextButton nextbutton = new TextButton("Beli",skin);
     nextbutton.setWidth(100);
     nextbutton.setHeight(20);
     nextbutton.addListener(new ClickListener() {
         @Override
         public void clicked(InputEvent event, float x, float y) {
             beli(i);
         }
     });
     tabeldalam.add(nextbutton).height(20).width(100);
     tabelLuar= new Table(skin);
     tabelLuar.add(tabeldalam).width(100).height(150);
 }
private void beli(Integer i){
    text2.setText(i.toString());
}
&lt;/code&gt;&lt;/pre&gt;</t>
  </si>
  <si>
    <t>2015-01-29 02:28:13.773000+00:00</t>
  </si>
  <si>
    <t>2017-05-09 21:48:10.973000+00:00</t>
  </si>
  <si>
    <t>java|libgdx|clicklistener</t>
  </si>
  <si>
    <t>Can't open front android built in camera</t>
  </si>
  <si>
    <t>&lt;p&gt;When I run my code for opening the front camera I just see a black screen that is getting brighter to the bottom (Looks like a camera capture).&lt;/p&gt;
&lt;p&gt;My Code:&lt;/p&gt;
&lt;pre&gt;&lt;code&gt;public class Cam extends Activity
{
    @Override
    protected void onCreate(Bundle savedInstanceState)
    {
        super.onCreate(savedInstanceState);
        setContentView(R.layout.activity_cam);
        openFrontFacingCameraGingerbread();
    }
    private Camera openFrontFacingCameraGingerbread()
        {
            int cameraCount = 0;
            Camera camera = null;
            Camera.CameraInfo cameraInfo = new Camera.CameraInfo();
            cameraCount = Camera.getNumberOfCameras();
            for (int camIdx = 0; camIdx &amp;lt; cameraCount; camIdx++)
            {
                Camera.getCameraInfo(camIdx, cameraInfo);
                if (cameraInfo.facing == Camera.CameraInfo.CAMERA_FACING_FRONT)
                {
                    try
                    {
                        camera = Camera.open(camIdx);
                        Log.e("Camera Operation", "Camera opned");
                    }
                    catch (RuntimeException e)
                    {
                        Log.e("Camera Operation", "Camera failed to open: " + e.getLocalizedMessage());
                    }
                }
        }
        return camera;
    }
}
&lt;/code&gt;&lt;/pre&gt;
&lt;p&gt;Any advise would be appreciated.&lt;/p&gt;
&lt;p&gt;Note: Same screen is showing with camera2 API code.&lt;/p&gt;</t>
  </si>
  <si>
    <t>2016-12-30 13:28:35.190000+00:00</t>
  </si>
  <si>
    <t>2016-12-30 15:04:02.447000+00:00</t>
  </si>
  <si>
    <t>android|camera|android-camera|android-camera2|camera2</t>
  </si>
  <si>
    <t>Temporal density plot in R</t>
  </si>
  <si>
    <t>&lt;p&gt;I have irregularly measured observations of a phenomenon with a timestamp each:&lt;/p&gt;
&lt;pre&gt;&lt;code&gt;2013-01-03 00:04:23
2013-01-03 00:02:04
2013-01-02 23:45:16
2013-01-02 23:35:16
2013-01-02 23:31:56
2013-01-02 23:31:30
2013-01-02 23:29:18
2013-01-02 23:28:43
...
&lt;/code&gt;&lt;/pre&gt;
&lt;p&gt;Now I would like to plot these points on the x axis and apply a kernel density function to them, so I can visually explore temporal density using various bandwidths. Something like this should turn out, although the example below does not use x axis labeling; I would like to have labels with, for example, particular days (January 1st, January 5th, etc.):&lt;/p&gt;
&lt;p&gt;&lt;img src="https://i.stack.imgur.com/kkUzy.png" alt="kernel density plot"&gt;&lt;/p&gt;
&lt;p&gt;It is important, however, that the measurement points themselves are visible in the plot, like above.&lt;/p&gt;</t>
  </si>
  <si>
    <t>2013-05-24 08:07:40.227000+00:00</t>
  </si>
  <si>
    <t>2013-05-24 19:32:15.697000+00:00</t>
  </si>
  <si>
    <t>r|plot|time-series|kernel-density</t>
  </si>
  <si>
    <t>Parameter 3 to mysqli_stmt_bind_param() expected to be a reference : php5.6 vs php7</t>
  </si>
  <si>
    <t>&lt;p&gt;It's simple code for inserting row. 
It works well by php 5.6, but by php 7.0.9 I get the error: "Parameter 3 to mysqli_stmt_bind_param() expected to be a reference". &lt;/p&gt;
&lt;pre&gt;&lt;code&gt;function refValues($arr)
{
  if(strnatcmp(phpversion(),'5.3') &amp;gt;= 0) //Reference is required for PHP 5.3+
  {
    $refs = array();
    foreach($arr as $key =&amp;gt; $value)
      $refs[$key] = &amp;amp;$arr[$key];
    return $refs;
  }
  return $arr;
}
...
$sql = "INSERT INTO table (player_id,ctime) VALUES(?,?)";
$types = "ii";
$args = array(10, time());
$conn = mysqli_connect($db_host, $db_user, $db_pass, $db_name, $db_port, $db_sock);
if(!$conn)
  throw new Exception("Could not connect to mysql server");
$stmt = mysqli_prepare($conn, $sql);
if(!$stmt)
  throw new Exception("Could not prepare sql");
$res = call_user_func_array('mysqli_stmt_bind_param', array_merge(array($stmt, $types), refValues($args)));
if(!$res)
  throw new Exception("Could not bind params");
if(!mysqli_stmt_execute($stmt))
  throw new Exception("Could not execute stmt");
&lt;/code&gt;&lt;/pre&gt;
&lt;p&gt;What does it wrong?&lt;/p&gt;</t>
  </si>
  <si>
    <t>2016-07-26 14:22:00.190000+00:00</t>
  </si>
  <si>
    <t>2016-07-26 14:57:38.753000+00:00</t>
  </si>
  <si>
    <t>2016-07-26 14:28:08.660000+00:00</t>
  </si>
  <si>
    <t>php|mysql|php-7|php-5.6</t>
  </si>
  <si>
    <t>Examples of distributed computing tasks relatively common among users</t>
  </si>
  <si>
    <t>&lt;p&gt;Can you give an example of such tasks?&lt;br&gt;
I'm particularly interested in tasks, relevant to quite large amount of people, which could be solved by using distributed computing. (&lt;strong&gt;Not a global projects, such as SETI@Home, Folding@Home, etc&lt;/strong&gt;)&lt;br&gt;
As example we can take rendering and &lt;a href="http://www.renderfarm.fi" rel="nofollow"&gt;http://www.renderfarm.fi&lt;/a&gt; community.&lt;br&gt;
Cryptocurrencies mining is not relevant.&lt;br&gt;
Thank you!&lt;/p&gt;</t>
  </si>
  <si>
    <t>2014-03-24 17:26:32.130000+00:00</t>
  </si>
  <si>
    <t>2015-07-24 21:10:10.040000+00:00</t>
  </si>
  <si>
    <t>rendering|distributed-computing|blender|boinc</t>
  </si>
  <si>
    <t>PHP add quotes to array for json_decode</t>
  </si>
  <si>
    <t>&lt;p&gt;I'm looking to json_decode a string, but running into a problem with the array elements not having quotes.&lt;/p&gt;
&lt;p&gt;&lt;strong&gt;JSON&lt;/strong&gt;&lt;/p&gt;
&lt;pre&gt;&lt;code&gt;{"Status":"DISPUTED","GUID":[]}
{"Status":"CONFIRMED","GUID":[G018712, G017623]}
&lt;/code&gt;&lt;/pre&gt;
&lt;p&gt;&lt;strong&gt;PHP&lt;/strong&gt;&lt;/p&gt;
&lt;pre&gt;&lt;code&gt;$json = '{"Status":"CONFIRMED","GUID":[G018712,G017623]}';
$a = json_decode($json, true);
print $a['Status'];
&lt;/code&gt;&lt;/pre&gt;
&lt;p&gt;&lt;strong&gt;Results&lt;/strong&gt;&lt;/p&gt;
&lt;p&gt;The php print above won't display anything because there are letters mixed in with the numerics within the array and the json_decode doesn't like it. How would you add strings to each array item, so that json_decode will work?&lt;/p&gt;</t>
  </si>
  <si>
    <t>2012-03-26 23:31:30.853000+00:00</t>
  </si>
  <si>
    <t>2012-03-27 00:00:28.737000+00:00</t>
  </si>
  <si>
    <t>php|json|preg-split</t>
  </si>
  <si>
    <t>WPF with an Asp.Net MVC Background</t>
  </si>
  <si>
    <t>&lt;p&gt;As an Asp.Net MVC developer, what is the best starting point to dive into WPF?&lt;/p&gt;</t>
  </si>
  <si>
    <t>2010-02-05 11:56:12.737000+00:00</t>
  </si>
  <si>
    <t>2010-02-05 14:06:26.470000+00:00</t>
  </si>
  <si>
    <t>asp.net-mvc|wpf</t>
  </si>
  <si>
    <t>Do vendor-prefixed CSS properties get updated when non-prefixed parent gets updated?</t>
  </si>
  <si>
    <t>&lt;p&gt;I was recently re-reading the W3C CSS Timing Functions &lt;a href="https://www.w3.org/TR/css-timing-1" rel="nofollow noreferrer"&gt;module&lt;/a&gt; when I noticed that the definition of a single-timing-function has been updated to include the &lt;code&gt;frames()&lt;/code&gt; timing function (see &lt;a href="https://www.w3.org/TR/css-timing-1/#single-timing-function-production" rel="nofollow noreferrer"&gt;this&lt;/a&gt; section):&lt;/p&gt;
&lt;pre&gt;&lt;code&gt;&amp;lt;single-timing-function&amp;gt; = linear | &amp;lt;cubic-bezier-timing-function&amp;gt; | &amp;lt;step-timing-function&amp;gt; | &amp;lt;frames-timing-function&amp;gt;
&lt;/code&gt;&lt;/pre&gt;
&lt;p&gt;I JSFiddled to see if &lt;code&gt;frames()&lt;/code&gt; currently works when using the &lt;code&gt;animation&lt;/code&gt; property but it seems this function is not currently supported on the browsers I use (but &lt;code&gt;cubic-bezier()&lt;/code&gt; as shown &lt;a href="https://jsfiddle.net/b4feky2c/2/" rel="nofollow noreferrer"&gt;here&lt;/a&gt; of course does work for &lt;code&gt;-moz-animation&lt;/code&gt;, as the fiddle shows). &lt;/p&gt;
&lt;p&gt;&lt;em&gt;Are currently-supported vendor-prefixed properties (e.g. &lt;code&gt;-moz-animation&lt;/code&gt;, as in the above JSFiddle) updated to support changes in the parent (non-prefixed) property? That is, when e.g. &lt;code&gt;frames()&lt;/code&gt; is supported by browsers for the &lt;code&gt;animation&lt;/code&gt; property, will it be supported for e.g. &lt;code&gt;-moz/-webkit-animation&lt;/code&gt; properties, or can this not be generalized?&lt;/em&gt; (i.e., it depends)&lt;/p&gt;</t>
  </si>
  <si>
    <t>2017-04-21 16:28:39.943000+00:00</t>
  </si>
  <si>
    <t>2017-04-21 17:26:49.087000+00:00</t>
  </si>
  <si>
    <t>2017-04-21 17:13:21.220000+00:00</t>
  </si>
  <si>
    <t>css|vendor-prefix</t>
  </si>
  <si>
    <t>My website has hacked content like urls www.example.com/g1324,www.example.com/c1 are displaying while search using site:example.com in google?</t>
  </si>
  <si>
    <t>&lt;p&gt;Few days back i received a message that my website has contain malware from third party content ,after that i changed password for my server and remove hacked content from the server of my website, but in google search with using site:example.com it is showing so many unknown urls like example.com/g7465 example.com/c11 etc and also porn content is displaying, now how can i permanently remove these url and make my website keep safe, the urls should not appear in any google search with my website.&lt;/p&gt;</t>
  </si>
  <si>
    <t>2017-04-19 05:35:45.227000+00:00</t>
  </si>
  <si>
    <t>2017-04-25 13:55:00.517000+00:00</t>
  </si>
  <si>
    <t>php|search</t>
  </si>
  <si>
    <t>the keydown event is not allowing typing the in the textarea?</t>
  </si>
  <si>
    <t>&lt;p&gt;Using the logic below I can't type information in the textarea&lt;/p&gt;
&lt;pre&gt;&lt;code&gt;     $(document).keydown(function(event)
     {
          var key = event.keyCode || event.which;
          if(key == tab)
          {
          } else if(key == rightArrow)
          {
          } else if(key == leftArrow)
          {
          }else
          {
          }
     });
&lt;/code&gt;&lt;/pre&gt;
&lt;p&gt;But using this logic below, I'm able to type information into the textarea but the tab and rightArrow and leftArrow is not working.&lt;/p&gt;
&lt;pre&gt;&lt;code&gt;     $(document).keydown(function(event)
     {
          var key = event.keyCode || event.which;
          if(key == tab)
          {
          } else if(key == rightArrow)
          {
          } else if(key == leftArrow)
          {
          }else
          {
              $(document).unbind('keydown');
          }
     });
&lt;/code&gt;&lt;/pre&gt;</t>
  </si>
  <si>
    <t>2012-09-20 19:18:18.053000+00:00</t>
  </si>
  <si>
    <t>2012-09-20 19:27:01.723000+00:00</t>
  </si>
  <si>
    <t>Why does this query causes sequential scan?</t>
  </si>
  <si>
    <t>&lt;p&gt;I'm very new to PostgreSQL, forgive me if something obvious is not clear for me. I have a database with ~450 million rows distributed across 6 tables (every table has primary key). When I run the following query:&lt;/p&gt;
&lt;pre&gt;&lt;code&gt;SELECT * FROM "Payments" AS p
JOIN "PaymentOrders" AS po ON po."Id" = p."PaymentOrderId"
WHERE po."Id" = 1000
&lt;/code&gt;&lt;/pre&gt;
&lt;p&gt;po."Id" is primary key. I just VACUUM ANALYZED whole database. You can see EXPLAIN ANALYZE details &lt;strong&gt;&lt;a href="http://explain.depesz.com/s/CrrS" rel="nofollow"&gt;here&lt;/a&gt;&lt;/strong&gt;. PaymentOrders table contains 40 million rows, while Payments contains 350 million rows. 
I'm running x64 PostgreSQL 9.2 on Windows 8 machine, I5 CPU (4 cores 3.3GHz), 8GB of RAM.
Also you can see my postgresql.conf file &lt;a href="https://dl.dropbox.com/u/3055964/postgresql.conf" rel="nofollow"&gt;here&lt;/a&gt;.&lt;/p&gt;
&lt;p&gt;Anyone has any idea why this query causes a sequential scan on Payments table? Am I doing something wrong or PostgreSQL has some serious flaws?
I started to seriously doubt in PostgreSQL query planner...&lt;/p&gt;</t>
  </si>
  <si>
    <t>2012-11-16 21:27:01.523000+00:00</t>
  </si>
  <si>
    <t>2012-11-19 01:15:50.050000+00:00</t>
  </si>
  <si>
    <t>postgresql|postgresql-performance</t>
  </si>
  <si>
    <t>How to integrate Mailchimp with Ionic app?</t>
  </si>
  <si>
    <t>&lt;p&gt;I am making an Ionic app and I am trying to integrate mailchimp. I am using the embedded forms and they work whenever I run it on the browser (ionic serve) but whenever I test on a native device it doesn't work. Does anybody know how to do this? Thanks.&lt;/p&gt;
&lt;pre&gt;&lt;code&gt;&amp;lt;!-- Begin MailChimp Signup Form --&amp;gt;
&amp;lt;link href="//cdn-images.mailchimp.com/embedcode/classic-10_7.css" rel="stylesheet" type="text/css"&amp;gt;
&amp;lt;style type="text/css"&amp;gt;
    #mc_embed_signup{background:#fff; clear:left; font:14px Helvetica,Arial,sans-serif; }
    /* Add your own MailChimp form style overrides in your site stylesheet or in this style block.
       We recommend moving this block and the preceding CSS link to the HEAD of your HTML file. */
&amp;lt;/style&amp;gt;
&amp;lt;!--&amp;lt;label class="item item-input"&amp;gt;
  &amp;lt;span class="input-label"&amp;gt;Email&amp;lt;/span&amp;gt;
  &amp;lt;input type="email"&amp;gt;
&amp;lt;/label&amp;gt;--&amp;gt;
&amp;lt;div id="mc_embed_signup"&amp;gt;
&amp;lt;form action="//[businessname].[dc].list-manage.com/subscribe/post?u=[list]&amp;amp;amp;id=39c3c32163" method="post" id="mc-embedded-subscribe-form" name="mc-embedded-subscribe-form" class="validate" target="_blank" novalidate&amp;gt;
    &amp;lt;div id="mc_embed_signup_scroll"&amp;gt;
    &amp;lt;h3 class="padding"&amp;gt;Don���t Miss Out on the Top Stories from Each Week!&amp;lt;/h3&amp;gt;
&amp;lt;div class="mc-field-group"&amp;gt;
    &amp;lt;label for="mce-EMAIL" class="item item-input"&amp;gt;
    &amp;lt;span class="input-label"&amp;gt;Email Address: &amp;lt;/span&amp;gt;
    &amp;lt;input type="email" value="" name="EMAIL" class="required email" id="mce-EMAIL"&amp;gt;
  &amp;lt;/label&amp;gt;
&amp;lt;/div&amp;gt;
&amp;lt;div class="mc-field-group" &amp;gt;
    &amp;lt;label for="mce-FNAME" class="item item-input"&amp;gt;
    &amp;lt;span class="input-label"&amp;gt;First Name: &amp;lt;/span&amp;gt;
    &amp;lt;input type="text" value="" name="FNAME" class="" id="mce-FNAME"&amp;gt;
  &amp;lt;/label&amp;gt;
&amp;lt;/div&amp;gt;
&amp;lt;div class="mc-field-group" &amp;gt;
    &amp;lt;label for="mce-LNAME" class="item item-input"&amp;gt;
    &amp;lt;span class="input-label"&amp;gt;Last Name: &amp;lt;/span&amp;gt;
    &amp;lt;input type="text" value="" name="LNAME" class="" id="mce-LNAME"&amp;gt;
  &amp;lt;/label&amp;gt;
&amp;lt;/div&amp;gt;
&amp;lt;div class="mc-field-group" &amp;gt;
    &amp;lt;label for="mce-MMERGE9" class="item item-input"&amp;gt;
    &amp;lt;span class="input-label"&amp;gt;State: &amp;lt;/span&amp;gt;
    &amp;lt;input type="text" value="" name="MMERGE9" class="" id="mce-MMERGE9"&amp;gt;
  &amp;lt;/label&amp;gt;
&amp;lt;/div&amp;gt;
    &amp;lt;div id="mce-responses" class="clear"&amp;gt;
        &amp;lt;div class="response" id="mce-error-response" style="display:none"&amp;gt;&amp;lt;/div&amp;gt;
        &amp;lt;div class="response" id="mce-success-response" style="display:none"&amp;gt;&amp;lt;/div&amp;gt;
    &amp;lt;/div&amp;gt;    &amp;lt;!-- real people should not fill this in and expect good things - do not remove this or risk form bot signups--&amp;gt;
    &amp;lt;div style="position: absolute; left: -5000px;" aria-hidden="true"&amp;gt;&amp;lt;input type="text" name="b_1b57193ff878b1601ed47f497_39c3c32163" tabindex="-1" value=""&amp;gt;&amp;lt;/div&amp;gt;
    &amp;lt;div class="clear"&amp;gt;&amp;lt;input type="submit" value="Subscribe" name="subscribe" id="mc-embedded-subscribe" class="button button-positive button-block"&amp;gt;&amp;lt;/div&amp;gt;
    &amp;lt;/div&amp;gt;
&amp;lt;/form&amp;gt;
&amp;lt;/div&amp;gt;
&amp;lt;script type='text/javascript' src='//s3.amazonaws.com/downloads.mailchimp.com/js/mc-validate.js'&amp;gt;&amp;lt;/script&amp;gt;
&amp;lt;script type='text/javascript'&amp;gt;(function($) {window.fnames = new Array(); window.ftypes = new Array();fnames[0]='EMAIL';ftypes[0]='email';fnames[1]='FNAME';ftypes[1]='text';fnames[2]='LNAME';ftypes[2]='text';fnames[9]='MMERGE9';ftypes[9]='text';}(jQuery));var $mcj = jQuery.noConflict(true);&amp;lt;/script&amp;gt;
&amp;lt;!--End mc_embed_signup--&amp;gt;
&lt;/code&gt;&lt;/pre&gt;</t>
  </si>
  <si>
    <t>2017-01-18 02:52:27.533000+00:00</t>
  </si>
  <si>
    <t>2017-01-18 03:31:22.947000+00:00</t>
  </si>
  <si>
    <t>android|ios|angularjs|ionic-framework</t>
  </si>
  <si>
    <t>Can google chromecast receiver app work without sender app... fed from web server</t>
  </si>
  <si>
    <t>&lt;p&gt;I am currently exploring the possibility of using Chromecast + a custom receiver app instead of a raspberry pi custom code application, or something similar. My goal is to be able to have a Chromecast receiver app pull down various streams/images/text and display them on the TV in some custom layout. If I understand the SDK, the custom receiver html/css/js files would be hosted on my public server, and the chromecast device would pull those down to the device (possibly stored on it?). What I am not quite clear on is if that app can then pull down media files, images, etc and display them, or if the only thing that can be displayed is from a sender app? My concern is we'd like to potentially have 100's of Chromecast devices set up, and using a single server (or possibly a couple) feed the video/image/etc to them individually. In some cases some of the TVs would be used to display the same video/images/text. In other cases they'd be completely separate feeds.&lt;/p&gt;
&lt;p&gt;Is it possible to do this, or is this too open ended for what the Chromecast SDK allows for? I am trying to decide if I should look at either custom code on Raspberry Pi with custom code, or if perhaps even something more powerful like the new intel MinnowMax, which I realize is $100, but I need to make sure I can display overlapping graphics, video, text as I want and that I can do so from dozens (or more) devices feeding from a server of mine. One more time, to be clear, I want to store various videos, images, etc on my server, and have them pulled down (and cached) to the local device at a TV to display... so if for example the internet is severed, the device can still display the videos/images/text.&lt;/p&gt;
&lt;p&gt;Thanks.&lt;/p&gt;</t>
  </si>
  <si>
    <t>2014-07-21 03:17:16.203000+00:00</t>
  </si>
  <si>
    <t>2014-07-21 03:45:39.027000+00:00</t>
  </si>
  <si>
    <t>raspberry-pi|chromecast</t>
  </si>
  <si>
    <t>Swift D-Day UIPickerDate</t>
  </si>
  <si>
    <t>&lt;p&gt;I have a&lt;/p&gt;
&lt;pre&gt;&lt;code&gt;@IBOutlet weak var EndDatePicker: UIDatePicker?
&lt;/code&gt;&lt;/pre&gt;
&lt;p&gt;what I want to is, If a string called &lt;code&gt;date&lt;/code&gt; is nil, set the datePicker to Today, the "D-Day":&lt;/p&gt;
&lt;pre&gt;&lt;code&gt;let dateFormatter = NSDateFormatter()
    dateFormatter.dateFormat = "yyyy-MM-dd HH:mm:ss"
    if(task?.date != nil){
        let date = dateFormatter.dateFromString(task!.date!)
        EndDatePicker!.date = date!
    }else{
        //EndDatePicker!.date = D-Day?
    }
&lt;/code&gt;&lt;/pre&gt;
&lt;p&gt;Thank you for your help, I don't find on internet the way to do this on swift.&lt;/p&gt;
&lt;p&gt;Regards.&lt;/p&gt;</t>
  </si>
  <si>
    <t>2015-07-17 15:14:21.940000+00:00</t>
  </si>
  <si>
    <t>2015-07-17 15:31:25.107000+00:00</t>
  </si>
  <si>
    <t>swift|datepicker</t>
  </si>
  <si>
    <t>static_cast in a for loop</t>
  </si>
  <si>
    <t>&lt;p&gt;I know that static casts are handled at compile time, but what about a static cast in the conditional of a for loop? Will the cast be made with each iteration, or only once during compilation? I'm concerned about the cost of this implementation. I know that the compiler will cast the type automatically, I'm just trying to remove the warning. For example:&lt;/p&gt;
&lt;pre&gt;&lt;code&gt;double limit = 10.0;
for(int i = 0; i &amp;lt; static_cast&amp;lt;int&amp;gt;(limit); i++)
{
   ...
}
&lt;/code&gt;&lt;/pre&gt;
&lt;p&gt;The warning is: "conversion from 'double' to 'int' may alter its value."&lt;/p&gt;</t>
  </si>
  <si>
    <t>2014-07-08 16:13:36.467000+00:00</t>
  </si>
  <si>
    <t>2014-07-08 16:40:35.740000+00:00</t>
  </si>
  <si>
    <t>2014-07-08 16:20:36.937000+00:00</t>
  </si>
  <si>
    <t>c++|for-loop|compilation|static-cast</t>
  </si>
  <si>
    <t>What am I doing wrong in this Ruby code?</t>
  </si>
  <si>
    <t>&lt;pre&gt;&lt;code&gt;def pregunta 
    reply = gets.chomp.downcase
    if reply == 'si'
        puts 'Correcto'
    end
    if reply == 'no'
        puts 'Incorrecto'
    end
end
pregunta 'alfkjdas��lfj?'
&lt;/code&gt;&lt;/pre&gt;
&lt;p&gt;After I ask a question ("pregunta" is question in english), the program should tell me if I'm right ("correcto") or wrong ("incorrecto") when I enter an answer ("si" or "no"). Instead of getting an answer, I get an "ArgumentError". What am I doing wrong?&lt;/p&gt;
&lt;p&gt;I'm using Ruby 1.9.3-p194&lt;/p&gt;</t>
  </si>
  <si>
    <t>2012-09-01 00:15:04.650000+00:00</t>
  </si>
  <si>
    <t>2012-09-01 00:26:18.490000+00:00</t>
  </si>
  <si>
    <t>2012-09-01 00:17:50.833000+00:00</t>
  </si>
  <si>
    <t>Can't get pound (��) sign to show in Classic ASP</t>
  </si>
  <si>
    <t>&lt;p&gt;Very simple scenario, but could not find a fix. How can I get a pound sign (��) to display correctly in all browsers in Classic ASP?&lt;/p&gt;
&lt;p&gt;I have the following:&lt;/p&gt;
&lt;pre&gt;&lt;code&gt;&amp;lt;% Response.Write "��pound;" &amp;amp; (number) %&amp;gt;
&lt;/code&gt;&lt;/pre&gt;
&lt;p&gt;Any help would be greatly appreciated.&lt;/p&gt;
&lt;p&gt;Thank you.&lt;/p&gt;</t>
  </si>
  <si>
    <t>2013-12-04 09:08:26.793000+00:00</t>
  </si>
  <si>
    <t>2013-12-04 09:12:23.627000+00:00</t>
  </si>
  <si>
    <t>asp-classic</t>
  </si>
  <si>
    <t>Testing strategies for Draftjs for SelectionState and User Actions</t>
  </si>
  <si>
    <t>&lt;p&gt;Looking at Draftjs to build a wysiwyg. And stumped on how to test user input based on user selection.&lt;/p&gt;
&lt;p&gt;If I load the component in browser, enter text, make a text selection and hit Ctrl + B the selection is correctly bolded.&lt;/p&gt;
&lt;p&gt;I was intending to emulate this by&lt;/p&gt;
&lt;ol&gt;
&lt;li&gt;setting ContentState&lt;/li&gt;
&lt;li&gt;setting SelectionState&lt;/li&gt;
&lt;li&gt;firing the command/hotkey or button&lt;/li&gt;
&lt;li&gt;validating output (probably via jest snapshots)&lt;/li&gt;
&lt;/ol&gt;
&lt;p&gt;While I can &lt;code&gt;getSelectionState&lt;/code&gt; there is no &lt;code&gt;setSelectionState&lt;/code&gt;.&lt;/p&gt;
&lt;pre&gt;&lt;code&gt;const contentState = ContentState.createFromText('Foo Bar')
// contentState.setSelectionState here [0,3]
const contentStateBold = RichUtils.handleKeyCommand(contentState, 'BOLD')
this.state = {
  editorState: EditorState.createWithContent(contentStateBold),
};
...
const wrapper = shallow((&amp;lt;Editor /&amp;gt;));
expect(wrapper.contains(&amp;lt;b&amp;gt;Foo&amp;lt;/b&amp;gt;)).to.equal(true);
&lt;/code&gt;&lt;/pre&gt;
&lt;p&gt;Is there a way to solve selection state? Or a work around to test that hot keys or button presses create expected output?&lt;/p&gt;</t>
  </si>
  <si>
    <t>2018-05-23 11:21:59.147000+00:00</t>
  </si>
  <si>
    <t>2018-05-25 01:58:34.093000+00:00</t>
  </si>
  <si>
    <t>javascript|reactjs|jestjs|enzyme|draftjs</t>
  </si>
  <si>
    <t>struct inherit and initialize with base class</t>
  </si>
  <si>
    <t>&lt;p&gt;Got the following scenario:&lt;/p&gt;
&lt;pre&gt;&lt;code&gt;struct BaseInfo
{
  std::string name;
};
struct AddInfo : public BaseInfo
{
  std::string name2;
}
&lt;/code&gt;&lt;/pre&gt;
&lt;p&gt;And i want to initialize &lt;code&gt;AddInfo with a BaseInfo&lt;/code&gt; object.&lt;/p&gt;
&lt;pre&gt;&lt;code&gt;std::vector&amp;lt;BaseInfo&amp;gt; base; // objects already inserted
std::vector&amp;lt;AddInfo&amp;gt; add(base);// &amp;lt;-- failed 
&lt;/code&gt;&lt;/pre&gt;
&lt;p&gt;the &lt;code&gt;AddInfo::name2&lt;/code&gt; should be uninitialize, is there a simple way of doing this ? BaseInfo can have many members and i dont want to write a copy constuct :-/&lt;/p&gt;</t>
  </si>
  <si>
    <t>2015-07-17 06:50:15.440000+00:00</t>
  </si>
  <si>
    <t>2015-07-17 07:02:17.463000+00:00</t>
  </si>
  <si>
    <t>How to verify that app has been instrumented in calabash?</t>
  </si>
  <si>
    <t>&lt;p&gt;I want to automate Xamarin android app for which I am planning to use Calabash automation tool. I am new to this tool.&lt;/p&gt;
&lt;p&gt;I have successfully installed Ruby, Ant and SDK on my system.&lt;/p&gt;
&lt;p&gt;After running the calabash-android run  command, I am getting the following log:-&lt;/p&gt;
&lt;pre&gt;&lt;code&gt;2014-07-25 12:13:42 - Installing: C:/Users/&amp;lt;path to apk&amp;gt;
4150 KB/s (11783001 bytes in 2.772s)
2014-07-25 12:13:50 -   pkg: /data/local/tmp/xxx.apk
Success
2014-07-25 12:13:51 - Starting test server using:
2014-07-25 12:13:51 - "D:\softwares\adt-bundle-windows-x86-20140321\sdk/platform
-tools/adb.exe" -s 3230a28fb94fb09b shell am instrument -e target_package com.xxx.android -e main_activity xxx.app.android.activities.StartActivity -e test_
server_port 7102 -e class sh.calaba.instrumentationbackend.InstrumentationBacken
d com.xxx.android.test/sh.calaba.instrumentationbackend.CalabashInstrumentatio
nTestRunner
2014-07-25 12:13:53 - It looks like your app is no longer running.
It could be because of a crash or because your test script shut it down.
2014-07-25 12:13:54 - Checking if instrumentation backend is ready
2014-07-25 12:13:54 - Is app running? true
2014-07-25 12:13:54 - Instrumentation backend not yet ready
2014-07-25 12:13:57 - Checking if instrumentation backend is ready
2014-07-25 12:13:57 - Is app running? true
2014-07-25 12:13:57 - Instrumentation backend is ready!
2014-07-25 12:13:57 - Checking client-server version match...
2014-07-25 12:13:57 - Action: version - Params:
2014-07-25 12:13:57 - Result:'{"bonusInformation":[],"message":"0.5.0","success"
:true}'
2014-07-25 12:13:57 - Client and server versions match. Proceeding...
&lt;/code&gt;&lt;/pre&gt;
&lt;p&gt;I just want to confirm that whether my apk is instrumented or not? Is there any way to verify that?&lt;/p&gt;</t>
  </si>
  <si>
    <t>2014-07-27 17:31:27.190000+00:00</t>
  </si>
  <si>
    <t>2015-09-08 07:00:17.237000+00:00</t>
  </si>
  <si>
    <t>2014-07-27 17:39:58.357000+00:00</t>
  </si>
  <si>
    <t>android|ruby|xamarin|calabash</t>
  </si>
  <si>
    <t>Android - this in database(this) not working inside handler</t>
  </si>
  <si>
    <t>&lt;p&gt;I want to enter my database every 30 seconds, that is why I open it in &lt;/p&gt;
&lt;pre&gt;&lt;code&gt;h.postDelayed(new Runnable(){
                public void run(){h.postDelayed(this, delay0);
                }
            }, delay0)
&lt;/code&gt;&lt;/pre&gt;
&lt;p&gt;}&lt;/p&gt;
&lt;p&gt;But I need to change the this in the expression (cannot be applied to Runnable) and right now I don't know how to solve that.&lt;/p&gt;
&lt;pre&gt;&lt;code&gt;database db = new database(this);
&lt;/code&gt;&lt;/pre&gt;</t>
  </si>
  <si>
    <t>2014-10-25 14:47:30.477000+00:00</t>
  </si>
  <si>
    <t>2014-10-25 15:18:13.567000+00:00</t>
  </si>
  <si>
    <t>Structure for Products table to store products details from various fields</t>
  </si>
  <si>
    <t>&lt;p&gt;I'm building an application which requires supporting various categories of fields of products (as in products in Fashion, Electronics, Automobile, Grocery etc.), so obviously, for products in every field (&amp;amp; even for their sub-categories), product properties would vary from category to category. &lt;/p&gt;
&lt;p&gt;&lt;strong&gt;Example:&lt;/strong&gt; &lt;/p&gt;
&lt;p&gt;Products in &lt;strong&gt;Fashion&lt;/strong&gt; field, are like &lt;em&gt;Jeans, Shirts, etc.&lt;/em&gt; which have properties like &lt;em&gt;size, color, type, material-type, etc.&lt;/em&gt;, whereas Products in &lt;strong&gt;Electronics&lt;/strong&gt;, can be like &lt;em&gt;Mobile phones, Laptops, etc.&lt;/em&gt; which can have product properties like, &lt;em&gt;processor, memory, storage, size, color, etc.&lt;/em&gt;&lt;/p&gt;
&lt;p&gt;&lt;strong&gt;My Question is in regarding, how do I store such information in most generalized &amp;amp; efficient way possible?&lt;/strong&gt;&lt;/p&gt;
&lt;p&gt;&lt;strong&gt;What I've thought of a solution:&lt;/strong&gt;&lt;/p&gt;
&lt;p&gt;I've thought of creating &lt;strong&gt;three&lt;/strong&gt; tables for maintaining this information.&lt;/p&gt;
&lt;ol&gt;
&lt;li&gt;&lt;strong&gt;&lt;code&gt;products&lt;/code&gt; table:&lt;/strong&gt; &lt;/li&gt;
&lt;/ol&gt;
&lt;p&gt;This table will contain all products &amp;amp; their categories in &lt;strong&gt;nested set form&lt;/strong&gt; such that &lt;strong&gt;each parent&lt;/strong&gt; would act as a &lt;strong&gt;category&lt;/strong&gt; and &lt;strong&gt;each leaf&lt;/strong&gt; would act as a &lt;strong&gt;product&lt;/strong&gt;. &lt;/p&gt;
&lt;p&gt;Along with this, this table would contain meta information about the product (&lt;em&gt;like name, purchasing price, selling price, sku, etc. which would be common to any kind of product&lt;/em&gt;). Probable &lt;strong&gt;Table Structure&lt;/strong&gt; of this table is as under:&lt;/p&gt;
&lt;pre&gt;&lt;code&gt;id(PK), 
client_fk(FK to clients), 
parent_id(for nested-sets), 
lft(for nested-sets), 
rgt(for nested-sets), 
depth(for nested-sets), 
name(meta), 
sku(meta), 
purchasing_price(meta), 
selling_price(meta), 
created_at, 
updated_at
&lt;/code&gt;&lt;/pre&gt;
&lt;ol start="2"&gt;
&lt;li&gt;Other two tables will kinda work like EAV model structure. &lt;/li&gt;
&lt;/ol&gt;
&lt;p&gt;&lt;strong&gt;&lt;code&gt;products_props&lt;/code&gt;table:&lt;/strong&gt; &lt;/p&gt;
&lt;p&gt;This table will store all possible properties to any product (from any category) like &lt;em&gt;size, color, processor, memory, storage, etc.&lt;/em&gt; with &lt;strong&gt;their meta details&lt;/strong&gt; like &lt;em&gt;description, input-type-details, etc.&lt;/em&gt; &lt;strong&gt;Table Structure&lt;/strong&gt; for this table can be&lt;/p&gt;
&lt;p&gt;&lt;code&gt;id(PK), name, label, description, input_type, input_details, created_at, updated_at&lt;/code&gt;&lt;/p&gt;
&lt;ol start="3"&gt;
&lt;li&gt;&lt;strong&gt;&lt;code&gt;products_props_data&lt;/code&gt; table&lt;/strong&gt;: &lt;/li&gt;
&lt;/ol&gt;
&lt;p&gt;This table will contain values for all the properties that product have. &lt;strong&gt;Table Structure&lt;/strong&gt; for this table can be:&lt;/p&gt;
&lt;p&gt;&lt;code&gt;id(PK), product_prop_fk(FK to products_props), product_fk(FK to products), value, created_at, updated_at&lt;/code&gt;&lt;/p&gt;
&lt;p&gt;&lt;strong&gt;Reads&lt;/strong&gt; on this information would be much more than &lt;strong&gt;&lt;em&gt;inserts, updates or deletes&lt;/em&gt;&lt;/strong&gt;.&lt;/p&gt;
&lt;p&gt;&lt;strong&gt;Questions:&lt;/strong&gt;&lt;/p&gt;
&lt;ol&gt;
&lt;li&gt;Am I following the correct way?&lt;/li&gt;
&lt;li&gt;Is it efficient?&lt;/li&gt;
&lt;li&gt;Is there another way around?&lt;/li&gt;
&lt;li&gt;Advises/suggestions to achieve what I am trying to.&lt;/li&gt;
&lt;li&gt;How does well-known e-commerce do it? like Amazon, Flipkart, eBay?&lt;/li&gt;
&lt;/ol&gt;</t>
  </si>
  <si>
    <t>2018-05-16 06:46:23.507000+00:00</t>
  </si>
  <si>
    <t>2018-05-16 10:30:27.510000+00:00</t>
  </si>
  <si>
    <t>php|mysql|sql|database|database-design</t>
  </si>
  <si>
    <t>NCover coverage is lower because of no coverage of the models. Improving ncover coverage.</t>
  </si>
  <si>
    <t>&lt;p&gt;Ncover coverage: There are classes in the project which are used like models(containing only properties). The code coverage for these is not there in the test cases. What is the general way of improving the coverage ?&lt;/p&gt;</t>
  </si>
  <si>
    <t>2012-10-02 17:37:28.770000+00:00</t>
  </si>
  <si>
    <t>2012-10-02 17:56:21.810000+00:00</t>
  </si>
  <si>
    <t>.net|c#-4.0|ncover</t>
  </si>
  <si>
    <t>VBA code when refering a SubReport from a Main Report in Access</t>
  </si>
  <si>
    <t>&lt;p&gt;I am  setting an instruction (VBA) in  &lt;strong&gt;On Load Event&lt;/strong&gt;   on a  report in MS Access.
When I open the report,the code works perfect.
But when i try to embeded the report as a subreport on a main report, the code doesnt work.
I think  the problem is that I should be referering the field different(Me.Service1...), since I am trying to call the field now  from a main report, but i havent found the right syntaxis. 
This is the code i wanna embeed on my main report:&lt;/p&gt;
&lt;pre&gt;&lt;code&gt;Private Sub Report_Load()
If Me.Service1 = "Scanmachine" Then
Me.Vessel.Visible = True
Me.Label400.Visible = True
Else
Me.Vessel.Visible = False
Me.Label400.Visible = False
End If
End Sub
&lt;/code&gt;&lt;/pre&gt;
&lt;p&gt;Any suggestions? &lt;/p&gt;</t>
  </si>
  <si>
    <t>2016-02-12 09:29:12.427000+00:00</t>
  </si>
  <si>
    <t>2016-03-31 08:49:14.303000+00:00</t>
  </si>
  <si>
    <t>vba|ms-access|access-vba</t>
  </si>
  <si>
    <t>How to list all the files of a directory which is on a remote machine in java?</t>
  </si>
  <si>
    <t>&lt;p&gt;I have a c code.I need to write a java code which i would then have to convert into a jar file and run from my c code.The purpose of the jar file would be to log into a remote machine and then navigate to a defined path and then list all the files in the specific directory in string format.That is i want to obtain something like 
String FileNames[] = {"File1","File2",...} so that then i can use the system call available for FTP log in and download to download all the files recursively.&lt;/p&gt;
&lt;p&gt;So how do i do that.Any idea?&lt;/p&gt;</t>
  </si>
  <si>
    <t>2012-04-15 08:53:21.510000+00:00</t>
  </si>
  <si>
    <t>2012-04-15 10:06:53.383000+00:00</t>
  </si>
  <si>
    <t>Failure to update JPanels inside CardLayout</t>
  </si>
  <si>
    <t>&lt;p&gt;I have two JPanels nested inside a cardPanl(with a cardLayout).&lt;/p&gt;
&lt;p&gt;When switching between pages I need to have new instance of the page created. For example when I switch from homePage to captchaPage, I will replace the current homePage with a new instance of 'HomePage'. same thing goes when switching from captchaPage to homePage.&lt;/p&gt;
&lt;p&gt;I will create the new instances without any problem but what I see on the screen is the old view of the JPanels meaning they do not get repainted.&lt;/p&gt;
&lt;p&gt;I've searched for this problem and almost all the solutions suggest calling revalidate(), validate() or repaint() on the panel.&lt;/p&gt;
&lt;p&gt;I've did it all and still I get the old view. I'm sure that creating the new instances is done successfully because when printing the capthcha in the console i see that it changes but the view remains the same.&lt;/p&gt;
&lt;p&gt;Here is my structure:&lt;/p&gt;
&lt;p&gt;&lt;br&gt;
&lt;b&gt; BasicPage.java &lt;/b&gt;&lt;/p&gt;
&lt;pre&gt;&lt;code&gt;public class BasePage extends JPanel {
    protected JFrame parent;
    protected String name;
    public BasePage(JFrame parent, String name) {
       this.parent = parent;
       this.name = name;
       // ...
    }
}
&lt;/code&gt;&lt;/pre&gt;
&lt;p&gt;&lt;br&gt;
&lt;b&gt;CaptchaPage.java&lt;/b&gt;&lt;/p&gt;
&lt;pre&gt;&lt;code&gt;public class CaptchaPage extends BasePage {
    private String challenge;
    public CaptchaPage(JFrame parent, String name) {
        super(parent, name);
        challenge = new BigInteger(130, new SecureRandom()).toString(32);
        challenge = challenge.length() &amp;gt; 5 ? challenge.substring(0, 5) : challenge;
        JLabel label = new JLabel(challenge);
        this.add(label);
    }
}
&lt;/code&gt;&lt;/pre&gt;
&lt;p&gt;&lt;br&gt;
&lt;b&gt;Dashboard.java&lt;/b&gt;&lt;/p&gt;
&lt;pre&gt;&lt;code&gt;public class Dashboard extends JFrame {
    private JPanel cardPanel;
    private BasePage homePage;
    private BasePage captchaPage;
    public Dashboard() {
        cardPanel = new JPanel();
        cardPanel.setLayout(new CardLayout());
        homePage = new HomePage(this, "0");
        captchaPage = new CaptchaPage(this, "1");
        cardPanel.add(homePage, "0");
        cardPanel.add(captchaPage, "1");
        this.add(cardPanel);
    }
    protected void switchPage(String name) {        
        ((CardLayout)cardPanel.getLayout()).show(cardPanel, name);
        if (name.equals("1")) {
            homePage = new HomePage(this, "0");
            homePage.revalidate();
        }
        else {
            captchaPage = new CaptchaPage(this, "1");
            captchaPage.revalidate();
        }
    }    
}
&lt;/code&gt;&lt;/pre&gt;
&lt;p&gt;&lt;br&gt;
&lt;b&gt; Answer &lt;/b&gt;&lt;/p&gt;
&lt;pre&gt;&lt;code&gt;BasePage page = new HomePage(this, "0");
cardPanel.add(page, "0");
cardPanel.revalidate();
homePage = page;
&lt;/code&gt;&lt;/pre&gt;</t>
  </si>
  <si>
    <t>2013-08-20 19:00:57.363000+00:00</t>
  </si>
  <si>
    <t>2013-08-20 19:55:16.803000+00:00</t>
  </si>
  <si>
    <t>java|swing|jpanel|repaint|cardlayout</t>
  </si>
  <si>
    <t>Onclick function does not display the table</t>
  </si>
  <si>
    <t>&lt;p&gt;If i did not add a function, my code will display a table but if i add an onclick function, it only displays words without the table. How do i display the word inside the table at the same time after clicking a button?&lt;/p&gt;
&lt;p&gt;Here is my code...&lt;/p&gt;
&lt;pre&gt;&lt;code&gt;&amp;lt;button onclick="add()"&amp;gt;Add&amp;lt;/button&amp;gt;
&amp;lt;table border="1"&amp;gt;
&amp;lt;script language="javascript" type="text/javascript"&amp;gt;
var myArray    = new Array();
myArray[0] = "IS001";
myArray[1] = "BUSINESS PROCESS CHANGE";
myArray[2] = "1:00PM";
myArray[3] = "4:00PM";
myArray[4] = "REIN";
function add(){
for (var i=0; i&amp;lt;5; i++) {
document.write("&amp;lt;td&amp;gt;" + myArray[i] + "&amp;lt;/td&amp;gt;");
}
}
&lt;/code&gt;&lt;/pre&gt;
&lt;p&gt;&lt;/p&gt;</t>
  </si>
  <si>
    <t>2015-10-18 09:10:12.303000+00:00</t>
  </si>
  <si>
    <t>2015-10-18 09:35:37.763000+00:00</t>
  </si>
  <si>
    <t>How to use class variables in objective-c like "MyClassName.var"?</t>
  </si>
  <si>
    <t>&lt;p&gt;I want to declare static-class variables in objective-c class and want to use them directly using class name like&lt;/p&gt;
&lt;p&gt;E.g&lt;/p&gt;
&lt;p&gt;having a class named "Myclassname" and variable "Var"&lt;/p&gt;
&lt;p&gt;and want access this variable like this....&lt;/p&gt;
&lt;p&gt;Myclassname.Var=@"hi";&lt;/p&gt;
&lt;p&gt;I dont want to use getters and setters.&lt;/p&gt;
&lt;p&gt;Any help please? &lt;/p&gt;</t>
  </si>
  <si>
    <t>2013-02-13 14:13:28.017000+00:00</t>
  </si>
  <si>
    <t>2013-02-13 15:06:41.010000+00:00</t>
  </si>
  <si>
    <t>spring-boot testing - Could multiple test have a single context?</t>
  </si>
  <si>
    <t>&lt;p&gt;I have integration tests, that i want use single context.&lt;/p&gt;
&lt;p&gt;I know that all test initialize different beans therefore Spring restart on each tests. ( addded @DirtiesContext) But it's don't work?&lt;/p&gt;
&lt;p&gt;My parent class - &lt;/p&gt;
&lt;pre&gt;&lt;code&gt;@SpringBootTest
@RunWith(SpringRunner.class)
@ContextConfiguration(classes = SpringApplicationContext.class, initializers = ConfigFileApplicationContextInitializer.class)
@AutoConfigureDataJpa
@DirtiesContext
public abstract class AbstractSpringITest {
}
&lt;/code&gt;&lt;/pre&gt;
&lt;p&gt;Application context - &lt;/p&gt;
&lt;pre&gt;&lt;code&gt;@Configuration
@ComponentScan(basePackages = "com.datas_tech.ingo.core")
@TestPropertySource("classpath:test.properties")
public class SpringApplicationContext {
}
&lt;/code&gt;&lt;/pre&gt;
&lt;p&gt;Example tests - &lt;/p&gt;
&lt;pre&gt;&lt;code&gt;public class MailServiceITest extends AbstractSpringITest {
    @Autowired
    public MailService mailService;
    ...
public class UserServiceITest extends AbstractSpringITest {
    @Autowired
    public UserService userService;
    ...
&lt;/code&gt;&lt;/pre&gt;
&lt;p&gt;My console like this, when i start integration test for all tests&lt;/p&gt;
&lt;pre&gt;&lt;code&gt;Running com.datas_tech.ingo.core.repository.log.LogRepositoryITest
  .   ____          _            __ _ _
 /\\ / ___'_ __ _ _(_)_ __  __ _ \ \ \ \
( ( )\___ | '_ | '_| | '_ \/ _` | \ \ \ \
 \\/  ___)| |_)| | | | | || (_| |  ) ) ) )
  '  |____| .__|_| |_|_| |_\__, | / / / /
 =========|_|==============|___/=/_/_/_/
 :: Spring Boot ::        (v1.5.3.RELEASE)
2017-07-19 17:27:58.613  INFO 4104 --- [           main] c.d.i.c.r.log.LogRepositoryITest         : Starting LogRepositoryITest on artur-pc with PID 4104 (started by artur in /home/artur/IdeaProjects/IngoX/core)
2017-07-19 17:27:58.614  INFO 4104 --- [           main] c.d.i.c.r.log.LogRepositoryITest         : No active profile set, falling back to default profiles: default
2017-07-19 17:28:00.213  INFO 4104 --- [           main] o.hibernate.jpa.internal.util.LogHelper  : HHH000204: Processing PersistenceUnitInfo [
    name: default
    ...]
2017-07-19 17:28:00.223  INFO 4104 --- [           main] org.hibernate.dialect.Dialect            : HHH000400: Using dialect: org.hibernate.dialect.Oracle10gDialect
2017-07-19 17:28:00.490  INFO 4104 --- [           main] org.dozer.DozerBeanMapper                : Initializing a new instance of dozer bean mapper.
2017-07-19 17:28:00.492  INFO 4104 --- [           main] org.dozer.DozerBeanMapper                : Initializing a new instance of dozer bean mapper.
2017-07-19 17:28:00.495  INFO 4104 --- [           main] org.dozer.DozerBeanMapper                : Initializing a new instance of dozer bean mapper.
2017-07-19 17:28:00.498  INFO 4104 --- [           main] org.dozer.DozerBeanMapper                : Initializing a new instance of dozer bean mapper.
2017-07-19 17:28:00.544  INFO 4104 --- [           main] org.dozer.DozerBeanMapper                : Initializing a new instance of dozer bean mapper.
2017-07-19 17:28:00.658  INFO 4104 --- [           main] c.d.i.c.r.log.LogRepositoryITest         : Started LogRepositoryITest in 2.221 seconds (JVM running for 13.261)
Tests run: 1, Failures: 0, Errors: 0, Skipped: 0, Time elapsed: 6.895 sec - in com.datas_tech.ingo.core.repository.log.LogRepositoryITest
Running com.datas_tech.ingo.core.repository.ldap.GroupRepositoryITest
  .   ____          _            __ _ _
 /\\ / ___'_ __ _ _(_)_ __  __ _ \ \ \ \
( ( )\___ | '_ | '_| | '_ \/ _` | \ \ \ \
 \\/  ___)| |_)| | | | | || (_| |  ) ) ) )
  '  |____| .__|_| |_|_| |_\__, | / / / /
 =========|_|==============|___/=/_/_/_/
 :: Spring Boot ::        (v1.5.3.RELEASE)
2017-07-19 17:28:05.629  INFO 4104 --- [           main] c.d.i.c.r.ldap.GroupRepositoryITest      : Starting GroupRepositoryITest on artur-pc with PID 4104 (started by artur in /home/artur/IdeaProjects/IngoX/core)
2017-07-19 17:28:05.629  INFO 4104 --- [           main] c.d.i.c.r.ldap.GroupRepositoryITest      : No active profile set, falling back to default profiles: default
2017-07-19 17:28:06.908  INFO 4104 --- [           main] o.hibernate.jpa.internal.util.LogHelper  : HHH000204: Processing PersistenceUnitInfo [
    name: default
    ...]
2017-07-19 17:28:06.918  INFO 4104 --- [           main] org.hibernate.dialect.Dialect            : HHH000400: Using dialect: org.hibernate.dialect.Oracle10gDialect
2017-07-19 17:28:07.184  INFO 4104 --- [           main] org.dozer.DozerBeanMapper                : Initializing a new instance of dozer bean mapper.
2017-07-19 17:28:07.188  INFO 4104 --- [           main] org.dozer.DozerBeanMapper                : Initializing a new instance of dozer bean mapper.
2017-07-19 17:28:07.190  INFO 4104 --- [           main] org.dozer.DozerBeanMapper                : Initializing a new instance of dozer bean mapper.
2017-07-19 17:28:07.192  INFO 4104 --- [           main] org.dozer.DozerBeanMapper                : Initializing a new instance of dozer bean mapper.
2017-07-19 17:28:07.231  INFO 4104 --- [           main] org.dozer.DozerBeanMapper                : Initializing a new instance of dozer bean mapper.
2017-07-19 17:28:07.406  INFO 4104 --- [           main] c.d.i.c.r.ldap.GroupRepositoryITest      : Started GroupRepositoryITest in 1.878 seconds (JVM running for 20.009)
Tests run: 2, Failures: 0, Errors: 0, Skipped: 0, Time elapsed: 3.902 sec - in com.datas_tech.ingo.core.repository.ldap.GroupRepositoryITest
Running com.datas_tech.ingo.core.repository.ldap.UserRepositoryITest
&lt;/code&gt;&lt;/pre&gt;
&lt;p&gt;How do that all test use single context?&lt;/p&gt;
&lt;p&gt;What's wrong?&lt;/p&gt;
&lt;p&gt;Thanks&lt;/p&gt;</t>
  </si>
  <si>
    <t>2017-07-19 14:42:13.407000+00:00</t>
  </si>
  <si>
    <t>2017-07-19 15:44:22.220000+00:00</t>
  </si>
  <si>
    <t>spring-boot|integration-testing|junit-runner</t>
  </si>
  <si>
    <t>app phonegap frozen on start (black screen)</t>
  </si>
  <si>
    <t>&lt;p&gt;I have an android app that doesn't start only on my device (Htc one x).&lt;/p&gt;
&lt;p&gt;It has always worked, but today no.&lt;/p&gt;
&lt;p&gt;If I do :&lt;/p&gt;
&lt;pre&gt;&lt;code&gt;adb logcat | grep mypersonalapp
&lt;/code&gt;&lt;/pre&gt;
&lt;p&gt;this is the result:&lt;/p&gt;
&lt;pre&gt;&lt;code&gt;I/DEBUG   (  141): pid: 7693, tid: 7693, name: rowd.mypersonalapp  &amp;gt;&amp;gt;&amp;gt; com.crowdmine.mypersonalapp &amp;lt;&amp;lt;&amp;lt;
I/ActivityManager(  511): Process com.crowdmine.mypersonalapp (pid 7693) has died.
I/ActivityManager(  511): Start proc com.crowdmine.mypersonalapp for activity com.crowdmine.mypersonalapp/.mypersonalapp: pid=7716 uid=10008 gids={50008, 3003, 5012, 1015, 1028}
F/libc    ( 7716): Fatal signal 11 (SIGSEGV) at 0x00000000 (code=1), thread 7716 (rowd.mypersonalapp) - sent from sys
I/DEBUG   (  141): pid: 7716, tid: 7716, name: rowd.mypersonalapp  &amp;gt;&amp;gt;&amp;gt; com.crowdmine.mypersonalapp &amp;lt;&amp;lt;&amp;lt;
I/ActivityManager(  511): Process com.crowdmine.mypersonalapp (pid 7716) has died.
I/ActivityManager(  511): Start proc com.crowdmine.mypersonalapp for activity com.crowdmine.mypersonalapp/.mypersonalapp: pid=7734 uid=10008 gids={50008, 3003, 5012, 1015, 1028}
F/libc    ( 7734): Fatal signal 11 (SIGSEGV) at 0x00000000 (code=1), thread 7734 (rowd.mypersonalapp) - sent from sys
I/DEBUG   (  141): pid: 7734, tid: 7734, name: rowd.mypersonalapp  &amp;gt;&amp;gt;&amp;gt; com.crowdmine.mypersonalapp &amp;lt;&amp;lt;&amp;lt;
I/ActivityManager(  511): Process com.crowdmine.mypersonalapp (pid 7734) has died.
I/ActivityManager(  511): Start proc com.crowdmine.mypersonalapp for activity com.crowdmine.mypersonalapp/.mypersonalapp: pid=7751 uid=10008 gids={50008, 3003, 5012, 1015, 1028}
F/libc    ( 7751): Fatal signal 11 (SIGSEGV) at 0x00000000 (code=1), thread 7751 (rowd.mypersonalapp) - sent from sys
I/DEBUG   (  141): pid: 7751, tid: 7751, name: rowd.mypersonalapp  &amp;gt;&amp;gt;&amp;gt; com.crowdmine.mypersonalapp &amp;lt;&amp;lt;&amp;lt;
I/ActivityManager(  511): Process com.crowdmine.mypersonalapp (pid 7751) has died.
I/ActivityManager(  511): Start proc com.crowdmine.mypersonalapp for activity com.crowdmine.mypersonalapp/.mypersonalapp: pid=7774 uid=10008 gids={50008, 3003, 5012, 1015, 1028}
F/libc    ( 7774): Fatal signal 11 (SIGSEGV) at 0x00000000 (code=1), thread 7774 (rowd.mypersonalapp) - sent from sys
I/DEBUG   (  141): pid: 7774, tid: 7774, name: rowd.mypersonalapp  &amp;gt;&amp;gt;&amp;gt; com.crowdmine.mypersonalapp &amp;lt;&amp;lt;&amp;lt;
I/ActivityManager(  511): Process com.crowdmine.mypersonalapp (pid 7774) has died.
I/ActivityManager(  511): Start proc com.crowdmine.mypersonalapp for activity com.crowdmine.mypersonalapp/.mypersonalapp: pid=7793 uid=10008 gids={50008, 3003, 5012, 1015, 1028}
F/libc    ( 7793): Fatal signal 11 (SIGSEGV) at 0x00000000 (code=1), thread 7793 (rowd.mypersonalapp) - sent from sys
I/DEBUG   (  141): pid: 7793, tid: 7793, name: rowd.mypersonalapp  &amp;gt;&amp;gt;&amp;gt; com.crowdmine.mypersonalapp &amp;lt;&amp;lt;&amp;lt;
I/ActivityManager(  511): Process com.crowdmine.mypersonalapp (pid 7793) has died.
I/ActivityManager(  511): Start proc com.crowdmine.mypersonalapp for activity com.crowdmine.mypersonalapp/.mypersonalapp: pid=7814 uid=10008 gids={50008, 3003, 5012, 1015, 1028}
F/libc    ( 7814): Fatal signal 11 (SIGSEGV) at 0x00000000 (code=1), thread 7814 (rowd.mypersonalapp) - sent from sys
I/DEBUG   (  141): pid: 7814, tid: 7814, name: rowd.mypersonalapp  &amp;gt;&amp;gt;&amp;gt; com.crowdmine.mypersonalapp &amp;lt;&amp;lt;&amp;lt;
I/ActivityManager(  511): Process com.crowdmine.mypersonalapp (pid 7814) has died.
I/ActivityManager(  511): Start proc com.crowdmine.mypersonalapp for activity com.crowdmine.mypersonalapp/.mypersonalapp: pid=7831 uid=10008 gids={50008, 3003, 5012, 1015, 1028}
F/libc    ( 7831): Fatal signal 11 (SIGSEGV) at 0x00000000 (code=1), thread 7831 (rowd.mypersonalapp) - sent from sys
I/DEBUG   (  141): pid: 7831, tid: 7831, name: rowd.mypersonalapp  &amp;gt;&amp;gt;&amp;gt; com.crowdmine.mypersonalapp &amp;lt;&amp;lt;&amp;lt;
I/ActivityManager(  511): Process com.crowdmine.mypersonalapp (pid 7831) has died.
I/ActivityManager(  511): Start proc com.crowdmine.mypersonalapp for activity com.crowdmine.mypersonalapp/.mypersonalapp: pid=7848 uid=10008 gids={50008, 3003, 5012, 1015, 1028}
F/libc    ( 7848): Fatal signal 11 (SIGSEGV) at 0x00000000 (code=1), thread 7848 (rowd.mypersonalapp) - sent from sys
I/DEBUG   (  141): pid: 7848, tid: 7848, name: rowd.mypersonalapp  &amp;gt;&amp;gt;&amp;gt; com.crowdmine.mypersonalapp &amp;lt;&amp;lt;&amp;lt;
I/ActivityManager(  511): Process com.crowdmine.mypersonalapp (pid 7848) has died.
I/ActivityManager(  511): Start proc com.crowdmine.mypersonalapp for activity com.crowdmine.mypersonalapp/.mypersonalapp: pid=7871 uid=10008 gids={50008, 3003, 5012, 1015, 1028}
F/libc    ( 7871): Fatal signal 11 (SIGSEGV) at 0x00000000 (code=1), thread 7871 (rowd.mypersonalapp) - sent from sys
I/DEBUG   (  141): pid: 7871, tid: 7871, name: rowd.mypersonalapp  &amp;gt;&amp;gt;&amp;gt; com.crowdmine.mypersonalapp &amp;lt;&amp;lt;&amp;lt;
I/ActivityManager(  511): Process com.crowdmine.mypersonalapp (pid 7871) has died.
I/ActivityManager(  511): Start proc com.crowdmine.mypersonalapp for activity com.crowdmine.mypersonalapp/.mypersonalapp: pid=7896 uid=10008 gids={50008, 3003, 5012, 1015, 1028}
F/libc    ( 7896): Fatal signal 11 (SIGSEGV) at 0x00000000 (code=1), thread 7896 (rowd.mypersonalapp) - sent from sys
I/DEBUG   (  141): pid: 7896, tid: 7896, name: rowd.mypersonalapp  &amp;gt;&amp;gt;&amp;gt; com.crowdmine.mypersonalapp &amp;lt;&amp;lt;&amp;lt;
I/ActivityManager(  511): Process com.crowdmine.mypersonalapp (pid 7896) has died.
I/ActivityManager(  511): Start proc com.crowdmine.mypersonalapp for activity com.crowdmine.mypersonalapp/.mypersonalapp: pid=7913 uid=10008 gids={50008, 3003, 5012, 1015, 1028}
F/libc    ( 7913): Fatal signal 11 (SIGSEGV) at 0x00000000 (code=1), thread 7913 (rowd.mypersonalapp) - sent from sys
I/DEBUG   (  141): pid: 7913, tid: 7913, name: rowd.mypersonalapp  &amp;gt;&amp;gt;&amp;gt; com.crowdmine.mypersonalapp &amp;lt;&amp;lt;&amp;lt;
I/ActivityManager(  511): Process com.crowdmine.mypersonalapp (pid 7913) has died.
I/ActivityManager(  511): Start proc com.crowdmine.mypersonalapp for activity com.crowdmine.mypersonalapp/.mypersonalapp: pid=7935 uid=10008 gids={50008, 3003, 5012, 1015, 1028}
F/libc    ( 7935): Fatal signal 11 (SIGSEGV) at 0x00000000 (code=1), thread 7935 (rowd.mypersonalapp) - sent from sys
I/DEBUG   (  141): pid: 7935, tid: 7935, name: rowd.mypersonalapp  &amp;gt;&amp;gt;&amp;gt; com.crowdmine.mypersonalapp &amp;lt;&amp;lt;&amp;lt;
&lt;/code&gt;&lt;/pre&gt;
&lt;p&gt;Seems that the process is killed and restarted continuously.&lt;/p&gt;
&lt;p&gt;Any ideas?&lt;/p&gt;
&lt;p&gt;Could be a phone problem?&lt;/p&gt;
&lt;p&gt;UPDATE:&lt;/p&gt;
&lt;pre&gt;&lt;code&gt;Process created for activity com.crowdmine.mypersonalapp/.MyPersonalApp
                           PID: 29030   UID: 10008   GIDs: {50008, 3003, 5012, 1015, 1028}
              dalvikvm  W  JNI WARNING: input is not valid Modified UTF-8: illegal continuation byte 0x5f
                        W               string: 'en_Latn_US_���_IT'
                        W               in Llibcore/icu/ICU;.addLikelySubtags:(Ljava/lang/String;)Ljava/lang/St
                           ring; (NewStringUTF)
                        I  "main" prio=5 tid=1 NATIVE
                        I    | group="main" sCount=0 dsCount=0 obj=0x40efba78 self=0x5711c010
                        I    | sysTid=29030 nice=0 sched=0/0 cgrp=apps handle=1074533852
                        I    | state=R schedstat=( 19753000 4908000 26 ) utm=0 stm=1 core=2
                        I    #00  pc 000012a0  /system/lib/libcorkscrew.so (unwind_backtrace_thread+27)
                        I    #01  pc 000672bc  /system/lib/libdvm.so (dvmDumpNativeStack(DebugOutputTarget cons
                           t*, int)+35)
                        I    #02  pc 000592d8  /system/lib/libdvm.so (dvmDumpThreadEx(DebugOutputTarget const*,
                            Thread*, bool)+335)
                        I    #03  pc 0005937a  /system/lib/libdvm.so (dvmDumpThread(Thread*, bool)+25)
                        I    #04  pc 0003a7e6  /system/lib/libdvm.so
                        I    #05  pc 0003c4c6  /system/lib/libdvm.so
                        I    #06  pc 0003e7fa  /system/lib/libdvm.so
                        I    #07  pc 00016412  /system/lib/libjavacore.so
                        I    #08  pc 00016828  /system/lib/libjavacore.so
                        I    #09  pc 0001e690  /system/lib/libdvm.so (dvmPlatformInvoke+112)
                        I    #10  pc 0005100e  /system/lib/libdvm.so (dvmCallJNIMethod(unsigned int const*, JVa
                           lue*, Method const*, Thread*)+425)
                        I    #11  pc 00027aa0  /system/lib/libdvm.so
                        I    #12  pc 0002ce84  /system/lib/libdvm.so (dvmInterpret(Thread*, Method const*, JVal
                           ue*)+232)
                        I    #13  pc 000674be  /system/lib/libdvm.so (dvmInvokeMethod(Object*, Method const*, A
                           rrayObject*, ArrayObject*, ClassObject*, bool)+373)
                        I    #14  pc 0007066e  /system/lib/libdvm.so
                        I    #15  pc 00027aa0  /system/lib/libdvm.so
                        I    #16  pc 0002ce84  /system/lib/libdvm.so (dvmInterpret(Thread*, Method const*, JVal
                           ue*)+232)
                        I    #17  pc 000671a0  /system/lib/libdvm.so (dvmCallMethodV(Thread*, Method const*, Ob
                           ject*, bool, JValue*, std::__va_list)+271)
                        I    #18  pc 0004d2d6  /system/lib/libdvm.so
                        I    #19  pc 0004d38e  /system/lib/libandroid_runtime.so
                        I    #20  pc 0004e22c  /system/lib/libandroid_runtime.so (android::AndroidRuntime::star
                           t(char const*, char const*)+539)
                        I    #21  pc 00000e66  /system/bin/app_process
                        I    #22  pc 000128b0  /system/lib/libc.so (__libc_init+35)
                        I    at libcore.icu.ICU.addLikelySubtags(Native Method)
                        I    at android.text.TextUtils.getLayoutDirectionFromLocale(TextUtils.java:1742)
                        I    at android.content.res.Configuration.setLayoutDirection(Configuration.java:1376)
                        I    at android.content.res.Configuration.updateFrom(Configuration.java:851)
                        I    at android.app.ActivityThread.applyConfigurationToResourcesLocked(ActivityThread.j
                           ava:4411)
                        I    at android.app.ActivityThread.handleBindApplication(ActivityThread.java:4863)
                        I    at android.app.ActivityThread.access$1300(ActivityThread.java:162)
                        I    at android.app.ActivityThread$H.handleMessage(ActivityThread.java:1432)
                        I    at android.os.Handler.dispatchMessage(Handler.java:99)
                        I    at android.os.Looper.loop(Looper.java:158)
                        I    at android.app.ActivityThread.main(ActivityThread.java:5751)
                        I    at java.lang.reflect.Method.invokeNative(Native Method)
                        I    at java.lang.reflect.Method.invoke(Method.java:511)
                        I    at com.android.internal.os.ZygoteInit$MethodAndArgsCaller.run(ZygoteInit.java:1083
                           )
                        I    at com.android.internal.os.ZygoteInit.main(ZygoteInit.java:850)
                        I    at dalvik.system.NativeStart.main(Native Method)
                        E  VM aborting
                  libc  F  Fatal signal 11 (SIGSEGV) at 0x00000000 (code=1), thread 29030 (rowd.MyPersonalApp) - s
                           ent from sys
                           Process 29030 ended
&lt;/code&gt;&lt;/pre&gt;</t>
  </si>
  <si>
    <t>2014-05-29 14:58:57.257000+00:00</t>
  </si>
  <si>
    <t>2014-05-29 15:59:35.520000+00:00</t>
  </si>
  <si>
    <t>android|cordova</t>
  </si>
  <si>
    <t>innerHTML and event delegation</t>
  </si>
  <si>
    <t>&lt;p&gt;I have a containing div that has multiple divs within which is updated every 25ms using innerHTML (for performance reasons). I have tried using event delegation to capture events but nothing I seem to do captures the click event. I think this may be due to the speed that the contents are getting updated. Any ideas would be very welcome.&lt;/p&gt;
&lt;p&gt;My code:&lt;/p&gt;
&lt;pre&gt;&lt;code&gt;$(document).ready(function () {
var canvas = $('#gCanvas')[0];
$(document.body).delegate('a', 'click', function (e) {
    console.log(e.target);
});
var sprites = [];
for (var i = 0; i &amp;lt; 100; i++) {
    sprites[i] = {x: i+10, y: i+10};
}
var doIt = function () {
    var s = '';
    for(var i = 0; i &amp;lt; sprites.length; i++) {
        var spr = sprites[i];
        spr.x++;
        spr.y++;
        s+= '&amp;lt;a id="s'+i+'" class="s" style="left:'+sprites[i].x+';top:'+sprites[i].y+'"&amp;gt;&amp;lt;/a&amp;gt;';
    }
    canvas.innerHTML = s;
};
//doIt();
setInterval(doIt, 50);
&lt;/code&gt;&lt;/pre&gt;
&lt;p&gt;});&lt;/p&gt;
&lt;p&gt;Thanks&lt;/p&gt;
&lt;p&gt;Mark&lt;/p&gt;</t>
  </si>
  <si>
    <t>2010-05-07 13:29:35.177000+00:00</t>
  </si>
  <si>
    <t>2011-06-17 22:40:35.963000+00:00</t>
  </si>
  <si>
    <t>2010-05-07 13:46:23.760000+00:00</t>
  </si>
  <si>
    <t>javascript|javascript-events|delegation</t>
  </si>
  <si>
    <t>C++ always use explicit constructor</t>
  </si>
  <si>
    <t>&lt;p&gt;After reading the following blog :&lt;/p&gt;
&lt;p&gt;&lt;a href="http://xania.org/200711/ambiguous-overloading"&gt;http://xania.org/200711/ambiguous-overloading&lt;/a&gt;&lt;/p&gt;
&lt;p&gt;I started asking myself "should I not always explicit define my constructors?"&lt;/p&gt;
&lt;p&gt;So I started reading more than found out this article :&lt;/p&gt;
&lt;p&gt;&lt;a href="http://www.sjbrown.co.uk/2004/05/01/always-use-explicit/"&gt;http://www.sjbrown.co.uk/2004/05/01/always-use-explicit/&lt;/a&gt;&lt;/p&gt;
&lt;p&gt;Which shows another example, and also explains his thoughts behind it.
But of course this is one blogger's thoughts.&lt;/p&gt;
&lt;p&gt;I would be happy to hear from some of you,what your thought on the manner, what is your experience with the subject and a few example for either way would be nice.&lt;/p&gt;</t>
  </si>
  <si>
    <t>2012-09-15 12:09:22.477000+00:00</t>
  </si>
  <si>
    <t>2012-09-16 07:12:59.910000+00:00</t>
  </si>
  <si>
    <t>c++|constructor|explicit</t>
  </si>
  <si>
    <t>Dynamic Array and Repeating Values</t>
  </si>
  <si>
    <t>&lt;p&gt;I am struggling to understand where I am going wrong. My goal is to double the size of an array, and copy the original values twice to the new array. This is currently just printing out 6 zeros. Please help!! &lt;/p&gt;
&lt;pre&gt;&lt;code&gt;#include &amp;lt;iostream&amp;gt; 
using namespace std;
void repeatArray(double *&amp;amp;myArray, int size)
{
        double *repeatArray = new double[size * 2]; 
        for(int i =0; i &amp;lt; size; i++)
        {
                 myArray[i] = repeatArray[i]; 
        }
        delete [] myArray;
        myArray = repeatArray;  
}
int main()
{
    double* myArray = new double[3];
    myArray[0] = 1;
    myArray[1] = 2;
    myArray[2] =3;
    repeatArray(myArray, 3);
    for (int i=0; i&amp;lt;6; i++)
    {
        cout &amp;lt;&amp;lt; myArray[i] &amp;lt;&amp;lt; endl;
    }
    delete []myArray;
    return 0;
}
&lt;/code&gt;&lt;/pre&gt;</t>
  </si>
  <si>
    <t>2017-08-04 20:46:04.927000+00:00</t>
  </si>
  <si>
    <t>2017-08-04 21:05:13.923000+00:00</t>
  </si>
  <si>
    <t>c++|arrays|dynamic|allocation</t>
  </si>
  <si>
    <t>Change switch direction of the switch</t>
  </si>
  <si>
    <t>&lt;p&gt;How can I change the direction of the switch modes in Android?
Mode turned on will be on the left and mode turned off will be on the right&lt;/p&gt;</t>
  </si>
  <si>
    <t>2016-06-04 09:39:15.287000+00:00</t>
  </si>
  <si>
    <t>android|button|view|android-widget</t>
  </si>
  <si>
    <t>Debugging Webapps in Eclipse</t>
  </si>
  <si>
    <t>&lt;p&gt;I want to debug a webapp through Eclipse.  The webapp will be running on a Tomcat 7 instance that I have configured within Eclipse, and thus everything, including Tomcat's launch will be done from within Eclipse.  &lt;/p&gt;
&lt;p&gt;Now, my question is what is the best way to debug the webapp in such a situation.  Is local debugging possible, or the only solution is remote debugging.  &lt;/p&gt;
&lt;p&gt;I know how to do remote debugging, but given that everything is done from within Eclipse, I wanted to see if there is a better way of doing it.&lt;/p&gt;</t>
  </si>
  <si>
    <t>2013-03-05 16:18:28.200000+00:00</t>
  </si>
  <si>
    <t>2013-03-05 16:24:48.620000+00:00</t>
  </si>
  <si>
    <t>eclipse|debugging|tomcat|web-applications</t>
  </si>
  <si>
    <t>How to avoid corner case while solving perfect square in O(lg N) time?</t>
  </si>
  <si>
    <t>&lt;p&gt;Following code finds if a given number is a perfect square in O(lg N). How can I avoid hard-coding the corner case &lt;code&gt;if (num === 1) { return true; }&lt;/code&gt; given in the solution below? Any ideas?&lt;/p&gt;
&lt;pre&gt;&lt;code&gt;var isPerfectSquare = function(num) {
    let floor = 0, ceiling = num, mid;
    // Corner case
    if (num === 1) {
        return true;
    }
    while (floor != ceiling) {
        mid = floor + (ceiling - floor) / 2 | 0;
        let mul = mid * mid;
        if (mul === num) {
            return true;
        }
        if (mul &amp;gt; num) {
            ceiling = mid;
        }
        else if (mul &amp;lt; num) {
            floor = mid+1;
        }   
    }
    return false;
};
&lt;/code&gt;&lt;/pre&gt;</t>
  </si>
  <si>
    <t>2017-01-17 06:33:17.653000+00:00</t>
  </si>
  <si>
    <t>2017-01-17 09:57:48.943000+00:00</t>
  </si>
  <si>
    <t>2017-01-17 06:48:36.290000+00:00</t>
  </si>
  <si>
    <t>javascript|algorithm|big-o|binary-search</t>
  </si>
  <si>
    <t>What is the difference between a validation rule and a business rule?</t>
  </si>
  <si>
    <t>&lt;p&gt;What is the difference between a validation rule and a business rule ? &lt;/p&gt;
&lt;p&gt;As per my understanding, 'if the state of the business object/objects is not as expected, then throw an error message' is a validation rule, and 'when the state of the business object/objects is or is not equal to something, then change the state of some business object/objects [or take some action/event but not just throw an error]' is a business rule.&lt;/p&gt;
&lt;p&gt;Validation can be UI validations - validate values of UI fields or application validations - validate business object states.&lt;/p&gt;
&lt;p&gt;I am not sure whether my understanding above is correct. In my project, we have a validation framework, where a simple validate call takes business objects to validate against something and an error collector that collect all errors. The errors are displayed on the screen afterwords. &lt;/p&gt;
&lt;p&gt;In addition to that, we have rules that falls in second category as described above i.e check the business object/objects state and take some action such as change the state of another business object. I am trying to find out the strategy to implement such rules either using some framework [not a validation framework] or a rule engine.&lt;/p&gt;
&lt;p&gt;Can you please help me understanding the distinction between the above 2 kind of rules and if there are any implementation strategies/ recommendations, it would be helpful.&lt;/p&gt;</t>
  </si>
  <si>
    <t>2011-07-08 22:37:44.760000+00:00</t>
  </si>
  <si>
    <t>2017-03-08 07:43:21.947000+00:00</t>
  </si>
  <si>
    <t>2011-07-08 23:20:18.253000+00:00</t>
  </si>
  <si>
    <t>terminology|business-logic</t>
  </si>
  <si>
    <t>Make python3 as my default python on Mac</t>
  </si>
  <si>
    <t>&lt;p&gt;What I'm trying to do here is to &lt;strong&gt;make python3 as my default python.&lt;/strong&gt; Except the python 2.7 which automatically installed on mac, I installed &lt;strong&gt;python3&lt;/strong&gt; with &lt;strong&gt;homebrew&lt;/strong&gt;. This is the website that I'm following. &lt;a href="http://docs.python-guide.org/en/latest/starting/install3/osx/#install3-osx" rel="noreferrer"&gt;http://docs.python-guide.org/en/latest/starting/install3/osx/#install3-osx&lt;/a&gt;&lt;/p&gt;
&lt;p&gt;I guess I followed every instruction well, got xcode freshly installed, Command line tools, and homebrew. But here's my little confusion occurs.&lt;/p&gt;
&lt;blockquote&gt;
  &lt;p&gt;The script will explain what changes it will make and prompt you before the installation begins. Once you���ve installed Homebrew, insert the Homebrew directory at the top of your PATH environment variable. You can do this by adding the following line at the bottom of your ~/.profile file&lt;/p&gt;
  &lt;p&gt;&lt;strong&gt;export PATH=/usr/local/bin:/usr/local/sbin:$PATH&lt;/strong&gt;&lt;/p&gt;
&lt;/blockquote&gt;
&lt;p&gt;I was really confused what this was, but I concluded that I should just add this following line at the bottom of ~/.profile file. So I opened the &lt;strong&gt;~/.profile&lt;/strong&gt; file by &lt;strong&gt;open .profile&lt;/strong&gt; in the terminal, and added following line at the bottom. And now it looks like this.&lt;/p&gt;
&lt;pre&gt;&lt;code&gt;export PATH=/usr/local/bin:/usr/local/sbin:$PATH
# Setting PATH for Python 3.6
# The original version is saved in .profile.pysave
export PATH=/usr/local/bin:/usr/local/sbin:$PATH
&lt;/code&gt;&lt;/pre&gt;
&lt;p&gt;And then I did &lt;strong&gt;brew install python&lt;/strong&gt;, and was hoping to see &lt;strong&gt;python3&lt;/strong&gt; when I do &lt;strong&gt;python --version.&lt;/strong&gt;
But it just shows me &lt;strong&gt;python 2.7.10.&lt;/strong&gt; I want my default python to be &lt;strong&gt;python3&lt;/strong&gt; not 2.7&lt;/p&gt;
&lt;p&gt;And I found a little clue from the website.&lt;/p&gt;
&lt;blockquote&gt;
  &lt;p&gt;Do I have a Python 3 installed?&lt;/p&gt;
&lt;/blockquote&gt;
&lt;pre&gt;&lt;code&gt;$ python --version
Python 3.6.4
&lt;/code&gt;&lt;/pre&gt;
&lt;blockquote&gt;
  &lt;p&gt;If you still see 2.7 ensure in &lt;strong&gt;PATH /usr/local/bin/ takes pecedence over /usr/bin/&lt;/strong&gt;&lt;/p&gt;
&lt;/blockquote&gt;
&lt;p&gt;Maybe it has to do something with &lt;strong&gt;PATH?&lt;/strong&gt; Could someone explain in simple English what &lt;strong&gt;PATH&lt;/strong&gt; exactly is and how I could make my default python to be python3 when I run &lt;strong&gt;python --version&lt;/strong&gt; in the terminal?&lt;/p&gt;</t>
  </si>
  <si>
    <t>2018-04-07 05:52:43.863000+00:00</t>
  </si>
  <si>
    <t>2018-04-07 20:21:56.860000+00:00</t>
  </si>
  <si>
    <t>python|python-3.x|macos|terminal|homebrew</t>
  </si>
  <si>
    <t>JavaFx moving images</t>
  </si>
  <si>
    <t>&lt;p&gt;Hello all so I'm creating a simple 2D game and so far i've had a bit of a nightmare trying to get things to communicate with each other. So far i have a 'main menu', 'game grid' and a image showing on the grid. I'm now tackling the movement off it but i can't seem to get it working. &lt;/p&gt;
&lt;pre&gt;&lt;code&gt;package application;
import javafx.event.EventHandler;
import javafx.geometry.Pos;
import javafx.scene.Scene;
import javafx.scene.layout.ColumnConstraints;
import javafx.scene.layout.GridPane;
import javafx.scene.layout.RowConstraints;
import javafx.scene.paint.Color;
import javafx.stage.Stage;
import javafx.scene.layout.HBox;
import javafx.scene.Group;
import javafx.scene.image.ImageView;
import javafx.scene.input.KeyEvent;
import javafx.scene.image.Image;
public class Level {
// private static Array[] level1;
// private WarehouseKeeper warehouse;
private static ImageView image1 = ImageLoader.showWareHouseImage();
private static final int KEYBOARD_MOVEMENT_DELTA = 2;
public static void runLevel1(Stage theStage) {
    // ImageView image = new ImageView((Element)
    // ImageLoader.wareHouseImage);
    // WarehouseKeeper warehouse = new
    // WarehouseKeeper(ImageLoader.wareHouseImage);
    Group root = new Group();
    int columnAmount = 12;
    int rowAmount = 12;
    GridPane gameGrid = new GridPane();
    for (int i = 0; i &amp;lt; columnAmount; i++) {
        ColumnConstraints columnn = new ColumnConstraints(45);
        gameGrid.getColumnConstraints().add(columnn);
    }
    for (int i = 0; i &amp;lt; rowAmount; i++) {
        RowConstraints row = new RowConstraints(45);
        gameGrid.getRowConstraints().add(row);
    }
    gameGrid.setStyle("-fx-background-color: white; -fx-grid-lines-visible:true");
    Scene scene = new Scene(root, (columnAmount * 40) + 66, (rowAmount * 40) + 66, Color.WHITE);
    image(root, gameGrid);
    moveWareHouse(scene, createKeeper());
    theStage.setScene(scene);
    theStage.show();
}
private static void image(Group root, GridPane gameGrid) {
    // ImageLoader.wareHouseImage;
    /*
     * ImageView wareHouse = new ImageView(); wareHouse.setFitHeight(45);
     * wareHouse.setFitWidth(45);
     * 
     * Image image1 = ImageLoader.showWareHouseImage();
     * wareHouse.setImage(image1);
     */
    ImageView image1 = ImageLoader.showWareHouseImage();
    final HBox picture = new HBox();
    picture.getChildren().add(image1);
    gameGrid.setAlignment(Pos.CENTER);
    // gameGrid.getChildren().add(wareHouse);
    gameGrid.add(picture, 7, 9);
    root.getChildren().add(gameGrid);
}
private static WarehouseKeeper createKeeper() {
    final WarehouseKeeper keeper = new WarehouseKeeper(image1);
    return keeper;
}
private static void moveWareHouse(Scene scene, final WarehouseKeeper keeper) {
    scene.setOnKeyPressed(new EventHandler&amp;lt;KeyEvent&amp;gt;() {
        @Override
        public void handle(KeyEvent event) {
            switch (event.getCode()) {
            case W:
                keeper.setyPosition(keeper.getyPosition() - KEYBOARD_MOVEMENT_DELTA);
                break;
            case D:
                keeper.setxPosition(keeper.getxPosition() + KEYBOARD_MOVEMENT_DELTA);
                break;
            case A:
                keeper.setyPosition(keeper.getyPosition() + KEYBOARD_MOVEMENT_DELTA);
                break;
            case S:
                keeper.setxPosition(keeper.getxPosition() - KEYBOARD_MOVEMENT_DELTA);
                break;
            }
        }
    });
}
&lt;/code&gt;&lt;/pre&gt;
&lt;p&gt;}&lt;/p&gt;
&lt;pre&gt;&lt;code&gt;package application;
import javafx.scene.image.ImageView;
import javafx.scene.image.Image;
import javafx.scene.input.KeyEvent;
public class WarehouseKeeper extends ImageLoader {
private Image playerImage;
private ImageView image;
private int speed;
private double xPosition;
private double yPosition;
public WarehouseKeeper(ImageView wareHouseImage) {
    super(wareHouseImage);
    this.speed = speed;
    this.xPosition = xPosition;
    this.yPosition = yPosition;
    this.wareHouseImage.relocate(xPosition, yPosition);
}
public void updateUI() {
    wareHouseImage.relocate(xPosition, yPosition);
}
public double getCenterX() {
    return xPosition * 0.5;
}
public double getCenterY() {
    return yPosition * 0.5;
}
public int getSpeed() {
    return speed;
}
public void setSpeed(int speed) {
    this.speed = speed;
}
public double getxPosition() {
    return xPosition;
}
// one of the ideas i had
public void setxPosition(double xPosition) {
    this.xPosition = xPosition.setTranslateX(1.0);
}
public double getyPosition() {
    return yPosition;
}
public void setyPosition(double d) {
    this.yPosition = d + 1.0;
}
public void setTranslateY(double yPosition) {
    // TODO Auto-generated method stub
    yPosition = yPosition + 2.0;
}
&lt;/code&gt;&lt;/pre&gt;
&lt;p&gt;}&lt;/p&gt;
&lt;pre&gt;&lt;code&gt;package application;
import javafx.scene.image.Image;
import javafx.scene.image.ImageView;
public class ImageLoader {
protected ImageView wareHouseImage;
private Object diamondImage;
private Object wallImage;
private Object mapImage;
private Object crateImage;
public ImageLoader(ImageView wareHouseImage) {
    this.wareHouseImage = showWareHouseImage();
}
public ImageView getWareHouseImage() {
    return wareHouseImage;
}
public void setWareHouseImage(Image wareHouseImage) {
    this.wareHouseImage = showWareHouseImage();
}
public static ImageView showWareHouseImage() {
    ImageView wareHouse = new ImageView();
    wareHouse.setFitHeight(45);
    wareHouse.setFitWidth(45);
    Image wareHouseImage = new Image("application/warehouse.png");
    wareHouse.setImage(wareHouseImage);
    return wareHouse;
}
public Object getDiamondImage() {
    return diamondImage;
}
public void setDiamondImage(Object diamondImage) {
    this.diamondImage = diamondImage;
}
public Object getWallImage() {
    return wallImage;
}
public void setWallImage(Object wallImage) {
    this.wallImage = wallImage;
}
public Object getMapImage() {
    return mapImage;
}
public void setMapImage(Object mapImage) {
    this.mapImage = mapImage;
}
public Object getCrateImage() {
    return crateImage;
}
public void setCrateImage(Object crateImage) {
    this.crateImage = crateImage;
}
&lt;/code&gt;&lt;/pre&gt;
&lt;p&gt;}&lt;/p&gt;</t>
  </si>
  <si>
    <t>2017-02-16 00:20:20.580000+00:00</t>
  </si>
  <si>
    <t>2018-08-02 01:34:07.237000+00:00</t>
  </si>
  <si>
    <t>java|javafx|sprite|game-physics</t>
  </si>
  <si>
    <t>Playing iTunes purchased movies using safari - DRM protected content iOS</t>
  </si>
  <si>
    <t>&lt;p&gt;In my application i want to play iTunes purchased movies (DRM Protected content) for that what i did is passing the HTTP URL to safari and safari will play the DRM protected file.This HTTP URL is pointing the DRM protected file.I'm opening safari in the normal way by [[UIApplication sharedApplication] openURL:url] method. It is working fine in iOS 7 and prior versions. Unfortunately this feature is not working in iOS 8, it opens safari and showing play symbol with cross mark. Please suggest me any workaround to achieve the solution in iOS 8.&lt;/p&gt;</t>
  </si>
  <si>
    <t>2014-09-22 13:15:29.487000+00:00</t>
  </si>
  <si>
    <t>2016-01-18 06:21:46.967000+00:00</t>
  </si>
  <si>
    <t>iphone|ipad|cocoa-touch|ios8|drm</t>
  </si>
  <si>
    <t>Conditional Queries within a Wordpress Loop</t>
  </si>
  <si>
    <t>&lt;p&gt;I'm going to have a WP_Query run with arguments based on user input. The user can select multiple categories/terms and the query will filter based on the AND boolean.&lt;/p&gt;
&lt;pre&gt;&lt;code&gt;// main arguments
$args = array(
    'tax_query' =&amp;gt; array(
        'relation' =&amp;gt; 'AND',
        array(
            'taxonomy' =&amp;gt; 'industry',
            'terms'    =&amp;gt; $user_input,
        ),
        array(
            'taxonomy' =&amp;gt; 'format',
            'terms'    =&amp;gt; $user_input2,
        ),
    ),
);
// less specific arguments
$lessargs = array(
    'tax_query' =&amp;gt; array(
        array(
            'taxonomy' =&amp;gt; 'industry',
            'terms'    =&amp;gt; $user_input,
        ),
    ),
);
&lt;/code&gt;&lt;/pre&gt;
&lt;p&gt;If no results are returned in the first query, I want to run the second query with less specificity ($lessargs). I know I need to use if/else statements but I don't know the correct way to do this within the loop. Example:&lt;/p&gt;
&lt;pre&gt;&lt;code&gt;&amp;lt;?php $the_query = new WP_Query( $args ); ?&amp;gt;
&amp;lt;?php if ($the_query-&amp;gt;have_posts()) : ?&amp;gt;
     &amp;lt;?php while ($the_query-&amp;gt;have_posts()) : the_post(); ?&amp;gt;
        // Return Query Results
     &amp;lt;?php endwhile; ?&amp;gt;
  &amp;lt;?php else : ?&amp;gt;
    &amp;lt;?php $the_second_query = new WP_Query( $less_args ); ?&amp;gt;
    &amp;lt;?php while ($the_second_query-&amp;gt;have_posts()) : the_post(); ?&amp;gt;
        // Return Second Query Results
    &amp;lt;?php endwhile; ?&amp;gt;
&amp;lt;?php endif; ?&amp;gt;
&lt;/code&gt;&lt;/pre&gt;
&lt;p&gt;Is this the proper way to conditionally call queries if the previous query returns empty?&lt;/p&gt;</t>
  </si>
  <si>
    <t>2016-03-29 21:37:07.197000+00:00</t>
  </si>
  <si>
    <t>2016-03-29 22:46:01.730000+00:00</t>
  </si>
  <si>
    <t>2016-03-29 21:52:39.840000+00:00</t>
  </si>
  <si>
    <t>Entity Framework 6 define a REALLY optional foreign key</t>
  </si>
  <si>
    <t>&lt;p&gt;Say I have two tables:&lt;/p&gt;
&lt;pre&gt;&lt;code&gt;Products
[ProductID] PK
[Weight]
[ProductCode]
&lt;/code&gt;&lt;/pre&gt;
&lt;p&gt;and&lt;/p&gt;
&lt;pre&gt;&lt;code&gt;KnownProductCodes
[ProductCode] PK
[Description]
&lt;/code&gt;&lt;/pre&gt;
&lt;p&gt;Now I want my &lt;code&gt;Product&lt;/code&gt; entity to have a &lt;code&gt;KnownProductCodeDetails&lt;/code&gt; property. BUT the interesting thing here is that &lt;code&gt;Products.ProductCode&lt;/code&gt; may contain EITHER product codes that DO exist in the &lt;code&gt;KnownProductCodes&lt;/code&gt; table, OR the product codes THAT DON'T EXIST in &lt;code&gt;KnownProductCodes&lt;/code&gt; table.&lt;/p&gt;
&lt;p&gt;So, my question is: how do I create such a relationship between the two entities in Entity Framework?&lt;/p&gt;
&lt;p&gt;PS. By the way, is it possible for an entity to have a foreign relationship without having a corresponding constraint in the database?&lt;/p&gt;
&lt;p&gt;Thanks!&lt;/p&gt;
&lt;p&gt;==
Details: EF 6.1.2, Code first&lt;/p&gt;</t>
  </si>
  <si>
    <t>2015-01-21 19:56:05.310000+00:00</t>
  </si>
  <si>
    <t>2015-01-22 21:49:36.253000+00:00</t>
  </si>
  <si>
    <t>sql-server|tsql|ef-code-first|entity-framework-6|foreign-key-relationship</t>
  </si>
  <si>
    <t>android studio - radial gradient not working on phone</t>
  </si>
  <si>
    <t>&lt;p&gt;I'm trying to set a radial linear background on my app. I currently have it working on the preview, but when I run my app on my Samsung Galaxy S4 it makes the whole background just the starting color.&lt;/p&gt;
&lt;p&gt;Preview look:&lt;/p&gt;
&lt;p&gt;&lt;a href="https://i.stack.imgur.com/TOrL8.png" rel="nofollow noreferrer"&gt;&lt;img src="https://i.stack.imgur.com/TOrL8.png" alt="enter image description here"&gt;&lt;/a&gt;&lt;/p&gt;
&lt;p&gt;Samsung Galaxy S4 look:&lt;/p&gt;
&lt;p&gt;&lt;a href="https://i.stack.imgur.com/S6Pst.png" rel="nofollow noreferrer"&gt;&lt;img src="https://i.stack.imgur.com/S6Pst.png" alt="enter image description here"&gt;&lt;/a&gt;&lt;/p&gt;
&lt;p&gt;Here is my XML file:&lt;/p&gt;
&lt;pre&gt;&lt;code&gt;&amp;lt;?xml version="1.0" encoding="utf-8"?&amp;gt;
&amp;lt;shape xmlns:android="http://schemas.android.com/apk/res/android"
    android:shape="rectangle" &amp;gt;
    &amp;lt;gradient
        android:type="radial"
        android:startColor="#f3e5f5"
        android:endColor="#9c27b0"
        android:gradientRadius="600"
        android:angle="270"
        android:centerX="50%"
        android:centerY="20%"/&amp;gt;
&amp;lt;/shape&amp;gt;
&lt;/code&gt;&lt;/pre&gt;
&lt;p&gt;Any idea what's wrong?&lt;/p&gt;</t>
  </si>
  <si>
    <t>2016-06-07 02:57:59.410000+00:00</t>
  </si>
  <si>
    <t>2017-01-10 08:43:18.793000+00:00</t>
  </si>
  <si>
    <t>2016-06-07 18:34:54.870000+00:00</t>
  </si>
  <si>
    <t>android-studio|background|samsung-mobile|linear-gradients</t>
  </si>
  <si>
    <t>How to refresh parent form when in child form is button clicked?</t>
  </si>
  <si>
    <t>&lt;p&gt;then closing child form is working this command:&lt;/p&gt;
&lt;pre&gt;&lt;code&gt;private void listView1_MouseDoubleClick(object sender, EventArgs e)
{
    ListViewItem item = listView1.SelectedItems[0];
    string s = item.SubItems[6].Text;
    q = m;
    CommercialOfferEditProperties ob = new CommercialOfferEditProperties(s, q);
    ob.FormClosed += new FormClosedEventHandler(ob_FormClosed);
    ob.Show(); //show child
}
void ob_FormClosed(object sender, FormClosedEventArgs e)
{
   some action
}
&lt;/code&gt;&lt;/pre&gt;
&lt;p&gt;But how to run action &lt;code&gt;ob_FormClosed&lt;/code&gt; or run created new action, when in child form is button clicked?&lt;/p&gt;</t>
  </si>
  <si>
    <t>2011-09-13 18:19:46.680000+00:00</t>
  </si>
  <si>
    <t>2011-09-13 19:11:11.097000+00:00</t>
  </si>
  <si>
    <t>Anchor element doesn't open the href on EDGE when svg is used</t>
  </si>
  <si>
    <t>&lt;p&gt;I have the following code:&lt;/p&gt;
&lt;pre&gt;&lt;code&gt;&amp;lt;a target="_blank" href={this.props.FacebookUrl}&amp;gt;
  &amp;lt;svg className="icon svg-facebook"&amp;gt;
     &amp;lt;use xlinkHref={'/Content/icons/sprite/icons-common.svg#facebook'} /&amp;gt;
  &amp;lt;/svg&amp;gt; 
&amp;lt;/a&amp;gt;
Generated Code:
&amp;lt;a target="_blank" href="https://www.facebook.com/facebook" data-reactid=".dzu29bnjgg.0.0.0.2.0.1.0.0.0"&amp;gt;
  &amp;lt;svg class="icon svg-facebook" data-reactid=".dzu29bnjgg.0.0.0.2.0.1.0.0.0.0"&amp;gt;
    &amp;lt;use xmlns:xlink="http://www.w3.org/1999/xlink" xlink:href="/Content/icons/sprite/icons-common.svg#facebook" data-reactid=".dzu29bnjgg.0.0.0.2.0.1.0.0.0.0.0"&amp;gt;
    &amp;lt;/use&amp;gt;
  &amp;lt;/svg&amp;gt;
&amp;lt;/a&amp;gt;
&lt;/code&gt;&lt;/pre&gt;
&lt;p&gt;Clicking on the Anchor opens the Facebook Url besides on EDGE&lt;/p&gt;
&lt;p&gt;What's the problem?&lt;/p&gt;</t>
  </si>
  <si>
    <t>2016-05-18 12:53:57.923000+00:00</t>
  </si>
  <si>
    <t>2016-05-18 13:00:26.830000+00:00</t>
  </si>
  <si>
    <t>2016-05-18 12:58:06.690000+00:00</t>
  </si>
  <si>
    <t>Problems to create a dynamic link for one of my menu buttons in a wordpress website</t>
  </si>
  <si>
    <t>&lt;p&gt;The link is to a page with a booking widget and needs to include the text &lt;code&gt;?certificate=&lt;/code&gt; and the current users email address. The email address gets passed to the booking widget which then allows the user to book appointments they've already purchased. &lt;/p&gt;
&lt;p&gt;I found a suggestion and some code but cannot make it work. The suggestion was to: &lt;/p&gt;
&lt;blockquote&gt;
  &lt;p&gt;Make a custom menu link in the wordpress admin panel with a # for the
  Url.&lt;/p&gt;
&lt;/blockquote&gt;
&lt;p&gt;Then the code is suposed to do the rest. Ive tried putting the code in the &lt;code&gt;header.php&lt;/code&gt; file as well as making it into a plugin but in each case it breaks the website. Here's the code I have so far...&lt;/p&gt;
&lt;p&gt;&lt;div class="snippet" data-lang="js" data-hide="false" data-console="true" data-babel="false"&gt;_x000D_
&lt;div class="snippet-code"&gt;_x000D_
&lt;pre class="snippet-code-html lang-html prettyprint-override"&gt;&lt;code&gt;&amp;lt;?php_x000D_
if (is_user_logged_in()){ ?&amp;gt;_x000D_
  &amp;lt;script&amp;gt;_x000D_
    $(document).ready(function(e) {    _x000D_
      var targetNav = $('li.menu-item menu-item-type-custom menu-item-object-custom menu-item-557 a');_x000D_
   var userEmail = '&amp;lt;?php $current_user = wp_get_current_user(); echo $current_user-&amp;gt;user_email;?&amp;gt;';_x000D_
   var userUrl = 'https://www.ourlinguafranca.com/book/' + '?certificate=' + userEmail/;_x000D_
      targetNav.attr('href',userUrl);_x000D_
    });_x000D_
  &amp;lt;/script&amp;gt;_x000D_
&amp;lt;?php }  else { ?&amp;gt;_x000D_
  &amp;lt;script&amp;gt;_x000D_
    $(document).ready(function(e) {    _x000D_
      var targetNav = $('li.menu-item menu-item-type-custom menu-item-object-custom menu-item-557 a');_x000D_
      targetNav.attr('href','https://www.ourlinguafranca.com/my-account/');_x000D_
    });_x000D_
  &amp;lt;/script&amp;gt;_x000D_
&amp;lt;?php } ?&amp;gt;&lt;/code&gt;&lt;/pre&gt;_x000D_
&lt;/div&gt;_x000D_
&lt;/div&gt;_x000D_
&lt;/p&gt;</t>
  </si>
  <si>
    <t>2017-03-19 17:37:46.360000+00:00</t>
  </si>
  <si>
    <t>2017-03-20 05:55:25.533000+00:00</t>
  </si>
  <si>
    <t>2017-03-19 22:31:54.990000+00:00</t>
  </si>
  <si>
    <t>How to encrypt your files online so no one can use it in future?</t>
  </si>
  <si>
    <t>&lt;p&gt;I know it may sound silly, but i worked for a client that seems not willing to pay me, but is making money with his website...i still have access to the ftp...so, i'm not going to tear down the website if he doesnt pay, but i would at least protect my code that i gave him...so in case i'm sure that he cant resell or use again...&lt;/p&gt;</t>
  </si>
  <si>
    <t>2010-10-04 04:47:08.303000+00:00</t>
  </si>
  <si>
    <t>2010-10-04 07:43:02.960000+00:00</t>
  </si>
  <si>
    <t>encryption|password-protection</t>
  </si>
  <si>
    <t>How to Delete Directory from SQL Server?</t>
  </si>
  <si>
    <t>&lt;p&gt;I have the following procedure which takes as parameter the name of database and the path and then creates a directory. My problem here I need override on the folder or delete it and then create a new one any idea of how to do such a thing&lt;/p&gt;
&lt;p&gt;NOTE: this procedure creates in folder in depth of 0 and 1&lt;/p&gt;
&lt;pre&gt;&lt;code&gt;ALTER PROCEDURE[dbo].[SP_CreateFolder]
    @P_PATH VARCHAR(100),
    @P_DBName VARCHAR(100)
AS
    DECLARE @DBName sysname
    DECLARE @DataPath nvarchar(500)
    DECLARE @LogPath nvarchar(500)
    DECLARE @DirTree TABLE (subdirectory nvarchar(255), depth INT)
    -- Initialize variables
    SET @DBName = @P_DBName
    SET @DataPath = @P_PATH
    -- @DataPath values
    INSERT INTO @DirTree(subdirectory, depth)
      EXEC master.sys.xp_dirtree @DataPath
    SELECT * FROM @DirTree
    --  Create the @DataPath directory
    --IF (SELECT depth from @DirTree)!= 1
    --EXEC master.dbo.xp_Delete_file @DBName
    IF NOT EXISTS (SELECT 1 FROM @DirTree WHERE subdirectory = @DBName)
    BEGIN
        EXEC master.dbo.xp_create_subdir @DataPath
    END
    -- Remove all records from @DirTree
    DELETE FROM @DirTree
&lt;/code&gt;&lt;/pre&gt;</t>
  </si>
  <si>
    <t>2016-12-21 21:08:48.517000+00:00</t>
  </si>
  <si>
    <t>2016-12-21 22:29:50.007000+00:00</t>
  </si>
  <si>
    <t>2016-12-21 21:10:18.617000+00:00</t>
  </si>
  <si>
    <t>sql|sql-server|directory|override</t>
  </si>
  <si>
    <t>User Resizing of Row and Columns in TableLayoutPanel At Runtime</t>
  </si>
  <si>
    <t>&lt;p&gt;I'm working on a WinForm project and "trying" to create a TableLayoutPanel that the user can resize at runtime like the behavior of the SplitContainer. I've found some code that partially does this but it's incomplete. Can someone please help me out here?&lt;/p&gt;
&lt;p&gt;Thanks in advance,
-DA &lt;/p&gt;
&lt;p&gt;This is the code I have so far that comes from a thread I found on CodeProject. The only thing different that I've done in my own is create a customTableLayoutPanel that inherits from TableLayoutPanel.&lt;/p&gt;
&lt;pre&gt;&lt;code&gt;public partial class Form1 : Form
{
    bool resizing = false;
    TableLayoutRowStyleCollection rowStyles;
    TableLayoutColumnStyleCollection columnStyles;
    public Form1()
    {
        InitializeComponent();
    }
    private void Form1_Load(object sender, EventArgs e)
    {
        rowStyles = tableLayoutPanel1.RowStyles;
        columnStyles = tableLayoutPanel1.ColumnStyles;
    }
    private void tableLayoutPanel1_MouseDown(object sender, MouseEventArgs e)
    {
        if (e.Button == System.Windows.Forms.MouseButtons.Left)
        {
            resizing = true;
        }
    }
    private void tableLayoutPanel1_MouseMove(object sender, MouseEventArgs e)
    {
        if (resizing)
        {
            columnStyles[0].SizeType = SizeType.Absolute;
            rowStyles[0].SizeType = SizeType.Absolute;
            rowStyles[0].Height = e.Y;
            columnStyles[0].Width = e.X;
        }
    }
    private void tableLayoutPanel1_MouseUp(object sender, MouseEventArgs e)
    {
        if (e.Button == System.Windows.Forms.MouseButtons.Left)
        {
            resizing = false;
        }
    }
}
&lt;/code&gt;&lt;/pre&gt;</t>
  </si>
  <si>
    <t>2013-06-18 20:39:53.287000+00:00</t>
  </si>
  <si>
    <t>2016-04-05 12:42:29.460000+00:00</t>
  </si>
  <si>
    <t>2013-06-19 15:08:22.753000+00:00</t>
  </si>
  <si>
    <t>How do I insert a variable entered into a textbox into a text string with javascript?</t>
  </si>
  <si>
    <t>&lt;p&gt;I'm trying to generate a link &lt;/p&gt;
&lt;pre&gt;&lt;code&gt;&amp;lt;a href="sms://[mobilenumber];body=exampletext"&amp;gt;Send Sms/Text&amp;lt;/a&amp;gt;
&lt;/code&gt;&lt;/pre&gt;
&lt;p&gt;but need to have the user enter the [mobilenumber] into a separate textbox.&lt;/p&gt;</t>
  </si>
  <si>
    <t>2013-11-14 00:23:16.057000+00:00</t>
  </si>
  <si>
    <t>2017-07-10 10:52:47.640000+00:00</t>
  </si>
  <si>
    <t>How to build a control programatically?</t>
  </si>
  <si>
    <t>&lt;p&gt;I have custom control written in Java. For the sake of simplicity lets assume that it looks like this:&lt;/p&gt;
&lt;pre&gt;&lt;code&gt;public class HelloworldControl extends UIComponentBase {
    @Override
    public void decode(FacesContext context) {
        String cid = this.getClientId(context);
        ...
        super.decode(context);
    }
    @Override
    public void encodeBegin(FacesContext context) throws IOException {
        ResponseWriter writer = context.getResponseWriter();
        writer.writeText("Hello world!", this);
        // I want a view!!
    }
    @Override
    public void encodeEnd(FacesContext context) throws IOException {
         ResponseWriter writer = context.getResponseWriter();
         ...
    }
    public void restoreState(FacesContext context, Object state) {
        Object values[] = (Object[]) state;
        ...
        super.restoreState(context, values[0]); 
    }
    public Object saveState(FacesContext context) {
        Object values[] = ...
    }
}
&lt;/code&gt;&lt;/pre&gt;
&lt;p&gt;I would like to add programatically child control to it. For example I would like a child view control to render a view just under the Hellow world text.&lt;/p&gt;
&lt;p&gt;How can i do this? What is the standard procedure to build dynamically a control?&lt;/p&gt;
&lt;p&gt;To put it simply - I want programatically build a hierarchy of standard components and I want to attach it to my control.&lt;/p&gt;</t>
  </si>
  <si>
    <t>2012-06-08 11:48:55.570000+00:00</t>
  </si>
  <si>
    <t>2012-06-09 10:37:43.507000+00:00</t>
  </si>
  <si>
    <t>2012-06-08 12:36:43.093000+00:00</t>
  </si>
  <si>
    <t>xpages|lotus-domino</t>
  </si>
  <si>
    <t>PHP - Parsing XML Challenge</t>
  </si>
  <si>
    <t>&lt;p&gt;I'm trying to parse a feed similar to the following:&lt;/p&gt;
&lt;pre&gt;&lt;code&gt;&amp;lt;?xml version="1.0" encoding="utf-8" standalone="yes"?&amp;gt;
&amp;lt;feed xml:base="https://api4.mysite.com/api/" xmlns:m="http://schemas.microsoft.com/ado/2007/08/dataservices/metadata" xmlns="http://www.w3.org/2005/Atom"&amp;gt;
  &amp;lt;title type="text"&amp;gt;Customers&amp;lt;/title&amp;gt;
  &amp;lt;id&amp;gt;https://api4.mysite.com/api/Customers/&amp;lt;/id&amp;gt;
  &amp;lt;updated&amp;gt;2017-07-27T08:00:15Z&amp;lt;/updated&amp;gt;
  &amp;lt;link rel="self" title="Customers" href="Customers" /&amp;gt;
  &amp;lt;entry&amp;gt;
    &amp;lt;id&amp;gt;https://api4.mysite.com/api/Contacts('00000001-A000-0000-1000-030102101201')&amp;lt;/id&amp;gt;
    &amp;lt;title type="text"&amp;gt;&amp;lt;/title&amp;gt;
    &amp;lt;updated&amp;gt;2017-07-27T08:00:15Z&amp;lt;/updated&amp;gt;
    &amp;lt;author&amp;gt;
      &amp;lt;name /&amp;gt;
    &amp;lt;/author&amp;gt;
    &amp;lt;link rel="edit" title="Contact" href="Contacts('00000001-A000-0000-1000-030102101201')" /&amp;gt;
    &amp;lt;link rel="http://schemas.microsoft.com/ado/2007/08/dataservices/related/ContactType" type="application/atom+xml;type=feed" title="ContactType" href="Contacts('00000001-A000-0000-1000-030102101201')/ContactType" /&amp;gt;
    &amp;lt;link rel="http://schemas.microsoft.com/ado/2007/08/dataservices/related/ContactPhone" type="application/atom+xml;type=entry" title="ContactPhone" href="Contacts('00000001-A000-0000-1000-030102101201')/ContactPhone" /&amp;gt;
    &amp;lt;link rel="http://schemas.microsoft.com/ado/2007/08/dataservices/related/Job" type="application/atom+xml;type=feed" title="Job" href="Contacts('00000001-A000-0000-1000-030102101201')/Job" /&amp;gt;
    &amp;lt;link rel="http://schemas.microsoft.com/ado/2007/08/dataservices/related/Inquiry" type="application/atom+xml;type=feed" title="Inquiry" href="Contacts('00000001-A000-0000-1000-030102101201')/Inquiry" /&amp;gt;
    &amp;lt;link rel="http://schemas.microsoft.com/ado/2007/08/dataservices/related/Address" type="application/atom+xml;type=entry" title="Address" href="Contacts('00000001-A000-0000-1000-030102101201')/Address" /&amp;gt;
    &amp;lt;link rel="http://schemas.microsoft.com/ado/2007/08/dataservices/related/AdditionalContact" type="application/atom+xml;type=feed" title="AdditionalContact" href="Contacts('00000001-A000-0000-1000-030102101201')/AdditionalContact" /&amp;gt;
    &amp;lt;link rel="http://schemas.microsoft.com/ado/2007/08/dataservices/related/Company" type="application/atom+xml;type=entry" title="Company" href="Contacts('00000001-A000-0000-1000-030102101201')/Company" /&amp;gt;
    &amp;lt;link rel="http://schemas.microsoft.com/ado/2007/08/dataservices/related/CustomField" type="application/atom+xml;type=feed" title="CustomField" href="Contacts('00000001-A000-0000-1000-030102101201')/CustomField" /&amp;gt;
    &amp;lt;link rel="http://schemas.microsoft.com/ado/2007/08/dataservices/related/Activity" type="application/atom+xml;type=feed" title="Activity" href="Contacts('00000001-A000-0000-1000-030102101201')/Activity" /&amp;gt;
    &amp;lt;link rel="http://schemas.microsoft.com/ado/2007/08/dataservices/related/FutureInterest" type="application/atom+xml;type=feed" title="FutureInterest" href="Contacts('00000001-A000-0000-1000-030102101201')/FutureInterest" /&amp;gt;
    &amp;lt;link rel="http://schemas.microsoft.com/ado/2007/08/dataservices/related/Note" type="application/atom+xml;type=feed" title="Note" href="Contacts('00000001-A000-0000-1000-030102101201')/Note" /&amp;gt;
    &amp;lt;link rel="http://schemas.microsoft.com/ado/2007/08/dataservices/related/C800ResponseLead" type="application/atom+xml;type=feed" title="C800ResponseLead" href="Contacts('00000001-A000-0000-1000-030102101201')/C800ResponseLead" /&amp;gt;
    &amp;lt;category term="MSharpModel.Contact" scheme="http://schemas.microsoft.com/ado/2007/08/dataservices/scheme" /&amp;gt;
    &amp;lt;content type="application/xml"&amp;gt;
      &amp;lt;m:properties&amp;gt;
        &amp;lt;d:id&amp;gt;00000001-A000-0000-1000-030102101201&amp;lt;/d:id&amp;gt;
        &amp;lt;d:companyId&amp;gt;2199&amp;lt;/d:companyId&amp;gt;
        &amp;lt;d:firstName&amp;gt;Shannon&amp;lt;/d:firstName&amp;gt;
        &amp;lt;d:lastName&amp;gt;Hall&amp;lt;/d:lastName&amp;gt;
        &amp;lt;d:middleInitial m:null="true" /&amp;gt;
        &amp;lt;d:title m:null="true" /&amp;gt;
        &amp;lt;d:incomeCode m:null="true" /&amp;gt;
        &amp;lt;d:ageCode m:null="true" /&amp;gt;
        &amp;lt;d:structureAgeCode m:null="true" /&amp;gt;
        &amp;lt;d:reference m:null="true" /&amp;gt;
        &amp;lt;d:businessName m:null="true" /&amp;gt;
        &amp;lt;d:contactPhoneId&amp;gt;1d32d3ad-c710-4963-a425-eb7853c4fdf9&amp;lt;/d:contactPhoneId&amp;gt;
        &amp;lt;d:primaryAddressId&amp;gt;b8a78bb8-3895-492f-a4a2-f6e287081dcf&amp;lt;/d:primaryAddressId&amp;gt;
        &amp;lt;d:website1 m:null="true" /&amp;gt;
        &amp;lt;d:website2 m:null="true" /&amp;gt;
        &amp;lt;d:website3 m:null="true" /&amp;gt;
        &amp;lt;d:email1 m:null="true" /&amp;gt;
        &amp;lt;d:isActive m:type="Edm.Boolean"&amp;gt;true&amp;lt;/d:isActive&amp;gt;
        &amp;lt;d:lastUpdate m:type="Edm.DateTime"&amp;gt;2015-05-15T14:49:45.143-04:00&amp;lt;/d:lastUpdate&amp;gt;
        &amp;lt;d:createdDate m:type="Edm.DateTime"&amp;gt;2015-05-15T14:49:45.143-04:00&amp;lt;/d:createdDate&amp;gt;
      &amp;lt;/m:properties&amp;gt;
    &amp;lt;/content&amp;gt;
  &amp;lt;/entry&amp;gt;
  &amp;lt;entry&amp;gt;
    &amp;lt;id&amp;gt;https://api4.mysite.com/api/Contacts('992ABCSA-1231-8381-JKL8-38KDLALNA881')&amp;lt;/id&amp;gt;
    &amp;lt;title type="text"&amp;gt;&amp;lt;/title&amp;gt;
    &amp;lt;updated&amp;gt;2017-07-27T08:00:15Z&amp;lt;/updated&amp;gt;
    &amp;lt;author&amp;gt;
      &amp;lt;name /&amp;gt;
    &amp;lt;/author&amp;gt;
    &amp;lt;link rel="edit" title="Contact" href="Contacts('992ABCSA-1231-8381-JKL8-38KDLALNA881')" /&amp;gt;
    &amp;lt;link rel="http://schemas.microsoft.com/ado/2007/08/dataservices/related/ContactType" type="application/atom+xml;type=feed" title="ContactType" href="Contacts('992ABCSA-1231-8381-JKL8-38KDLALNA881')/ContactType" /&amp;gt;
    &amp;lt;link rel="http://schemas.microsoft.com/ado/2007/08/dataservices/related/ContactPhone" type="application/atom+xml;type=entry" title="ContactPhone" href="Contacts('992ABCSA-1231-8381-JKL8-38KDLALNA881')/ContactPhone" /&amp;gt;
    &amp;lt;link rel="http://schemas.microsoft.com/ado/2007/08/dataservices/related/Job" type="application/atom+xml;type=feed" title="Job" href="Contacts('992ABCSA-1231-8381-JKL8-38KDLALNA881')/Job" /&amp;gt;
    &amp;lt;link rel="http://schemas.microsoft.com/ado/2007/08/dataservices/related/Inquiry" type="application/atom+xml;type=feed" title="Inquiry" href="Contacts('992ABCSA-1231-8381-JKL8-38KDLALNA881')/Inquiry" /&amp;gt;
    &amp;lt;link rel="http://schemas.microsoft.com/ado/2007/08/dataservices/related/Address" type="application/atom+xml;type=entry" title="Address" href="Contacts('992ABCSA-1231-8381-JKL8-38KDLALNA881')/Address" /&amp;gt;
    &amp;lt;link rel="http://schemas.microsoft.com/ado/2007/08/dataservices/related/AdditionalContact" type="application/atom+xml;type=feed" title="AdditionalContact"  ���
    &amp;lt;link rel="http://schemas.microsoft.com/ado/2007/08/dataservices/related/Company" type="application/atom+xml;type=entry" title="Company" href="Contacts('992ABCSA-1231-8381-JKL8-38KDLALNA881')/Company" /&amp;gt;
    &amp;lt;link rel="http://schemas.microsoft.com/ado/2007/08/dataservices/related/CustomField" type="application/atom+xml;type=feed" title="CustomField" href="Contacts('992ABCSA-1231-8381-JKL8-38KDLALNA881')/CustomField" /&amp;gt;
    &amp;lt;link rel="http://schemas.microsoft.com/ado/2007/08/dataservices/related/Activity" type="application/atom+xml;type=feed" title="Activity" href="Contacts('992ABCSA-1231-8381-JKL8-38KDLALNA881')/Activity" /&amp;gt;
    &amp;lt;link rel="http://schemas.microsoft.com/ado/2007/08/dataservices/related/FutureInterest" type="application/atom+xml;type=feed" title="FutureInterest" href="Contacts('992ABCSA-1231-8381-JKL8-38KDLALNA881')/FutureInterest" /&amp;gt;
    &amp;lt;link rel="http://schemas.microsoft.com/ado/2007/08/dataservices/related/Note" type="application/atom+xml;type=feed" title="Note" href="Contacts('992ABCSA-1231-8381-JKL8-38KDLALNA881')/Note" /&amp;gt;
    &amp;lt;link rel="http://schemas.microsoft.com/ado/2007/08/dataservices/related/C800ResponseLead" type="application/atom+xml;type=feed" title="C800ResponseLead" href="Contacts('992ABCSA-1231-8381-JKL8-38KDLALNA881')/C800ResponseLead" /&amp;gt;
    &amp;lt;category term="MSharpModel.Contact" scheme="http://schemas.microsoft.com/ado/2007/08/dataservices/scheme" /&amp;gt;
    &amp;lt;content type="application/xml"&amp;gt;
      &amp;lt;m:properties&amp;gt;
        &amp;lt;d:id&amp;gt;992ABCSA-1231-8381-JKL8-38KDLALNA881&amp;lt;/d:id&amp;gt;
        &amp;lt;d:companyId&amp;gt;2100&amp;lt;/d:companyId&amp;gt;
        &amp;lt;d:firstName&amp;gt;Jane&amp;lt;/d:firstName&amp;gt;
        &amp;lt;d:lastName&amp;gt;Fonda&amp;lt;/d:lastName&amp;gt;
        &amp;lt;d:middleInitial m:null="true" /&amp;gt;
        &amp;lt;d:title&amp;gt;Mrs.&amp;lt;/d:title&amp;gt;
        &amp;lt;d:incomeCode m:null="true" /&amp;gt;
        &amp;lt;d:ageCode m:null="true" /&amp;gt;
        &amp;lt;d:structureAgeCode m:null="true" /&amp;gt;
        &amp;lt;d:reference m:null="true" /&amp;gt;
        &amp;lt;d:businessName m:null="true" /&amp;gt;
        &amp;lt;d:contactPhoneId&amp;gt;427C367B-F490-412A-B9B0-ABABABABABAB&amp;lt;/d:contactPhoneId&amp;gt;
        &amp;lt;d:primaryAddressId&amp;gt;f7668325-ba95-4bde-b28d-0226bbd4d9c7&amp;lt;/d:primaryAddressId&amp;gt;
        &amp;lt;d:website1 m:null="true" /&amp;gt;
        &amp;lt;d:website2 m:null="true" /&amp;gt;
        &amp;lt;d:website3 m:null="true" /&amp;gt;
        &amp;lt;d:email1 m:null="true" /&amp;gt;
        &amp;lt;d:email1CanMail m:type="Edm.Boolean"&amp;gt;false&amp;lt;/d:email1CanMail&amp;gt;
        &amp;lt;d:email2 m:null="true" /&amp;gt;
        &amp;lt;d:email2CanMail m:type="Edm.Boolean"&amp;gt;false&amp;lt;/d:email2CanMail&amp;gt;
        &amp;lt;d:email3 m:null="true" /&amp;gt;
        &amp;lt;d:email3CanMail m:type="Edm.Boolean"&amp;gt;false&amp;lt;/d:email3CanMail&amp;gt;
        &amp;lt;d:isTagged m:type="Edm.Boolean" m:null="true" /&amp;gt;
        &amp;lt;d:structureValueCode m:null="true" /&amp;gt;
        &amp;lt;d:doNotMail m:type="Edm.Boolean" m:null="true" /&amp;gt;
        &amp;lt;d:yearHomeBuilt m:null="true" /&amp;gt;
        &amp;lt;d:maritalStatus m:null="true" /&amp;gt;
        &amp;lt;d:lengthOfResidence m:null="true" /&amp;gt;
        &amp;lt;d:styleOfHome m:null="true" /&amp;gt;
        &amp;lt;d:mailMergeName&amp;gt;Jesse Peters&amp;lt;/d:mailMergeName&amp;gt;
        &amp;lt;d:source&amp;gt;Access - KGuard&amp;lt;/d:source&amp;gt;
        &amp;lt;d:creationDate m:type="Edm.DateTime"&amp;gt;2015-05-15T14:49:27.06-04:00&amp;lt;/d:creationDate&amp;gt;
        &amp;lt;d:qbSyncDate m:type="Edm.DateTime" m:null="true" /&amp;gt;
        &amp;lt;d:qbId m:null="true" /&amp;gt;
        &amp;lt;d:isActive m:type="Edm.Boolean"&amp;gt;true&amp;lt;/d:isActive&amp;gt;
        &amp;lt;d:lastUpdate m:type="Edm.DateTime"&amp;gt;2015-05-15T14:49:27.06-04:00&amp;lt;/d:lastUpdate&amp;gt;
        &amp;lt;d:hasDNCPhone m:type="Edm.Boolean"&amp;gt;false&amp;lt;/d:hasDNCPhone&amp;gt;
        &amp;lt;d:hasDNEEmail m:type="Edm.Boolean"&amp;gt;false&amp;lt;/d:hasDNEEmail&amp;gt;
        &amp;lt;d:qbEditSequence m:null="true" /&amp;gt;
        &amp;lt;d:qbSyncData m:type="Edm.Boolean" m:null="true" /&amp;gt;
        &amp;lt;d:qbName m:null="true" /&amp;gt;
        &amp;lt;d:createdDate m:type="Edm.DateTime"&amp;gt;2015-05-15T14:49:27.06-04:00&amp;lt;/d:createdDate&amp;gt;
      &amp;lt;/m:properties&amp;gt;
    &amp;lt;/content&amp;gt;
  &amp;lt;/entry&amp;gt;
&amp;lt;/feed&amp;gt;
&lt;/code&gt;&lt;/pre&gt;
&lt;p&gt;but I'm having issues grabbing the namespaced sub- &amp;lt; entry &gt; tags. It went fine when I only got back 1, but now that I'm pulling in multiple I'm really struggling to get a good array of objects.&lt;/p&gt;
&lt;p&gt;Unfortunately, I've written so many different forms of my function, I'm not even sure which one comes closest now. &lt;/p&gt;
&lt;p&gt;Example 1:&lt;/p&gt;
&lt;pre&gt;&lt;code&gt;public function parseMultipleEntriesIntoAnObject($xml) {
        $z = new XMLReader();
        $z-&amp;gt;xml($xml);
        //while ($z-&amp;gt;read() &amp;amp;&amp;amp; $z-&amp;gt;name !== 'entry');
        // &amp;lt;content&amp;gt;
        // m:properties
        // d:&amp;lt;property_name
        $results = [];
        $key = "";
        while( $z-&amp;gt;read() ) {
            //print($z-&amp;gt;name);
            if ($z-&amp;gt;nodeType == XMLReader::ELEMENT &amp;amp;&amp;amp; $z-&amp;gt;name === 'entry') {
                $r = new \stdClass;
                //dd("Yeup");
                while ($z-&amp;gt;read()) {
                    // reached the &amp;lt;/entry&amp;gt;. skip to next                   
                    if ($z-&amp;gt;nodeType === XMLReader::END_ELEMENT &amp;amp;&amp;amp; $z-&amp;gt;name === 'entry') {
                        $results[] = $r;
                        $z-&amp;gt;next('entry');
                        $r = new \stdClass;
                    }
                    // this may mess up on nested elements. Oh well.
                    if ($z-&amp;gt;nodeType === XMLReader::ELEMENT) {
                        $key = $z-&amp;gt;name;
                    }
                    if ($z-&amp;gt;nodeType === XMLReader::TEXT) {
                        //echo "$key = $z-&amp;gt;value &amp;lt;br/&amp;gt;";
                        $r-&amp;gt;{$key} = $z-&amp;gt;value;
                    }   
                }
            }
        }
        $z-&amp;gt;close();
        return $results;
    }
&lt;/code&gt;&lt;/pre&gt;
&lt;p&gt;Examples 2 &amp;amp; 3:&lt;/p&gt;
&lt;pre&gt;&lt;code&gt;private function getXMLEntries($xml) {
        $resultsArray = [];
        $str = trim(preg_replace('/\s\s+/', '', $xml));
        $z = new XMLreader;
        $doc = new \DOMDocument;
        $z-&amp;gt;xml($str);
        $props = [];
        while ($z-&amp;gt;read() &amp;amp;&amp;amp; $z-&amp;gt;name !== 'entry');
        while ($z-&amp;gt;name === 'entry') {
            $x = simplexml_import_dom($doc-&amp;gt;importNode($z-&amp;gt;expand(), true));
            var_dump($x-&amp;gt;content);
            $resultsArray[] = $x;
            //$resultsArray[] = $z-&amp;gt;expand();
            $z-&amp;gt;next('entry');
        }
        return $resultsArray;
    }
    private function processXMLProperties($xml) {
        $str = trim(preg_replace('/\s\s+/', '', $xml));
        $z = new XMLreader;
        $z-&amp;gt;xml($str);
        $props = [];
        while ($z-&amp;gt;read() &amp;amp;&amp;amp; $z-&amp;gt;name !== 'm:properties');
        $key = "";
        while ($z-&amp;gt;read()) {
            if ($z-&amp;gt;nodeType === XMLReader::ELEMENT) {
                $key = $z-&amp;gt;name;
                $z-&amp;gt;read();
            }
            if ($z-&amp;gt;nodeType === XMLReader::TEXT) {
                $props[$key] = $z-&amp;gt;value;
            }
        } return $props; }
&lt;/code&gt;&lt;/pre&gt;
&lt;p&gt;Hopefully you can see what I'm trying to do. If it matters, this comes in via a Stream using Guzzle. Basically I need an array of objects, where each object contains the various properties of &amp;lt; m:properties &gt;, ideally without their d: prefix.&lt;/p&gt;
&lt;p&gt;Note that based on what I append to my query, any of the relevant &amp;lt; link ... sections could have data. &lt;/p&gt;
&lt;p&gt;Thanks for the help!&lt;/p&gt;</t>
  </si>
  <si>
    <t>2017-07-28 01:56:56.947000+00:00</t>
  </si>
  <si>
    <t>2017-07-29 04:06:57.687000+00:00</t>
  </si>
  <si>
    <t>php|xpath|xml-parsing|simplexml|xml-attribute</t>
  </si>
  <si>
    <t>Event on child div</t>
  </si>
  <si>
    <t>&lt;p&gt;I'd like to make only hovered rectangle switch class ��� not both.&lt;/p&gt;
&lt;p&gt;EDIT:
Updated jsFiddle:&lt;/p&gt;
&lt;p&gt;&lt;a href="http://jsfiddle.net/JE8v6/1/" rel="nofollow"&gt;http://jsfiddle.net/JE8v6/1/&lt;/a&gt;&lt;/p&gt;</t>
  </si>
  <si>
    <t>2012-03-04 11:40:34.737000+00:00</t>
  </si>
  <si>
    <t>2012-03-04 12:38:51.007000+00:00</t>
  </si>
  <si>
    <t>2012-03-04 11:54:06.557000+00:00</t>
  </si>
  <si>
    <t>js unterminated string literal document write</t>
  </si>
  <si>
    <t>&lt;p&gt;This is my js file ,
At this point, browser returns a syntax mistake I do not know how to deal with it .&lt;/p&gt;
&lt;p&gt;Css must be loaded by js because it is periodically changed. It must remain so , help me solve the the problem&lt;/p&gt;
&lt;pre&gt;&lt;code&gt;SyntaxError: unterminated string literal
&lt;/code&gt;&lt;/pre&gt;
&lt;p&gt;(this symbol make error =&gt; ' )
&lt;code&gt;document.write('&amp;lt;style type="text/css"&amp;gt;&lt;/code&gt;&lt;/p&gt;
&lt;pre&gt;&lt;code&gt;  document.write('&amp;lt;style type="text/css"&amp;gt;
  #filmy {background:#fff}
#filmy .film_container{width:182px;height:220px;overflow:hidden;float:left}
#filmy .film{width:182px}
#filmy .separator{margin-right:16px}
#filmy .film .screen_container{width:182px;height:137px}
#filmy .film .title_movie,#filmy .film a{font-weight:700;font-size:12px;color:#800}
#filmy .film .title_movie{height:35px;width:182px;overflow:hidden;text-align:left}
#filmy .film .dlugosc{margin-left:10px;font-size:11px;float:right}
#filmy .film .screen_container a{text-decoration:none}
#filmy .ratting_container img{vertical-align:middle}
#filmy{width:776px;margin:0 8px;height:214px}
#filmy .film .screen{width:180px;height:135px;border:1px solid #c6c6c6}
#filmy .ratting_container{text-align:left}
#filmy .film .dodano_left{font-size:11px;float:left;}
#filmy .film .dodano_right{font-size:11px;float:right;}
#filmy .ratting_container .background-small{float:left;width:12px;height:12px;background:url(http://tmp.cdn.sexplaneta.pl/img/icons/pusta-mala.jpg)}
#filmy .ratting_container .background-small .star-rest-container-small{overflow:hidden;height:12px} &amp;lt;/style&amp;gt;&amp;lt;div id="filmy"&amp;gt;&amp;lt;div class="film_container separator"&amp;gt;&amp;lt;table class="film" border="0" cellspacing="0" cellpadding="0"&amp;gt;&amp;lt;tr&amp;gt;&amp;lt;td colspan="2" valign="middle" class="screen_container"&amp;gt;&amp;lt;a target="_blank"href="http://www.sexplaneta.pl/filmy/22824/seksik-z-piekna-panienka/"&amp;gt;&amp;lt;img class="screen" src="http://img.cdn.sexplaneta.pl/thumbs/3/22824/01.jpg" alt="Seksik z pi��kn�� panienk��" title="Seksik z pi��kn�� panienk��" /&amp;gt;&amp;lt;/a&amp;gt;&amp;lt;/td&amp;gt;&amp;lt;/tr&amp;gt;&amp;lt;tr&amp;gt;&amp;lt;td colspan="2"&amp;gt;&amp;lt;div class="title_movie"&amp;gt;&amp;lt;a target="_blank"href="http://www.sexplaneta.pl/filmy/22824/seksik-z-piekna-panienka/"&amp;gt;Seksik z pi��kn�� panienk��&amp;lt;/a&amp;gt;&amp;lt;/div&amp;gt;&amp;lt;/td&amp;gt;&amp;lt;/tr&amp;gt;&amp;lt;tr&amp;gt;&amp;lt;td class="ratting_container" valign="middle" align="left"&amp;gt;&amp;lt;img src="http://tmp.cdn.sexplaneta.pl/img/icons/pusta-mala.jpg" alt="Oce��" /&amp;gt;&amp;lt;img src="http://tmp.cdn.sexplaneta.pl/img/icons/pusta-mala.jpg" alt="Oce��" /&amp;gt;&amp;lt;img src="http://tmp.cdn.sexplaneta.pl/img/icons/pusta-mala.jpg" alt="Oce��" /&amp;gt;&amp;lt;img src="http://tmp.cdn.sexplaneta.pl/img/icons/pusta-mala.jpg" alt="Oce��" /&amp;gt;&amp;lt;img src="http://tmp.cdn.sexplaneta.pl/img/icons/pusta-mala.jpg" alt="Oce��" /&amp;gt;&amp;lt;/td&amp;gt;&amp;lt;td valign="middle"&amp;gt;&amp;lt;span class="dlugosc"&amp;gt;D��ugo����: 27:27&amp;lt;/span&amp;gt;&amp;lt;/td&amp;gt;&amp;lt;/tr&amp;gt;&amp;lt;tr&amp;gt;&amp;lt;td valign="top"&amp;gt;&amp;lt;span class="dodano_left"&amp;gt;��r. 0 z 0&amp;lt;/span&amp;gt;&amp;lt;/td&amp;gt;&amp;lt;td valign="top"&amp;gt;&amp;lt;span class="dodano_right"&amp;gt;12 wy��wietle��&amp;lt;/span&amp;gt;&amp;lt;/td&amp;gt;&amp;lt;/tr&amp;gt;&amp;lt;tr&amp;gt;&amp;lt;td valign="top"&amp;gt;&amp;lt;span class="dodano_left"&amp;gt;Dodano:&amp;lt;/span&amp;gt;&amp;lt;/td&amp;gt;&amp;lt;td valign="top"&amp;gt;&amp;lt;span class="dodano_right"&amp;gt;24.11.2014 08:00&amp;lt;/span&amp;gt;&amp;lt;/td&amp;gt;&amp;lt;/tr&amp;gt;&amp;lt;/table&amp;gt;&amp;lt;/div&amp;gt;&amp;lt;div class="film_container separator"&amp;gt;&amp;lt;table class="film" border="0" cellspacing="0" cellpadding="0"&amp;gt;&amp;lt;tr&amp;gt;&amp;lt;td colspan="2" valign="middle" class="screen_container"&amp;gt;&amp;lt;a target="_blank"href="http://www.sexplaneta.pl/filmy/22823/ginger-spice-oddaje-swoje-kakaowe-oczko/"&amp;gt;&amp;lt;img class="screen" src="http://img.cdn.sexplaneta.pl/thumbs/3/22823/01.jpg" alt="Ginger Spice oddaje swoje kakaowe oczko" title="Ginger Spice oddaje swoje kakaowe oczko" /&amp;gt;&amp;lt;/a&amp;gt;&amp;lt;/td&amp;gt;&amp;lt;/tr&amp;gt;&amp;lt;tr&amp;gt;&amp;lt;td colspan="2"&amp;gt;&amp;lt;div class="title_movie"&amp;gt;&amp;lt;a target="_blank"href="http://www.sexplaneta.pl/filmy/22823/ginger-spice-oddaje-swoje-kakaowe-oczko/"&amp;gt;Ginger Spice oddaje swoje kakaowe oczko&amp;lt;/a&amp;gt;&amp;lt;/div&amp;gt;&amp;lt;/td&amp;gt;&amp;lt;/tr&amp;gt;&amp;lt;tr&amp;gt;&amp;lt;td class="ratting_container" valign="middle" align="left"&amp;gt;&amp;lt;img src="http://tmp.cdn.sexplaneta.pl/img/icons/pusta-mala.jpg" alt="Oce��" /&amp;gt;&amp;lt;img src="http://tmp.cdn.sexplaneta.pl/img/icons/pusta-mala.jpg" alt="Oce��" /&amp;gt;&amp;lt;img src="http://tmp.cdn.sexplaneta.pl/img/icons/pusta-mala.jpg" alt="Oce��" /&amp;gt;&amp;lt;img src="http://tmp.cdn.sexplaneta.pl/img/icons/pusta-mala.jpg" alt="Oce��" /&amp;gt;&amp;lt;img src="http://tmp.cdn.sexplaneta.pl/img/icons/pusta-mala.jpg" alt="Oce��" /&amp;gt;&amp;lt;/td&amp;gt;&amp;lt;td valign="middle"&amp;gt;&amp;lt;span class="dlugosc"&amp;gt;D��ugo����: 21:08&amp;lt;/span&amp;gt;&amp;lt;/td&amp;gt;&amp;lt;/tr&amp;gt;&amp;lt;tr&amp;gt;&amp;lt;td valign="top"&amp;gt;&amp;lt;span class="dodano_left"&amp;gt;��r. 0 z 0&amp;lt;/span&amp;gt;&amp;lt;/td&amp;gt;&amp;lt;td valign="top"&amp;gt;&amp;lt;span class="dodano_right"&amp;gt;247 wy��wietle��&amp;lt;/span&amp;gt;&amp;lt;/td&amp;gt;&amp;lt;/tr&amp;gt;&amp;lt;tr&amp;gt;&amp;lt;td valign="top"&amp;gt;&amp;lt;span class="dodano_left"&amp;gt;Dodano:&amp;lt;/span&amp;gt;&amp;lt;/td&amp;gt;&amp;lt;td valign="top"&amp;gt;&amp;lt;span class="dodano_right"&amp;gt;24.11.2014 06:00&amp;lt;/span&amp;gt;&amp;lt;/td&amp;gt;&amp;lt;/tr&amp;gt;&amp;lt;/table&amp;gt;&amp;lt;/div&amp;gt;&amp;lt;div class="film_container separator"&amp;gt;&amp;lt;table class="film" border="0" cellspacing="0" cellpadding="0"&amp;gt;&amp;lt;tr&amp;gt;&amp;lt;td colspan="2" valign="middle" class="screen_container"&amp;gt;&amp;lt;a target="_blank"href="http://www.sexplaneta.pl/filmy/22822/dwie-niunie-i-podwojne-dildo/"&amp;gt;&amp;lt;img class="screen" src="http://img.cdn.sexplaneta.pl/thumbs/3/22822/01.jpg" alt="Dwie niunie i podw����jne dildo" title="Dwie niunie i podw����jne dildo" /&amp;gt;&amp;lt;/a&amp;gt;&amp;lt;/td&amp;gt;&amp;lt;/tr&amp;gt;&amp;lt;tr&amp;gt;&amp;lt;td colspan="2"&amp;gt;&amp;lt;div class="title_movie"&amp;gt;&amp;lt;a target="_blank"href="http://www.sexplaneta.pl/filmy/22822/dwie-niunie-i-podwojne-dildo/"&amp;gt;Dwie niunie i podw����jne dildo&amp;lt;/a&amp;gt;&amp;lt;/div&amp;gt;&amp;lt;/td&amp;gt;&amp;lt;/tr&amp;gt;&amp;lt;tr&amp;gt;&amp;lt;td class="ratting_container" valign="middle" align="left"&amp;gt;&amp;lt;img src="http://tmp.cdn.sexplaneta.pl/img/icons/pusta-mala.jpg" alt="Oce��" /&amp;gt;&amp;lt;img src="http://tmp.cdn.sexplaneta.pl/img/icons/pusta-mala.jpg" alt="Oce��" /&amp;gt;&amp;lt;img src="http://tmp.cdn.sexplaneta.pl/img/icons/pusta-mala.jpg" alt="Oce��" /&amp;gt;&amp;lt;img src="http://tmp.cdn.sexplaneta.pl/img/icons/pusta-mala.jpg" alt="Oce��" /&amp;gt;&amp;lt;img src="http://tmp.cdn.sexplaneta.pl/img/icons/pusta-mala.jpg" alt="Oce��" /&amp;gt;&amp;lt;/td&amp;gt;&amp;lt;td valign="middle"&amp;gt;&amp;lt;span class="dlugosc"&amp;gt;D��ugo����: 14:53&amp;lt;/span&amp;gt;&amp;lt;/td&amp;gt;&amp;lt;/tr&amp;gt;&amp;lt;tr&amp;gt;&amp;lt;td valign="top"&amp;gt;&amp;lt;span class="dodano_left"&amp;gt;��r. 0 z 0&amp;lt;/span&amp;gt;&amp;lt;/td&amp;gt;&amp;lt;td valign="top"&amp;gt;&amp;lt;span class="dodano_right"&amp;gt;269 wy��wietle��&amp;lt;/span&amp;gt;&amp;lt;/td&amp;gt;&amp;lt;/tr&amp;gt;&amp;lt;tr&amp;gt;&amp;lt;td valign="top"&amp;gt;&amp;lt;span class="dodano_left"&amp;gt;Dodano:&amp;lt;/span&amp;gt;&amp;lt;/td&amp;gt;&amp;lt;td valign="top"&amp;gt;&amp;lt;span class="dodano_right"&amp;gt;24.11.2014 06:00&amp;lt;/span&amp;gt;&amp;lt;/td&amp;gt;&amp;lt;/tr&amp;gt;&amp;lt;/table&amp;gt;&amp;lt;/div&amp;gt;&amp;lt;div class="film_container "&amp;gt;&amp;lt;table class="film" border="0" cellspacing="0" cellpadding="0"&amp;gt;&amp;lt;tr&amp;gt;&amp;lt;td colspan="2" valign="middle" class="screen_container"&amp;gt;&amp;lt;a target="_blank"href="http://www.sexplaneta.pl/filmy/22821/laska-polyka-bolca-na-czacie/"&amp;gt;&amp;lt;img class="screen" src="http://img.cdn.sexplaneta.pl/thumbs/3/22821/01.jpg" alt="Laska po��yka bolca na czacie" title="Laska po��yka bolca na czacie" /&amp;gt;&amp;lt;/a&amp;gt;&amp;lt;/td&amp;gt;&amp;lt;/tr&amp;gt;&amp;lt;tr&amp;gt;&amp;lt;td colspan="2"&amp;gt;&amp;lt;div class="title_movie"&amp;gt;&amp;lt;a target="_blank"href="http://www.sexplaneta.pl/filmy/22821/laska-polyka-bolca-na-czacie/"&amp;gt;Laska po��yka bolca na czacie&amp;lt;/a&amp;gt;&amp;lt;/div&amp;gt;&amp;lt;/td&amp;gt;&amp;lt;/tr&amp;gt;&amp;lt;tr&amp;gt;&amp;lt;td class="ratting_container" valign="middle" align="left"&amp;gt;&amp;lt;img src="http://tmp.cdn.sexplaneta.pl/img/icons/pusta-mala.jpg" alt="Oce��" /&amp;gt;&amp;lt;img src="http://tmp.cdn.sexplaneta.pl/img/icons/pusta-mala.jpg" alt="Oce��" /&amp;gt;&amp;lt;img src="http://tmp.cdn.sexplaneta.pl/img/icons/pusta-mala.jpg" alt="Oce��" /&amp;gt;&amp;lt;img src="http://tmp.cdn.sexplaneta.pl/img/icons/pusta-mala.jpg" alt="Oce��" /&amp;gt;&amp;lt;img src="http://tmp.cdn.sexplaneta.pl/img/icons/pusta-mala.jpg" alt="Oce��" /&amp;gt;&amp;lt;/td&amp;gt;&amp;lt;td valign="middle"&amp;gt;&amp;lt;span class="dlugosc"&amp;gt;D��ugo����: 11:19&amp;lt;/span&amp;gt;&amp;lt;/td&amp;gt;&amp;lt;/tr&amp;gt;&amp;lt;tr&amp;gt;&amp;lt;td valign="top"&amp;gt;&amp;lt;span class="dodano_left"&amp;gt;��r. 0 z 0&amp;lt;/span&amp;gt;&amp;lt;/td&amp;gt;&amp;lt;td valign="top"&amp;gt;&amp;lt;span class="dodano_right"&amp;gt;601 wy��wietle��&amp;lt;/span&amp;gt;&amp;lt;/td&amp;gt;&amp;lt;/tr&amp;gt;&amp;lt;tr&amp;gt;&amp;lt;td valign="top"&amp;gt;&amp;lt;span class="dodano_left"&amp;gt;Dodano:&amp;lt;/span&amp;gt;&amp;lt;/td&amp;gt;&amp;lt;td valign="top"&amp;gt;&amp;lt;span class="dodano_right"&amp;gt;23.11.2014 22:00&amp;lt;/span&amp;gt;
&amp;lt;/td&amp;gt;&amp;lt;/tr&amp;gt;&amp;lt;/table&amp;gt;&amp;lt;/div&amp;gt;
&amp;lt;/div&amp;gt;');  
&lt;/code&gt;&lt;/pre&gt;
&lt;hr&gt;
&lt;p&gt;RESOLVE!&lt;/p&gt;
&lt;p&gt;You have to watch out for whitespace when loading js dynamically , use the connect strings to avoid such problems that met me .&lt;/p&gt;
&lt;p&gt;Please raise the point , since the score of -1 is unfair .&lt;/p&gt;
&lt;p&gt;Each time may come across some stupid issue&lt;/p&gt;</t>
  </si>
  <si>
    <t>2014-11-24 08:06:28.493000+00:00</t>
  </si>
  <si>
    <t>2015-02-26 09:15:34.963000+00:00</t>
  </si>
  <si>
    <t>javascript|syntax-error</t>
  </si>
  <si>
    <t>Find ID or Class of Sharepoint Document Library</t>
  </si>
  <si>
    <t>&lt;p&gt;I have a Mega Menu navigation that generates its content from custom lists. Each 'Tab' on the Mega Menu links to a different document library. I want to highlight the tab of the currently selected document library.&lt;/p&gt;
&lt;p&gt;Each 'tab' already has a class attribute but I am having trouble giving the document library an ID or Class attribute, or finding one that is already there. &lt;/p&gt;
&lt;p&gt;I have added a content editor web part in one of the document libraries, which is a blank html text file that has a body ID. When I reference it in the CSS I am able to achieve the highlighting of the tab when on that document library. However this only applies to the certain view that I am in. When changed to another view on the same document library (I have about 15-20 views) the highlighting disappears because there is no content editor web part in that view.&lt;/p&gt;
&lt;p&gt;So to sum up - how can I use a universal ID or Class attribute that will not change each time a view is changed in a document library?&lt;/p&gt;
&lt;p&gt;Thanks.&lt;/p&gt;</t>
  </si>
  <si>
    <t>2013-01-29 03:51:06.413000+00:00</t>
  </si>
  <si>
    <t>2013-01-30 01:18:26.737000+00:00</t>
  </si>
  <si>
    <t>2013-01-29 04:09:32.497000+00:00</t>
  </si>
  <si>
    <t>sharepoint|sharepoint-2010|document-library</t>
  </si>
  <si>
    <t>Python webscrape text inside of multiple tags</t>
  </si>
  <si>
    <t>&lt;p&gt;I am trying to return some values in a yahoo finance page. They are wrapped in  tags. I was able to get it to return these values&lt;/p&gt;
&lt;pre&gt;&lt;code&gt;543.46
546.8
None
None
595.73
0.65
&lt;/code&gt;&lt;/pre&gt;
&lt;p&gt;I'm having problems with the None values that I got. I should be returning "537.51 x 100" and "537.60 x 100" The numbers do change because of the website. I just need that format to be the output. The particular html I am looking at from the source page is below. This code is inside more tags, but BeautifulSoup doesn't care about that.&lt;/p&gt;
&lt;pre&gt;&lt;code&gt;&amp;lt;tr&amp;gt;
&amp;lt;th scope="row" width="48%"&amp;gt;
    Prev Close:&amp;lt;/th&amp;gt;
&amp;lt;td class="yfnc_tabledata1"&amp;gt;
    543.46&amp;lt;/td&amp;gt;
&amp;lt;/tr&amp;gt;
&amp;lt;tr&amp;gt;
&amp;lt;th scope="row" width="48%"&amp;gt;
    Open:&amp;lt;/th&amp;gt;
&amp;lt;td class="yfnc_tabledata1"&amp;gt;
    546.80&amp;lt;/td&amp;gt;
&amp;lt;/tr&amp;gt;
&amp;lt;tr&amp;gt;
&amp;lt;th scope="row" width="48%"&amp;gt;
    Bid:&amp;lt;/th&amp;gt;
&amp;lt;td class="yfnc_tabledata1"&amp;gt;
    &amp;lt;span id="yfs_b00_aapl"&amp;gt;
        536.55&amp;lt;/span&amp;gt;
    &amp;lt;small&amp;gt; x 
        &amp;lt;span id="yfs_b60_aapl"&amp;gt;
            100&amp;lt;/span&amp;gt;
    &amp;lt;/small&amp;gt;
&amp;lt;/td&amp;gt;
&amp;lt;/tr&amp;gt;
&amp;lt;tr&amp;gt;&amp;lt;
th scope="row" width="48%"&amp;gt;
    Ask:&amp;lt;/th&amp;gt;
&amp;lt;td class="yfnc_tabledata1"&amp;gt;
    &amp;lt;span id="yfs_a00_aapl"&amp;gt;
        536.63&amp;lt;/span&amp;gt;
    &amp;lt;small&amp;gt; x 
        &amp;lt;span id="yfs_a50_aapl"&amp;gt;
            100&amp;lt;/span&amp;gt;
    &amp;lt;/small&amp;gt;
&amp;lt;/td&amp;gt;
&amp;lt;/tr&amp;gt;
&amp;lt;tr&amp;gt;
&amp;lt;th scope="row" width="48%"&amp;gt;
    1y Target Est:&amp;lt;/th&amp;gt;
&amp;lt;td class="yfnc_tabledata1"&amp;gt;
    595.73&amp;lt;/td&amp;gt;
&amp;lt;/tr&amp;gt;
&amp;lt;tr&amp;gt;
&amp;lt;th scope="row" width="48%"&amp;gt;
    Beta:&amp;lt;/th&amp;gt;
&amp;lt;td class="yfnc_tabledata1"&amp;gt;
    0.65&amp;lt;/td&amp;gt;
&amp;lt;/tr&amp;gt;
&lt;/code&gt;&lt;/pre&gt;
&lt;p&gt;As you can see the third and and fourth values have some extra tags such as  and  inside the td tag so it is returning None which I don't want. My code is here: &lt;/p&gt;
&lt;pre&gt;&lt;code&gt;from urllib.request import urlopen
from bs4 import BeautifulSoup
html = urlopen("http://finance.yahoo.com/q?s=AAPL&amp;amp;q1=1")
soup = BeautifulSoup(html)
for data in soup.find_all('td', attrs = {'class': 'yfnc_tabledata1'} ) [0:6]:
        print (data.string) #I have .string so it wouldn't print the tags, only the text. I would rather have it return strings before it needs to print. 
&lt;/code&gt;&lt;/pre&gt;
&lt;p&gt;I'm thinking I need another for loop inside the first one that will account for the extra tags or maybe if statements. I'm not sure what the coding would look like.&lt;/p&gt;</t>
  </si>
  <si>
    <t>2014-01-09 20:45:12.477000+00:00</t>
  </si>
  <si>
    <t>2014-01-09 21:37:01.100000+00:00</t>
  </si>
  <si>
    <t>python|python-3.x|web-scraping|beautifulsoup|yahoo-finance</t>
  </si>
  <si>
    <t>Multi-tier complex state machine</t>
  </si>
  <si>
    <t>&lt;p&gt;I'm currently trying to come up with a clean design for coding a multi-tier state machine, and so far, I haven't found the solution in articles about normal state machine usage in C++ or other.&lt;/p&gt;
&lt;p&gt;On the very bottom of the hierarchy, we have atomic states: a, b, c, ..., x, y, z.
On top of that, there is a first tier of composite states: A, B, C, D.
Finally, on the very top, there is a final aggregate root state X.&lt;/p&gt;
&lt;pre&gt;&lt;code&gt;       X
    A B C D
a b c d e f g h...
&lt;/code&gt;&lt;/pre&gt;
&lt;p&gt;In contrast to the usual state machine, the lowest states are defined and determined by external factors; there are no detectable events that change them, changes are detected simply by observing.&lt;/p&gt;
&lt;p&gt;Following an atomic state change, he first composite layer has a set of states that it could take, depending on the combination of lower states. For instance: a, b and c are "child"-states of A:&lt;/p&gt;
&lt;pre&gt;&lt;code&gt;a b c - A
0 0 0 - 0
1 0 0 - 1
2 0 0 - x
2 1 0 - 2
&lt;/code&gt;&lt;/pre&gt;
&lt;p&gt;and so on...where x is undefined.&lt;/p&gt;
&lt;p&gt;Finally, the root state has a set of states it can take, based on the composite states - following the same logic as before.&lt;/p&gt;
&lt;p&gt;So far, I tried a top-down approach, where the root would call into the sub-states, which in turn would call into the atomic states to update them, cascading back up.&lt;/p&gt;
&lt;p&gt;I also tried a bottom-up approach, where the atomic states would update and call up into the sub-states, which in turn would call up into the root state.&lt;/p&gt;
&lt;p&gt;In both cases, the fact that a single sub-state might depend on just one or many atomic states makes state verification very convoluted and I end up with non-acceptable, bloated code. I feel like I need a different kind of approach, but I'm stuck on the current design. If anyone has experience with this kind of problem and can offer some inspiration, I would really appreciate.&lt;/p&gt;</t>
  </si>
  <si>
    <t>2013-02-27 23:21:54.137000+00:00</t>
  </si>
  <si>
    <t>2013-02-28 06:21:51.033000+00:00</t>
  </si>
  <si>
    <t>c++|design-patterns|state-machines</t>
  </si>
  <si>
    <t>update using prepared statement</t>
  </si>
  <si>
    <t>&lt;p&gt;I want to update my Database&lt;/p&gt;
&lt;ol&gt;
&lt;li&gt;When i enter the customer id in jTextbox after that pressing JButton OK then all respective data is extract from the Database is display in the remaining jTextfield in code&lt;/li&gt;
&lt;li&gt;&lt;p&gt;After displaying all respective database of that particular customer id that again edited for updation purpose then after clicking on the Update JButton all respective data is updated respective customer id&lt;/p&gt;
&lt;pre&gt;&lt;code&gt;import java.awt.Container;
import java.awt.event.ActionEvent;
import java.awt.event.ActionListener;
import java.sql.*;
import java.util.logging.Level;
import java.util.logging.Logger;
import javax.swing.*;
public abstract class customer_details extends JFrame implements ActionListener
{
JTextField textFieldId;
JTextField textFieldId1;
JTextField textFieldId2;
JTextField textFieldId3;    
JLabel l1;
JLabel l2;
JLabel l3;
JLabel l4;
JLabel l5;
JButton b1,b2;
Container c = getContentPane();
customer_details()
{
super("Shree Datta Digambar");
setBounds(140,250,777,555);
c.setLayout(null);
textFieldId = new JTextField();        
textFieldId1 = new JTextField();
textFieldId2 = new JTextField();
textFieldId3 = new JTextField();
this.setExtendedState(JFrame.MAXIMIZED_BOTH);
l1 = new JLabel("Update Customer Details:-");
l2 = new JLabel("Customer Id");
l3 = new JLabel("Customer Id");
l4 = new JLabel("Name");
l5 = new JLabel("Contact");
l1.setBounds(10,10,340,20);
l2.setBounds(10,20,140,70);
l3.setBounds(10,100,140,70);
l4.setBounds(100,100,140,70);
l5.setBounds(270,100,140,70);
textFieldId.setBounds(10,70,70,20);         
textFieldId1.setBounds(10,160,70,20); 
textFieldId2.setBounds(100,160,150,20); 
textFieldId3.setBounds(270,160,90,20); 
b1 = new JButton("Ok");
b1.setBounds(100,70,50,20);   
b2 = new JButton("Update");
b2.setBounds(380,160,90,20);  
c.add(b1);
c.add(b2);
c.add(l1);
c.add(l2);
c.add(l3);
c.add(l4);
c.add(l5);
c.add(textFieldId);
c.add(textFieldId1);
c.add(textFieldId2);
c.add(textFieldId3);       
setVisible(true);
setDefaultCloseOperation(EXIT_ON_CLOSE);                
b1.addActionListener(this);               
b2.addActionListener(this);
 }
public static void main(String[] args) 
{
customer_details eeap=new customer_details() {};
 }
@Override
public void actionPerformed(ActionEvent e)
{               
System.out.println("You clicked the button");             
if(e.getSource()==b1)
{
    try 
    {
        Connection con;                
        con = DriverManager.getConnection("jdbc:odbc:Dalvi");                                       
        java.sql.Statement st = con.createStatement();
        PreparedStatement ps = con.prepareStatement("SELECT 
        customer_id,customer_name,customer_contact FROM customer_details WHERE 
        customer_id = ?");                          
        ps.setString(1,textFieldId.getText());
        ResultSet rs1=ps.executeQuery();
        while(rs1.next())
        {                   
            textFieldId1.setText(rs1.getString(1));
            textFieldId2.setText(rs1.getString(2));
            textFieldId3.setText(rs1.getString(3));   
        }                    
    }
    catch (SQLException s) 
    {
        System.out.println("SQL code does not execute.");
        JOptionPane.showMessageDialog(null,"Please Enter the Detail Correctly");
    }
    } 
    if(e.getSource()==b2)
    {
    try
    {
        Connection con;                
        con = DriverManager.getConnection("jdbc:odbc:Dalvi");                                       
        java.sql.Statement st = con.createStatement();
        PreparedStatement ps = con.prepareStatement("UPDATE customer_details
        SET customer_id = ? ,customer_name = ?, customer_contact =? 
        WHERE customer_id= ?");                          
        ps.setString(1,textFieldId1.getText());   
        ps.setString(2,textFieldId2.getText());
        ps.setString(3,textFieldId3.getText());
        ps.setString(4,textFieldId.getText()); 
        ps.executeUpdate();
        }
       catch (SQLException s) 
       {
        System.out.println("SQL code does not execute.");
         JOptionPane.showMessageDialog(null,"Please Enter the Detail Correctly");
         }        }     }   }
&lt;/code&gt;&lt;/pre&gt;&lt;/li&gt;
&lt;/ol&gt;</t>
  </si>
  <si>
    <t>2014-06-23 18:42:02.413000+00:00</t>
  </si>
  <si>
    <t>2014-06-24 03:32:32.303000+00:00</t>
  </si>
  <si>
    <t>java|sql|jdbc</t>
  </si>
  <si>
    <t>Writing and reading shared memory for getting square of a number by client server method</t>
  </si>
  <si>
    <t>&lt;p&gt;this is the program for server in shared memory which will calculate the square of a number and then the client will be able to access it 
SERVER::&lt;/p&gt;
&lt;pre&gt;&lt;code&gt;#include &amp;lt;sys/types.h&amp;gt;
#include &amp;lt;sys/ipc.h&amp;gt;
#include &amp;lt;sys/shm.h&amp;gt;
#include &amp;lt;stdio.h&amp;gt;
#include &amp;lt;unistd.h&amp;gt;
#include &amp;lt;string.h&amp;gt;
#define SHMSZ     27
int main()
{
    char c;
    int shmid;
    key_t key;
    char *shm, *s;
    int i,n;
    key = 5678;
    if ((shmid = shmget(key, SHMSZ, IPC_CREAT | 0666)) &amp;lt; 0) {
        perror("shmget");
        return 1;
    }
    if ((shm = shmat(shmid, NULL, 0)) == NULL) {
        perror("shmat");
        return 1;
    }
     while (*shm != '*')
        sleep(1);
    s = shm;
   s++;
   char m=*s;
   n=(int)m;
    int r=square(n);// called function square function 
    s=shm;
    s++;
    int a=1000;
    for (i=0;i&amp;lt;4;i++){
        *s = (char)(r/a+48);
        r=r%a;
        a=a/10;
        s++;
        }
    s = NULL;
    *shm='%';
    while (*shm != '$')
        sleep(1);
    return 0;
}
int square(int n){
    int a,b;
    a=n/10;
    b=n%10;
    int res=a*a*100+a*b*2*10+b*b;
    return res;
}
&lt;/code&gt;&lt;/pre&gt;
&lt;p&gt;CLIENT::&lt;/p&gt;
&lt;pre&gt;&lt;code&gt;#include &amp;lt;sys/types.h&amp;gt;
#include &amp;lt;sys/ipc.h&amp;gt;
#include &amp;lt;sys/shm.h&amp;gt;
#include &amp;lt;stdio.h&amp;gt;
#include &amp;lt;unistd.h&amp;gt;
#include &amp;lt;string.h&amp;gt;
#define SHMSZ     27
int main()
{
    int shmid;
    key_t key;
    char *shm, *s;
    /*
     * We need to get the segment named
     * "5678", created by the server.
     */
    key = 5678;
    /*
     * Locate the segment.
     */
    if ((shmid = shmget(key, SHMSZ, 0666)) &amp;lt; 0) {
        perror("shmget");
        return 1;
    }
    /*
     * Now we attach the segment to our data space.
     */
    if ((shm = shmat(shmid, NULL, 0)) == (char *) -1) {
        perror("shmat");
        return 1;
    }
     int i,n1;
     char n;
    s=shm;
     printf("Enter a 2 digit number : ");
     scanf("%2d",&amp;amp;n1);
     n=(char)n1;
     s++;
     *s=n;
     *shm='*';
     while (*shm != '%')
        sleep(1);
     s=shm;
     s++;
    for (i=0; *s != NULL &amp;amp;&amp;amp; i&amp;lt;4;i++){
        printf("%c",*s);
        s++;
        }
    putchar('\n');
    /*
     * Finally, change the first character of the 
     * segment to '*', indicating we have read 
     * the segment.
     */
    *shm = '$';
    return 0;
}
&lt;/code&gt;&lt;/pre&gt;
&lt;p&gt;In the server program ,from int a=1000 what is the purpose of using for loop ?&lt;/p&gt;</t>
  </si>
  <si>
    <t>2015-04-12 07:08:19.417000+00:00</t>
  </si>
  <si>
    <t>2015-04-12 07:18:52.420000+00:00</t>
  </si>
  <si>
    <t>c|shared-memory</t>
  </si>
  <si>
    <t>Creating a timer and a top10</t>
  </si>
  <si>
    <t>&lt;p&gt;I'm using MASM and dosBOX&lt;/p&gt;
&lt;p&gt;Basically I have to create a top 10 based on the time someone took to finish a maze.&lt;/p&gt;
&lt;p&gt;I started by resetting the system time to 0 when the user passes through the initial character of the maze by doing this:&lt;/p&gt;
&lt;pre&gt;&lt;code&gt;mov   ah, 2Dh
mov   ch, 00
mov   cl, 00
mov   dh, 00
int   21h
&lt;/code&gt;&lt;/pre&gt;
&lt;p&gt;And then when the user reaches the end of the maze i get the system time again and store the time in 2 variables.&lt;/p&gt;
&lt;pre&gt;&lt;code&gt;mov   ah, 2Ch
int   21h
mov   Final_Min, cl
mov   Final_Sec, dh
&lt;/code&gt;&lt;/pre&gt;
&lt;p&gt;Now my problem is , how do i convert those "Final_Min" to seconds and add them to "Final_Sec" so i can get the total time someone took to finish the maze and how do I store these values in an array ?&lt;/p&gt;</t>
  </si>
  <si>
    <t>2017-06-01 19:19:49.510000+00:00</t>
  </si>
  <si>
    <t>2017-06-01 20:49:24.913000+00:00</t>
  </si>
  <si>
    <t>Android: How to pass reference of a Button in Adapter to Activity</t>
  </si>
  <si>
    <t>&lt;p&gt;All,&lt;/p&gt;
&lt;p&gt;I have a listview filled with Buttons that start and stop a chronometer timer.  Each timer is also set inside each row of the listview.  Inside the activity, I have a global start and stop button.  These buttons are supposed to stop and start all the timers in the listview.  I can't seem to get a reference to all the timers in the listview in order to stop them. I can't even get a reference to the buttons inside each row of the listview.&lt;/p&gt;
&lt;p&gt;Below is my code.  Please help!&lt;/p&gt;
&lt;pre&gt;&lt;code&gt;&amp;lt;LinearLayout xmlns:android="http://schemas.android.com/apk/res/android"
android:orientation="horizontal" android:layout_width="fill_parent"
android:layout_height="fill_parent"&amp;gt;
&amp;lt;TextView android:layout_width="wrap_content" android:id="@+id/timerPositionName"
    android:layout_height="wrap_content" android:text="blocker" /&amp;gt;
&amp;lt;TextView android:layout_width="wrap_content" android:id="@+id/timerTime"
    android:layout_height="wrap_content" /&amp;gt;
&amp;lt;Button android:layout_width="wrap_content" android:id="@+id/timerResetTime"
    android:layout_height="wrap_content" android:text="@string/timerResetTime"&amp;gt;&amp;lt;/Button&amp;gt;
&amp;lt;Button android:layout_width="wrap_content" android:id="@+id/timerStartStopTime"
    android:layout_height="wrap_content"&amp;gt;&amp;lt;/Button&amp;gt;
&amp;lt;Chronometer android:id="@+id/chrono"
    android:layout_height="wrap_content" android:layout_width="wrap_content"
    android:textStyle="bold" android:textSize="14sp" android:visibility="gone" /&amp;gt;
&lt;/code&gt;&lt;/pre&gt;
&lt;p&gt;&lt;/p&gt;
&lt;p&gt;Here is the Adapter:&lt;/p&gt;
&lt;p&gt;public class TimersAdapter extends BaseAdapter {&lt;/p&gt;
&lt;pre&gt;&lt;code&gt;final static String START = "Start";
final static String STOP = "Stop";
private PenaltyBoxTimerActivity activity;
private ArrayList&amp;lt;TimerController&amp;gt; _controllers;
private static LayoutInflater inflater = null;
public TimersAdapter(PenaltyBoxTimerActivity a, ArrayList&amp;lt;TimerController&amp;gt; controllers) {
    activity = a;
    _controllers = controllers;
    inflater = (LayoutInflater) activity.getSystemService(Context.LAYOUT_INFLATER_SERVICE);
}
public int getCount() {
    return _controllers.size();
}
public Object getItem(int position) {
    return _controllers.get(position);
}
public long getItemId(int position) {
    return position;
}
public static class ViewHolder {
    public Button startStopButton;
    public Button resetButton;
    public TextView timeView;
    public TextView timerName;
    public Chronometer stopWatch;
    public long length = 0;
    public long startTime = 0;
    public long currentTime = 0;
    public long timeElapsed = 0;
    public long timeRemaining = 0;
    public long prevTimeRemaining = 0;
    public boolean isCurrentlyRunning = false;
}
public View getView(final int position, View convertView, ViewGroup parent) {
    View vi = convertView;
    final ViewHolder holder;
    if (convertView == null) {
        vi = inflater.inflate(R.layout.timer_item, null);
        holder = new ViewHolder();
        holder.timeView = (TextView) vi.findViewById(R.id.timerTime);
        holder.startStopButton = (Button) vi.findViewById(R.id.timerStartStopTime);
        holder.resetButton = (Button) vi.findViewById(R.id.timerResetTime);
        holder.timerName = (TextView) vi.findViewById(R.id.timerPositionName);
        holder.stopWatch = (Chronometer) vi.findViewById(R.id.chrono);
        vi.setTag(holder);
    } else
        holder = (ViewHolder) vi.getTag();
    holder.length = _controllers.get(position).getLength();
    holder.startTime = _controllers.get(position).getStartTime();
    holder.currentTime = _controllers.get(position).getCurrentTime();
    holder.timeElapsed = _controllers.get(position).getTimeElapsed();
    holder.timeRemaining = _controllers.get(position).getTimeRemaining();
    holder.prevTimeRemaining = _controllers.get(position).getPrevTimeRemaining();
    holder.isCurrentlyRunning = _controllers.get(position).getIsCurrentlyRunning();
    holder.timerName.setText(_controllers.get(position).getPositionName());
    holder.timeView.setText(DateTimes.formatTime(holder.length));
    holder.stopWatch.setOnChronometerTickListener(new OnChronometerTickListener() {
        @Override
        public void onChronometerTick(Chronometer arg0) {
            AndroidLogger.logMessage("time remaining " + DateTimes.formatTime(holder.timeRemaining), Log.INFO);
            activity.runOnUiThread(new Runnable() {
                @Override
                public void run() {
                    holder.currentTime = SystemClock.elapsedRealtime();
                    holder.isCurrentlyRunning = true;
                    holder.timeElapsed = holder.currentTime - holder.startTime;
                    if (holder.prevTimeRemaining == 0)
                        holder.timeRemaining = holder.length - holder.timeElapsed;
                    else
                        holder.timeRemaining = holder.prevTimeRemaining - holder.timeElapsed;
                    holder.timeView.setText(DateTimes.formatTime(holder.timeRemaining));
                }
            });
        }
    });
    holder.resetButton.setOnClickListener(new OnClickListener() {
        @Override
        public void onClick(View v) {
            AndroidLogger.logMessage("reset single Timer", Log.INFO);
            holder.prevTimeRemaining = 0;
            holder.isCurrentlyRunning = false;
            AndroidLogger.logMessage("RESET clicked ", Log.INFO);
            holder.stopWatch.setBase(SystemClock.elapsedRealtime());
            holder.timeView.setText(DateTimes.formatTime(0000));
        }
    });
    holder.startStopButton.setText(START);
    holder.startStopButton.setOnClickListener(new OnClickListener() {
        @Override
        public void onClick(View v) {
            if (holder.startStopButton.getText().toString().equalsIgnoreCase(START)) {
                AndroidLogger.logMessage("start single Timer", Log.INFO);
                holder.startTime = SystemClock.elapsedRealtime();
                holder.isCurrentlyRunning = true;
                holder.stopWatch.setBase(SystemClock.elapsedRealtime());
                holder.stopWatch.start();
                holder.startStopButton.setText(STOP);
                AndroidLogger.logMessage("start clicked ", Log.INFO);
                OnTimerStartClickEvent(true);
            } else {
                AndroidLogger.logMessage("stop single Timer", Log.INFO);
                holder.currentTime = SystemClock.elapsedRealtime();
                holder.timeElapsed = holder.currentTime - holder.startTime;
                if (holder.prevTimeRemaining == 0) {
                    holder.timeRemaining = holder.length - holder.timeElapsed;
                } else {
                    holder.timeRemaining = holder.prevTimeRemaining - holder.timeElapsed;
                }
                holder.prevTimeRemaining = holder.timeRemaining;
                holder.timeView.setText(DateTimes.formatTime(holder.timeRemaining));
                holder.stopWatch.stop();
                holder.startStopButton.setText(START);
                AndroidLogger.logMessage("stop clicked ", Log.INFO);
                OnTimerStopClickEvent(false);
            }
        }
    });
    activity.setOnTimerStartClickListener(new OnTimerStartStopClickListener() {
        @Override
        public void onTimerStartStopButtonClick() {
            AndroidLogger.logMessage("is currently running:" + holder.isCurrentlyRunning, Log.INFO);
            if (holder.isCurrentlyRunning) {
                AndroidLogger.logMessage("start single Timer", Log.INFO);
                holder.startTime = SystemClock.elapsedRealtime();
                holder.isCurrentlyRunning = true;
                holder.stopWatch.setBase(SystemClock.elapsedRealtime());
                holder.stopWatch.start();
                holder.startStopButton.setText(STOP);
                AndroidLogger.logMessage("start clicked ", Log.INFO);
            }
        }
    });
    activity.setOnTimerStopClickListener(new OnTimerStartStopClickListener() {
        @Override
        public void onTimerStartStopButtonClick() {
            AndroidLogger.logMessage("is currently running:" + holder.isCurrentlyRunning, Log.INFO);
            // if (_holder.isCurrentlyRunning) {
            AndroidLogger.logMessage("stop single Timer", Log.INFO);
            holder.currentTime = SystemClock.elapsedRealtime();
            holder.timeElapsed = holder.currentTime - holder.startTime;
            if (holder.prevTimeRemaining == 0) {
                holder.timeRemaining = holder.length - holder.timeElapsed;
            } else {
                holder.timeRemaining = holder.prevTimeRemaining - holder.timeElapsed;
            }
            holder.prevTimeRemaining = holder.timeRemaining;
            holder.timeView.setText(DateTimes.formatTime(holder.timeRemaining));
            holder.stopWatch.stop();
            holder.startStopButton.setText(START);
            AndroidLogger.logMessage("stop clicked ", Log.INFO);
            // }
        }
    });
    return vi;
}
private OnTimerStartStopClickListener _onTimerStopClickListener = null;
public void setOnTimerStopClickListener(OnTimerStartStopClickListener listener) {
    _onTimerStopClickListener = listener;
}
private void OnTimerStopClickEvent(boolean isTimerCurrentlyActive) {
    if (_onTimerStopClickListener != null) {
        _onTimerStopClickListener.onTimerStartStopButtonClick();
    }
}
private OnTimerStartStopClickListener _onTimerStartClickListener = null;
public void setOnTimerStartClickListener(OnTimerStartStopClickListener listener) {
    _onTimerStartClickListener = listener;
}
private void OnTimerStartClickEvent(boolean isTimerCurrentlyActive) {
    if (_onTimerStartClickListener != null) {
        _onTimerStartClickListener.onTimerStartStopButtonClick();
    }
}}
&lt;/code&gt;&lt;/pre&gt;
&lt;p&gt;&lt;strong&gt;Here is my Activity:&lt;/strong&gt;&lt;/p&gt;
&lt;p&gt;public class PenaltyBoxTimerActivity extends Activity {
    private Button _startTimersButton;
    private Button _stopTimersButton;
    private ListView _manageTimersList;
    TimersListAdapter _adapter;&lt;/p&gt;
&lt;pre&gt;&lt;code&gt;private ArrayList&amp;lt;TimerController&amp;gt; _timerList = new ArrayList&amp;lt;TimerController&amp;gt;();
private boolean _areCountersActive = false;
long countUp;
private OnTimerStartStopClickListener _onTimerStopClickListener = null;
public void setOnTimerStopClickListener(OnTimerStartStopClickListener listener) {
    _onTimerStopClickListener = listener;
}
private void OnTimerStopClickEvent() {
    if (_onTimerStopClickListener != null) {
        _onTimerStopClickListener.onTimerStartStopButtonClick();
    }
}
private OnTimerStartStopClickListener _onTimerStartClickListener = null;
public void setOnTimerStartClickListener(OnTimerStartStopClickListener listener) {
    _onTimerStartClickListener = listener;
}
private void OnTimerStartClickEvent() {
    if (_onTimerStartClickListener != null) {
        _onTimerStartClickListener.onTimerStartStopButtonClick();
    }
}
/** Called when the activity is first created. */
@Override
public void onCreate(Bundle savedInstanceState) {
    super.onCreate(savedInstanceState);
    setContentView(R.layout.main);
    initializeGoToSettingsButton();
    initializeStartTimerButton();
    initializeStopTimerButton();
    // add some test data
    _timerList = new ArrayList&amp;lt;TimerController&amp;gt;();
    TimerController a = new TimerController(UUID.randomUUID(), "hello", 100000);
    TimerController b = new TimerController(UUID.randomUUID(), "hello", 60000);
    TimerController c = new TimerController(UUID.randomUUID(), "hello", 10000);
    TimerController d = new TimerController(UUID.randomUUID(), "hello", 10000);
    TimerController e = new TimerController(UUID.randomUUID(), "hello", 10000);
    TimerController f = new TimerController(UUID.randomUUID(), "hello", 10000);
    _timerList.add(a);
    _timerList.add(b);
    _timerList.add(c);
    _timerList.add(d);
    _timerList.add(e);
    _timerList.add(f);
    initializeListView();
    intializeTimerButtons();
}
private void initializeGoToSettingsButton() {
    Button goToSettingsButton = (Button) findViewById(R.id.goToSettingsButton);
    goToSettingsButton.setOnClickListener(new OnClickListener() {
        @Override
        public void onClick(View v) {
            Intent myIntent = new Intent(getApplicationContext(), SettingsActivity.class);
            startActivity(myIntent);
        }
    });
}
private void initializeStopTimerButton() {
    _stopTimersButton = (Button) findViewById(R.id.stopTimersButton);
    _stopTimersButton.setOnClickListener(new OnClickListener() {
        @Override
        public void onClick(View v) {
            enableStartTimerButton();
            // OnTimerStopClickEvent();
            AndroidLogger.logMessage("stop all timers", Log.INFO);
            for (int i = 0; i &amp;lt; _timerList.size(); i++) {
                if (_timerList.get(i).getIsCurrentlyRunning()) {
                    // _timerList.get(i).getStopWatch().stop();
                    _timerList.get(i).setCurrentTime(SystemClock.elapsedRealtime());
                    _timerList.get(i).setTimeElapsed(
                            _timerList.get(i).getCurrentTime() - _timerList.get(i).getStartTime());
                    if (_timerList.get(i).getPrevTimeRemaining() == 0) {
                        _timerList.get(i).setTimeRemaining(
                                _timerList.get(i).getLength() - _timerList.get(i).getTimeElapsed());
                    } else {
                        _timerList.get(i).setTimeRemaining(
                                _timerList.get(i).getPrevTimeRemaining() - _timerList.get(i).getTimeElapsed());
                    }
                    _timerList.get(i).setPrevTimeRemaining(_timerList.get(i).getTimeRemaining());
                    // holder.timeView.setText(DateTimes.formatTime(holder.timeRemaining));
                }
            }
            _adapter.notifyDataSetChanged();
        }
    });
}
private void initializeStartTimerButton() {
    _startTimersButton = (Button) findViewById(R.id.startTimersButton);
    _startTimersButton.setOnClickListener(new OnClickListener() {
        @Override
        public void onClick(View v) {
            AndroidLogger.logMessage("start all Timers", Log.INFO);
            enableStopTimerButton();
        }
    });
}
private void initializeListView() {
    _manageTimersList = (ListView) findViewById(R.id.manageTimersList);
    // TimersAdapter adapter = new TimersAdapter(this, R.layout.timer_item,
    // _timerList, this);
    _adapter = new TimersListAdapter(this, _timerList);
    _adapter.setOnTimerStartClickListener(new OnTimerStartStopClickListener() {
        @Override
        public void onTimerStartStopButtonClick() {
            if (!_areCountersActive) {
                enableStopTimerButton();
            }
        }
    });
    _adapter.setOnTimerStopClickListener(new OnTimerStartStopClickListener() {
        @Override
        public void onTimerStartStopButtonClick() {
            // stopTimer();
        }
    });
    _manageTimersList.setAdapter(_adapter);
    _manageTimersList.setOnItemClickListener(new OnItemClickListener() {
        @Override
        public void onItemClick(AdapterView&amp;lt;?&amp;gt; parent, View view, int position, long id) {
            if (!_areCountersActive) {
                enableStopTimerButton();
            }
        }
    });
}
private void enableStartTimerButton() {
    AndroidLogger.logMessage("start All Timers", Log.INFO);
    _startTimersButton.setEnabled(true);
    _stopTimersButton.setEnabled(false);
}
private void enableStopTimerButton() {
    AndroidLogger.logMessage("stop all Timers", Log.INFO);
    _startTimersButton.setEnabled(false);
    _stopTimersButton.setEnabled(true);
}
private void intializeTimerButtons() {
    AndroidLogger.logMessage("create timer buttons", Log.INFO);
    _startTimersButton.setEnabled(false);
    _stopTimersButton.setEnabled(false);
}}
&lt;/code&gt;&lt;/pre&gt;</t>
  </si>
  <si>
    <t>2011-08-20 20:00:50.960000+00:00</t>
  </si>
  <si>
    <t>2011-08-20 21:17:34.790000+00:00</t>
  </si>
  <si>
    <t>android|timer|chronometer|baseadapter</t>
  </si>
  <si>
    <t>Unix : Optimized command for subsituting words in large file</t>
  </si>
  <si>
    <t>&lt;p&gt;This question is not related to any code issue. Just need your suggestions.&lt;/p&gt;
&lt;p&gt;We have a file which is &lt;strong&gt;~ 100GB&lt;/strong&gt; and we are applying &lt;strong&gt;sed&lt;/strong&gt; to substitute a few parameters.
This process is taking long time and eating up CPU as well&lt;/p&gt;
&lt;p&gt;Can the replacement of &lt;strong&gt;sed&lt;/strong&gt; with &lt;strong&gt;awk/tr/perl or any other unix utilities&lt;/strong&gt; will help in this scenario.&lt;/p&gt;
&lt;p&gt;&lt;strong&gt;Note:&lt;/strong&gt;&lt;/p&gt;
&lt;p&gt;Any suggestion other than &lt;em&gt;time&lt;/em&gt; command.&lt;/p&gt;</t>
  </si>
  <si>
    <t>2014-03-18 13:46:35.480000+00:00</t>
  </si>
  <si>
    <t>2014-03-18 14:17:24.863000+00:00</t>
  </si>
  <si>
    <t>bash|unix</t>
  </si>
  <si>
    <t>Cin skipping input integer</t>
  </si>
  <si>
    <t>&lt;p&gt;This is a mergesort type program. &lt;/p&gt;
&lt;p&gt;If you look at the very bottom of my code in main, when I try and use cin to have the user input an integer variable "select", I think the program might be getting something from the input buffer. I've tried a couple things to remove anything from the input buffer but haven't had any luck fixing this. The program seems to skip cin &gt;&gt; select; as if it's not there. &lt;/p&gt;
&lt;p&gt;I'm still not completely familiar with how I used stringstream earlier in the program (look for the Populate function). I think this might have something to do with it. Any insight would be much appreciated.&lt;/p&gt;
&lt;pre&gt;&lt;code&gt;#include "stdafx.h"
#include &amp;lt;string&amp;gt;
#include &amp;lt;iostream&amp;gt;
#include &amp;lt;fstream&amp;gt;
#include &amp;lt;sstream&amp;gt;
#include &amp;lt;iomanip&amp;gt;
using namespace std;
int printcount = 1;
class Node
{
public:
    string retailPrice;
    string wholesalePrice;
    string productName;
    Node * next;
    Node(string ins = "", string ins1 = "", string ins2 = "")  // Constructor - assigns new Links(Nodes) an empty title, and assigns the nullptr to "next"
        //indicating that there is no data stored in the following node i.e. "tail"
    {
        productName = ins;
        retailPrice = ins1;
        wholesalePrice = ins2;
        next = nullptr;
    }
};
class List
{
public:
    Node * productList; // "productList" is the address of the first node in the list. 
    List() { productList = nullptr; } // constructor - makes the address of the first node "productList" nullptr i.e. "head"
    bool IsEmpty() //If the address of the first node "theList" is null, returns true
    {
        return (productList == nullptr) ? true : false;
    }
    void Add(string ins, string ins1, string ins2)  //this function adds a new node to the beginning of the linked list. 
    {
        /* Node * Node1 = productList;    //Ask bob why this doesn't work
        while (Node1-&amp;gt;next != nullptr) //searches for tail
        {
            Node1 = Node1-&amp;gt;next; //Node1 points to the following node
        }
        Node * temp = new Node(ins); //Creates a new Node;
        Node1-&amp;gt;next = temp; //assigns the old tail to point to the new node
        */ 
        Node * oldFirst = productList;  //initializies pointer "oldFirst" to point to the current address of the first node, "productList"
        productList = new Node(ins, ins1, ins2);    // creates a new node on the heap with string passed to Add function
                                    // theList is now the address of this new node.
        productList-&amp;gt;next = oldFirst;   // the new header "productList"
    }
    void Remove(Node * thisOne) 
    {
        Node * guyBefore = FindTheGuyBefore(thisOne); 
        guyBefore = thisOne-&amp;gt;next;  //assigns the "next" address of node preceding node to be deleted, to the address of the node following
                                    // the node to be deleted.
        thisOne-&amp;gt;next = nullptr;
    }
    int Populate()
    {
        //cin.ignore();
        string input;
        int count = 0;
        while (getline(cin, input))
        {
            stringstream ss(input);
            getline(ss, input, ',');
            string s = input; //name of product
            ss &amp;gt;&amp;gt; ws;
            getline(ss, input, ',');
            string s1 = input;  //retail price
            ss &amp;gt;&amp;gt; ws;
            getline(ss, input);
            string s2 = input;  //wholesale price
            count++;
            Add(s, s1, s2);
        }
        /*
        char buffer[120];
        string buf(buffer);
        int count = 0;
        while (getline(cin, buf))
        {
            Add(buf);
            count++;
        }
        */
        return count;
    }
    void Visit(void(*fp)(string s, string s1, string s2)) //visits all nodes and applies a void function to a string
    {   
        int count1 = 0;
        Node * currentNode = productList; //assigns 'curLink' the address of 'theList'
        while (currentNode != nullptr) //loop goes until it reaches the tail of the linked list
        {
            (*fp)(currentNode-&amp;gt;retailPrice, currentNode-&amp;gt;wholesalePrice, currentNode-&amp;gt;productName); //applies the function to the title of the node
            currentNode = currentNode-&amp;gt;next; //assigns address of 'curLink' the address of the following node
            ++count1;
        }
    }
    void MergeSort(int select)
    {
        if (productList == nullptr) return;         // if the list is empty, terminate the function (sort unnecessary)
        if (productList-&amp;gt;next == nullptr) return;   // if there is only one item in the list, terminate the function (sort unnecessary)
        List list1;                                 // Instantiate two lists
        List list2;
        Split(list1, list2);                        // This should leave productList == nullptr. Splits theList into two lists. 
        list1.MergeSort(select);                            //  Performs the MergeSort operation 
        list2.MergeSort(select);                        
        Merge(list1, list2, select);
    }
private:
    Node * FindTheGuyBefore(Node * thisOne)
    {
        Node * aNode = productList;                 //aLink points to productList, the address of the first node
        while (aNode-&amp;gt;next != thisOne)              //looks through the list until the address stored in "next" is the address of the value
                                                    //preceding 'thisOne', assigns aLink the value of that address
            aNode = aNode-&amp;gt;next;        
        return aNode;
    }
    Node * GetHeadNode()                            //returns the address of the head of the linked list
    {
        Node * answer = productList;                //answer holds the address of theList
        if (answer != nullptr)                      //if the address of theList is not a null pointer
        {
            productList = answer-&amp;gt;next;             //theList is now the address of the following node
            answer-&amp;gt;next = nullptr;                 //answer points to the nullptr
        }
        return answer;
    }
    void Push(Node * new1)                          //inserts a node at the beginning of the linked list
    {
        if (new1 == nullptr) return;                // nothing to add 
        new1-&amp;gt;next = productList;                   // the address pointed to by new1 is the address of the head
        productList = new1;                         // new1 is now the head
    }
    void Split(List &amp;amp; list1, List &amp;amp; list2)          //inserts null pointers between items in a list
    {
        Node * cur0 = nullptr;
        bool left = true;
        while (productList != nullptr)
        {
            cur0 = GetHeadNode();                   //cur0 is the head of the linked list
            if (left)                               // Add cur0 link to the start of list1
            {
                list1.Push(cur0);                   //inserts a node where the value of next is nullptr; essentially splitting the list
                left = false;
            }
            else                                    // Add cur0 link to the start of list2
            {
                list2.Push(cur0);
                left = true;
            }
        }
    }
    Node * GetSmaller(List &amp;amp; otherList, int select)
    {  // Will extra smaller head node from  this List or otherList 
        Node * head1 = productList;
        Node * head2 = otherList.productList;
        if (head1 == nullptr) return otherList.GetHeadNode();
        if (head2 == nullptr) return GetHeadNode();
        if (select == 1)
        {
            if ((head1-&amp;gt;productName) &amp;lt; (head2-&amp;gt;productName)) return GetHeadNode();
        }
        else if (select == 2)
        {
            if ((head1-&amp;gt;retailPrice) &amp;lt; (head2-&amp;gt;retailPrice)) return GetHeadNode();
        }
        else if (select == 3)
        {
            if ((head1-&amp;gt;wholesalePrice) &amp;lt; (head2-&amp;gt;wholesalePrice)) return GetHeadNode();
        }
        return otherList.GetHeadNode();
    }
    void Merge(List &amp;amp; list1, List &amp;amp; list2, int select)
    {// Assumes productList == nullptr
        Node * new1 = list1.GetSmaller(list2, select);      
        productList = new1;  // First guy in list or nullptr
        Node * cur0 = productList; // this must point to last elt added to theList (empty due to split)
        while ((new1 = list1.GetSmaller(list2, select)) != nullptr)
        {
            cur0-&amp;gt;next = new1;
            new1-&amp;gt;next = nullptr;
            cur0 = new1;
        }
    }
};
void print(string s, string s1, string s2)
{
    cout &amp;lt;&amp;lt; "Product # " &amp;lt;&amp;lt; printcount &amp;lt;&amp;lt; endl;
    cout &amp;lt;&amp;lt; left &amp;lt;&amp;lt; setw(20) &amp;lt;&amp;lt; "Product Name: " &amp;lt;&amp;lt; left &amp;lt;&amp;lt; setw(20) &amp;lt;&amp;lt; s2 &amp;lt;&amp;lt; endl;
    cout &amp;lt;&amp;lt; left &amp;lt;&amp;lt; setw(20) &amp;lt;&amp;lt; "Retail Price: " &amp;lt;&amp;lt; left &amp;lt;&amp;lt; setw(20) &amp;lt;&amp;lt; s &amp;lt;&amp;lt; endl;
    cout &amp;lt;&amp;lt; left &amp;lt;&amp;lt; setw(20) &amp;lt;&amp;lt; "Wholesale Price: " &amp;lt;&amp;lt; left &amp;lt;&amp;lt; setw(20) &amp;lt;&amp;lt; s1 &amp;lt;&amp;lt; endl &amp;lt;&amp;lt; endl;
    ++printcount;
};
int main()
    {
        List myProductList;
        cout &amp;lt;&amp;lt; "****************************************************************************************************" &amp;lt;&amp;lt; endl
            &amp;lt;&amp;lt; "           PROGRAM FOR SORTING INVENTORY BY PRODUCT NAME, RETAIL PRICE, OR WHOLESALE PRICE          " &amp;lt;&amp;lt; endl
            &amp;lt;&amp;lt; "****************************************************************************************************" &amp;lt;&amp;lt; endl &amp;lt;&amp;lt; endl;
        //POPULATE THE LIST
        cout &amp;lt;&amp;lt; "Enter the name, retail price, and wholesale price of a product in that order, seperated by commas." &amp;lt;&amp;lt; endl;
        cout &amp;lt;&amp;lt; "You may enter multiple products. Seperate each product with a return. When you have finished entering items, enter CTRL-Z. " &amp;lt;&amp;lt; endl &amp;lt;&amp;lt; endl;
        myProductList.Populate();
        cout &amp;lt;&amp;lt; "Would you like to:" &amp;lt;&amp;lt; endl &amp;lt;&amp;lt; endl;
        cout &amp;lt;&amp;lt; "1.  Display your list." &amp;lt;&amp;lt; endl;
        cout &amp;lt;&amp;lt; "2.  Sort your list." &amp;lt;&amp;lt; endl;
        cout &amp;lt;&amp;lt; "3.  Add an item to your list." &amp;lt;&amp;lt; endl;
        cout &amp;lt;&amp;lt; "4.  Delete an item from your list." &amp;lt;&amp;lt; endl;
        cout &amp;lt;&amp;lt; "5.  Modify an item on your list." &amp;lt;&amp;lt; endl;
        cout &amp;lt;&amp;lt; "6.  Determine whether your list is empty." &amp;lt;&amp;lt; endl &amp;lt;&amp;lt; endl &amp;lt;&amp;lt; "Enter an integer." &amp;lt;&amp;lt; endl &amp;lt;&amp;lt; endl;
        int select; 
        cin &amp;gt;&amp;gt; select;
        system("Pause");
        return 0;
    }
&lt;/code&gt;&lt;/pre&gt;</t>
  </si>
  <si>
    <t>2018-04-09 01:14:55.863000+00:00</t>
  </si>
  <si>
    <t>2018-04-09 01:28:41.493000+00:00</t>
  </si>
  <si>
    <t>c++|inputstream|mergesort|cin|sstream</t>
  </si>
  <si>
    <t>[BUG]rodeo can not process loops in python</t>
  </si>
  <si>
    <t>&lt;p&gt;I've been using a really cool idea for python rodeo. Basically the interface looks like Rstudio. However, it doesn't recognize loop by giving the following error "SyntaxError: unexpected EOF while parsing". &lt;/p&gt;
&lt;p&gt;And when I paste the same command on my python shell and it works just fine. &lt;/p&gt;
&lt;p&gt;Anyone know how to debug it? &lt;/p&gt;</t>
  </si>
  <si>
    <t>2015-09-22 01:39:31.963000+00:00</t>
  </si>
  <si>
    <t>python|ide</t>
  </si>
  <si>
    <t>How should look link the json response so that ActiveResource may generate a DateTime object from a date?</t>
  </si>
  <si>
    <t>&lt;p&gt;I have a question object with a created_at attribute in it. When I will find a question i get back the created_at from the REST service, but Activeresource do not convert the date string to DateTime.&lt;/p&gt;
&lt;pre&gt;&lt;code&gt;Question.find(1)
/questions/1.json
Question.find(1).created_at.class
=&amp;gt; String
&lt;/code&gt;&lt;/pre&gt;
&lt;p&gt;In which format should be the Json response, so that ActiveResource will convert it to a DateTime?&lt;/p&gt;
&lt;p&gt;If it is not possible, what should i do?&lt;/p&gt;</t>
  </si>
  <si>
    <t>2013-07-25 15:14:37.713000+00:00</t>
  </si>
  <si>
    <t>2013-10-17 21:36:50.697000+00:00</t>
  </si>
  <si>
    <t>ruby-on-rails|json|rest|activeresource</t>
  </si>
  <si>
    <t>Verilog Copy/Paste Formatting</t>
  </si>
  <si>
    <t>&lt;p&gt;When copy/pasting Verilog code in Vivado 2015.4 I end up getting formatting issues. Has anyone else experienced this, and does anyone have a fix? My issue looks like this when I copy/paste:&lt;/p&gt;
&lt;pre&gt;&lt;code&gt;        BALL_1: begin
                        LED[7:0] = 8'b00000000;
                    end
        BALL_1: begin
                                    LED[7:0] = 8'b00000000;
                                end
        BALL_1: begin
                                                LED[7:0] = 8'b00000000;
                                            end
&lt;/code&gt;&lt;/pre&gt;</t>
  </si>
  <si>
    <t>2016-02-21 18:03:02.783000+00:00</t>
  </si>
  <si>
    <t>2016-02-23 20:04:18.600000+00:00</t>
  </si>
  <si>
    <t>formatting|verilog|vivado</t>
  </si>
  <si>
    <t>Symfony functional test transaction issue</t>
  </si>
  <si>
    <t>&lt;p&gt;I'm developing some functional tests for a symfony2 app.&lt;/p&gt;
&lt;p&gt;I am facing a problem: when executing a test alone it works fine and leave the database in it's initial state.&lt;/p&gt;
&lt;p&gt;But if I execute the whole serie, this test will not be isolated anymore as the database transaction seems to fail to rollback the modifications.&lt;/p&gt;
&lt;p&gt;I initialize my tests with fixtures, and then for each tests, if I do some modifications I just use a transaction to rollback them at the end of the test.&lt;/p&gt;</t>
  </si>
  <si>
    <t>2014-05-27 09:36:14.443000+00:00</t>
  </si>
  <si>
    <t>2016-12-29 14:52:11.383000+00:00</t>
  </si>
  <si>
    <t>symfony|phpunit|functional-testing</t>
  </si>
  <si>
    <t>Upgrade extension with custom project types</t>
  </si>
  <si>
    <t>&lt;p&gt;I have extension with custom project type. This project is in VS 2012, based on MPF12 and everything is working fine. I am trying to upgrade it to VS 2013 project. Upgrading goes fine, but when I run the project and try to create project of my custom type I get the following error:
&lt;img src="https://i.stack.imgur.com/s8rfJ.png" alt="enter image description here"&gt;&lt;/p&gt;
&lt;p&gt;Exception occured in class &lt;code&gt;Microsoft.VisualStudio.Project.Automation.OAProject&lt;/code&gt; in &lt;code&gt;ConfigurationManager&lt;/code&gt; property getter in this line of code:
&lt;code&gt;ErrorHandler.ThrowOnFailure(extensibility.GetConfigMgr(this.project.InteropSafeIVsHierarchy, VSConstants.VSITEMID_ROOT, out configurationManagerAsObject));&lt;/code&gt;
Exception message:
The input IVsHierarchy is not expected, please ensure to pass the correct IVsHierarchy object. A common mistake would be the stub proxy was passed when the method was invoked on a background thread.&lt;/p&gt;
&lt;p&gt;And after exception code come back in class &lt;code&gt;Microsoft.VisualStudio.Project.ProjectFactory&lt;/code&gt; in method &lt;code&gt;CreateProject&lt;/code&gt; in this line:
&lt;code&gt;int hr = aggregateProjectFactory.CreateAggregateProject(guidsList, fileName, location, name, flags, ref projectGuid, out project);&lt;/code&gt; hr is assgined to -2147024809 and after that transformed to exception which is saying about frameworkName.&lt;/p&gt;
&lt;p&gt;I couldnt find information about where should I define this frameworkName. Project is defined using .vstemplate template file.&lt;/p&gt;
&lt;p&gt;Here is sample application: &lt;a href="http://ge.tt/394l48U1/v/0" rel="nofollow noreferrer"&gt;http://ge.tt/394l48U1/v/0&lt;/a&gt;. To run it go to &lt;code&gt;\Samples\CSharp&lt;/code&gt; folder. &lt;code&gt;CustomProject&lt;/code&gt; is the original sample project, it is working fine. &lt;code&gt;CustomProjectUnzipppp&lt;/code&gt; - changed project, whihc is using .vstemplate - got error there.&lt;/p&gt;</t>
  </si>
  <si>
    <t>2014-03-19 12:30:11.480000+00:00</t>
  </si>
  <si>
    <t>2014-03-27 18:43:52.877000+00:00</t>
  </si>
  <si>
    <t>c#|visual-studio-2013|visual-studio-extensions</t>
  </si>
  <si>
    <t>Random generation of fields using restrictions</t>
  </si>
  <si>
    <t>&lt;p&gt;I would like to randomly fill the fields in a form, e.g. a driving license form. I can easily generate the values, but they usually doesn't make any sense. For example, the ending date of the form is randomly set before the starting date of the form. Is there any AI approach to generate randomly this fields using restrictions? How can I represent this restrictions? Can I use semantic nets?&lt;/p&gt;</t>
  </si>
  <si>
    <t>2012-10-03 14:40:29.323000+00:00</t>
  </si>
  <si>
    <t>2012-10-03 16:25:24.310000+00:00</t>
  </si>
  <si>
    <t>2012-10-03 15:02:43.930000+00:00</t>
  </si>
  <si>
    <t>artificial-intelligence</t>
  </si>
  <si>
    <t>how to set a jComponent automatically get the parent size when it resized manually?</t>
  </si>
  <si>
    <t>&lt;p&gt;I am developing swing application and there I am having JTabpain on top of a JPanel. But when it running if I re-size it manually The Tab-pane will stay as the same. Won't get the size of the parent panel. My layout is group layout. Can some one tell me how to overcome this?  &lt;/p&gt;
&lt;p&gt;&lt;strong&gt;Before re-sizing&lt;/strong&gt;
&lt;img src="https://i.stack.imgur.com/hVLWO.jpg" alt="enter image description here"&gt;&lt;/p&gt;
&lt;p&gt;&lt;strong&gt;After re-sizing&lt;/strong&gt;
&lt;img src="https://i.stack.imgur.com/L9Q4d.jpg" alt="enter image description here"&gt;&lt;/p&gt;
&lt;p&gt;Thanks.&lt;/p&gt;
&lt;p&gt;&lt;strong&gt;Edit:&lt;/strong&gt;&lt;/p&gt;
&lt;p&gt;My code of this:&lt;/p&gt;
&lt;pre&gt;&lt;code&gt;public class BaseFrame extends javax.swing.JFrame {
    // Variables declaration - do not modify                     
    private javax.swing.JLabel jLabel1;
    private javax.swing.JLabel jLabel2;
    private javax.swing.JLabel jLabel3;
    private javax.swing.JPanel jPanel3;
    private javax.swing.JPanel jPanel4;
    private javax.swing.JTextField jTextField1;
    private javax.swing.JTabbedPane tabPane;
    // End of variables declaration
    public BaseFrame() {
        initComponents();
    }
    private void initComponents() {
        this.setVisible(true);
        jPanel3 = new javax.swing.JPanel();
        jLabel2 = new javax.swing.JLabel();
        jLabel1 = new javax.swing.JLabel();
        jTextField1 = new javax.swing.JTextField();
        jLabel3 = new javax.swing.JLabel();
        jPanel4 = new javax.swing.JPanel();
        tabPane = new javax.swing.JTabbedPane();
        setDefaultCloseOperation(javax.swing.WindowConstants.EXIT_ON_CLOSE);
        setBackground(new java.awt.Color(0, 0, 0));
        jPanel3.setBackground(new java.awt.Color(0, 0, 0));
        jLabel2.setIcon(new javax.swing.ImageIcon(getClass().getResource("/images/Arcade_logo.JPG"))); // NOI18N
        jLabel1.setIcon(new javax.swing.ImageIcon(getClass().getResource("/images/title.JPG"))); // NOI18N
        jLabel3.setIcon(new javax.swing.ImageIcon(getClass().getResource("/images/Windows_Live_Search_logo.png"))); // NOI18N
        javax.swing.GroupLayout jPanel3Layout = new javax.swing.GroupLayout(jPanel3);
        jPanel3.setLayout(jPanel3Layout);
        jPanel3Layout.setHorizontalGroup(
            jPanel3Layout.createParallelGroup(javax.swing.GroupLayout.Alignment.LEADING)
            .addGroup(javax.swing.GroupLayout.Alignment.TRAILING, jPanel3Layout.createSequentialGroup()
                .addComponent(jLabel2)
                .addPreferredGap(javax.swing.LayoutStyle.ComponentPlacement.RELATED)
                .addComponent(jLabel1, javax.swing.GroupLayout.PREFERRED_SIZE, 406, javax.swing.GroupLayout.PREFERRED_SIZE)
                .addPreferredGap(javax.swing.LayoutStyle.ComponentPlacement.RELATED, javax.swing.GroupLayout.DEFAULT_SIZE, Short.MAX_VALUE)
                .addComponent(jLabel3)
                .addGap(18, 18, 18)
                .addComponent(jTextField1, javax.swing.GroupLayout.PREFERRED_SIZE, 154, javax.swing.GroupLayout.PREFERRED_SIZE)
                .addContainerGap())
        );
        jPanel3Layout.setVerticalGroup(
            jPanel3Layout.createParallelGroup(javax.swing.GroupLayout.Alignment.LEADING)
            .addGroup(jPanel3Layout.createSequentialGroup()
                .addGap(47, 47, 47)
                .addGroup(jPanel3Layout.createParallelGroup(javax.swing.GroupLayout.Alignment.LEADING, false)
                    .addComponent(jLabel3, javax.swing.GroupLayout.DEFAULT_SIZE, 24, Short.MAX_VALUE)
                    .addComponent(jTextField1))
                .addContainerGap(javax.swing.GroupLayout.DEFAULT_SIZE, Short.MAX_VALUE))
            .addGroup(jPanel3Layout.createSequentialGroup()
                .addGroup(jPanel3Layout.createParallelGroup(javax.swing.GroupLayout.Alignment.LEADING)
                    .addComponent(jLabel2)
                    .addComponent(jLabel1, javax.swing.GroupLayout.PREFERRED_SIZE, 124, javax.swing.GroupLayout.PREFERRED_SIZE))
                .addGap(0, 10, Short.MAX_VALUE))
        );
        tabPane.setToolTipText("");
        tabPane.setAutoscrolls(true);
        tabPane.setInheritsPopupMenu(true);
        tabPane.setName("Tab"); 
        JPanel homePanel = new JPanel();
        tabPane.add("Home" , homePanel);
        JPanel aUPCPanel = new JPanel();
        tabPane.add("Assemble Your PC" , aUPCPanel);
        JPanel pCPanel = new JPanel();
        tabPane.add("PC" , pCPanel);
        JPanel laptopPanel = new JPanel();
        tabPane.add("LapTop" , laptopPanel);
        JPanel usPanel = new JPanel();
        tabPane.add("About us" , usPanel);
        javax.swing.GroupLayout jPanel4Layout = new javax.swing.GroupLayout(jPanel4);
        jPanel4.setLayout(jPanel4Layout);
        jPanel4Layout.setHorizontalGroup(
            jPanel4Layout.createParallelGroup(javax.swing.GroupLayout.Alignment.LEADING)
            .addGroup(jPanel4Layout.createSequentialGroup()
                .addComponent(tabPane, javax.swing.GroupLayout.PREFERRED_SIZE, 786, javax.swing.GroupLayout.PREFERRED_SIZE)
                .addGap(0, 0, Short.MAX_VALUE))
        );
        jPanel4Layout.setVerticalGroup(
            jPanel4Layout.createParallelGroup(javax.swing.GroupLayout.Alignment.LEADING)
            .addGroup(javax.swing.GroupLayout.Alignment.TRAILING, jPanel4Layout.createSequentialGroup()
                .addComponent(tabPane, javax.swing.GroupLayout.DEFAULT_SIZE, 534, Short.MAX_VALUE)
                .addContainerGap())
        );
        tabPane.getAccessibleContext().setAccessibleName("");
        javax.swing.GroupLayout layout = new javax.swing.GroupLayout(getContentPane());
        getContentPane().setLayout(layout);
        layout.setHorizontalGroup(
            layout.createParallelGroup(javax.swing.GroupLayout.Alignment.LEADING)
            .addComponent(jPanel3, javax.swing.GroupLayout.DEFAULT_SIZE, javax.swing.GroupLayout.DEFAULT_SIZE, Short.MAX_VALUE)
            .addComponent(jPanel4, javax.swing.GroupLayout.DEFAULT_SIZE, javax.swing.GroupLayout.DEFAULT_SIZE, Short.MAX_VALUE)
        );
        layout.setVerticalGroup(
            layout.createParallelGroup(javax.swing.GroupLayout.Alignment.LEADING)
            .addGroup(layout.createSequentialGroup()
                .addComponent(jPanel3, javax.swing.GroupLayout.PREFERRED_SIZE, javax.swing.GroupLayout.DEFAULT_SIZE, javax.swing.GroupLayout.PREFERRED_SIZE)
                .addPreferredGap(javax.swing.LayoutStyle.ComponentPlacement.RELATED)
                .addComponent(jPanel4, javax.swing.GroupLayout.DEFAULT_SIZE, javax.swing.GroupLayout.DEFAULT_SIZE, Short.MAX_VALUE))
        );
        pack();
    }
}
&lt;/code&gt;&lt;/pre&gt;</t>
  </si>
  <si>
    <t>2013-12-05 10:50:53.683000+00:00</t>
  </si>
  <si>
    <t>2013-12-05 10:55:10.127000+00:00</t>
  </si>
  <si>
    <t>Partly object update</t>
  </si>
  <si>
    <t>&lt;p&gt;How to partly of update the object?&lt;/p&gt;
&lt;p&gt;For example create object "project":&lt;/p&gt;
&lt;pre&gt;&lt;code&gt;curl -X POST -H "Content-Type:application/json" -d '
{ "name":"Project 1", "number": 123 }
' localhost:8080/myapp/projects
{
  "id" : 79,
  "number" : "123",
  "name" : "Project 1",
  "_links" : {
    "self" : {
      "href" : "http://localhost:8080/myapp/projects/79"
    },
    "project" : {
      "href" : "http://localhost:8080/myapp/projects/79"
    }
  }
}
&lt;/code&gt;&lt;/pre&gt;
&lt;p&gt;And update this project:&lt;/p&gt;
&lt;pre&gt;&lt;code&gt;curl -i -X PUT -H "Content-Type:application/json" -d '
{ "number": 124 }
' localhost:8080/myapp/projects/79
{
  "id" : 79,
  "number" : "124",
  "name" : null,
  "_links" : {
    "self" : {
      "href" : "http://localhost:8080/myapp/projects/79"
    },
    "project" : {
      "href" : "http://localhost:8080/myapp/projects/79"
    }
  }
}
&lt;/code&gt;&lt;/pre&gt;
&lt;p&gt;The property "name" now is null.
How to set old-value object property if this property not set in update request?&lt;/p&gt;
&lt;p&gt;I'm use @RepositoryRestResource annotation for ProjectRepository to direct Spring MVC to create RESTful endpoints at /projects&lt;/p&gt;</t>
  </si>
  <si>
    <t>2016-05-01 09:49:52.237000+00:00</t>
  </si>
  <si>
    <t>2016-05-01 11:49:33.333000+00:00</t>
  </si>
  <si>
    <t>spring|spring-mvc|spring-rest</t>
  </si>
  <si>
    <t>Convert string to color for objects</t>
  </si>
  <si>
    <t>&lt;p&gt;I am wondering how to convert string to a colour I have already set in c#? I have a class which sets a colour from a list and the colour variable name is set as a string. I have objects set as the colour but I am wondering how to set the colours using a colour converter for other objects, I realise this description is poor so hopefully my image will help explain more. Also hopefully someone can help me :)&lt;/p&gt;
&lt;p&gt;Image 1 is my current output&lt;/p&gt;
&lt;p&gt;&lt;strong&gt;Image 1&lt;/strong&gt;
&lt;a href="https://i.stack.imgur.com/jFGp9.png" rel="nofollow noreferrer"&gt;&lt;img src="https://i.stack.imgur.com/jFGp9.png" alt="enter image description here"&gt;&lt;/a&gt;&lt;/p&gt;
&lt;p&gt;I want the colours under the "Zone legend" to be the same as the "Sequence Stratigraphy"&lt;/p&gt;
&lt;p&gt;My Code for the colour setting of the sequence straigraphy  is below along with my code for the zone legend&lt;/p&gt;
&lt;p&gt;&lt;strong&gt;Sequence Stratigraphy Colours&lt;/strong&gt;&lt;/p&gt;
&lt;pre&gt;&lt;code&gt;internal static class ZoneColorizer
{
    public static void Colorize(ZoneDto[] zones)
    {
        Color[] colorsToChooseFrom = new Color[] { Colors.DarkSlateGray, Colors.DarkBlue, Colors.DarkRed, Colors.DarkCyan, Colors.DarkGoldenrod, Colors.DarkGreen, Colors.DarkMagenta };
        byte colorIndex = 0;
        foreach (var zone in zones)
        {
            var color = colorsToChooseFrom[colorIndex];
            var zoneColor = Color.FromArgb(128, color.R, color.G, color.B);
            zone.ColourCode = zoneColor.ToString();
            colorIndex++;
            byte subzoneNumber = 50;
            byte totalSubZones = (byte)zone.Subzones.LongLength;
            byte multipler = (byte)(200 / totalSubZones);
            foreach (var subzone in zone.Subzones)
            {
                var subZoneColor = Color.FromArgb(subzoneNumber, color.R, color.G, color.B);
                subzone.ColourCode = subZoneColor.ToString();
                subzoneNumber+= multipler;
            }
        }
    }
}
&lt;/code&gt;&lt;/pre&gt;
&lt;p&gt;&lt;strong&gt;Zone Legend code&lt;/strong&gt;&lt;/p&gt;
&lt;pre&gt;&lt;code&gt;private List&amp;lt;Color&amp;gt; colours;
    public ObservableCollection&amp;lt;string&amp;gt; Zones { get; set; }
    public LegendControl()
    {
        colours = new List&amp;lt;Color&amp;gt;() { Colors.DarkSlateGray, Colors.DarkBlue, Colors.DarkRed, Colors.DarkCyan, Colors.DarkGoldenrod, Colors.DarkGreen, Colors.DarkMagenta };
        InitializeComponent();
        Zones = new ObservableCollection&amp;lt;string&amp;gt;();
        DataContext = Zones;
    }
    public void Bind(ZoneDto[] zones)
    {
        int zoneNumber = 0;
        int rowNumber = 0;
        byte subzoneNumber = 0;
        byte totalsubZones = 0;
        Zones.Clear();
        foreach (var zone in zones)
       {
            Color zoneColor = GetColour(zoneNumber);
            var zonerectangle = CreateZoneRectangle(zone, rowNumber, zoneColor);
            Grid1.Children.Add(zonerectangle);
            var zoneName = CreateZoneName(zone, rowNumber);
            Grid1.Children.Add(zoneName);
            zoneNumber++;
            foreach (var subzone in zone.Subzones)
            {
                totalsubZones++;
                Grid1.RowDefinitions.Add(new RowDefinition());
                Color subzoneColor = GetGradeColour(subzoneNumber, totalsubZones, zoneColor);
                var subzoneRectangle = CreateSubZoneRectangle(subzone, rowNumber, subzoneColor);
                Grid1.Children.Add(subzoneRectangle);
                var subzoneName = CreateSubZoneName(subzone, rowNumber);
                Grid1.Children.Add(subzoneName);
                subzoneNumber++;
                rowNumber++;
            }
        }
    }
    private Rectangle CreateZoneRectangle(ZoneDto zone, int rowNumber, Color zoneColour)
    {
        var rectangle = new Rectangle
        {
            Fill = new SolidColorBrush(zoneColour),
            Margin = new Thickness(2)
        };
        int rowSpan = 0;
        foreach (var subzone in zone.Subzones)
        {
            rowSpan++;
        }
        rectangle.SetValue(Grid.RowProperty, rowNumber);
        rectangle.SetValue(Grid.ColumnProperty, 0);
        rectangle.SetValue(Grid.RowSpanProperty, rowSpan);
        return rectangle;
    }
    private TextBlock CreateZoneName(ZoneDto zone, int rowNumber)
    {
        Zones.Clear();
        var textblock = new TextBlock
        {
            Text = zone.Name,  
            RenderTransformOrigin = new Point(0.5, 0.5),
            LayoutTransform = new RotateTransform(270),
            VerticalAlignment = System.Windows.VerticalAlignment.Center,
            HorizontalAlignment = System.Windows.HorizontalAlignment.Center
        };
        int rowSpan = 0;
        foreach (var subzon in zone.Subzones)
        {
            rowSpan++;
        }
        textblock.SetValue(Grid.RowProperty, rowNumber);
        textblock.SetValue(Grid.ColumnProperty, 0);
        textblock.SetValue(Grid.RowSpanProperty, rowSpan);
        return textblock;
    }
    private Rectangle CreateSubZoneRectangle(ZoneDto subzone, int rowNumber, Color subzoneColor)
    {
        var rectangle = new Rectangle
        {
            Fill = new SolidColorBrush(subzoneColor),
            Margin = new Thickness(2)
        };
        rectangle.SetValue(Grid.RowProperty, rowNumber);
        rectangle.SetValue(Grid.ColumnProperty, 1);
        return rectangle;
    }
    private TextBlock CreateSubZoneName(ZoneDto subzone, int rowNumber)
    {
        var textblock = new TextBlock
        {
            Text = subzone.Name,
            VerticalAlignment = System.Windows.VerticalAlignment.Center,
            HorizontalAlignment = System.Windows.HorizontalAlignment.Center
        };
        textblock.SetValue(Grid.RowProperty, rowNumber);
        textblock.SetValue(Grid.ColumnProperty, 1);
        return textblock;
    }
    private Color GetColour(int zoneNumber)
    {
        var numOfColours = colours.Count;
        if (zoneNumber &amp;gt;= numOfColours)
        {
            return colours[zoneNumber % numOfColours];
        }
        return colours[zoneNumber];
    }
    private Color GetGradeColour(byte subzoneNumber, byte totalsubZones, Color zoneColour)
    {
        byte multipler = (byte)(200 / totalsubZones);
        byte a = (byte)((subzoneNumber + 1) * multipler);
        return Color.FromArgb(a, zoneColour.R, zoneColour.G, zoneColour.B);
    }
&lt;/code&gt;&lt;/pre&gt;
&lt;p&gt;&lt;strong&gt;the code for the ZoneDto&lt;/strong&gt;&lt;/p&gt;
&lt;pre&gt;&lt;code&gt;public class GridDataDto
{
    public WellDto[] Wells { get; set; }
    public ZoneDto[] Zones { get; set; }
    public string[] Facies { get; set; }
    public CellDto MinLimits { get; set; }
    public CellDto MaxLimits { get; set; }
}
public class ZoneDto
{
    public string Name { get; set; }
    public ZoneDto[] Subzones { get; set; }
    public int MinK { get; set; }
    public int MaxK { get; set; }
    public string ColourCode { get; set; }
}
public class WellDto
{
    public string Name { get; set; }
    public double X { get; set; }
    public double Y { get; set; }
}
public class CellDto
{
    public double X { get; set; }
    public double Y { get; set; }
    public double Z { get; set; }
    public int I { get; set; }
    public int J { get; set; }
    public int K { get; set; }
}
&lt;/code&gt;&lt;/pre&gt;</t>
  </si>
  <si>
    <t>2015-11-13 14:28:06.710000+00:00</t>
  </si>
  <si>
    <t>2015-11-13 14:50:23.837000+00:00</t>
  </si>
  <si>
    <t>c#|colors|converter</t>
  </si>
  <si>
    <t>boost regex pattern for special characters</t>
  </si>
  <si>
    <t>&lt;p&gt;Does anyone know how to make boost pattern for special characters in c++ ?&lt;/p&gt;
&lt;p&gt;That means not only &lt;code&gt;("[A-Za-z0-9 \\s]*")&lt;/code&gt;&lt;/p&gt;
&lt;p&gt;but &lt;code&gt;_ + - \ ) \\ ( . | ]&lt;/code&gt; etc. as well so for example string like this:&lt;/p&gt;
&lt;p&gt;&lt;code&gt;"hello world \\has (special.characters) + defined_with[boost]"&lt;/code&gt; is valid&lt;/p&gt;
&lt;p&gt;but&lt;/p&gt;
&lt;p&gt;&lt;code&gt;"!hello world \\has (special.characters) + defined_with[boost]"&lt;/code&gt; is not valid&lt;/p&gt;
&lt;p&gt;to be more specific, something like this:&lt;/p&gt;
&lt;pre&gt;&lt;code&gt;string input;
getline(cin,input);
boost::regex pattern1 ("[a-zA-Z0-9 \\s \\_ \\+ \\- \\\ \\) \\\\ \\( \\. \\| ]*");
if (!regex_match (input, pattern1))
    {
    cout &amp;lt;&amp;lt; "invalid input" &amp;lt;&amp;lt; endl;
    }
    else
        cout &amp;lt;&amp;lt; input &amp;lt;&amp;lt; " - is valid" &amp;lt;&amp;lt; endl;
&lt;/code&gt;&lt;/pre&gt;
&lt;hr&gt;
&lt;p&gt;I will appreciate any help you can provide&lt;/p&gt;</t>
  </si>
  <si>
    <t>2013-03-21 12:57:49.737000+00:00</t>
  </si>
  <si>
    <t>2014-01-11 14:39:54.583000+00:00</t>
  </si>
  <si>
    <t>c++|regex|boost</t>
  </si>
  <si>
    <t>Python 3: Converting image to grayscale</t>
  </si>
  <si>
    <t>&lt;p&gt;I'm trying to do an exercise in John Zelle's "Python Programming: An Introduction to Computer Science". I downloaded a special graphics package for his book (&lt;a href="http://mcsp.wartburg.edu/zelle/python/" rel="nofollow"&gt;graphics.py&lt;/a&gt;, which is on the linked website). The question reads as follows:&lt;/p&gt;
&lt;p&gt;Write a program that converts a color image to grayscale. The user supplies the name of a file containing a GIF or PPM image, and the program loads the image and displays the file. At the click of the mouse, the program converts the image to grayscale. The user is then prompted for a filename to store the grayscale image in.&lt;/p&gt;
&lt;p&gt;You will probably want to go back and review the Image object from the graphics library (Section 4.8.4). The basic idea for converting the image is to go through it pixel by pixel and convert each one from color to an appropriate shade of gray. A gray pixel created by setting its red, green, and blue components to have the same brightness. So, &lt;code&gt;color_rgb(0, 0, 0)&lt;/code&gt; is black, &lt;code&gt;color_rgb(255, 255, 255)&lt;/code&gt; is white, and &lt;code&gt;color_rgb(127, 127, 127)&lt;/code&gt; is a gray "halfway" in between. You should use a weighted average of the original rgb values to determine the brightness of the gray. Here is the pseudocode for the grayscale algorithm [for some reason the four-space indent is not working on preview]:&lt;/p&gt;
&lt;pre&gt;&lt;code&gt;for each row in the image:  
    for each column in the image:  
        r, g, b = get pixel information for current row and column  
        brightness = int(round(0.299r + 0.587g + 0.114b))  
    update the image # to see progress row by row
&lt;/code&gt;&lt;/pre&gt;
&lt;p&gt;Note: the pixel operations in the &lt;code&gt;Image&lt;/code&gt; class are rather slow, so you will want to use relatively small images (&lt;em&gt;not&lt;/em&gt; 12 megapixels) to test your program.&lt;/p&gt;
&lt;hr&gt;
&lt;p&gt;I've been working on this for hours. This is the latest version of my code:&lt;/p&gt;
&lt;pre&gt;&lt;code&gt;# grayscale.py
from graphics import *
def main():  
    infileName = input("File name: ")  
    outfileName = input("Save to: ")
    image = Image(Point(100,100), infileName)
    width = image.getWidth()
    height = image.getHeight()
    win = GraphWin("rgb")
    image.draw(win)
    row = 0
    column = 0
    win.getMouse()
    for row in range(200):
        for column in range(200):
            r, g, b = image.getPixel(row, column)
            brightness = int(round(0.299 * r + 0.587 * g + 0.114 * b))
            image.setPixel(row, column, color_rgb(brightness, brightness, brightness))
            win.update()
    win.getMouse()
    win.close()
main()
&lt;/code&gt;&lt;/pre&gt;
&lt;hr&gt;
&lt;p&gt;I finally got it so Python's not giving me any error messages. But all the program does is load the image, take a couple of mouse clicks, and then close. I've been entering the input file as U:\My Pictures\yay.gif, and the output file as U:\My Pictures\yay2.gif. But I just searched my computer and U:\My Pictures\yay2.gif doesn't exist. What am I doing wrong? This is NOT for a class by the way--there's no instructor for me to ask.&lt;/p&gt;
&lt;p&gt;Maybe I should follow up in the post instead. I added the save function, but I got an image with a 200x200 grayscale box and the rest of it in color. So, here are some lines I changed:&lt;/p&gt;
&lt;pre&gt;&lt;code&gt;win = GraphWin("rgb", width, height)
for row in range(height):
    for column in range(width):
&lt;/code&gt;&lt;/pre&gt;
&lt;p&gt;And I get the following error message:
Traceback (most recent call last):&lt;br&gt;
  File "C:\Python31\grayscale.py", line 31, in &lt;br&gt;
        main()&lt;br&gt;
  File "C:\Python31\grayscale.py", line 22, in main&lt;br&gt;
        r, g, b = image.getPixel(row, column)&lt;br&gt;
  File "C:\Python31\lib\graphics.py", line 810, in getPixel&lt;br&gt;
        value = self.img.get(x,y)&lt;br&gt;
  File "C:\Python31\lib\tkinter_&lt;em&gt;init&lt;/em&gt;_.py", line 3301, in get&lt;br&gt;
        return self.tk.call(self.name, 'get', x, y)&lt;br&gt;
_tkinter.TclError: pyimage1 get: coordinates out of range  &lt;/p&gt;
&lt;p&gt;I understand that I probably need to change the anchor point of the image to the center. But I can only determine that by the image's width and height, and I have to have uploaded the image first to get those values. Is there a workaround?&lt;/p&gt;</t>
  </si>
  <si>
    <t>2010-09-28 17:07:20.687000+00:00</t>
  </si>
  <si>
    <t>2017-10-28 03:05:53.770000+00:00</t>
  </si>
  <si>
    <t>2011-09-29 14:23:49.680000+00:00</t>
  </si>
  <si>
    <t>python|graphics|python-3.x|iteration|grayscale</t>
  </si>
  <si>
    <t>Pattern Matching on `Data.Map` for Implementing `map`</t>
  </si>
  <si>
    <t>&lt;p&gt;I'm looking into how to implement &lt;code&gt;Data.Map#map&lt;/code&gt; to apply a function &lt;code&gt;f&lt;/code&gt; to each of a &lt;code&gt;Data.Map&lt;/code&gt;'s values.&lt;/p&gt;
&lt;p&gt;Let's consider &lt;code&gt;map'&lt;/code&gt; in Haskell on a &lt;code&gt;List&lt;/code&gt;:&lt;/p&gt;
&lt;pre&gt;&lt;code&gt;map' :: [a] -&amp;gt; (a -&amp;gt; b) -&amp;gt; [b]
map' [] _     = []
map' (x:xs) f = f x : map' xs f 
&lt;/code&gt;&lt;/pre&gt;
&lt;p&gt;Note that I can pattern match on &lt;code&gt;(x:xs)&lt;/code&gt; to recursively call &lt;code&gt;map' xs f&lt;/code&gt;.&lt;/p&gt;
&lt;p&gt;How can I pattern match to recursively apply &lt;code&gt;f&lt;/code&gt; to each of &lt;code&gt;Data.Map&lt;/code&gt;'s values?&lt;/p&gt;</t>
  </si>
  <si>
    <t>2014-06-11 02:04:12.870000+00:00</t>
  </si>
  <si>
    <t>2014-06-11 06:11:57.063000+00:00</t>
  </si>
  <si>
    <t>DotnetHighCharts - Multiple Charts positioned on one page</t>
  </si>
  <si>
    <t>&lt;p&gt;I have to display 3 charts, as part of a dashboard, on one page.&lt;/p&gt;
&lt;p&gt;The dotnetHighCharts demo project does include a "How to" for multiple charts.
This however seems to assume that the charts will simply be placed below each other.
My View has quite a bit of html formatting where I want to render the charts in containers.&lt;/p&gt;
&lt;p&gt;So in my Controller I have:&lt;/p&gt;
&lt;pre&gt;&lt;code&gt;public ActionResult Dashboard()
    {
        Highcharts chartLine = Chart_Line();
        Highcharts chartPie = Chart_Pie();
        return View(new Container(new[] { chartLine, chartPie }));
    }
&lt;/code&gt;&lt;/pre&gt;
&lt;p&gt;But instead of simply having this in my View:&lt;/p&gt;
&lt;pre&gt;&lt;code&gt;@model DotNet.Highcharts.Container
@(Model)
&lt;/code&gt;&lt;/pre&gt;
&lt;p&gt;I have to place the specific the charts on specific locations of my page.
So in my view I would have liked to do something like @(Model[1]) to display to display the 1st chart etc.&lt;/p&gt;
&lt;p&gt;I also tried creating a viewmodel:&lt;/p&gt;
&lt;pre&gt;&lt;code&gt;public class ChartsModel
{
    public Highcharts Chart1 { get; set; }
    public Highcharts Chart2 { get; set; }
    public Highcharts Chart3 { get; set; }
}
&lt;/code&gt;&lt;/pre&gt;
&lt;p&gt;Hoping that I would be able to do this in my View:&lt;/p&gt;
&lt;pre&gt;&lt;code&gt;&amp;lt;div&amp;gt; @model.Chart1 &amp;lt;/div&amp;gt;
&lt;/code&gt;&lt;/pre&gt;
&lt;p&gt;But that also doesn't seem possible.&lt;/p&gt;
&lt;p&gt;Anyway I can display multiple DotNetHighCharts on one page, while keeping control where to place them in the View?&lt;/p&gt;</t>
  </si>
  <si>
    <t>2014-06-18 12:25:44.567000+00:00</t>
  </si>
  <si>
    <t>2015-03-09 11:14:01.570000+00:00</t>
  </si>
  <si>
    <t>2014-06-18 12:52:32.777000+00:00</t>
  </si>
  <si>
    <t>asp.net-mvc|dotnethighcharts</t>
  </si>
  <si>
    <t>Cast as int or leave as string?</t>
  </si>
  <si>
    <t>&lt;p&gt;I'm wondering if there is any reason to cast my variable, which is returned from MySQL as a string, as an int. I'm updating some code and netbeans wants me to use === instead of ==. The problem is that === cares as much about the content as it does the type.&lt;/p&gt;
&lt;p&gt;I had: &lt;code&gt;if($user['user_state']==1){...}&lt;/code&gt;&lt;/p&gt;
&lt;p&gt;So I change it to this: &lt;code&gt;if($user['user_state']==="1"){...}&lt;/code&gt;&lt;/p&gt;
&lt;p&gt;or I can do this: &lt;code&gt;if((int)$user['user_state']===1){...}&lt;/code&gt;&lt;/p&gt;
&lt;p&gt;It doesn't make a difference to me if I've got an int or str. I certainly won't be doing any math with this particular variable. And since I'll have to rewrite my conditionals in any case, I'd rather do it the right way.&lt;/p&gt;
&lt;p&gt;So, I think my question is what is best practice? Or is this one of those wonderful questions whose answers will end happy marriages like single vs double quotes?&lt;/p&gt;</t>
  </si>
  <si>
    <t>2014-03-10 02:05:35.707000+00:00</t>
  </si>
  <si>
    <t>2014-03-10 02:35:54.897000+00:00</t>
  </si>
  <si>
    <t>php|mysqli</t>
  </si>
  <si>
    <t>Hide other emails while send email to multiple recepients or subscription list</t>
  </si>
  <si>
    <t>&lt;p&gt;I have below &lt;code&gt;EmailViewModel&lt;/code&gt;&lt;/p&gt;
&lt;pre&gt;&lt;code&gt;public class EmailViewModel 
{
  [Required(ErrorMessage = "Select atleast one email id")]
  public string[] EmailID {get;set;}
  public SelectList Emails{get;set;}
  //Other properties
}
&lt;/code&gt;&lt;/pre&gt;
&lt;p&gt;So with the above list of Emails, I have below part to add &lt;code&gt;to&lt;/code&gt; &lt;code&gt;smtp&lt;/code&gt; property into &lt;code&gt;RestSharp request&lt;/code&gt;&lt;/p&gt;
&lt;pre&gt;&lt;code&gt;foreach (var to in emodel.EmailID)
{
     request.AddParameter("to", to);
}
&lt;/code&gt;&lt;/pre&gt;
&lt;p&gt;Now, the only problem is when I send email to multiple recipients, the other email ids will be visible in &lt;code&gt;to&lt;/code&gt; list of each received recipient. I am aware that this can be done with &lt;code&gt;BCC&lt;/code&gt;, but since, the design given to add email ids for the user contains only &lt;code&gt;to&lt;/code&gt; field and thus all email id comes into one list. How can I go hiding these email id of other recipients? Should I add all the email id to the &lt;code&gt;bcc&lt;/code&gt; property instead of &lt;code&gt;to&lt;/code&gt; property or is there any other way to do this?&lt;/p&gt;
&lt;p&gt;&lt;strong&gt;Update&lt;/strong&gt;&lt;/p&gt;
&lt;p&gt;This is how I execute the email request.&lt;/p&gt;
&lt;pre&gt;&lt;code&gt;var resp = client.Execute(request);
&lt;/code&gt;&lt;/pre&gt;</t>
  </si>
  <si>
    <t>2016-06-22 12:57:55.257000+00:00</t>
  </si>
  <si>
    <t>2016-06-22 13:02:41.883000+00:00</t>
  </si>
  <si>
    <t>2016-06-22 13:01:58.673000+00:00</t>
  </si>
  <si>
    <t>c#|asp.net-mvc|email|restsharp|mailgun</t>
  </si>
  <si>
    <t>Linking back-end (MongoDB via Mongoose, on Express server in Node.js) to front-end (Bootstrap or Foundation) in a reactive way?</t>
  </si>
  <si>
    <t>&lt;p&gt;Is it possible to link:&lt;/p&gt;
&lt;ul&gt;
&lt;li&gt;&lt;p&gt;a back-end made with a MongoDB database, accessible with Mongoose in a server made in Node.js with Express;&lt;/p&gt;&lt;/li&gt;
&lt;li&gt;&lt;p&gt;a front-end made with Bootstrap or Foundation, that would be reactive to the queries to the database, for example: if I want to display data (images, links, texts) that comes from the database but, depending the query and the results given from the database, can have 3, 10 or 15 entries... I think of making a page that would look like Digg.com but with a number of articles displayed that would depend of what my database has at the moment the query is made, but still appear in a beautiful way on the webpage...&lt;/p&gt;&lt;/li&gt;
&lt;/ul&gt;</t>
  </si>
  <si>
    <t>2014-04-24 23:02:12.757000+00:00</t>
  </si>
  <si>
    <t>2014-04-24 23:19:43.373000+00:00</t>
  </si>
  <si>
    <t>javascript|node.js|mongodb|user-interface|frontend</t>
  </si>
  <si>
    <t>break, if following string is &lt;div&gt;</t>
  </si>
  <si>
    <t>&lt;p&gt;I want to find string after &lt;code&gt;#&lt;/code&gt; , I have a problem if &lt;code&gt;#a&lt;/code&gt; or &lt;code&gt;#a&amp;amp;nbsp;&amp;lt;div&amp;gt;..&lt;/code&gt;
are both working to return &lt;code&gt;a&lt;/code&gt;, but if &lt;code&gt;#a&amp;lt;div&amp;gt;..&lt;/code&gt; will return &lt;code&gt;a&amp;lt;div&amp;gt;&lt;/code&gt;.  &lt;/p&gt;
&lt;p&gt;how to avoid if following string is &lt;code&gt;&amp;lt;div&amp;gt;&lt;/code&gt; or &lt;code&gt;&amp;lt;br&amp;gt;&lt;/code&gt; or &lt;code&gt;&amp;lt;p&amp;gt;&lt;/code&gt; than just break, 
e.g&lt;br&gt;
&lt;code&gt;#a&amp;lt;div&amp;gt;bc&lt;/code&gt; - &lt;code&gt;a&lt;/code&gt;  &lt;/p&gt;
&lt;p&gt;&lt;a href="https://regex101.com/r/xD1vN0/1" rel="nofollow"&gt;https://regex101.com/r/xD1vN0/1&lt;/a&gt;&lt;/p&gt;
&lt;pre&gt;&lt;code&gt;var re = /#([^#\s]*)/g;
&lt;/code&gt;&lt;/pre&gt;</t>
  </si>
  <si>
    <t>2016-05-05 10:33:25.373000+00:00</t>
  </si>
  <si>
    <t>2016-05-15 21:54:48.510000+00:00</t>
  </si>
  <si>
    <t>Forcing table to save using vba</t>
  </si>
  <si>
    <t>&lt;p&gt;So I have a bit weird problem. I need to insert values into freshly created multivalue lookup field. The only problem is that such empty column doesn't have its &lt;code&gt;.Value&lt;/code&gt; parameter. I've noticed that opening the table, changing &lt;strong&gt;anything&lt;/strong&gt; which then will force the pop-up "You need to save this table, blah blah...". And after saving it, even if it's still empty (sic!) the property &lt;code&gt;.Value&lt;/code&gt; in a field appears.&lt;/p&gt;
&lt;p&gt;I need to do all this using VBA, I tried doing&lt;/p&gt;
&lt;p&gt;&lt;code&gt;DoCmd.Open("tablename")
DoCmd.Save("tablename")&lt;/code&gt;&lt;/p&gt;
&lt;p&gt;to force saving it after creation, but VBA complains about syntax, even though every example that I found was using exactly those lines of code.&lt;/p&gt;
&lt;p&gt;Maybe there's another way to force appearing &lt;code&gt;.Value&lt;/code&gt; rather than trying to force saving table? I'm clueless ATM.&lt;/p&gt;
&lt;h2&gt;----&lt;/h2&gt;
&lt;p&gt;&lt;strong&gt;EDIT:&lt;/strong&gt;&lt;br&gt;
I managed to solve it. Instead of DAO VBA instructions, I just opened the table in the design view, saved it, closed the table.&lt;/p&gt;
&lt;p&gt;The (in this case) huge difference was opening it in the design view instead of simple datasheet view.&lt;/p&gt;
&lt;p&gt;Saving the table in those two views produces two different results (with or w/o the &lt;em&gt;.Value&lt;/em&gt; property).&lt;/p&gt;</t>
  </si>
  <si>
    <t>2014-06-02 13:23:40.877000+00:00</t>
  </si>
  <si>
    <t>2014-06-06 13:18:51.517000+00:00</t>
  </si>
  <si>
    <t>vba|ms-access|access-vba|ms-access-2007</t>
  </si>
  <si>
    <t>Different Log4j file paths for each webapp</t>
  </si>
  <si>
    <t>&lt;p&gt;I'm trying to use different logs for each webapp. I've multiples applications in the same server and I need to load this directory from a properties file.&lt;/p&gt;
&lt;p&gt;Each web app loads a property file with this keys/values (X it's the app's name, different for all):&lt;/p&gt;
&lt;pre&gt;&lt;code&gt;app=APP.X
logPath=C://logs
&lt;/code&gt;&lt;/pre&gt;
&lt;p&gt;I have added a log4j.properties file in each webapp project with all parameters that I need except the log's path (log4j.properties)&lt;/p&gt;
&lt;pre&gt;&lt;code&gt;# Root logger option
log4j.rootLogger=INFO, stdout, file
# Redirect log messages to console
log4j.appender.stdout=org.apache.log4j.ConsoleAppender
log4j.appender.stdout.Target=System.out
log4j.appender.stdout.layout=org.apache.log4j.PatternLayout
log4j.appender.stdout.layout.ConversionPattern=%d{yyyy-MM-dd HH:mm:ss} %-5p %c:%M:%L - %m%n
# Redirect log messages to a log file, support file rolling.
log4j.appender.file=org.apache.log4j.DailyRollingFileAppender
log4j.appender.file.encoding=UTF-8
log4j.appender.file.layout=org.apache.log4j.PatternLayout
log4j.appender.file.layout.ConversionPattern=%d{yyyy-MM-dd HH:mm:ss} %-5p %c:%M:%L - %m%n
#log4j.appender.file.MaxBackupIndex=8
log4j.appender.file.DatePattern='.'yyyy-MM
&lt;/code&gt;&lt;/pre&gt;
&lt;p&gt;I have created a Java class in my util jar that implements ApplicationListener and adds the key log4j.appender.file.File (Log4jContextListener.java)&lt;/p&gt;
&lt;pre&gt;&lt;code&gt;    public class Log4jContextListener implements ApplicationListener&amp;lt;ContextStartedEvent&amp;gt;
{
    @Value("${rutaLogs}")
    private String rutaLogs;
    @Value("${app}")
    private String app;
    private Logger log = Logger.getLogger(getClass());
    @Override
    public void onApplicationEvent(ContextStartedEvent arg0)
    {
        Properties props = new Properties();
        InputStream strm = null;
        try
        {
            System.out.println("LOADING APP: " + app);
            strm = Log4jContextListener.class.getClassLoader().getResourceAsStream("log4j.properties");
            props.load(strm);
            if (props != null)
                log.info("PROP: " + props.getProperty("log4j.appender.file.layout"));
            props.put("log4j.appender.file.File", logPath+ app + File.separator + app + ".log");
        }
        catch (IOException propsLoadIOE)
        {
            throw new Error("can't load logging config file", propsLoadIOE);
        }
        finally
        {
            try
            {
                strm.close();
            }
            catch (IOException configCloseIOE)
            {
                throw new Error("error closing logging config file", configCloseIOE);
            }
        }
        // props.put("webAppRoot", event.getServletContext().getRealPath("/"));
        PropertyConfigurator.configure(props);
    }
}
&lt;/code&gt;&lt;/pre&gt;
&lt;p&gt;And each web app adds a bean with this declaration in the applicationContext.xml&lt;/p&gt;
&lt;pre&gt;&lt;code&gt;&amp;lt;!--    Listener to initialize LOG4J --&amp;gt;
    &amp;lt;bean id="log4jConfigurationListener" class="com.framework.listeners.Log4jContextListener" /&amp;gt;
&lt;/code&gt;&lt;/pre&gt;
&lt;p&gt;The log's folders and files are creating right but the log traces are mixed, each webapp use only the latest location loaded. &lt;/p&gt;
&lt;p&gt;How can I do diferent in each wepapp context?&lt;/p&gt;
&lt;p&gt;PD: I have to do it reading from properties, I can't use environment vars.&lt;/p&gt;</t>
  </si>
  <si>
    <t>2015-11-02 15:43:06.353000+00:00</t>
  </si>
  <si>
    <t>2017-03-14 15:01:06.087000+00:00</t>
  </si>
  <si>
    <t>spring|log4j|environment</t>
  </si>
  <si>
    <t>unable to get right position of texBox in Thumb of seekbar</t>
  </si>
  <si>
    <t>&lt;p&gt;I am working in android. I am designing a seekbar. I added thumb there. It is showing at right place. &lt;/p&gt;
&lt;p&gt;But at that thumb I want to show progress in text box. For this I am using this code:&lt;/p&gt;
&lt;pre&gt;&lt;code&gt;int xPos = ((seekbar.getRight() - seekbar.getLeft()) * seekbar.getProgress()) /
            seekbar.getMax();
&lt;/code&gt;&lt;/pre&gt;
&lt;p&gt;But this x coordinate is not exact. It is a little bit different.&lt;/p&gt;
&lt;p&gt;Please suggest me what should I do for this.&lt;/p&gt;</t>
  </si>
  <si>
    <t>2012-02-07 11:46:23.300000+00:00</t>
  </si>
  <si>
    <t>2012-06-18 17:59:36.837000+00:00</t>
  </si>
  <si>
    <t>2012-02-07 11:59:03.993000+00:00</t>
  </si>
  <si>
    <t>android|seekbar</t>
  </si>
  <si>
    <t>i got some error xpression #9 of SELECT list is not in GROUP BY clause and contains nonaggregated column</t>
  </si>
  <si>
    <t>&lt;p&gt;Expression #9 of SELECT list is not in GROUP BY clause and contains nonaggregated column 'nilai.b.id_nilai' which is not functionally dependent on columns in GROUP BY clause; this is incompatible with sql_mode=only_full_group_by&lt;/p&gt;
&lt;pre&gt;&lt;code&gt;$x['sudah']=$this-&amp;gt;db-&amp;gt;query("select * from siswa a, nilai b where a.id_siswa=b.id_siswa group by b.id_siswa");
&lt;/code&gt;&lt;/pre&gt;</t>
  </si>
  <si>
    <t>2018-05-18 03:40:42.640000+00:00</t>
  </si>
  <si>
    <t>get a boolean value for a specific button being clicked</t>
  </si>
  <si>
    <t>&lt;p&gt;I'm working on a music player using Javascript/JQuery but I don't quite get how to write out the conditions. The way I want to set it up is &lt;/p&gt;
&lt;pre&gt;&lt;code&gt;    if(currentSong is paused AND the play button is clicked){
         //do something
    }else if(currentSong is playing AND pause button is clicked){
         //do something else
    }
&lt;/code&gt;&lt;/pre&gt;
&lt;p&gt;So far I have,&lt;/p&gt;
&lt;pre&gt;&lt;code&gt;    var togglePlayButton = function(){
            var $playPauseButton = $('.main .play-pause');
            if(currentSong.isPaused() &amp;amp;&amp;amp; $playPauseButton.html(playButton).clicked == true){
                  //do something
            }else if(currentSong &amp;amp;&amp;amp; $playPauseButton.html(pauseButton).clicked == true){
                 //do something else
            }
    }
     $(document).ready(function() {
         $playPauseButton.click(togglePlayButton);
     });
&lt;/code&gt;&lt;/pre&gt;
&lt;p&gt;What can I do to get a boolean value for the case of the play/pause being clicked? Thanks!&lt;/p&gt;</t>
  </si>
  <si>
    <t>2017-06-26 02:42:18.633000+00:00</t>
  </si>
  <si>
    <t>2017-06-26 07:31:42.797000+00:00</t>
  </si>
  <si>
    <t>2017-06-26 03:00:25.167000+00:00</t>
  </si>
  <si>
    <t>javascript|jquery|click</t>
  </si>
  <si>
    <t>theintern calling /__intern/client.htm in URL</t>
  </si>
  <si>
    <t>&lt;p&gt;I want to run intern tests locally with selenium-standalone both of which i installed through npm.&lt;/p&gt;
&lt;p&gt;when i go to run the tests -&gt; "./node_modules/.bin/intern-runner" config=./pmictests/test/bit/GAT/internEx/intern&lt;/p&gt;
&lt;p&gt;the browser starts but the url goes to &lt;a href="http://localhost:8585/__intern/client.html?config=.%2Fpmictests%2Ftest%2Fbit%2FGAT%2FinternEx%2Fintern&amp;amp;basePath" rel="nofollow noreferrer"&gt;http://localhost:8585/__intern/client.html?config=.%2Fpmictests%2Ftest%2Fbit%2FGAT%2FinternEx%2Fintern&amp;amp;basePath&lt;/a&gt;&lt;/p&gt;
&lt;p&gt;As in the _intern/client.html? is not what i want 
why is this happening? i'm trying to get my head around it but been stuck on this problem for a while. &lt;/p&gt;
&lt;p&gt;my config file looks like this:
define({&lt;/p&gt;
&lt;pre&gt;&lt;code&gt;proxyPort: 9515,
proxyUrl: 'http://localhost:8585/',
tunnel: 'NullTunnel',
useSauceConnect: false,
capabilities: {
    'fixSessionCapabilities' : false,
    'selenium-version': '2.35.0',
    'idle-timeout': 36
},
environments: [
    { browserName: 'chrome' }
],
maxConcurrency: 3,
useSauceConnect: false,
webdriver: {
    host: 'localhost',
    port: 4444
},
suites: [ './tests/test/' ],
excludeInstrumentation: /^(?:tests|node_modules)\//
&lt;/code&gt;&lt;/pre&gt;
&lt;p&gt;});&lt;/p&gt;</t>
  </si>
  <si>
    <t>2017-04-20 13:15:44.773000+00:00</t>
  </si>
  <si>
    <t>2017-04-20 14:35:30.477000+00:00</t>
  </si>
  <si>
    <t>user7813528</t>
  </si>
  <si>
    <t>selenium|automated-tests|intern|ui-testing|web-testing</t>
  </si>
  <si>
    <t>Why do the return value of the first and second calls of image field accessor differ?</t>
  </si>
  <si>
    <t>&lt;p&gt;The first call of the accessor of the image field of a &lt;code&gt;BlobWrapper&lt;/code&gt; returns None and the second call returns a &lt;code&gt;BlobWrapper&lt;/code&gt;. Some hint?&lt;/p&gt;
&lt;pre class="lang-python prettyprint-override"&gt;&lt;code&gt;In [1]: id = app.Plone.invokeFactory('Image', 'myimage', title='MyImage')
In [2]: image=app.Plone[id]
In [3]: blobWrapper=image.getBlobWrapper()
In [4]: accessor=blobWrapper.getField('image').getAccessor(blobWrapper)
In [5]: accessor()
In [6]: accessor()
Out[6]: &amp;lt;plone.app.blob.field.BlobWrapper at 0xa35a194&amp;gt;
&lt;/code&gt;&lt;/pre&gt;</t>
  </si>
  <si>
    <t>2014-03-12 12:50:59.957000+00:00</t>
  </si>
  <si>
    <t>2014-03-26 14:49:25.340000+00:00</t>
  </si>
  <si>
    <t>2014-03-14 16:00:11.010000+00:00</t>
  </si>
  <si>
    <t>python|plone|archetypes</t>
  </si>
  <si>
    <t>Is there a way to check connections in pool from C# code?</t>
  </si>
  <si>
    <t>&lt;p&gt;I am developing an obfuscation tool that basically hammers a DB, on a dedicated SQL server (used only for this tool), to retrieve records, perform some data manipulation and then update those records.  This is all being done with LINQ to SQL.  I am using tasks and parallel loops to run as many updates as possible, concurrently.  All SQL is done from the same connection string.  Originally I used the default max connection pool size (100) assuming it would be enough.  It seems after running for a few hours (as this tool is updating millions of records), it starts to puke as it cannot establish a connection.  After looking into the connection pool, I noticed that I had reached my limit of 100.  Therefore I increased the limit to 200.  This is working much better however one of my processes (failed to mention this runs in a couple of processes) ends up failing after about 3 hours.  The connection pool did not seem overused and I am therefore left scratching my head.  I have checked numerous areas in my code to ensure all connections are being disposed, which they are.  I even moved all connection code to one central location so now the code only establishes connections from one location.  To rule out the idea of the connection pool being maxed out, I would like to use C# to query the pool to see the limit upon an exception when trying to connect.  Is this possible?  Does the framework have code to do this or will I be required to run a SQL stmt to determine this?&lt;/p&gt;
&lt;p&gt;FYI: I am using 4.0 and SQL 2008.&lt;/p&gt;
&lt;p&gt;Thanks in advance!&lt;/p&gt;</t>
  </si>
  <si>
    <t>2011-07-20 17:02:00.287000+00:00</t>
  </si>
  <si>
    <t>2011-07-21 18:27:07.687000+00:00</t>
  </si>
  <si>
    <t>sql-server-2008|c#-4.0</t>
  </si>
  <si>
    <t>Check duplicate key in database using hibernate</t>
  </si>
  <si>
    <t>&lt;blockquote&gt;
  &lt;p&gt;I design two method getRandomKey and checkduplicatekey and i need to
  know the duplicate key exist in database or not.If duplicate key exist
  then call generateRandomKey method again.In short need Unique key when
  calling generateRandomkey() method.&lt;/p&gt;
&lt;/blockquote&gt;
&lt;pre&gt;&lt;code&gt;String generateRandomKey() {
        int count = INT_TEN;
        StringBuilder builder = new StringBuilder();
        final String ALPHA_NUMERIC_STRING = "ABCDEFGHIJKLMNOPQRSTUVWXYZabcdefghijklmnopqrstuvwxyz0123456789";
        while (count-- != 0) {
            int character = (int) (Math.random() * ALPHA_NUMERIC_STRING.length());
            builder.append(ALPHA_NUMERIC_STRING.charAt(character));
        }
        String randomkey = builder.toString();
        boolean status = checkDuplicateRandomkey(randomkey);
        if (status==false) {
        }
        return randomkey;
    }
boolean checkDuplicateRandomkey(String randomkey){
        Boolean flag = false;
                Transaction transaction;
                Session session = HibernateUtil.currentSession();
                transaction = session.beginTransaction();
                try {
                    Criteria criteria = session.createCriteria(Employee.class);
                        criteria.add(Restrictions.eq("randomKey", randomkey));
                        criteria.setProjection(Projections.rowCount());
                    int count = ((Long) criteria.uniqueResult()).intValue();
                        transaction.commit();
                       if(count != 0){
                           System.out.println("present");
                           String randomKey=generateRandomKey();
                       }
                       else{
                           System.out.println("absent");
                           flag=false;
                       }
                } catch (Exception exception) {
                    logger.error("Exception : ", exception);
                } finally {
                    HibernateUtil.closeSession();
                }
                return flag;
&lt;/code&gt;&lt;/pre&gt;</t>
  </si>
  <si>
    <t>2016-08-01 10:14:02.603000+00:00</t>
  </si>
  <si>
    <t>2016-08-01 13:39:01.753000+00:00</t>
  </si>
  <si>
    <t>2016-08-01 10:19:32.183000+00:00</t>
  </si>
  <si>
    <t>java|database|hibernate|duplicates</t>
  </si>
  <si>
    <t>Warning: PDO::__construct() [pdo.--construct]: MySQL server has gone away , even with persistent connection</t>
  </si>
  <si>
    <t>&lt;p&gt;I used PDO in my application to work with MySQL. I have set its connection persistent. But when I'm switching between my IDE and browser to test the project, sometimes I get error below:  &lt;/p&gt;
&lt;blockquote&gt;
  &lt;p&gt;Warning: PDO::__construct() [pdo.--construct]: MySQL server has gone away in&lt;/p&gt;
&lt;/blockquote&gt;
&lt;p&gt;It's strange for me because:&lt;/p&gt;
&lt;ol&gt;
&lt;li&gt;It happens sometimes after a successful load of web page (with no error). So I can make sure that I had the connection in some previous minutes.&lt;/li&gt;
&lt;li&gt;I used persistent connection and I expect I don't lose connection to database.&lt;/li&gt;
&lt;/ol&gt;
&lt;p&gt;Please help me.&lt;/p&gt;</t>
  </si>
  <si>
    <t>2012-08-09 09:08:21.180000+00:00</t>
  </si>
  <si>
    <t>2012-08-09 09:22:56.767000+00:00</t>
  </si>
  <si>
    <t>mysql|pdo|connection|warnings|persistent</t>
  </si>
  <si>
    <t>C# how can i reset the position of labels?</t>
  </si>
  <si>
    <t>&lt;p&gt;so i have this set up to store the horizontal values:&lt;/p&gt;
&lt;pre&gt;&lt;code&gt;foreach (Label waitingCar in labels)
{
    int i = 0;
    carVal[i,0] = i + 1;
    int x = waitingCar.Left;  
    carVal[i, 0] = x;
    int y = waitingCar.Top;   
    carVal[i, 1] = y;
}
&lt;/code&gt;&lt;/pre&gt;
&lt;p&gt;Then i have this to reset the positions but it seems to reset them all to the same positions which seems to be 1,0 or something (the top left of the form) clearly the values either aren't being stored correctly or being read correctly.&lt;/p&gt;
&lt;pre&gt;&lt;code&gt;for (int i = 0; i &amp;lt;carVal.GetLength(0); i++)
{ 
  waitingCar.Location = new Point(carVal[i,0],carVal[i,1]);     
}
&lt;/code&gt;&lt;/pre&gt;
&lt;p&gt;For a bit of extra information my labels are waitingCar and waitingCar1 to 9.&lt;/p&gt;</t>
  </si>
  <si>
    <t>2016-05-27 15:19:44.653000+00:00</t>
  </si>
  <si>
    <t>2016-05-28 02:09:04.133000+00:00</t>
  </si>
  <si>
    <t>2016-05-27 15:37:53.130000+00:00</t>
  </si>
  <si>
    <t>python mock patch how to do it</t>
  </si>
  <si>
    <t>&lt;p&gt;I have a utility class A. Then a implementation class B which uses a method a() from class A. Now I want to unit test class B. But I want to replace the a() that it uses with a mock one.
How can I do that with mock/patch?&lt;/p&gt;
&lt;p&gt;Here is what I have tried, none of it worked:&lt;/p&gt;
&lt;pre&gt;&lt;code&gt;@mock.patch(MODULE_B_PATH.A)
def test(mock_A):
    mock_A.a.return_value = ""
    new B().run()
@mock.patch(MODULE_A_PATH):
def test(mock_A):
    mock_A.a.return_value = ""
    new B().run()
&lt;/code&gt;&lt;/pre&gt;</t>
  </si>
  <si>
    <t>2014-10-14 03:16:11.790000+00:00</t>
  </si>
  <si>
    <t>2014-10-14 03:48:37.977000+00:00</t>
  </si>
  <si>
    <t>python|unit-testing|mocking|patch</t>
  </si>
  <si>
    <t>Issue injecting external script with executeScript method in Cordova</t>
  </si>
  <si>
    <t>&lt;p&gt;I'm writing a dummy app to test how works the executeScript() method inside Cordova's InAppBrowser plugin. In particular, I'm trying to inject a javascript code inside one webview.&lt;/p&gt;
&lt;p&gt;Here there is my index.html file:&lt;/p&gt;
&lt;pre&gt;&lt;code&gt;&amp;lt;!DOCTYPE html&amp;gt;
&amp;lt;html&amp;gt;
    &amp;lt;head&amp;gt;
        &amp;lt;meta charset="utf-8" /&amp;gt;
        &amp;lt;meta name="format-detection" content="telephone=no" /&amp;gt;
        &amp;lt;meta name="viewport" content="user-scalable=no, initial-scale=1, maximum-scale=1, minimum-scale=1, width=device-width, height=device-height, target-densitydpi=device-dpi" /&amp;gt;
        &amp;lt;link rel="stylesheet" type="text/css" href="css/style.css" /&amp;gt;
        &amp;lt;script type="text/javascript" src="phonegap.js"&amp;gt;&amp;lt;/script&amp;gt;
        &amp;lt;script type="text/javascript" src="js/index.js"&amp;gt;&amp;lt;/script&amp;gt;
        &amp;lt;title&amp;gt;InAppBrowser Injection Test&amp;lt;/title&amp;gt;
    &amp;lt;/head&amp;gt;
    &amp;lt;body&amp;gt;
        &amp;lt;div class="app"&amp;gt;
            &amp;lt;h1&amp;gt;Testing Injection&amp;lt;/h1&amp;gt;
            &amp;lt;div id="deviceready" class="blink"&amp;gt;
                &amp;lt;p class="event listening"&amp;gt;Starting Mother WebView&amp;lt;/p&amp;gt;
                &amp;lt;div class="event received"&amp;gt;
                  &amp;lt;p&amp;gt;Device is Ready&amp;lt;/p&amp;gt;
                &amp;lt;/div&amp;gt;
            &amp;lt;/div&amp;gt;
        &amp;lt;/div&amp;gt;
        &amp;lt;script type="text/javascript"&amp;gt;
            app.initialize();
        &amp;lt;/script&amp;gt;
    &amp;lt;/body&amp;gt;
&amp;lt;/html&amp;gt;
&lt;/code&gt;&lt;/pre&gt;
&lt;p&gt;And the index.js file&lt;/p&gt;
&lt;pre&gt;&lt;code&gt;var app = {
    initialize: function() {
        this.bindEvents();
    },
    bindEvents: function() {
        document.addEventListener('deviceready', this.onDeviceReady, false);
    },
    onDeviceReady: function() {
        app.receivedEvent('deviceready');
        var ref = window.open('http://www.example.net', '_blank', 'location=yes ,toolbar=yes, EnableViewPortScale=yes');
        ref.addEventListener('loadstart', function(event) { alert('start: ' + event.url); });
        ref.addEventListener('loadstop', function() {
        //ref.executeScript({ code: "alert('Injected Code')" });
        ref.executeScript({ file: "externaljavascriptfile.js" });
        showalert();
        });
       ref.addEventListener('loaderror', function(event) { alert('error: ' + event.message); });
       ref.addEventListener('exit', function(event) { alert(event.type); });      
    },
    receivedEvent: function(id) {
        var parentElement = document.getElementById(id);
        var listeningElement = parentElement.querySelector('.listening');
        var receivedElement = parentElement.querySelector('.received');
        listeningElement.setAttribute('style', 'display:none;');
        receivedElement.setAttribute('style', 'display:block;');
        console.log('Received Event: ' + id);
   }
};
&lt;/code&gt;&lt;/pre&gt;
&lt;p&gt;and last the  externaljavascriptfile.js&lt;/p&gt;
&lt;pre&gt;&lt;code&gt; alert('External Injected Code');
&lt;/code&gt;&lt;/pre&gt;
&lt;p&gt;If I try to inject javascript code directly (i.e. uncommenting the line  "ref.executeScript({ code: "alert('Injected Code')" });" ) all works fine and the alert is triggered after the page load, but if I try to inject an external javascript (i.e. using the line "ref.executeScript({ file: "externaljavascriptfile.js" });", nothing happens.&lt;/p&gt;
&lt;p&gt;Am I missing something?&lt;/p&gt;</t>
  </si>
  <si>
    <t>2014-04-03 10:45:21.733000+00:00</t>
  </si>
  <si>
    <t>2018-10-09 01:19:35.170000+00:00</t>
  </si>
  <si>
    <t>2014-04-14 17:32:54.720000+00:00</t>
  </si>
  <si>
    <t>javascript|cordova|inappbrowser</t>
  </si>
  <si>
    <t>strip leading zeros in awk program</t>
  </si>
  <si>
    <t>&lt;p&gt;So I'm pretty lost as I missed a week and am playing catch up, but I'm to write an awk program to tell the difference, in days, between two dates.&lt;/p&gt;
&lt;p&gt;I'm more or less done with it, however it doesn't like it if the user inputs 01/01/YYYY when doing my data validation. I pull the 3 fields out of the arg then pass them to a function to validate.&lt;/p&gt;
&lt;p&gt;the part that's giving me trouble is, in my validation:&lt;/p&gt;
&lt;pre&gt;&lt;code&gt;if ( day &amp;gt; Days[month] ){
invalid stuff here
}
&lt;/code&gt;&lt;/pre&gt;
&lt;p&gt;where &lt;code&gt;Days[]&lt;/code&gt; is an array holding [1]=31, [2]=28 (or 29 if leap) etc.&lt;/p&gt;
&lt;p&gt;It hits true because Days[01] is not defined. I could go around it by defining a [01] as the same as [1] I suppose but I'd rather something more elegant.&lt;/p&gt;
&lt;p&gt;How can I strip the leading zeros, within the awk program, of the variable month? Everything I've found is for use in a shell script and invokes awk, but that doesn't really help me.&lt;/p&gt;
&lt;p&gt;Thanks for the help!&lt;/p&gt;</t>
  </si>
  <si>
    <t>2013-03-20 05:17:34.597000+00:00</t>
  </si>
  <si>
    <t>2015-07-22 17:46:49.870000+00:00</t>
  </si>
  <si>
    <t>2013-03-20 07:12:27.083000+00:00</t>
  </si>
  <si>
    <t>Is there any functions like REPT and UNICHAR in Tableau</t>
  </si>
  <si>
    <t>&lt;p&gt;Is there any functions like REPT and UNICHAR in Tableau..&lt;/p&gt;
&lt;p&gt;REPT and UNICHAR are available in Microsoft Excel.&lt;/p&gt;
&lt;p&gt;Is there any way to replicate the same functionality in Tableau ?&lt;/p&gt;</t>
  </si>
  <si>
    <t>2017-04-11 20:46:04.563000+00:00</t>
  </si>
  <si>
    <t>2017-04-12 16:17:46.160000+00:00</t>
  </si>
  <si>
    <t>How do I utilize dot notation when rendering components?</t>
  </si>
  <si>
    <t>&lt;p&gt;I have a simple component which is supposed to render different kind of fields into my form component:&lt;/p&gt;
&lt;pre&gt;&lt;code&gt;import React from "react";
export default class Field extends React.Component {
  render() {
    switch (this.props.type) {
      case 'textarea': {
        return (
          &amp;lt;div className="col-xs-12"&amp;gt;
            &amp;lt;textarea
              placeholder={this.props.placeholder}
              name={this.props.name}
            &amp;gt;
            &amp;lt;/textarea&amp;gt;
          &amp;lt;/div&amp;gt;
          )
      }
      case 'text': {
        return (
          &amp;lt;div className="col-md-6 col-lg-4"&amp;gt;
            &amp;lt;input
              type="text"
              placeholder={this.props.placeholder}
              name={this.props.name}
            /&amp;gt;
          &amp;lt;/div&amp;gt;
        )
      }
    }
  }
}
&lt;/code&gt;&lt;/pre&gt;
&lt;p&gt;And I'm using this component in my form component like this:&lt;/p&gt;
&lt;pre&gt;&lt;code&gt;export default class SubmitForm extends React.Component {
  render() {
    return (
        .
        .
        .
        &amp;lt;Field
          type="text"
          placeholder="something"
          name="something"
        /&amp;gt;
        &amp;lt;Field
          type="textarea"
          placeholder="another"
          name="othername"
        /&amp;gt;
        .
        .
        .
    )
  }
}
&lt;/code&gt;&lt;/pre&gt;
&lt;p&gt;What I have in mind is to somehow implement my field component to be able to use dot notation as explained in &lt;a href="https://facebook.github.io/react/docs/jsx-in-depth.html#using-dot-notation-for-jsx-type" rel="nofollow noreferrer"&gt;Using Dot Notation for JSX components&lt;/a&gt; which I have seen many other libraries and I want to be able to use this component like this:&lt;/p&gt;
&lt;pre&gt;&lt;code&gt;&amp;lt;Field.Text name="sth" placeholder="sth" /&amp;gt;
&amp;lt;Field.TextArea name="other" placeholder="other stuff" /&amp;gt; 
&lt;/code&gt;&lt;/pre&gt;
&lt;p&gt;But I can't do it the way mentioned in React docs. How can I do this?&lt;/p&gt;</t>
  </si>
  <si>
    <t>2017-07-05 04:07:28.680000+00:00</t>
  </si>
  <si>
    <t>2017-07-05 04:32:01.647000+00:00</t>
  </si>
  <si>
    <t>reactjs|ecmascript-6|react-jsx|es6-modules</t>
  </si>
  <si>
    <t>Where can I find a list of windows API constants</t>
  </si>
  <si>
    <t>&lt;p&gt;Every time I interact with dll's like the user32.dll I need constants like MF_REMOVE.
Is there a overview for all that constants or a c# library that constants all these constants?&lt;/p&gt;</t>
  </si>
  <si>
    <t>2009-04-05 14:10:23.353000+00:00</t>
  </si>
  <si>
    <t>2018-02-13 00:29:39.970000+00:00</t>
  </si>
  <si>
    <t>2009-06-21 21:59:34.220000+00:00</t>
  </si>
  <si>
    <t>Tarion</t>
  </si>
  <si>
    <t>c#|winapi|dll|constants</t>
  </si>
  <si>
    <t>How to read objects with sub-objects</t>
  </si>
  <si>
    <t>&lt;p&gt;I have an object with several sub-objects and I would like to retrieve all elements. 
When running the following code, I only retrieve part of the elements till the 'age' &lt;/p&gt;
&lt;p&gt;&lt;div class="snippet" data-lang="js" data-hide="false" data-console="true" data-babel="false"&gt;_x000D_
&lt;div class="snippet-code"&gt;_x000D_
&lt;pre class="snippet-code-js lang-js prettyprint-override"&gt;&lt;code&gt; var output = '';_x000D_
    _x000D_
    var main_table = {_x000D_
      animal: 'dog',_x000D_
      color:'black',_x000D_
      age: {_x000D_
                year:2016,_x000D_
                month:11,_x000D_
                day:1_x000D_
            },_x000D_
      race:'sheepdog',_x000D_
      parents: {_x000D_
                father:'Dad',_x000D_
       mother:'Mom'_x000D_
            }_x000D_
};_x000D_
    _x000D_
function test(main_table){_x000D_
    table=main_table;_x000D_
    for (var name in table) {_x000D_
      if (table.hasOwnProperty(name)) {_x000D_
        if (table[name]=="[object Object]") {_x000D_
          test(table[name]);_x000D_
        }_x000D_
        else {_x000D_
          output+=(name+' : '+table[name]+' ');_x000D_
        }_x000D_
      }_x000D_
    }_x000D_
    alert (output);_x000D_
}_x000D_
_x000D_
test(main_table)&lt;/code&gt;&lt;/pre&gt;_x000D_
&lt;/div&gt;_x000D_
&lt;/div&gt;_x000D_
&lt;/p&gt;
&lt;p&gt;Some help on it will be highly appreciated.&lt;/p&gt;</t>
  </si>
  <si>
    <t>2016-11-04 10:57:52.557000+00:00</t>
  </si>
  <si>
    <t>2016-11-04 12:53:55.467000+00:00</t>
  </si>
  <si>
    <t>2016-11-04 12:45:02.450000+00:00</t>
  </si>
  <si>
    <t>How can I set all bits to '1' in a binary number of an unknown size?</t>
  </si>
  <si>
    <t>&lt;p&gt;I'm trying to write a function in assembly (but lets assume language agnostic for the question).  &lt;/p&gt;
&lt;p&gt;How can I use bitwise operators to set all bits of a passed in number to 1?&lt;/p&gt;
&lt;p&gt;I know that I can use the bitwise "or" with a mask with the bits I wish to set, but I don't know how to construct a mask based off some a binary number of N size.&lt;/p&gt;</t>
  </si>
  <si>
    <t>2009-05-04 01:46:17.990000+00:00</t>
  </si>
  <si>
    <t>2009-05-04 02:39:39.203000+00:00</t>
  </si>
  <si>
    <t>Salacen</t>
  </si>
  <si>
    <t>bit-manipulation</t>
  </si>
  <si>
    <t>Difference between rethrowing a caught exception immediately and a throws declaration</t>
  </si>
  <si>
    <t>&lt;pre&gt;&lt;code&gt;public void init() throws SocketException
{
    try
    {
        socket = new DatagramSocket(4446);
    }
    catch (SocketException se)
    {
        throw se;
    }
}
&lt;/code&gt;&lt;/pre&gt;
&lt;p&gt;and &lt;/p&gt;
&lt;pre&gt;&lt;code&gt;public void init() throws SocketException
{
    socket = new DatagramSocket(4446);
}
&lt;/code&gt;&lt;/pre&gt;
&lt;ul&gt;
&lt;li&gt;Are the two chunks of code essentially the same or are they different in behavior to a caller who calls this init method?&lt;/li&gt;
&lt;li&gt;Will the exception received by caller of this method have same information and exactly same stack trace?&lt;/li&gt;
&lt;/ul&gt;</t>
  </si>
  <si>
    <t>2015-12-27 16:08:25.257000+00:00</t>
  </si>
  <si>
    <t>2015-12-27 23:11:29.467000+00:00</t>
  </si>
  <si>
    <t>2015-12-27 23:05:34.423000+00:00</t>
  </si>
  <si>
    <t>Build target tools path</t>
  </si>
  <si>
    <t>&lt;p&gt;I am currently packaging a nuget package for my &lt;a href="https://github.com/Toxantron/CGbR" rel="nofollow noreferrer"&gt;code generator project&lt;/a&gt; and I have gotten so far as to include an executable into the &lt;code&gt;tools&lt;/code&gt; directory and a build target into the process.&lt;/p&gt;
&lt;p&gt;Partial from the nuspec&lt;/p&gt;
&lt;pre&gt;&lt;code&gt;&amp;lt;files&amp;gt;
    &amp;lt;file src="cgbr.targets" target="build\cgbr.targets" /&amp;gt;
    &amp;lt;file src="cgbr.json" target="content\cgbr.json" /&amp;gt;
    &amp;lt;file src="..\bin\CGbR.Lib.dll" target="lib\CGbR.Lib.dll" /&amp;gt;
    &amp;lt;file src="..\bin\cgbr.exe" target="tools\cgbr.exe" /&amp;gt;
&amp;lt;/files&amp;gt;
&lt;/code&gt;&lt;/pre&gt;
&lt;p&gt;Content of the &lt;code&gt;cgbr.targets&lt;/code&gt; file&lt;/p&gt;
&lt;pre&gt;&lt;code&gt;&amp;lt;?xml version="1.0" encoding="utf-8" ?&amp;gt;
&amp;lt;Project xmlns="http://schemas.microsoft.com/developer/msbuild/2003"&amp;gt;
    &amp;lt;Target Name="BeforeBuild"&amp;gt;
        &amp;lt;Exec Command="cgbr.exe $(ProjectDir)"/&amp;gt;
    &amp;lt;/Target&amp;gt;
&amp;lt;/Project&amp;gt;
&lt;/code&gt;&lt;/pre&gt;
&lt;p&gt;Now when I install the package I see that it is included into the build process. Unfortunately the path to &lt;code&gt;cgbr.exe&lt;/code&gt; is invalid and I am a little stuck. Of course I could use &lt;code&gt;$(SolutionDir)packages\CGbR.0.3\tools\cgbr.exe&lt;/code&gt; but than I would have to modify it every time I change the version.&lt;/p&gt;
&lt;p&gt;To clarify: I need the path to my packages tools path.&lt;/p&gt;
&lt;p&gt;&lt;strong&gt;Edit:&lt;/strong&gt; Found a &lt;a href="https://stackoverflow.com/questions/24868812/how-can-i-find-executables-installed-by-nuget-packages"&gt;related post&lt;/a&gt;&lt;/p&gt;</t>
  </si>
  <si>
    <t>2016-04-16 23:52:50.400000+00:00</t>
  </si>
  <si>
    <t>2016-04-17 00:42:26.340000+00:00</t>
  </si>
  <si>
    <t>2017-05-23 12:09:40.720000+00:00</t>
  </si>
  <si>
    <t>msbuild|nuget|msbuild-target</t>
  </si>
  <si>
    <t>Merging messages using spring-integration</t>
  </si>
  <si>
    <t>&lt;p&gt;From a channel.&lt;/p&gt;
&lt;pre&gt;&lt;code&gt;&amp;lt;!-- messages missing a vital piece of information --&amp;gt;
&amp;lt;int:channel id="inChannel" /&amp;gt;
&lt;/code&gt;&lt;/pre&gt;
&lt;p&gt;I have an activator to read the messages.&lt;/p&gt;
&lt;pre&gt;&lt;code&gt;&amp;lt;!-- read the message and prepare an http request for the extra information --&amp;gt;
&amp;lt;int:service-activator 
    input-channel="inChannel"
    output-channel="additionalInformationOutChannel"
    ref="additionalInformationEndpointImpl"
    method="prepare" &amp;gt; 
&amp;lt;/int:service-activator&amp;gt;
&lt;/code&gt;&lt;/pre&gt;
&lt;p&gt;Now the original message is missing a vital piece of information.  The only way to get it is by requesting it from an external system via http.&lt;/p&gt;
&lt;pre&gt;&lt;code&gt;&amp;lt;!-- login --&amp;gt;
&amp;lt;int-http:outbound-gateway
      url="http://...login?username=...&amp;amp;password=..."
      http-method="..." /&amp;gt;
&amp;lt;!-- get information --&amp;gt;
&amp;lt;int-http:outbound-gateway
      url="http://...extraInfomration"
      http-method="GET"
      expected-response-type="java.lang.String"
      request-channel="additionalInformationOutChannel"  /&amp;gt;
&amp;lt;!-- logout --&amp;gt;
&amp;lt;int-http:outbound-gateway
      url="http://...logout?username=..."
      http-method="..." /&amp;gt;
&lt;/code&gt;&lt;/pre&gt;
&lt;p&gt;I need some way to combine the above http response with the original message so that I can update the original message with the additional information.&lt;/p&gt;
&lt;p&gt;Actually the process is as follows&lt;/p&gt;
&lt;ol&gt;
&lt;li&gt;Read message from &lt;code&gt;inChannel&lt;/code&gt;&lt;/li&gt;
&lt;li&gt;Login to external system via http&lt;/li&gt;
&lt;li&gt;Request information from external system as json payload via http&lt;/li&gt;
&lt;li&gt;Logout of external system via http&lt;/li&gt;
&lt;li&gt;Update the original message from &lt;code&gt;inChannel&lt;/code&gt; with some information from the json payload.&lt;/li&gt;
&lt;/ol&gt;
&lt;p&gt;How can I create a flow that links all the together?&lt;/p&gt;</t>
  </si>
  <si>
    <t>2015-04-02 01:45:34.087000+00:00</t>
  </si>
  <si>
    <t>2018-06-27 17:15:55.033000+00:00</t>
  </si>
  <si>
    <t>2015-04-02 01:55:50.990000+00:00</t>
  </si>
  <si>
    <t>Xcode Error when trying to build a React Native project on simulator or device</t>
  </si>
  <si>
    <t>&lt;p&gt;I've had some issues with permissions on the original react native app directory and decided to store my .js files in a separate folder as a backup and recreate the project in the same directory from scratch, hoping to solve the problem. &lt;/p&gt;
&lt;p&gt;The new react native project seems to have been created successfully as I was able to build and test in the simulator the basic app. I then re-imported my backed up .js files and linked a particular library i'm using in xcode as well. When I try to build the project from xcode now, to my iphone, I receive the error below:&lt;/p&gt;
&lt;pre&gt;&lt;code&gt;Undefined symbols for architecture armv7:
"_OBJC_CLASS_$_RCTEventEmitter", referenced from:
  _OBJC_CLASS_$_RCTKeyboardObserver in libReact.a(RCTKeyboardObserver.o)
"_OBJC_METACLASS_$_RCTEventEmitter", referenced from:
  _OBJC_METACLASS_$_RCTKeyboardObserver in libReact.a(RCTKeyboardObserver.o)
ld: symbol(s) not found for architecture armv7
clang: error: linker command failed with exit code 1 (use -v to see invocation)
&lt;/code&gt;&lt;/pre&gt;
&lt;p&gt;I looked around as well and found out some references mentioning that I might be missing a .m file but that seems a bit strange to me as I created this project from scratch, but could it be that things might have changed when I imported my .js files?&lt;/p&gt;
&lt;p&gt;I was also told to upgrade to react native 0.26 - the upgrade happened but the issue is still there.&lt;/p&gt;
&lt;p&gt;This app used to work before so I can't really find from where the issue is coming from.&lt;/p&gt;
&lt;p&gt;Any help will be greatly appreciated.&lt;/p&gt;
&lt;p&gt;Thanks!&lt;/p&gt;</t>
  </si>
  <si>
    <t>2016-05-31 21:04:23.163000+00:00</t>
  </si>
  <si>
    <t>2016-06-16 22:27:50.550000+00:00</t>
  </si>
  <si>
    <t>ios|xcode|react-native</t>
  </si>
  <si>
    <t>Tab management like in Chrome App</t>
  </si>
  <si>
    <t>&lt;p&gt;I want to manage my tabs/pages like in Chrome. I mean there will be a square icon in the actionbar which is showing the number of opened tabs/pages and If I click this, another activity or fragment will be open which includes the list of opened tabs/pages. &lt;/p&gt;
&lt;p&gt;My first question is; will those pages/tabs must be fragments or activity? Is there a best practice? They must be always alive and the user should be able to open it whenever he wants.&lt;/p&gt;
&lt;p&gt;And the second; I could not find any tutorial about this design. Can you suggest any?&lt;/p&gt;</t>
  </si>
  <si>
    <t>2016-12-07 14:22:53.247000+00:00</t>
  </si>
  <si>
    <t>2016-12-08 13:07:35.650000+00:00</t>
  </si>
  <si>
    <t>How to copy file from one folder to another in C#?</t>
  </si>
  <si>
    <t>&lt;p&gt;I have a back up folder and a main folder in my project. I am giving an option to user in main menu to open file from backup folder. For that i have written code:&lt;/p&gt;
&lt;pre&gt;&lt;code&gt;        string[] paths;
        string fullpath = "";
        paths = Directory.GetFiles(backuppath);
        foreach (string backupfilepath in paths)
        {
            if (path.EndsWith(".txt"))
                fullbackupfilepath = backupfilepath;
        }
&lt;/code&gt;&lt;/pre&gt;
&lt;p&gt;Here backuppath is the path of the backup file.
Now i copy this back up file in main project folder:            &lt;/p&gt;
&lt;pre&gt;&lt;code&gt;         File.Copy(fullbackupfilepath, mainprojectfilepath);
&lt;/code&gt;&lt;/pre&gt;
&lt;p&gt;But i get the error that Could not find file C:\Users\me\Desktop\csharpproject\bin\debug\BackupProject.txt&lt;/p&gt;
&lt;p&gt;Why is it going in bin debug folder when my project is in MyDocuments\Myproject. There is backupfolder inside this Myproject folder.
Please help with a solution.&lt;/p&gt;</t>
  </si>
  <si>
    <t>2011-06-16 08:00:41.720000+00:00</t>
  </si>
  <si>
    <t>2011-06-16 08:35:07.710000+00:00</t>
  </si>
  <si>
    <t>Cannot read property 0 of undefined</t>
  </si>
  <si>
    <t>&lt;p&gt;I have tried desperately to resolve this issue but still befuddled. Getting "Cannot read property 0 of undefined" error trying to pass array gallery[] which has photos as the first (0) index. &lt;/p&gt;
&lt;p&gt;I have verified that the array gallery does exist and in the correct format when I console.log it.  However, I am not sure why 2 console statements are returned with the first one being undefined and the second one being correct.&lt;/p&gt;
&lt;p&gt;Please see code snippets and screen capture below for details.  I will appreciate your help as I am completely lost.  This is the only aspect delaying completing my app dev.  Thanks&lt;/p&gt;
&lt;pre&gt;&lt;code&gt; &amp;lt;Text style={styles.sectionHeader}&amp;gt; Photo Galery&amp;lt;/Text&amp;gt;
          &amp;lt;View &amp;gt;
            {console.log(gallery)}
         {  
                &amp;lt;TouchableOpacity  &amp;gt;
                    &amp;lt;Image 
                        source={gallery[0].photos}
                        style={styles.navImageStyle}
                    /&amp;gt;
                &amp;lt;/TouchableOpacity&amp;gt;
        }
&lt;/code&gt;&lt;/pre&gt;
&lt;p&gt;Here's the screenshot with correct gallery object defined.  I have tried all kinds of ways to reference it in my image tag (even using source={{uri: gallery[0].photos}} but no luck.&lt;/p&gt;
&lt;p&gt;&lt;a href="https://i.stack.imgur.com/McGnt.png" rel="nofollow noreferrer"&gt;&lt;img src="https://i.stack.imgur.com/McGnt.png" alt="gallery object logged to the console"&gt;&lt;/a&gt;&lt;/p&gt;
&lt;p&gt;When I revise the image tag with source={gallery}, no images displayed at all even though I know that syntax is incomplete. See image below.&lt;/p&gt;
&lt;p&gt;&lt;a href="https://i.stack.imgur.com/4Dp9m.png" rel="nofollow noreferrer"&gt;&lt;img src="https://i.stack.imgur.com/4Dp9m.png" alt="screen missing images under Photo Gallery Heading"&gt;&lt;/a&gt;&lt;/p&gt;
&lt;p&gt;--- More  detail below per request -----
The gallery array is from a local data array (placesData) that is imported by code below. The code then imports gallery as a prop in a modal window (SiteDetails) upon button press&lt;/p&gt;
&lt;pre&gt;&lt;code&gt;import React, { Component } from 'react';
import { View, FlatList } from 'react-native';
import { ListItem, } from 'native-base';
import { placesData } from '../../data/placesData';
import Places from '../../data/Places';
import SiteDetails from '../SiteDetails';
export default class NavPlaces extends Component {
  constructor(props) {
    super(props);
    this.state = {
        setModalVisible: false,
        modalArticleData: {},
        error: null
    };
  }
_handleItemDataOnPress = articleData =&amp;gt; {
  this.setState({
    setModalVisible: true,
    modalArticleData: articleData
  });
};
_handleModalClose = () =&amp;gt; {
  this.setState({
    setModalVisible: false,
    modalArticleData: {}
  });
};
  render() {
    return (
        &amp;lt;View&amp;gt;
          &amp;lt;FlatList
              data={placesData}
              renderItem={({ item }) =&amp;gt; (
                  &amp;lt;ListItem style={{ marginLeft: 5,}}&amp;gt;
                      &amp;lt;Places  onPress={this._handleItemDataOnPress} data={item} /&amp;gt;               
                  &amp;lt;/ListItem&amp;gt;
              )}
              horizontal={true}
              keyExtractor={item =&amp;gt; item.id}
          /&amp;gt;
          &amp;lt;SiteDetails
            showModal={this.state.setModalVisible}
            articleData={this.state.modalArticleData}
            onClose={this._handleModalClose}
          /&amp;gt;
        &amp;lt;/View&amp;gt;
    );
  }
}
&lt;/code&gt;&lt;/pre&gt;
&lt;p&gt;SiteDetails&lt;/p&gt;
&lt;pre&gt;&lt;code&gt;import React, { Component } from "react";
import Icon from "react-native-vector-icons/FontAwesome";
import {
  FlatList,
  Dimensions,
  Modal,
  ScrollView,
  Share,
  TouchableOpacity, Image, Text, View,
} from "react-native";
import {
  Grid, Row, Col,
  Header,
  ListItem,
  Content,
  Container,
  Body,
  Left,
  Right,
  Title,
} from "native-base";
// import PlacePhoto from '../data/PlacePhoto';
// import NavGallery from "./Tabs/NavGallery";
// import {placesData} from '../data/placesData'
const webViewHeight = Dimensions.get("window").height - 56;
const deviceHeight = Dimensions.get('window').height;
const deviceWidth = Dimensions.get('window').width;
export default class SiteDetails extends Component {
  constructor(props) {
    super(props);
    this.data = props.data;
}
  _handleClose = () =&amp;gt; {
    return this.props.onClose();
  };
  _handleShare = (clickedLink, clickedTitle) =&amp;gt; {
    // const { link,title } = this.props.data;
    message = `${clickedTitle}\n\nRead more @\n${clickedLink.toString()}\n\nshared via MSU mobile`;
    return Share.share(
      { clickedTitle, message, url: message },
      { dialogTitle: `Share ${clickedTitle}` }
    );
  };
  render() {
    const { showModal, articleData } = this.props;
    const { image, title, subTitle, description,location, phone, credit, gallery } = articleData;
    // if (image !== undefined) {
      return (
        &amp;lt;Modal
          onRequestClose={this._handleClose}
          visible={showModal}
          transparent
          animationType="slide"
        &amp;gt;
          &amp;lt;Container
            style={{ margin: 0, marginBottom: 0, backgroundColor: "#ffffff" }}
          &amp;gt;
            &amp;lt;Content contentContainerStyle={{ height: webViewHeight }}&amp;gt;
              &amp;lt;Header
                style={{ backgroundColor: "#1b4383" }}
                iosBarStyle="light-content"
              &amp;gt;
                &amp;lt;Left&amp;gt;
                  &amp;lt;TouchableOpacity onPress={() =&amp;gt; this._handleClose()}&amp;gt;
                    &amp;lt;Icon
                      name="close"
                      style={{ fontSize: 25, color: "#f47937", paddingHorizontal: 10, }}
                    /&amp;gt;
                  &amp;lt;/TouchableOpacity&amp;gt;
                &amp;lt;/Left&amp;gt;
                &amp;lt;Body&amp;gt;
                  &amp;lt;Title
                    children={title}
                    style={{ color: "#ffffff" }}
                  /&amp;gt;
                &amp;lt;/Body&amp;gt;
                &amp;lt;Right&amp;gt;
                  &amp;lt;TouchableOpacity
                    // onPress={() =&amp;gt;
                    //   this._handleShare(articleData.link, articleData.title)
                    // }
                  &amp;gt;
                    &amp;lt;Icon
                      name="share-alt"
                      style={{ fontSize: 30, color: "#f47937", paddingHorizontal: 10, }}
                    /&amp;gt;
                  &amp;lt;/TouchableOpacity&amp;gt;
                &amp;lt;/Right&amp;gt;
              &amp;lt;/Header&amp;gt;
              &amp;lt;ScrollView&amp;gt;
                  &amp;lt;Image 
                    source={image}
                    style={styles.drawerCover}
                  /&amp;gt;
              &amp;lt;View style={{backgroundColor: 'black',  }}&amp;gt;
                  &amp;lt;Text style={styles.titleText}&amp;gt;{title}&amp;lt;/Text&amp;gt;
                  &amp;lt;View style={{ height: 16 }}/&amp;gt;
                  &amp;lt;Text style={styles.subTitleText}&amp;gt;{subTitle}&amp;lt;/Text&amp;gt;
                  &amp;lt;View style={{ height: 16 }}/&amp;gt;
                  &amp;lt;Grid&amp;gt;
                  &amp;lt;Row&amp;gt;
                      &amp;lt;Col style={{ flexDirection: 'row'}}&amp;gt;
                        &amp;lt;Icon 
                          name='map-o'
                          style={styles.iconStyle}
                        /&amp;gt;
                        &amp;lt;Text style={styles.subText}&amp;gt;location:&amp;lt;/Text&amp;gt;
                      &amp;lt;/Col&amp;gt;
                      &amp;lt;Col&amp;gt;
                        &amp;lt;Text style={styles.subText}&amp;gt;{location}&amp;lt;/Text&amp;gt;
                      &amp;lt;/Col&amp;gt;
                    &amp;lt;/Row&amp;gt;
                    &amp;lt;View style={{ height: 16 }}/&amp;gt;
                    &amp;lt;Row&amp;gt;
                      &amp;lt;Col style={{ flexDirection: 'row'}}&amp;gt;
                        &amp;lt;Icon 
                          name='phone'
                          style={styles.iconStyle}
                        /&amp;gt;
                        &amp;lt;Text style={styles.subText}&amp;gt;tel:&amp;lt;/Text&amp;gt;
                      &amp;lt;/Col&amp;gt;
                      &amp;lt;Col&amp;gt;
                        &amp;lt;Text style={styles.subText}&amp;gt;{phone}&amp;lt;/Text&amp;gt;
                      &amp;lt;/Col&amp;gt;
                    &amp;lt;/Row&amp;gt;
                    &amp;lt;View style={{ height: 16 }}/&amp;gt;
                    &amp;lt;Row&amp;gt;
                      &amp;lt;Col style={{ flexDirection: 'row'}}&amp;gt;
                        &amp;lt;Icon 
                          name='globe'
                          style={styles.iconStyle}
                        /&amp;gt;
                        &amp;lt;Text style={styles.subText}&amp;gt;Website:&amp;lt;/Text&amp;gt;
                      &amp;lt;/Col&amp;gt;
                      &amp;lt;Col&amp;gt;
                        &amp;lt;Text style={styles.subText}&amp;gt;&amp;lt;/Text&amp;gt;
                      &amp;lt;/Col&amp;gt;
                      &amp;lt;/Row&amp;gt;
                      &amp;lt;View style={{ height: 16 }}/&amp;gt;
                    &amp;lt;Row&amp;gt;
                      &amp;lt;Col style={{ flexDirection: 'row'}}&amp;gt;
                        &amp;lt;Icon 
                          name='pencil'
                          // name='creative-commons'
                          style={styles.iconStyle}
                        /&amp;gt;
                        &amp;lt;Text style={styles.subText}&amp;gt;Credit:&amp;lt;/Text&amp;gt;
                      &amp;lt;/Col&amp;gt;
                      &amp;lt;View style={{ height: 16 }}/&amp;gt;
                      &amp;lt;Col&amp;gt;
                        &amp;lt;Text style={styles.subText}&amp;gt;{credit}&amp;lt;/Text&amp;gt;
                      &amp;lt;/Col&amp;gt;
                      &amp;lt;/Row&amp;gt;
                  &amp;lt;/Grid&amp;gt;
              &amp;lt;/View&amp;gt;
              &amp;lt;Text style={styles.sectionHeader}&amp;gt; Photo Galery&amp;lt;/Text&amp;gt;
              &amp;lt;View &amp;gt;
                {console.log(gallery)}
             {  
                    &amp;lt;TouchableOpacity  &amp;gt;
                        &amp;lt;Image 
                            source={gallery}
                            style={styles.navImageStyle}
                        /&amp;gt;
                    &amp;lt;/TouchableOpacity&amp;gt;
            }
              &amp;lt;Text style={styles.sectionHeader}&amp;gt; Description &amp;lt;/Text&amp;gt;
              &amp;lt;Text style={styles.bodyText}&amp;gt; {description} &amp;lt;/Text&amp;gt;
              &amp;lt;/View&amp;gt;
              &amp;lt;/ScrollView&amp;gt;
            &amp;lt;/Content&amp;gt;
          &amp;lt;/Container&amp;gt;
        &amp;lt;/Modal&amp;gt;
      );
    // } else {
    //   return null;
    // }
  }
}
&lt;/code&gt;&lt;/pre&gt;
&lt;p&gt;placesData array:&lt;/p&gt;
&lt;pre&gt;&lt;code&gt;export const placesData = 
&lt;/code&gt;&lt;/pre&gt;
&lt;p&gt;[
    {
        id: 'a',
        image: require('../../assets/img/places/museum/slave/slavePic.jpg'),
        title: 'Slave Trade Museum',
        subTitle: 'One of many rare gems of history and education',
        location: 'Badagry, Lagos',
        phone: '',
        credit: 'The Freeman Institute',
        gallery:[
            {
                key: 'v1',
                photos: [
                      require('../../assets/img/places/museum/slave/abolitionCannon.jpg'),
                      require('../../assets/img/places/museum/slave/holdingCell.jpg'),
                      require('../../assets/img/places/museum/slave/slaveMarket.jpg'),
                      require('../../assets/img/places/museum/slave/slaveNoReturn.jpg'),
                      require('../../assets/img/places/museum/slave/bibleAtBadagry.jpg'),
                      require('../../assets/img/places/museum/slave/bridge.jpg'),
                ]&lt;br&gt;
            }
        ],
        description: 'Excerpts from Freeman Institute',&lt;/p&gt;
&lt;pre&gt;&lt;code&gt;},
{
    id: 'b',
    image: require('../../assets/img/places/parks/yankari.png'),
    title: 'Parks and WildLife',
    subTitle: 'Visit to this wildlife park will rejuvenate your mind and spirit',
    location: 'Jos, Lagos, Calabar, Abuja, etc',
    phone: '',
    credit: 'The Freeman Institute',
    gallery:[
        {
            id: 'v2',
            photos: [
                  require('../../assets/img/places/parks/ikogosi.png'),
                  require('../../assets/img/places/parks/abujaPark.png'),
                  require('../../assets/img/places/parks/raindeer.png'),
                  require('../../assets/img/places/parks/kainji.png'),
                  require('../../assets/img/places/parks/elephant.png'),
                  require('../../assets/img/places/parks/owuH2OFalls.png'),
            ]
        }
    ],
    description: 'Excerpts from online wiki',
},
{
    id: 'c',
    image: require('../../assets/img/places/resorts/badagry.png'),
    title: 'Resorts and Beaches',
    subTitle: 'Simply exquisite vacation sites, peaceful and beautiful beaches. Go on horseback riding or whatever suits you.',
    location: 'Lagos, Calabar, Abuja, etc',
    phone: '',
    credit: 'Online wiki',
    gallery:[
        {
            id: 'v3',
            photos: [
                  require('../../assets/img/places/resorts/funtopiaPark.png'),
                  require('../../assets/img/places/resorts/barBeach.png'),
                  require('../../assets/img/places/resorts/obudu.png'),
                  require('../../assets/img/places/resorts/funtopiaPark.png'),
                  require('../../assets/img/places/resorts/whisperingPalms.png'),
                  require('../../assets/img/places/resorts/tinapa.png'),
            ]
        }
    ],
    description: 'Excerpts from online wiki',
},
{
    id: 'd',
    image: require('../../assets/img/places/museum/museumBeni.png'),
    title: 'National Musuems',
    subTitle: 'Incredible museums of history and education with variety to enrich the minds.',
    location: 'Lagos, Jos, Kaduna, Enugu, Benin, etc',
    phone: '',
    credit: 'Ministry of Tourism',
    gallery:[
        {
            id: 'v4',
            photos: [
                  require('../../assets/img/places/museum/museumLagos.jpg'),
                  require('../../assets/img/places/museum/museumWar.jpg'),
                  require('../../assets/img/places/museum/museumKaduna.jpg'),
                  require('../../assets/img/places/museum/museumOwo.jpg'),
                  require('../../assets/img/places/museum/museumColonia.jpg'),
                  require('../../assets/img/places/museum/museumOwo.jpg'),
            ]
        }
    ],
    description: 'Excerpts from online wiki',
},
&lt;/code&gt;&lt;/pre&gt;
&lt;p&gt;]&lt;/p&gt;
&lt;pre&gt;&lt;code&gt;// export const placesData = 
// [
//     {
//         id: 'a',
//         image: require('../../assets/img/places/museum/slave/slavePic.jpg'),
//         title: 'Slave Trade Museum',
//         subTitle: 'One of many rare gems of history and education',
//         location: 'Badagry, Lagos',
//         phone: '',
//         credit: 'The Freeman Institute',
//         photos:{
//             key: 'a1',
//             pic1: require('../../assets/img/places/museum/slave/abolitionCannon.jpg'),
//             pic2: require('../../assets/img/places/museum/slave/holdingCell.jpg'),
//             pic3: require('../../assets/img/places/museum/slave/slaveMarket.jpg'),
//             pic4: require('../../assets/img/places/museum/slave/slaveNoReturn.jpg'),
//             pic5: require('../../assets/img/places/museum/slave/bibleAtBadagry.jpg'),
//             pic6: require('../../assets/img/places/museum/slave/bridge.jpg'),
//         },
//         description: 'Excerpts from Freeman Institute',
//     },
//     {
//         id: 'b',
//         image: require('../../assets/img/places/parks/yankari.png'),
//         title: 'Parks and WildLife',
//         subTitle: 'Visit to this wildlife park will rejuvenate your mind and spirit',
//         location: 'Jos, Lagos, Calabar, Abuja, etc',
//         phone: '',
//         credit: 'The Freeman Institute',
//         photos:{
//             key: 'b1',
//             pic1: require('../../assets/img/places/parks/ikogosi.png'),
//             pic2: require('../../assets/img/places/parks/abujaPark.png'),
//             pic3: require('../../assets/img/places/parks/raindeer.png'),
//             pic4: require('../../assets/img/places/parks/kainji.png'),
//             pic5: require('../../assets/img/places/parks/elephant.png'),
//             pic6: require('../../assets/img/places/parks/owuH2OFalls.png'),
//         },
//         description: 'Excerpts from online wiki',
//     },
//     {
//         id: 'c',
//         image: require('../../assets/img/places/resorts/badagry.png'),
//         title: 'Resorts and Beaches',
//         subTitle: 'Simply exquisite vacation sites, peaceful and beautiful beaches. Go on horseback riding or whatever suits you.',
//         location: 'Lagos, Calabar, Abuja, etc',
//         phone: '',
//         credit: 'Online wiki',
//         photos:{
//             key: 'c1',
//             pic1: require('../../assets/img/places/resorts/funtopiaPark.png'),
//             pic2: require('../../assets/img/places/resorts/barBeach.png'),
//             pic3: require('../../assets/img/places/resorts/obudu.png'),
//             pic4: require('../../assets/img/places/resorts/funtopiaPark.png'),
//             pic5: require('../../assets/img/places/resorts/whisperingPalms.png'),
//             pic6: require('../../assets/img/places/resorts/tinapa.png'),
//         },
//         description: 'Excerpts from online wiki',
//     },
//     {
//         id: 'd',
//         image: require('../../assets/img/places/museum/museumBeni.png'),
//         title: 'National Musuems',
//         subTitle: 'Incredible museums of history and education with variety to enrich the minds.',
//         location: 'Lagos, Jos, Kaduna, Enugu, Benin, etc',
//         phone: '',
//         credit: 'Ministry of ?',
//         photos:{
//             key: 'd1',
//             pic1: require('../../assets/img/places/museum/museumLagos.jpg'),
//             pic2: require('../../assets/img/places/museum/museumWar.jpg'),
//             pic3: require('../../assets/img/places/museum/museumKaduna.jpg'),
//             pic4: require('../../assets/img/places/museum/museumOwo.jpg'),
//             pic5: require('../../assets/img/places/museum/museumColonia.jpg'),
//             pic6: require('../../assets/img/places/museum/museumOwo.jpg'),
//         },
//         description: 'Excerpts from online wiki',
//     },
// ]
&lt;/code&gt;&lt;/pre&gt;</t>
  </si>
  <si>
    <t>2018-09-20 22:28:52.247000+00:00</t>
  </si>
  <si>
    <t>2018-09-21 12:57:33.053000+00:00</t>
  </si>
  <si>
    <t>arrays|react-native</t>
  </si>
  <si>
    <t>Socket.io how to send a message to anyone?</t>
  </si>
  <si>
    <t>&lt;p&gt;I'm doing my first app with socket.io and I want to send a message to any user. I know broadcast function, but I want to send a message to ANYONE. I've seeked and there's a way: using io.sockets.emit, but I don't know where I have to write that code because I'm using express on node.js and I receive in my function a socket (the current user).&lt;/p&gt;
&lt;p&gt;Thank you.&lt;/p&gt;</t>
  </si>
  <si>
    <t>2014-04-19 13:20:16.127000+00:00</t>
  </si>
  <si>
    <t>2016-10-21 10:39:59.490000+00:00</t>
  </si>
  <si>
    <t>2014-04-19 14:14:47.703000+00:00</t>
  </si>
  <si>
    <t>node.js|express|socket.io</t>
  </si>
  <si>
    <t>Error when I am using boost library</t>
  </si>
  <si>
    <t>&lt;p&gt;Im trying to use the library Boost but I can't compile any code .&lt;/p&gt;
&lt;p&gt;I install boost with follow commands in Linux mint &lt;/p&gt;
&lt;pre&gt;&lt;code&gt;$ sudo ./bootstrap.sh --prefix=/usr/local
$ sudo ./b2 install
&lt;/code&gt;&lt;/pre&gt;
&lt;p&gt;This is my program, I copy and paste from this site &lt;a href="https://en.wikibooks.org/wiki/C%2B%2B_Programming/Libraries/Boost" rel="nofollow noreferrer"&gt;https://en.wikibooks.org/wiki/C%2B%2B_Programming/Libraries/Boost&lt;/a&gt;&lt;/p&gt;
&lt;pre&gt;&lt;code&gt;#include &amp;lt;boost/thread/thread.hpp&amp;gt;
#include &amp;lt;iostream&amp;gt;
using namespace std;
void hello_world() 
{
  cout &amp;lt;&amp;lt; "Hello world, I'm a thread!" &amp;lt;&amp;lt; endl;
}
int main(int argc, char* argv[]) 
{
  // start two new threads that calls the "hello_world" function
  boost::thread my_thread1(&amp;amp;hello_world);
  boost::thread my_thread2(&amp;amp;hello_world);
  // wait for both threads to finish
  my_thread1.join();
  my_thread2.join();
  return 0;
}
&lt;/code&gt;&lt;/pre&gt;
&lt;p&gt;When you tried to compile it, this error occurs &lt;/p&gt;
&lt;pre&gt;&lt;code&gt;$ g++ -Wall -Wextra -g cppc.cpp -o test
cppc.cpp:32:14: warning: unused parameter ���argc��� [-Wunused-parameter]
 int main(int argc , char * argv[]){
              ^
cppc.cpp:32:33: warning: unused parameter ���argv��� [-Wunused-parameter]
 int main(int argc , char * argv[]){
                                 ^
/tmp/ccOvZcci.o: En la funci��n `__static_initialization_and_destruction_0(int, int)':
/usr/local/include/boost/system/error_code.hpp:206: referencia a `boost::system::generic_category()' sin definir
/usr/local/include/boost/system/error_code.hpp:208: referencia a `boost::system::generic_category()' sin definir
/usr/local/include/boost/system/error_code.hpp:210: referencia a `boost::system::system_category()' sin definir
/tmp/ccOvZcci.o: En la funci��n `boost::thread_exception::thread_exception(int, char const*)':
/usr/local/include/boost/thread/exceptions.hpp:51: referencia a `boost::system::generic_category()' sin definir
/tmp/ccOvZcci.o: En la funci��n `boost::detail::thread_data_base::thread_data_base()':
/usr/local/include/boost/thread/pthread/thread_data.hpp:152: referencia a `vtable for boost::detail::thread_data_base' sin definir
/tmp/ccOvZcci.o: En la funci��n `boost::thread::start_thread()':
/usr/local/include/boost/thread/detail/thread.hpp:186: referencia a `boost::thread::start_thread_noexcept()' sin definir
/tmp/ccOvZcci.o: En la funci��n `boost::thread::~thread()':
/usr/local/include/boost/thread/detail/thread.hpp:261: referencia a `boost::thread::detach()' sin definir
/tmp/ccOvZcci.o: En la funci��n `boost::thread::get_id() const':
/usr/local/include/boost/thread/detail/thread.hpp:751: referencia a `boost::thread::native_handle()' sin definir
/tmp/ccOvZcci.o: En la funci��n `boost::thread::join()':
/usr/local/include/boost/thread/detail/thread.hpp:777: referencia a `boost::thread::join_noexcept()' sin definir
/tmp/ccOvZcci.o: En la funci��n `boost::detail::thread_data&amp;lt;void (*)()&amp;gt;::~thread_data()':
/usr/local/include/boost/thread/detail/thread.hpp:90: referencia a `boost::detail::thread_data_base::~thread_data_base()' sin definir
/tmp/ccOvZcci.o:(.rodata._ZTIN5boost6detail11thread_dataIPFvvEEE[_ZTIN5boost6detail11thread_dataIPFvvEEE]+0x10): referencia a `typeinfo for boost::detail::thread_data_base' sin definir
collect2: error: ld returned 1 exit stat
&lt;/code&gt;&lt;/pre&gt;
&lt;p&gt;What I can do ?&lt;/p&gt;</t>
  </si>
  <si>
    <t>2017-11-21 03:15:43.483000+00:00</t>
  </si>
  <si>
    <t>2017-11-21 03:24:51.543000+00:00</t>
  </si>
  <si>
    <t>Why does Angular 2 have JiT compilation for templates?</t>
  </si>
  <si>
    <t>&lt;p&gt;What is the rationale behind having JiT compilation for Angular 2 HTML templates in the browser during run-time?&lt;/p&gt;
&lt;p&gt;I know, that &lt;a href="https://angular.io/docs/ts/latest/cookbook/aot-compiler.html" rel="nofollow noreferrer"&gt;&lt;strong&gt;Ahead-of-time compilation&lt;/strong&gt;&lt;/a&gt; exist to address this problem, and it improves the start-up performance drastically.&lt;/p&gt;
&lt;p&gt;I'm not asking if I should use JiT or AoT compilation.&lt;/p&gt;
&lt;p&gt;TypeScript compiler is capable of compiling &lt;a href="https://www.typescriptlang.org/docs/handbook/jsx.html" rel="nofollow noreferrer"&gt;&lt;strong&gt;JSX&lt;/strong&gt;&lt;/a&gt;, does that mean, that someday we are getting the same support for Angular 2 templates as a replacement for &lt;code&gt;@angular/compiler-cli&lt;/code&gt;?&lt;/p&gt;</t>
  </si>
  <si>
    <t>2016-09-27 10:23:54.730000+00:00</t>
  </si>
  <si>
    <t>2016-12-09 09:36:37.717000+00:00</t>
  </si>
  <si>
    <t>angular|jit|angular2-template|angular2-aot</t>
  </si>
  <si>
    <t>How to change the position of a comment box when hovered over it?</t>
  </si>
  <si>
    <t>&lt;p&gt;Ok, so I have changed the position of a comment box using VBA, but it only shows this new position when I click "edit/show comment".  Why does it not show this new position when I hover over the cell?&lt;/p&gt;</t>
  </si>
  <si>
    <t>2014-01-30 19:17:24.007000+00:00</t>
  </si>
  <si>
    <t>2014-01-30 20:17:44.730000+00:00</t>
  </si>
  <si>
    <t>pygame install without root</t>
  </si>
  <si>
    <t>&lt;p&gt;I'm on a university machine so I have no root access and I'm trying to use the drawing libraries from SimpleCV.&lt;/p&gt;
&lt;p&gt;As it is I have pygame installed &lt;em&gt;without&lt;/em&gt; font but the drawing functions appear to require that I have font available. With some googling I have found that sdl_font is the dependency and have compiled it into a folder in my home directory.&lt;/p&gt;
&lt;p&gt;My question is:
How do I convince pygame to recognise that library's location when installing?&lt;/p&gt;
&lt;p&gt;I've tried adding the lib directory under my sdl_font install directory to LD_LIBRARY_PATH to no avail.&lt;/p&gt;</t>
  </si>
  <si>
    <t>2012-01-24 18:51:19.860000+00:00</t>
  </si>
  <si>
    <t>2012-01-25 15:38:33.823000+00:00</t>
  </si>
  <si>
    <t>python|unix|opencv|pygame|simplecv</t>
  </si>
  <si>
    <t>Team explorer not loading Coded ui test in VSTS 2012 premium</t>
  </si>
  <si>
    <t>&lt;p&gt;I have VSTS 2012 premium in my system. I am using existing solution file. After opening existing project file I am not able to see load test in Team explorer in my VSTS 2012.Anything I have to update? But if I open new code dui test I am getting created test method in team explorer.
I updated VSTS 2012 update 3 also. Can you give me idea? How to load my existing order test file or test case in team explorer?&lt;/p&gt;</t>
  </si>
  <si>
    <t>2013-10-03 08:29:50.350000+00:00</t>
  </si>
  <si>
    <t>asp.net|.net|visual-studio-2012|coded-ui-tests</t>
  </si>
  <si>
    <t>Rails 4.1.0: undefined method `setup' for #&lt;ActiveRecord::Validations::UniquenessValidator</t>
  </si>
  <si>
    <t>&lt;p&gt;I'm experiencing the following error when updating my Rails-app from 4.0.0 to 4.1.0 (Ruby 2.3.1):&lt;/p&gt;
&lt;pre&gt;&lt;code&gt;undefined method `setup' for #&amp;lt;ActiveRecord::Validations::UniquenessValidator
&lt;/code&gt;&lt;/pre&gt;
&lt;p&gt;The corresponding code is:&lt;/p&gt;
&lt;pre&gt;&lt;code&gt;validator = ActiveRecord::Validations::UniquenessValidator.new({attributes: column, scope: scope})
    validator.setup(self.class)
    validator.validate(self)
&lt;/code&gt;&lt;/pre&gt;
&lt;p&gt;This error seems to be known when upgrading to Rails 4.2. In Rails 4.1 the setup method should only be deprecated, as a result I'm really confused now.
Trying to replace "setup" with "initialize" as recommended in &lt;a href="https://stackoverflow.com/questions/14670396/on-an-activemodel-object-how-do-i-check-uniqueness"&gt;this&lt;/a&gt; first answer's comment does not work (as I'm on Rails 4.1).&lt;/p&gt;
&lt;p&gt;I can reliably reproduce the error by up and downgrading between Rails 4.0.0 and Rails 4.1.0.&lt;/p&gt;
&lt;p&gt;Any help appreciated!&lt;/p&gt;</t>
  </si>
  <si>
    <t>2016-10-19 08:34:52.123000+00:00</t>
  </si>
  <si>
    <t>2016-10-19 08:54:18.147000+00:00</t>
  </si>
  <si>
    <t>2017-05-23 12:06:44.117000+00:00</t>
  </si>
  <si>
    <t>ruby-on-rails|validation|activerecord|installation|unique</t>
  </si>
  <si>
    <t>Error: Connection timed out after 20 seconds of inactivity?</t>
  </si>
  <si>
    <t>&lt;p&gt;Error: Connection timed out after 20 seconds of inactivity?
Error:       File transfer failed after transferring 6,094,848 bytes in 190 second&lt;/p&gt;</t>
  </si>
  <si>
    <t>2015-07-22 11:42:59.110000+00:00</t>
  </si>
  <si>
    <t>2015-10-20 08:28:26.560000+00:00</t>
  </si>
  <si>
    <t>sftp|filezilla</t>
  </si>
  <si>
    <t>Launching Form B before form A. Why form A don't see user authentication information?</t>
  </si>
  <si>
    <t>&lt;p&gt;Simple synopsis: I have a program which needs authentication from user to get access or create file with user name and password. I have form A and form B; form A is a main window of my program which have a button pointing to form B, which is log in form. As of right now I must launch form A, and then click a button to go to form B because of necessary log in access to the files. My program is recognizing if person has logged in and it enables buttons that let me create a new file or access already created one (they are disabled by default, and only are enabled if authentication was first successful).&lt;/p&gt;
&lt;p&gt;&lt;strong&gt;How can I make form to check for authentication before form A is opened?&lt;/strong&gt;&lt;/p&gt;
&lt;p&gt;Let me know if I am not clear enough...&lt;/p&gt;
&lt;p&gt;Now, I have tried to initialize a form B before form A by doing this:&lt;/p&gt;
&lt;pre&gt;&lt;code&gt;public MainWindow()
{
    AuthenticationWindow login = new AuthenticationWindow();
    login.ShowDialog();
    InitializeComponent();
}
&lt;/code&gt;&lt;/pre&gt;
&lt;p&gt;The problem is that when I do so that my program isn't enabling my buttons after authentication was in place.&lt;/p&gt;
&lt;p&gt;I have tried to check for authentication before initializing my form by:&lt;/p&gt;
&lt;pre&gt;&lt;code&gt;public MainWindow()
{
    AuthenticationWindow login = new AuthenticationWindow();
    login.ShowDialog();
    if (storedAuth != null)
    {
        // Making Deleting and Adding possible
        // when file was opened.
        tsmiOpen.Enabled = true;
        tsmiNew.Enabled = true;
    }
    InitializeComponent();
}
&lt;/code&gt;&lt;/pre&gt;
&lt;p&gt;But still I can't open or create a file. Seems like program isn't checking for authenticated user.&lt;/p&gt;
&lt;p&gt;This is my code which enables my buttons after authentication:&lt;/p&gt;
&lt;pre&gt;&lt;code&gt;private void tsmiAuthenticate_Click(object sender, EventArgs e)
{
    AuthenticationWindow authWindow = new AuthenticationWindow();
    authWindow.ShowDialog();
    storedAuth = authWindow.Result;
    if (storedAuth != null)
    {
        tsmiOpen.Enabled = true;
        tsmiNew.Enabled = true;
    }
}
&lt;/code&gt;&lt;/pre&gt;
&lt;p&gt;My shrinked code:&lt;/p&gt;
&lt;pre&gt;&lt;code&gt;namespace Password_Manager
{
    public partial class MainWindow : Form
    {
        private AuthenticateUser storedAuth;
        private HashPhrase hash = new HashPhrase();
        private bool newSelected, openSelected;
        public MainWindow()
        {
            AuthenticationWindow login = new AuthenticationWindow();
            login.ShowDialog();
            if (storedAuth != null)
            {
                // Making Deleting and Adding possible
                // when file was opened.
                tsmiOpen.Enabled = true;
                tsmiNew.Enabled = true;
            }
            InitializeComponent();
        }
        private void tsmiAuthenticate_Click(object sender, EventArgs e)
        {
            AuthenticationWindow authWindow = new AuthenticationWindow();
            // Displaying Authenticate Window.
            // Not allowing switching between forms.
            authWindow.ShowDialog();
            storedAuth = authWindow.Result;
            if (storedAuth != null)
            {
                // Making Deleting and Adding possible
                // when file was opened.
                tsmiOpen.Enabled = true;
                tsmiNew.Enabled = true;
            }
        }
        private void tsmiAddEntry_Click(object sender, EventArgs e)
        {
            // Checking if the file is new or opened.
            // This matter because we need to
            // have appropriate path to the file.
            if (openSelected)
            {
                AddEntryWindow addWindow = new AddEntryWindow
                    (this, storedAuth.UserName, storedAuth.Password, 
                    ofdOpenFile.FileName);
                // Displaying Add Entry Window.
                // Not allowing switching between forms so I am using ShowDialog().
                addWindow.ShowDialog();
            }
            if (newSelected)
            {
                AddEntryWindow addWindow = new AddEntryWindow
                    (this, storedAuth.UserName, storedAuth.Password, 
                    sfdNewFile.FileName);
                // Displaying Add Entry Window.
                // Not allowing switching between 
                // forms so I am using ShowDialog().
                addWindow.ShowDialog();
            }
        }
        private void tsmiDeleteEntry_Click(object sender, EventArgs e)
        {
            // Checking if the file is new or opened.
            // This matter because we need to
            // have appropriate path to the file.
            if (openSelected)
            {
                // When open file.
                DeleteEntryWindow deleteEntyWindow = new DeleteEntryWindow
                    (this, storedAuth.UserName,
                    storedAuth.Password, ofdOpenFile.FileName);
                deleteEntyWindow.ShowDialog();
            }
            else if (newSelected)
            {
                // When new file.
                DeleteEntryWindow deleteEntyWindow = new DeleteEntryWindow
                    (this, storedAuth.UserName,
                    storedAuth.Password, sfdNewFile.FileName);
                deleteEntyWindow.ShowDialog();
            }
        }
    }
}
&lt;/code&gt;&lt;/pre&gt;</t>
  </si>
  <si>
    <t>2011-12-05 00:36:30.960000+00:00</t>
  </si>
  <si>
    <t>2011-12-05 01:14:53.253000+00:00</t>
  </si>
  <si>
    <t>2011-12-05 00:45:35.007000+00:00</t>
  </si>
  <si>
    <t>Text on image in HTML table cell</t>
  </si>
  <si>
    <t>&lt;p&gt;I have this table in my webpage and it has an image in each cell. The image is the size of the cell in each case. What I need is for the images to stay in the same place but still allow me to type over them in each cell. For the first row, I need the div with id 'questiontext' to cover the image 'questionimg' (and if possible be centred). Pretty much, I want it so that in each cell, the image is a set size and it fills the whole cell and then text on top of it. I honestly don't know how to do it.&lt;/p&gt;
&lt;p&gt;&lt;div class="snippet" data-lang="js" data-hide="false" data-console="true" data-babel="false"&gt;_x000D_
&lt;div class="snippet-code"&gt;_x000D_
&lt;pre class="snippet-code-html lang-html prettyprint-override"&gt;&lt;code&gt;&amp;lt;table id="questiontable"&amp;gt;_x000D_
  &amp;lt;tr&amp;gt;_x000D_
    &amp;lt;td colspan="2" id="questioncell"&amp;gt;_x000D_
      &amp;lt;img id="questionimg" src="images/millionaire large.png" width="100%" height="100%" style="display:block;"&amp;gt;_x000D_
      &amp;lt;div id="questiontext" class="celltext"&amp;gt;This is a question&amp;lt;/div&amp;gt;_x000D_
    &amp;lt;/td&amp;gt;_x000D_
  &amp;lt;/tr&amp;gt;_x000D_
  &amp;lt;tr&amp;gt;_x000D_
    &amp;lt;td id="answer1cell"&amp;gt;&amp;lt;img id="answer1img" src="images/millionaire small left.png" width="100%" height="100%" style="display:block;"&amp;gt;&amp;lt;/td&amp;gt;_x000D_
    &amp;lt;td id="answer2cell"&amp;gt;&amp;lt;img id="answer2img" src="images/millionaire small right.png" width="100%" height="100%" style="display:block;"&amp;gt;&amp;lt;/td&amp;gt;_x000D_
  &amp;lt;/tr&amp;gt;_x000D_
  &amp;lt;tr&amp;gt;_x000D_
    &amp;lt;td id="answer3cell"&amp;gt;&amp;lt;img id="answer3img" src="images/millionaire small left.png" width="100%" height="100%" style="display:block;"&amp;gt;&amp;lt;/td&amp;gt;_x000D_
    &amp;lt;td id="answer4cell"&amp;gt;&amp;lt;img id="answer4img" src="images/millionaire small right.png" width="100%" height="100%" style="display:block;"&amp;gt;&amp;lt;/td&amp;gt;_x000D_
  &amp;lt;/tr&amp;gt;_x000D_
&amp;lt;/table&amp;gt;&lt;/code&gt;&lt;/pre&gt;_x000D_
&lt;/div&gt;_x000D_
&lt;/div&gt;_x000D_
&lt;/p&gt;
&lt;p&gt;&lt;div class="snippet" data-lang="js" data-hide="false" data-console="true" data-babel="false"&gt;_x000D_
&lt;div class="snippet-code"&gt;_x000D_
&lt;pre class="snippet-code-css lang-css prettyprint-override"&gt;&lt;code&gt;#questiontable {_x000D_
  border: none;_x000D_
  table-layout: fixed;_x000D_
  width: 70vw;_x000D_
  position: absolute;_x000D_
  left: 2vw;_x000D_
  bottom: 2vw_x000D_
}_x000D_
_x000D_
td {_x000D_
  width: 35vw;_x000D_
}_x000D_
_x000D_
.celltext {_x000D_
  color: white;_x000D_
  font: 2.5vw arial, sans-serif;_x000D_
  word-wrap: break-word;_x000D_
  overflow: auto;_x000D_
  position: relative;_x000D_
}&lt;/code&gt;&lt;/pre&gt;_x000D_
&lt;/div&gt;_x000D_
&lt;/div&gt;_x000D_
&lt;/p&gt;
&lt;p&gt;Thanks for the help&lt;/p&gt;</t>
  </si>
  <si>
    <t>2018-05-13 20:31:32.057000+00:00</t>
  </si>
  <si>
    <t>How i can to remove "\n" in data return from cheerio</t>
  </si>
  <si>
    <t>&lt;p&gt;I'm trying to get an image from website with NodeJS and Cheerio. The image URL returned has &lt;code&gt;\n&lt;/code&gt; in front of it. How can I remove the &lt;code&gt;\n&lt;/code&gt;? &lt;/p&gt;
&lt;p&gt;This is the code:&lt;/p&gt;
&lt;pre&gt;&lt;code&gt;$("div[class=xxxx] img").attr("src")
&lt;/code&gt;&lt;/pre&gt;
&lt;p&gt;But Cheerio returns &lt;code&gt;\nhttp://www.xxxxx.com/example.jpg&lt;/code&gt;&lt;/p&gt;
&lt;p&gt;I tried to use:&lt;/p&gt;
&lt;pre&gt;&lt;code&gt;var image = $("div[class=xxxx] img").attr("src").replace(\n,"")
var image = $("div[class=xxxx] img").attr("src").toString().replace(\n,"")
&lt;/code&gt;&lt;/pre&gt;
&lt;p&gt;But it does not work.&lt;/p&gt;</t>
  </si>
  <si>
    <t>2017-01-24 00:46:41.233000+00:00</t>
  </si>
  <si>
    <t>2017-01-24 04:45:57.537000+00:00</t>
  </si>
  <si>
    <t>javascript|node.js|cheerio</t>
  </si>
  <si>
    <t>Using system commands in Perl instead of built in libraries/functions</t>
  </si>
  <si>
    <t>&lt;p&gt;On occasion I see people calling the system grep from Perl (and other scripting languages for that matter) instead of using the built-in language facilities/libraries to parse files. I would like to encourage people to use the built-in facilities and I want to solicit some reasons as to why it is good practice to use the built-in tools. I can think of some such as&lt;/p&gt;
&lt;ul&gt;
&lt;li&gt;Using libraries/language facilities is faster. Performance suffers due to the overhead of executing external commands.&lt;/li&gt;
&lt;li&gt;Sticking to language facilities is more portable.&lt;/li&gt;
&lt;/ul&gt;
&lt;p&gt;any other reasons?&lt;/p&gt;
&lt;p&gt;On the other side of the coin, are there ever reasons to favour using system commands instead of the built-in language facilities? On that note, if a Perl script is basically only calling external commands (e.g. custom utilities without libraries), might it be better just to make a shell script of it?&lt;/p&gt;</t>
  </si>
  <si>
    <t>2013-12-10 13:25:48.103000+00:00</t>
  </si>
  <si>
    <t>2013-12-10 20:29:47.097000+00:00</t>
  </si>
  <si>
    <t>perl|scripting</t>
  </si>
  <si>
    <t>Trying to use FFidl to utilize crypt32.dll in TCL without success</t>
  </si>
  <si>
    <t>&lt;p&gt;I use some of the code form &lt;a href="http://wiki.tcl.tk/1197" rel="nofollow"&gt;http://wiki.tcl.tk/1197&lt;/a&gt; but I think it might have something to do with passing Data_Blob without it being supported in FFidl data types.   &lt;/p&gt;
&lt;pre&gt;&lt;code&gt;package require Ffidl
set handle [ffidl::symbol [file join C:/ Windows System32 crypt32.dll] CryptProtectData]
ffidl::callout CryptProtectData_callout {pointer-utf8 pointer-utf8 pointer-utf8 pointer-utf8     pointer-utf8 int pointer-utf8} int $handle stdcall
proc CryptProtectData {data} {
    set value ""
    if [CryptProtectData_callout $data NULL NULL 0 NULL 0 $value] {
        puts $value
    } else {
        puts "crypt returned 0: $value"
        return {}
    }
}
CryptProtectData "hello how are you"
&lt;/code&gt;&lt;/pre&gt;</t>
  </si>
  <si>
    <t>2014-03-06 21:03:33.723000+00:00</t>
  </si>
  <si>
    <t>2014-03-07 08:48:19.860000+00:00</t>
  </si>
  <si>
    <t>tcl</t>
  </si>
  <si>
    <t>Replace dots with comma in a table with numbers</t>
  </si>
  <si>
    <t>&lt;p&gt;I have a table filled with data coming from an AJAX call, and all this data (both numeric and strings) are inserted in td and tr tags as usual.
I need to replace all the dots in decimal numbers with commas, but I wouldn't like to call the method "replacewith()" in every  manually.
I thought of something like this:&lt;/p&gt;
&lt;pre&gt;&lt;code&gt;$( document ).ready() {
   $(#"&amp;lt;tr&amp;gt;").isNumeric().replaceWith('.', ',');
}
&lt;/code&gt;&lt;/pre&gt;
&lt;p&gt;so that when the page is charged jquery automatically detects the numbers in the table cells and replace their numbers with comma.&lt;/p&gt;
&lt;p&gt;I don't even know if this idea is possible...however, do you have any suggestions?&lt;/p&gt;</t>
  </si>
  <si>
    <t>2015-11-11 11:04:51.723000+00:00</t>
  </si>
  <si>
    <t>2015-11-11 12:14:52.657000+00:00</t>
  </si>
  <si>
    <t>2015-11-11 11:24:53.073000+00:00</t>
  </si>
  <si>
    <t>Javascript max() for array column</t>
  </si>
  <si>
    <t>&lt;p&gt;Usually when I need to find the max value of an array I use this very simple code:
&lt;code&gt;var max = Math.max.apply(Math, array);&lt;/code&gt;&lt;/p&gt;
&lt;p&gt;However, now I have a multidimensional array in which for each line I have an array with 5 columns. Is there a similar way to find the max value for a certain column?
Right now I'm doing:&lt;/p&gt;
&lt;pre&gt;&lt;code&gt;var maxFunc = function(data){
    var max = 0;
    data.forEach(function(value){
        max = Math.max(max, value[0]);
    });
    return max;
};
&lt;/code&gt;&lt;/pre&gt;
&lt;p&gt;I was curious if there was a prettier/simpler way of doing this?&lt;/p&gt;</t>
  </si>
  <si>
    <t>2012-06-25 13:37:58.507000+00:00</t>
  </si>
  <si>
    <t>2012-06-25 14:09:54.440000+00:00</t>
  </si>
  <si>
    <t>2012-06-25 13:55:28.890000+00:00</t>
  </si>
  <si>
    <t>javascript|math|max</t>
  </si>
  <si>
    <t>Is there a way to configure all cookies to be HttpOnly in Google AppEgine?</t>
  </si>
  <si>
    <t>&lt;p&gt;I'm using Google AppEngine platform in Python and for security reasons I'm looking for a way to configure all cookies to be HttpOnly. I mean, what I'm trying to do is to make every cookie the platform uses to be HttpOnly, and I have been told that it might be a way yo do it generally, like a "cookie generator", but I'm not able to find it. &lt;/p&gt;
&lt;p&gt;Thank you very much in advance.&lt;/p&gt;</t>
  </si>
  <si>
    <t>2015-07-10 08:12:20.097000+00:00</t>
  </si>
  <si>
    <t>2015-07-10 18:13:04.113000+00:00</t>
  </si>
  <si>
    <t>python|google-app-engine|cookies</t>
  </si>
  <si>
    <t>how to limit GPU usage in tensorflow (r1.1) with C++ API</t>
  </si>
  <si>
    <t>&lt;p&gt;I'd like to limit GPU allocation of tensorflow in the C++ API. I know how to do it in &lt;a href="https://stackoverflow.com/questions/34199233/how-to-prevent-tensorflow-from-allocating-the-totality-of-a-gpu-memory"&gt;python&lt;/a&gt;, and it's probably got something to do with struct SessionOptions passed into NewSession(), but I couldn't find more specific info on how to do it. &lt;/p&gt;
&lt;p&gt;Edit: Stackoverflow is suggesting that my question is a duplicate. However I already link to that other post. That is how to do it in python. I'm specifically asking how to do it in C++. &lt;/p&gt;</t>
  </si>
  <si>
    <t>2017-05-30 12:52:38.073000+00:00</t>
  </si>
  <si>
    <t>2017-06-01 19:34:08.820000+00:00</t>
  </si>
  <si>
    <t>2017-05-30 13:39:10.633000+00:00</t>
  </si>
  <si>
    <t>c++|tensorflow</t>
  </si>
  <si>
    <t>Export data from string</t>
  </si>
  <si>
    <t>&lt;p&gt;I have following string:&lt;/p&gt;
&lt;pre&gt;&lt;code&gt;{"id":3661917,"mId":2408699,"isR":false,"opps": [{"id":37794066,"optN":1,"wn":false,"rt":"1.24","fau":null},{"id":37794067,"optN":2,"wn":false,"rt":"1.01","fau":null},{"id":37794068,"optN":3,"wn":false,"rt":"5.40","fau":null},{"id":37794069,"optN":4,"wn":false,"rt":"3.36","fau":null},{"id":37794070,"optN":5,"wn":false,"rt":"11.40","fau":null}],"oTpId":7}
&lt;/code&gt;&lt;/pre&gt;
&lt;p&gt;How can I get values: "optN" (for example "optN":1) and "rt" (for example "rt":"1.24")? I have no idea, thank you.&lt;/p&gt;</t>
  </si>
  <si>
    <t>2016-06-03 07:35:28.590000+00:00</t>
  </si>
  <si>
    <t>2016-06-03 07:41:52.007000+00:00</t>
  </si>
  <si>
    <t>2016-06-03 07:36:37.517000+00:00</t>
  </si>
  <si>
    <t>php|string|export|preg-replace|extract</t>
  </si>
  <si>
    <t>crop landscape video into portrait video</t>
  </si>
  <si>
    <t>&lt;p&gt;I would like to crop the outliers of a landscape video so that it has the dimension ratio of a portrait video.&lt;/p&gt;
&lt;p&gt;I was reading about cropping on this post: &lt;a href="https://stackoverflow.com/questions/5198245/how-do-i-use-avfoundation-to-crop-a-video"&gt;How do I use AVFoundation to crop a video&lt;/a&gt;&lt;/p&gt;
&lt;p&gt;but I'm not sure how to set the transform - also this answer is now over four years old so I'm not sure how it applies to the larger screen sizes available today. Tnx!&lt;/p&gt;</t>
  </si>
  <si>
    <t>2015-07-17 15:27:35.630000+00:00</t>
  </si>
  <si>
    <t>2015-07-17 16:05:45.287000+00:00</t>
  </si>
  <si>
    <t>2017-05-23 12:14:04.933000+00:00</t>
  </si>
  <si>
    <t>ios|avfoundation|video-processing</t>
  </si>
  <si>
    <t>django app keeps migrating without taking effect [heroku]</t>
  </si>
  <si>
    <t>&lt;p&gt;I have been trying to fix this for the past three days and I keep failing.&lt;/p&gt;
&lt;p&gt;So, I have a simple app, that just has models.py and admin.py for now.
When I migrate locally, everything is totally fine, when I run createsuperuser, I can create a user that I can use to login into the admin dashboard.&lt;/p&gt;
&lt;p&gt;However, when I do the same on heroku. It doesn't work..
&lt;a href="https://i.stack.imgur.com/JC7mr.jpg" rel="nofollow noreferrer"&gt;&lt;img src="https://i.stack.imgur.com/JC7mr.jpg" alt="I ran makemigrations on heroku, then migrate"&gt;&lt;/a&gt;
The bad news is, those tables were never created, because this is what happens when I run migrate again:
&lt;a href="https://i.stack.imgur.com/7zuwZ.jpg" rel="nofollow noreferrer"&gt;&lt;img src="https://i.stack.imgur.com/7zuwZ.jpg" alt="WHYY!"&gt;&lt;/a&gt;&lt;/p&gt;
&lt;p&gt;I literally have no idea what's wrong with it, so any help would be appreciated.
Thanks in advance :)&lt;/p&gt;</t>
  </si>
  <si>
    <t>2016-12-04 16:34:11.197000+00:00</t>
  </si>
  <si>
    <t>2016-12-04 17:16:40.133000+00:00</t>
  </si>
  <si>
    <t>python|django|sqlite|heroku</t>
  </si>
  <si>
    <t>Entity Framework 6: Multiple contexts from same database in 1 transaction</t>
  </si>
  <si>
    <t>&lt;p&gt;With 2 different context classes which use the same database what is the best way include changes to both in the same transaction?&lt;/p&gt;</t>
  </si>
  <si>
    <t>2015-06-19 12:52:50.530000+00:00</t>
  </si>
  <si>
    <t>2015-06-25 11:21:40.507000+00:00</t>
  </si>
  <si>
    <t>2015-06-25 11:20:02.263000+00:00</t>
  </si>
  <si>
    <t>entity-framework|entity-framework-6</t>
  </si>
  <si>
    <t>Strange phone model - Rmob-i9988_custom detected programmatically in Android</t>
  </si>
  <si>
    <t>&lt;p&gt;I try to detect phone model and brend in my application on Android and there is something strange returns - Rmob-i9988_custom. Do you know what is it? Maybe it's emulator?&lt;/p&gt;</t>
  </si>
  <si>
    <t>2013-07-10 09:16:55+00:00</t>
  </si>
  <si>
    <t>2017-12-08 14:30:13.157000+00:00</t>
  </si>
  <si>
    <t>Mysql and network latency</t>
  </si>
  <si>
    <t>&lt;p&gt;We have the application that connects to a MySQL DB on the web-server through VPN tunnel.
The problem is, all interactions between the application and the remote DB are extremely slow because of network latency.  I tested the MySQL performance over the network using sysbench and it showed that each query takes almost 1 second. Updating 300+ lines in DB from application takes 20+ minutes.&lt;/p&gt;
&lt;p&gt;How can the DB performance over network be improved without moving the server closer to the client? What is the best practice for DB queries over slow networks?&lt;/p&gt;</t>
  </si>
  <si>
    <t>2013-12-15 16:04:36.297000+00:00</t>
  </si>
  <si>
    <t>2013-12-15 16:52:24.987000+00:00</t>
  </si>
  <si>
    <t>mysql|performance|networking</t>
  </si>
  <si>
    <t>Crystal Report: Is PreviousNull prints incorrect data</t>
  </si>
  <si>
    <t>&lt;p&gt;Some days back i posted a question in SO at &lt;a href="https://stackoverflow.com/questions/4966511/crystal-report-display-0-00-for-duplicate-values"&gt;Crystal Report: Display 0.00 for duplicate values&lt;/a&gt;&lt;/p&gt;
&lt;p&gt;The question was to remove duplicate values and the report should display 0.00 instead. It was very kind of @adatapost that he posted a solution.&lt;/p&gt;
&lt;p&gt;&lt;strong&gt;Now,it is throwing very irritating and awkward problem.&lt;/strong&gt;&lt;/p&gt;
&lt;p&gt;The 7th record is showing up 0.00&lt;/p&gt;
&lt;p&gt;Hence, if the record was like before as&lt;/p&gt;
&lt;p&gt;400.00
&lt;br&gt; 400.00
&lt;br&gt; 400.00
&lt;br&gt; 500.00
&lt;br&gt; 500.00
&lt;br&gt; 500.00
&lt;br&gt; 600.00
&lt;br&gt; 600.00
&lt;br&gt; 600.00&lt;/p&gt;
&lt;p&gt;After that formula applied is showing something like&lt;/p&gt;
&lt;p&gt;400.00
&lt;br&gt; 0.00
&lt;br&gt; 0.00
&lt;br&gt;500.00
&lt;br&gt;0.00
&lt;br&gt;0.00
&lt;br&gt;0.00  (THIS IS INCORRECT-- IT SHOULD BE 600.00)
&lt;br&gt;0.00
&lt;br&gt;0.00&lt;/p&gt;
&lt;p&gt;Can you please throw some light in this issue? I appreciate your inputs &amp;amp; efforts.&lt;/p&gt;
&lt;p&gt;thanks!&lt;/p&gt;</t>
  </si>
  <si>
    <t>2011-02-16 15:30:50.070000+00:00</t>
  </si>
  <si>
    <t>2016-07-27 14:23:31.367000+00:00</t>
  </si>
  <si>
    <t>2017-05-23 12:08:06.307000+00:00</t>
  </si>
  <si>
    <t>asp.net|visual-studio|crystal-reports|crystal-reports-2008|crystal-reports-xi</t>
  </si>
  <si>
    <t>Multiple File Upload PHP Ajax</t>
  </si>
  <si>
    <t>&lt;p&gt;I am looking for a ajax php uploader to uploads multiple files , i found some but unfortunately they did not work successfully with IE because IE 7 &amp;amp; 8 did not support
HTML5.&lt;/p&gt;
&lt;p&gt;Uploadify &amp;amp; Plupload works fine with flash in IE but they did not return anything after uploading the file.In response i want the modified file name because before uploading a file i will modify the file name.&lt;/p&gt;
&lt;p&gt;Any help or suggestion would be highly appriciated.&lt;/p&gt;
&lt;p&gt;Thanks
Gaurav&lt;/p&gt;</t>
  </si>
  <si>
    <t>2012-04-24 10:21:07.993000+00:00</t>
  </si>
  <si>
    <t>2012-04-24 17:51:39.680000+00:00</t>
  </si>
  <si>
    <t>php|ajax|file-upload</t>
  </si>
  <si>
    <t>Why does webpagetest keep giving error?</t>
  </si>
  <si>
    <t>&lt;p&gt;I want to use webpagetest to measure the performance of webpage by scripting the steps in a file. &lt;/p&gt;
&lt;p&gt;But when i run &lt;code&gt;webpagetest test &amp;lt;url&amp;gt;/&amp;lt;script&amp;gt;&lt;/code&gt;, I get below error:&lt;/p&gt;
&lt;pre&gt;&lt;code&gt;An error occurred processing your request (missing API key).  If you do not have an API key assigned you can request one at http://www.webpagetest.org/getkey.php
&lt;/code&gt;&lt;/pre&gt;
&lt;p&gt;I have requested an API key and received it to but still getting the error. What am I doing wrong?&lt;/p&gt;
&lt;p&gt;Is there anything else I can use to view page/action wise performance of webpage&lt;/p&gt;</t>
  </si>
  <si>
    <t>2015-03-25 15:03:55.017000+00:00</t>
  </si>
  <si>
    <t>2015-10-21 08:50:02.550000+00:00</t>
  </si>
  <si>
    <t>performance|webpage|webpagetest|web-performance</t>
  </si>
  <si>
    <t>WebElement to do a google search</t>
  </si>
  <si>
    <t>&lt;p&gt;I am using selenium and its WebDriver API to do a quick google search for something.&lt;/p&gt;
&lt;p&gt;The examples that are usually given include this:&lt;/p&gt;
&lt;pre&gt;&lt;code&gt;driver.get("https://www.google.com");
WebElement element = driver.findElement(By.name("q"));
element.sendKeys("Cheese");
element.submit();
&lt;/code&gt;&lt;/pre&gt;
&lt;p&gt;Apparently this will search for 'Cheese' in google. But I'm not sure where they got 'q' from or how it relates to google's search bar?&lt;/p&gt;
&lt;p&gt;Thanks &lt;/p&gt;</t>
  </si>
  <si>
    <t>2015-06-11 20:27:35.627000+00:00</t>
  </si>
  <si>
    <t>2015-06-11 20:34:34.790000+00:00</t>
  </si>
  <si>
    <t>java|selenium|selenium-webdriver|selenium-chromedriver</t>
  </si>
  <si>
    <t>Where to save images before publishing the app to market?</t>
  </si>
  <si>
    <t>&lt;p&gt;I have made a music player and I want to save images for album art. Where should I put all the images: in the Asset folder or somewhere else? The images are in large quantity and I want the images available in the app after publishing it.&lt;/p&gt;
&lt;p&gt;I also try to get images through URL with this method &lt;/p&gt;
&lt;pre&gt;&lt;code&gt;private Bitmap downloadBitmap(final String url) {
        final MediaMetadataRetriever metaRetriever = new MediaMetadataRetriever();
        metaRetriever.setDataSource(url, new HashMap&amp;lt;String, String&amp;gt;());
        try {
            final byte[] art = metaRetriever.getEmbeddedPicture();
            return BitmapFactory.decodeByteArray(art, 0, art.length);
        } catch (Exception e) {
            Log.d("ALBUM ERROR", "Couldn't create album art: " + e.getMessage());
            return null;
        }finally {
            metaRetriever.release();
        }
    }
&lt;/code&gt;&lt;/pre&gt;
&lt;p&gt;But the image loading is very slow. This is why I try to save image in the app asset folder, so images are always there if app is publish.&lt;/p&gt;</t>
  </si>
  <si>
    <t>2014-06-02 19:18:36.363000+00:00</t>
  </si>
  <si>
    <t>2014-06-04 04:37:53.263000+00:00</t>
  </si>
  <si>
    <t>2014-06-02 19:24:49.793000+00:00</t>
  </si>
  <si>
    <t>java|android|image|music-player</t>
  </si>
  <si>
    <t>Is there a callback for when a task is completed in Task.WhenAll</t>
  </si>
  <si>
    <t>&lt;p&gt;Suppose I have the following:&lt;/p&gt;
&lt;pre&gt;&lt;code&gt;IEnumerable&amp;lt;Task&amp;lt;TimeSpan&amp;gt;&amp;gt; tasks = //...
TimeSpan[] results = await Task.WhenAll(tasks);
// Handle results
&lt;/code&gt;&lt;/pre&gt;
&lt;p&gt;By the time I can handle the results all the task must have finished.&lt;/p&gt;
&lt;p&gt;Is there a way to handle each result &lt;em&gt;on demand&lt;/em&gt;?&lt;/p&gt;
&lt;p&gt;Like registering a delegate / callback that will get executed when a task is completed:&lt;/p&gt;
&lt;pre&gt;&lt;code&gt;IEnumerable&amp;lt;Task&amp;lt;TimeSpan&amp;gt;&amp;gt; tasks = //...
await Task.WhenAll(tasks, result =&amp;gt;
{
   // A task has finished. This will get executed.
   // result is of type TimeSpan
});
&lt;/code&gt;&lt;/pre&gt;</t>
  </si>
  <si>
    <t>2016-09-21 18:51:41.323000+00:00</t>
  </si>
  <si>
    <t>2016-09-21 21:07:27.143000+00:00</t>
  </si>
  <si>
    <t>c#|.net|async-await|task</t>
  </si>
  <si>
    <t>Can I reference the MSI output from a WiX Setup project in my wix Bootstrapper project?</t>
  </si>
  <si>
    <t>&lt;p&gt;For example, I want to do this, but it generates an error:&lt;/p&gt;
&lt;pre&gt;&lt;code&gt;&amp;lt;Chain&amp;gt;
  &amp;lt;MsiPackage SourceFile="$(var.SetupProjectWiX.TargetPath)" /&amp;gt;
&amp;lt;/Chain&amp;gt;
&lt;/code&gt;&lt;/pre&gt;
&lt;p&gt;- where &lt;code&gt;SetupProjectWiX&lt;/code&gt; is my MSI WiX project.&lt;/p&gt;
&lt;p&gt;I do something similar when creating the MSI itself, and figured the above was possible. Here's the MSI creation referencing a VS project&lt;/p&gt;
&lt;pre&gt;&lt;code&gt;&amp;lt;File Source="$(var.uCamera.TargetPath)" /&amp;gt;
&lt;/code&gt;&lt;/pre&gt;
&lt;p&gt;&lt;strong&gt;Edit:&lt;/strong&gt;&lt;/p&gt;
&lt;p&gt;I had not added the MSI project as a reference in the bootstrapper project - now it works like a charm :-)&lt;/p&gt;</t>
  </si>
  <si>
    <t>2013-07-22 21:23:13.150000+00:00</t>
  </si>
  <si>
    <t>2015-12-22 08:32:38.743000+00:00</t>
  </si>
  <si>
    <t>wix|burn|wix3.7</t>
  </si>
  <si>
    <t>How to check if an audio stream is correct?</t>
  </si>
  <si>
    <t>&lt;p&gt;I will be using internet streams for a DYI alarm clock and would like to check if a given stream is correct. By correct I mean that the streamed data is there and if it actually carries audio.&lt;/p&gt;
&lt;p&gt;The "is there" part is taken care by a simple call:&lt;/p&gt;
&lt;pre&gt;&lt;code&gt;import requests
urls = [
    'http://statslive.infomaniak.ch/playlist/energy90s/energy90s-high.mp3/playlist.pls',
    'http://stream.chantefrance.com/stream_chante_france.mp3',
    'http://streaming.radio.rtl2.fr/rtl2-1-44-128',
    'http://fakestream.example.com'
    ]
for url in urls:
    try:
        r = requests.get(url, stream=True)
    except Exception as e:
        print('failed to get stream: {e}'.format(e=e))
    else:
        if r.ok:
            content_type = r.headers['content-type']
            print('stream {url} is of type {content_type}'.format(url=url, content_type=content_type))
        else:
            print('error getting the stream: {error}'.format(error=r.text))
    r = None    # I do not know how I should really 'close' the stream
&lt;/code&gt;&lt;/pre&gt;
&lt;p&gt;This output indicates what kind of stream I have, if any&lt;/p&gt;
&lt;pre&gt;&lt;code&gt;stream http://statslive.infomaniak.ch/playlist/energy90s/energy90s-high.mp3/playlist.pls is of type audio/x-scpls
stream http://stream.chantefrance.com/stream_chante_france.mp3 is of type audio/mpeg
stream http://streaming.radio.rtl2.fr/rtl2-1-44-128 is of type audio/mpeg
failed to get stream: ('Connection aborted.', gaierror(11001, 'getaddrinfo failed'))
&lt;/code&gt;&lt;/pre&gt;
&lt;p&gt;I now would like to check (a sample of?) the stream to make sure there is audio data in. This is to avoid to have a correct stream but which would broadcast for a reason or another nothing (remember that this is for an alarm clock and therefore production-critical data :)).&lt;/p&gt;
&lt;p&gt;&lt;strong&gt;How to check for this kind of information?&lt;/strong&gt;&lt;/p&gt;
&lt;p&gt;I saw that there is &lt;a href="https://docs.python.org/3.5/library/sndhdr.html" rel="nofollow"&gt;sndhdr&lt;/a&gt; but it seems to be targetted towards full-fledged audio files.&lt;/p&gt;</t>
  </si>
  <si>
    <t>2015-10-09 13:33:58.930000+00:00</t>
  </si>
  <si>
    <t>2015-10-09 14:23:49.023000+00:00</t>
  </si>
  <si>
    <t>2015-10-09 13:35:59.027000+00:00</t>
  </si>
  <si>
    <t>python|audio</t>
  </si>
  <si>
    <t>Can an ANSI C compiler remove a delay loop?</t>
  </si>
  <si>
    <t>&lt;p&gt;Consider a while loop in ANSI C whose only purpose is to delay execution:&lt;/p&gt;
&lt;pre&gt;&lt;code&gt;unsigned long counter = DELAY_COUNT;
while(counter--);
&lt;/code&gt;&lt;/pre&gt;
&lt;p&gt;I've seen this used a lot to enforce delays on embedded systems, where eg. there is no &lt;code&gt;sleep&lt;/code&gt; function and timers or interrupts are limited.&lt;/p&gt;
&lt;p&gt;My reading of the ANSI C standard is that this can be completely removed by a conforming compiler. It has none of the side effects described in &lt;strong&gt;5.1.2.3&lt;/strong&gt;:&lt;/p&gt;
&lt;blockquote&gt;
  &lt;p&gt;Accessing a volatile object, modifying an object, modifying a file, or calling a function that does any of those operations are all side effects, which are changes in the state of the execution environment.&lt;/p&gt;
&lt;/blockquote&gt;
&lt;p&gt;...and this section also says:&lt;/p&gt;
&lt;blockquote&gt;
  &lt;p&gt;An actual implementation need not evaluate part of an expression if it can deduce that its value is not used and that no needed side effects are produced (including any caused by calling a function or accessing a volatile object).&lt;/p&gt;
&lt;/blockquote&gt;
&lt;p&gt;Does this imply that the loop could be optimised out? Even if &lt;code&gt;counter&lt;/code&gt; were &lt;code&gt;volatile&lt;/code&gt;?&lt;/p&gt;
&lt;p&gt;Notes:&lt;/p&gt;
&lt;ol&gt;
&lt;li&gt;That this is not quite the same as &lt;a href="https://stackoverflow.com/questions/2178115/are-compilers-allowed-to-eliminate-infinite-loops"&gt;Are compilers allowed to eliminate infinite loops?&lt;/a&gt;, because that refers to &lt;em&gt;infinite&lt;/em&gt; loops, and questions arise about when a program is allowed to terminate at all. In this case, the program will certainly proceed past this line at some point, optimisation or not.&lt;/li&gt;
&lt;li&gt;I know what GCC does (removes the loop for &lt;code&gt;-O1&lt;/code&gt; or higher, unless &lt;code&gt;counter&lt;/code&gt; is &lt;code&gt;volatile&lt;/code&gt;), but I want to know what the standard dictates.&lt;/li&gt;
&lt;/ol&gt;</t>
  </si>
  <si>
    <t>2013-01-21 23:31:02.743000+00:00</t>
  </si>
  <si>
    <t>2013-01-21 23:47:33.527000+00:00</t>
  </si>
  <si>
    <t>2017-05-23 12:07:40.033000+00:00</t>
  </si>
  <si>
    <t>c|optimization|standards|c89</t>
  </si>
  <si>
    <t>C daemon server closes itself after client writes to fifo</t>
  </si>
  <si>
    <t>&lt;p&gt;I'm trying to implement a server and client in C using a daemon process and &lt;code&gt;fifo&lt;/code&gt; (named pipes). My client and server successfully creates a connection between each other. However, server only makes the first read (which is reading client's pid) and then kills itself.&lt;/p&gt;
&lt;p&gt;First I run the server program and then check with the command &lt;em&gt;&lt;code&gt;ps -xj | grep myserver&lt;/code&gt;&lt;/em&gt; if it successfully creates a daemon process. Everything looks good at this point. Then I debug the client program and check the server's daemon process with the command &lt;em&gt;&lt;code&gt;ps -xj | grep myserver&lt;/code&gt;&lt;/em&gt; after each write of client. Also I check the server's log file after each write of client.&lt;/p&gt;
&lt;p&gt;After client connects to the fifo, I can see &lt;em&gt;&lt;code&gt;DAEMON STARTED&lt;/code&gt;&lt;/em&gt; in the server logs file. Then I check the server's log file after each write of client and I don't see anything until client finishes all the writes. After client finishes all the writes again I check the server's log file and I can only see the pid of client but I can't see the other read results of servers in its log file.&lt;/p&gt;
&lt;p&gt;For example, I would expect
   &lt;code&gt;syslog(LOG_NOTICE, "Directory name: %s\n", dirName);&lt;/code&gt; to write the &lt;code&gt;dirName&lt;/code&gt; to log file of the server. Also after client makes all the writes I check the server's daemon process with the command &lt;em&gt;&lt;code&gt;ps -xj | grep myserver&lt;/code&gt;&lt;/em&gt; and I see that daemon process is killed. I can't find a reason for why server kills the daemon process after client makes all its writes and doesn't read the client's writes after client's first write. I would appreciate any help. Thanks!&lt;/p&gt;
&lt;p&gt;This is the code I wrote so far:&lt;/p&gt;
&lt;p&gt;&lt;strong&gt;Server:&lt;/strong&gt;&lt;/p&gt;
&lt;pre&gt;&lt;code&gt;createDaemon(argv[1]);
umask(0);           
mkfifo(serverFifoPath, 0666)  
int serverFd = open(serverFifoPath, O_RDONLY);
int dummyFd = open(serverFifoPath, O_WRONLY);
signal(SIGPIPE, SIG_IGN)
for(;;)
{
    syslog(LOG_NOTICE, "DAEMON STARTED");
    //READ
    pid_t clientPID = 0;
    read(serverFd, &amp;amp;clientPID, sizeof(clientPID))
    int dirNameSize;
    read(serverFd, &amp;amp;dirNameSize, sizeof(dirNameSize))
    char *dirName = (char *)malloc(dirNameSize);
    read(serverFd, &amp;amp;dirName, dirNameSize)
    //Another integer and string read here
    syslog(LOG_NOTICE, "Pid: %d\n", clientPID);
    syslog(LOG_NOTICE, "Directory name: %s\n", dirName);
    int clientFd = open(clientFifo, O_WRONLY);
    //Server writes to fifo here
    close(clientFd);                
}
&lt;/code&gt;&lt;/pre&gt;
&lt;p&gt;&lt;strong&gt;Client:&lt;/strong&gt;&lt;/p&gt;
&lt;pre&gt;&lt;code&gt;mkfifo(clientFifo, 0666);
int serverFd = open(serverFifoPath, O_WRONLY);
write(serverFd, &amp;amp;clientPID, sizeof(clientPID));
write(serverFd, &amp;amp;dirNameSize, sizeof(dirNameSize));
write(serverFd, &amp;amp;(argv[1]), dirNameSize);
//Another integer and string write here
int clientFd = open(clientFifo, O_RDONLY);
unlink(clientFifo);
//Client reads here
&lt;/code&gt;&lt;/pre&gt;
&lt;p&gt;And I got my &lt;code&gt;createDaemon&lt;/code&gt; function from this link: &lt;a href="https://stackoverflow.com/questions/17954432/creating-a-daemon-in-linux"&gt;Creating a Daemon in Linux&lt;/a&gt;&lt;/p&gt;</t>
  </si>
  <si>
    <t>2016-03-30 05:34:22.403000+00:00</t>
  </si>
  <si>
    <t>2016-03-30 05:46:05.243000+00:00</t>
  </si>
  <si>
    <t>2017-05-23 12:00:35.347000+00:00</t>
  </si>
  <si>
    <t>c|server|client|daemon|fifo</t>
  </si>
  <si>
    <t>Playstore error 491</t>
  </si>
  <si>
    <t>&lt;p&gt;I writen 2 application and upload to playstore. with nhomxe aplication, i use mobile download normal. But with softflows business, when i download it notify error 491, can't download and setup.I repeat proccess download, run normal. I don't know this error have reason from my application or from google service.
My link application&lt;/p&gt;
&lt;pre&gt;&lt;code&gt;https://play.google.com/store/apps/details?id=longvan.mobile.SoftFlows_Business_Mobile
https://play.google.com/store/apps/details?id=longvan.mobile.nhomxe
&lt;/code&gt;&lt;/pre&gt;</t>
  </si>
  <si>
    <t>2014-08-27 07:22:10.237000+00:00</t>
  </si>
  <si>
    <t>2016-09-13 09:35:08.667000+00:00</t>
  </si>
  <si>
    <t>How to do JMeter ip spoofing on Mac?</t>
  </si>
  <si>
    <t>&lt;p&gt;Just try to figure out how to do ip spoofing in JMeter on my mac. What is done is that I created file which contains ip addresses somewhere in my subnetwork. 
When I try to run thread JMeter shows me:&lt;/p&gt;
&lt;blockquote&gt;
  &lt;p&gt;java.net.BindException: Can't assign requested address&lt;/p&gt;
&lt;/blockquote&gt;
&lt;p&gt;Only my IP has ping. So, could you please advice me where I am wrong?&lt;/p&gt;</t>
  </si>
  <si>
    <t>2015-10-13 16:53:26.597000+00:00</t>
  </si>
  <si>
    <t>2015-10-17 14:21:01.340000+00:00</t>
  </si>
  <si>
    <t>macos|performance|jmeter|qa</t>
  </si>
  <si>
    <t>Strange error php</t>
  </si>
  <si>
    <t>&lt;p&gt;Done new si working, but i have this error:&lt;/p&gt;
&lt;pre&gt;&lt;code&gt;Warning: mysql_fetch_array() [function.mysql-fetch-array]: The result type should be either MYSQL_NUM, MYSQL_ASSOC or MYSQL_BOTH. in /home/xdesign/public_html/Powerful/header.php on line 885
&lt;/code&gt;&lt;/pre&gt;
&lt;p&gt;In the line 885 , I have this function:&lt;/p&gt;
&lt;pre&gt;&lt;code&gt;878 function AddView($id,$oldviews)
879 {
880 mysql_query("UPDATE banners SET views=".($oldviews+1)." WHERE id=".$id);
881 }
882 $result=mysql_query("SELECT * FROM `banners` WHERE state=0");
883 $got=array();
884  mysql_data_seek($result, 0);
885    while ($row = mysql_fetch_array($result, $numass)) {
886        array_push($got, $row);
887 }
&lt;/code&gt;&lt;/pre&gt;</t>
  </si>
  <si>
    <t>2013-05-08 03:16:02.217000+00:00</t>
  </si>
  <si>
    <t>2016-04-25 08:54:57.767000+00:00</t>
  </si>
  <si>
    <t>How to add an image control and a list control to a pivot item?</t>
  </si>
  <si>
    <t>&lt;p&gt;I'm totaly new to Windows Phone devlopment and decided to start with a windows phone 8 pivot app. 
So I have a page with a pivot on it, containing two pivot items. On one of them, I would like to add an image control and a ListBox control just below the image, should I use a grid or a stackpanel ? Does somebody knows how to do that ?&lt;/p&gt;</t>
  </si>
  <si>
    <t>2014-07-26 12:13:18.463000+00:00</t>
  </si>
  <si>
    <t>2014-07-26 12:47:45.287000+00:00</t>
  </si>
  <si>
    <t>c#|xaml|windows-phone-8</t>
  </si>
  <si>
    <t>Liferay: Facelet portlet is empty</t>
  </si>
  <si>
    <t>&lt;p&gt;I have developed a simple facelet portlet. Changed the ViewHandler in the &lt;code&gt;faces-config.xml&lt;/code&gt; as it is said in the book:&lt;/p&gt;
&lt;pre&gt;&lt;code&gt;&amp;lt;?xml version='1.0' encoding='UTF-8'?&amp;gt;
&amp;lt;!DOCTYPE faces-config PUBLIC "-//Sun Microsystems, Inc.//DTD JavaServer Faces Config
1.1//EN" "http://java.sun.com/dtd/web-facesconfig_1_1.dtd"&amp;gt;
&amp;lt;faces-config xmlns="http://java.sun.com/JSF/Configuration"&amp;gt;
 &amp;lt;application&amp;gt;
   &amp;lt;view-handler&amp;gt;
       com.sun.facelets.FaceletPortletViewHandler
   &amp;lt;/view-handler&amp;gt;
 &amp;lt;/application&amp;gt;
&amp;lt;factory&amp;gt;
    &amp;lt;faces-context-
        factory&amp;gt;com.liferay.util.bridges.jsf.myfaces.MyFacesContextFactoryImpl&amp;lt;/faces-
        context-factory&amp;gt;
&amp;lt;/factory&amp;gt;
&amp;lt;/faces-config&amp;gt;
&lt;/code&gt;&lt;/pre&gt;
&lt;p&gt;There are 2 &lt;code&gt;.xhtml&lt;/code&gt; pages: template.xhtml&lt;/p&gt;
&lt;pre&gt;&lt;code&gt;&amp;lt;?xml version="1.0" encoding="UTF-8" ?&amp;gt;
&amp;lt;f:view xmlns="http://www.w3.org/1999/xhtml"
    xmlns:ui="http://java.sun.com/jsf/facelets"
    xmlns:f="http://java.sun.com/jsf/core"
    xmlns:h="http://java.sun.com/jsf/html"&amp;gt;
&amp;lt;html&amp;gt;
    &amp;lt;head&amp;gt;
    &amp;lt;/head&amp;gt;
    &amp;lt;body&amp;gt;
        &amp;lt;h:outputText value="block"&amp;gt;&amp;lt;/h:outputText&amp;gt;
        &amp;lt;h:outputLabel value="label" for="input"/&amp;gt;
        &amp;lt;h:inputText id="input"/&amp;gt;
        JUST TEXT
        &amp;lt;ui:insert name="insertBlock"&amp;gt;
            &amp;lt;h:outputText value="defaultText"&amp;gt;&amp;lt;/h:outputText&amp;gt;
        &amp;lt;/ui:insert&amp;gt;
    &amp;lt;/body&amp;gt;
&amp;lt;/html&amp;gt;
&lt;/code&gt;&lt;/pre&gt;
&lt;p&gt;&lt;/p&gt;
&lt;p&gt;and insertedBlock.xhtml&lt;/p&gt;
&lt;pre&gt;&lt;code&gt;&amp;lt;?xml version="1.0" encoding="UTF-8" ?&amp;gt;
&amp;lt;ui:composition template="template.xhtml"
            xmlns="http://www.w3.org/1999/xhtml"
            xmlns:ui="http://java.sun.com/jsf/facelets"
            xmlns:h="http://java.sun.com/jsf/html"&amp;gt;
  &amp;lt;ui:define name="insertBlock"&amp;gt;
    &amp;lt;h:outputText value="Inderted block"/&amp;gt;
    &amp;lt;h:outputLabel value="test label" for="testInput"/&amp;gt;
    &amp;lt;h:inputText id="testInput"/&amp;gt;
  &amp;lt;/ui:define&amp;gt;
&amp;lt;/ui:composition&amp;gt;
&lt;/code&gt;&lt;/pre&gt;
&lt;p&gt;portlet.xml:&lt;/p&gt;
&lt;pre&gt;&lt;code&gt;&amp;lt;?xml version="1.0" encoding="UTF-8"?&amp;gt;
&amp;lt;portlet-app xmlns="http://java.sun.com/xml/ns/portlet/portlet-app_2_0.xsd" 
   xmlns:xsi="http://www.w3.org/2001/XMLSchema-instance" version="2.0" 
   xsi:schemaLocation="http://java.sun.com/xml/ns/portlet/portlet-app_2_0.xsd 
   http://java.sun.com/xml/ns/portlet/portlet-app_2_0.xsd"&amp;gt;
&amp;lt;portlet&amp;gt;
    &amp;lt;portlet-name&amp;gt;LiferayFirstPortlet_war_exploded&amp;lt;/portlet-name&amp;gt;
    &amp;lt;display-name&amp;gt;LiferayFirstPortlet_war_exploded&amp;lt;/display-name&amp;gt;
    &amp;lt;portlet-class&amp;gt;com.test.HelloWorld&amp;lt;/portlet-class&amp;gt;
    &amp;lt;init-param&amp;gt;
        &amp;lt;name&amp;gt;default-view&amp;lt;/name&amp;gt;
        &amp;lt;value&amp;gt;insertedBlock.xhtml&amp;lt;/value&amp;gt;
    &amp;lt;/init-param&amp;gt;
    &amp;lt;expiration-cache&amp;gt;0&amp;lt;/expiration-cache&amp;gt;
    &amp;lt;supports&amp;gt;
        &amp;lt;mime-type&amp;gt;text/html&amp;lt;/mime-type&amp;gt;
    &amp;lt;/supports&amp;gt;
    &amp;lt;portlet-info&amp;gt;
        &amp;lt;title&amp;gt;LiferayFirstPortlet_war_exploded&amp;lt;/title&amp;gt;
    &amp;lt;/portlet-info&amp;gt;
    &amp;lt;security-role-ref&amp;gt;
        &amp;lt;role-name&amp;gt;administrator&amp;lt;/role-name&amp;gt;
    &amp;lt;/security-role-ref&amp;gt;
    &amp;lt;security-role-ref&amp;gt;
        &amp;lt;role-name&amp;gt;guest&amp;lt;/role-name&amp;gt;
    &amp;lt;/security-role-ref&amp;gt;
    &amp;lt;security-role-ref&amp;gt;
        &amp;lt;role-name&amp;gt;power-user&amp;lt;/role-name&amp;gt;
    &amp;lt;/security-role-ref&amp;gt;
    &amp;lt;security-role-ref&amp;gt;
        &amp;lt;role-name&amp;gt;user&amp;lt;/role-name&amp;gt;
    &amp;lt;/security-role-ref&amp;gt;
&amp;lt;/portlet&amp;gt;
 &amp;lt;/portlet-app&amp;gt;
&lt;/code&gt;&lt;/pre&gt;
&lt;p&gt;When I deploy this portlet on the Liferay - no errors are displayed. But when I add the portlet on a page IT IS EMPTY - just the empty rectangle. The code of the page (html code inspection in the fireBug) shown that there is no content in the portlet either. &lt;/p&gt;
&lt;p&gt;What did I do wrong?&lt;/p&gt;</t>
  </si>
  <si>
    <t>2011-04-29 15:05:09.267000+00:00</t>
  </si>
  <si>
    <t>2011-04-29 15:14:25.353000+00:00</t>
  </si>
  <si>
    <t>jsf|liferay</t>
  </si>
  <si>
    <t>Matrix of operands and operators</t>
  </si>
  <si>
    <t>&lt;p&gt;This is my first ever question here.&lt;/p&gt;
&lt;p&gt;I have a matrix 5x5 like this :&lt;/p&gt;
&lt;pre&gt;&lt;code&gt; a + b * c
 * d + f +
 g * h + i
 + j + k *
 l + m * n
&lt;/code&gt;&lt;/pre&gt;
&lt;p&gt;Can someone help me to find an algorithm to find all the math operations possible in this matrix?&lt;/p&gt;</t>
  </si>
  <si>
    <t>2013-06-18 20:17:40.410000+00:00</t>
  </si>
  <si>
    <t>2013-06-18 20:47:04.590000+00:00</t>
  </si>
  <si>
    <t>2013-06-18 20:23:32.720000+00:00</t>
  </si>
  <si>
    <t>jaxb inheritance custom mapping</t>
  </si>
  <si>
    <t>&lt;p&gt;I have those classes&lt;/p&gt;
&lt;pre&gt;&lt;code&gt;@XmlRootElement
public class Root{
    @element
    public B element = new B(); 
}
public abstract class A {
}
public class B extends A{
    @XmlElement
    String param1;
    @XmlElement
    String param2;
    public B(){
        param1 = "0";
        param2 = "102";
    }
}
&lt;/code&gt;&lt;/pre&gt;
&lt;p&gt;They both belong to a root element and I want to create this XML:&lt;/p&gt;
&lt;pre&gt;&lt;code&gt;&amp;lt;root&amp;gt;
    &amp;lt;A&amp;gt;
        &amp;lt;B&amp;gt;
            &amp;lt;param1&amp;gt;0&amp;lt;/param1&amp;gt;
            &amp;lt;param2&amp;gt;102&amp;lt;/param2&amp;gt;
        &amp;lt;/B&amp;gt;
    &amp;lt;/A&amp;gt;
&amp;lt;/root&amp;gt;        
&lt;/code&gt;&lt;/pre&gt;
&lt;p&gt;It is possible to do that or I will have to create a &lt;code&gt;List&lt;/code&gt; (one element list) and than use
&lt;code&gt;@XmlWrapperElement&lt;/code&gt; annotation?&lt;/p&gt;
&lt;p&gt;As requested I will past the real src code, but it is a little big.&lt;br&gt;
This is what jaxb generated: 
&lt;a href="http://pastebin.com/Nccnv52W" rel="nofollow"&gt;http://pastebin.com/Nccnv52W&lt;/a&gt;  &lt;/p&gt;
&lt;p&gt;The problem is that my xsd looks like 
&lt;a href="http://pastebin.com/mpdMs2zF" rel="nofollow"&gt;http://pastebin.com/mpdMs2zF&lt;/a&gt;  &lt;/p&gt;
&lt;p&gt;as you can see, it is a choice element so I cant have something like this  &lt;a href="http://pastebin.com/VBQaSft5" rel="nofollow"&gt;http://pastebin.com/VBQaSft5&lt;/a&gt;&lt;br&gt;
otherwise I will have validation problems unmarshaling the XMLs  &lt;/p&gt;</t>
  </si>
  <si>
    <t>2013-04-04 21:43:09.920000+00:00</t>
  </si>
  <si>
    <t>2013-04-05 02:57:20.907000+00:00</t>
  </si>
  <si>
    <t>java|xml|inheritance|jaxb</t>
  </si>
  <si>
    <t>Adding business information to an overlay in a MapView</t>
  </si>
  <si>
    <t>&lt;p&gt;On the Google maps web interface if you zoom in enough you can see businesses that are clickable. When you click the business you get the a speach bubble with a brief description of the business. &lt;/p&gt;
&lt;p&gt;Even on the native android Google map you can tap businesses and get a link to the business information. &lt;/p&gt;
&lt;p&gt;My question is that within a MapView is it possible to add my own overlay that when tapped loads the business info of a pre existant business? Is it possible to associate my overlay with a business in some way. I imagine that I could do this if I duplicated the html found on the google map in some way into my overlay, but I was hoping to avoid this.&lt;/p&gt;</t>
  </si>
  <si>
    <t>2011-06-09 16:41:19.480000+00:00</t>
  </si>
  <si>
    <t>2011-06-09 16:55:32.247000+00:00</t>
  </si>
  <si>
    <t>android|map|overlay</t>
  </si>
  <si>
    <t>Apache Camel FTP component from a web application</t>
  </si>
  <si>
    <t>&lt;p&gt;I have an apache camel based web application. I have created restful routes using the camel servlet component. I have a requirement where I want to download a file from FTP to the local server when one of the restful URL in my application is invoked. I couldn't find any examples googling for it.&lt;/p&gt;
&lt;p&gt;Also is it possible to invoke camel FTP component from a timer or Quartz components?&lt;/p&gt;</t>
  </si>
  <si>
    <t>2015-05-16 07:10:53.780000+00:00</t>
  </si>
  <si>
    <t>2015-05-16 19:50:14.800000+00:00</t>
  </si>
  <si>
    <t>ftp|apache-camel</t>
  </si>
  <si>
    <t>Entity Framework not using the right type for parameter</t>
  </si>
  <si>
    <t>&lt;p&gt;I have a very simple example to demonstrate this issue.&lt;/p&gt;
&lt;p&gt;I have a Table Valued Function:&lt;/p&gt;
&lt;pre&gt;&lt;code&gt;CREATE FUNCTION [dbo].[TestTVF]
(   
    @param1 varchar(max)
)
RETURNS TABLE 
AS
RETURN 
(
    SELECT 1 as Id, 'Test' as [Name]
)
&lt;/code&gt;&lt;/pre&gt;
&lt;p&gt;And I have imported it into a edmx file:&lt;/p&gt;
&lt;p&gt;&lt;a href="https://i.stack.imgur.com/ONcOm.jpg" rel="nofollow noreferrer"&gt;&lt;img src="https://i.stack.imgur.com/ONcOm.jpg" alt="enter image description here"&gt;&lt;/a&gt;&lt;/p&gt;
&lt;p&gt;But when I use the function the sql generate is this:&lt;/p&gt;
&lt;pre&gt;&lt;code&gt;exec sp_executesql N'SELECT 
1 AS [C1], 
[Extent1].[Id] AS [Id], 
[Extent1].[Name] AS [Name]
FROM [dbo].[TestTVF](@param1) AS [Extent1]',N'@param1 nvarchar(4000)',@param1=N'test'
&lt;/code&gt;&lt;/pre&gt;
&lt;p&gt;This is just an example but in my real world scenario I need to pass in a large xml document that could be to up 300KB.&lt;/p&gt;
&lt;p&gt;How do I get Entity Framework to use nvarchar(max) and not nvarchar(4000)?&lt;/p&gt;</t>
  </si>
  <si>
    <t>2018-08-27 13:06:27.077000+00:00</t>
  </si>
  <si>
    <t>2018-08-27 17:31:11.947000+00:00</t>
  </si>
  <si>
    <t>Pass "dd-MMM-yyyy" to datetime by post method</t>
  </si>
  <si>
    <t>&lt;p&gt;How Can I pass &lt;code&gt;"dd-MMM-yyyy"&lt;/code&gt; Date format to &lt;code&gt;DateTime&lt;/code&gt; by Post method?&lt;/p&gt;
&lt;pre&gt;&lt;code&gt;[DisplayFormat(DataFormatString = "{0:dd-MMM-yyyy}", ApplyFormatInEditMode = true)]
public DateTime? SomeDate { get; set; }
&lt;/code&gt;&lt;/pre&gt;</t>
  </si>
  <si>
    <t>2016-09-24 13:03:24.520000+00:00</t>
  </si>
  <si>
    <t>2016-09-24 21:22:00.423000+00:00</t>
  </si>
  <si>
    <t>Windows authentication for .net site hosted outside the domain</t>
  </si>
  <si>
    <t>&lt;p&gt;Will I able to access ASP.net website hosted on IIS server outside the domain but in the network with integrated windows authentication (AD) enabled? If so what are the configuration changes required?&lt;/p&gt;</t>
  </si>
  <si>
    <t>2012-09-21 10:20:42.880000+00:00</t>
  </si>
  <si>
    <t>asp.net|windows|authentication</t>
  </si>
  <si>
    <t>React-Native run while app is killed</t>
  </si>
  <si>
    <t>&lt;p&gt;I have this use case: &lt;/p&gt;
&lt;ul&gt;
&lt;li&gt;Send geo location to the server every 3 minutes even if the android app has been killed. &lt;/li&gt;
&lt;/ul&gt;
&lt;p&gt;I have tried several different libraries (react-native-background-task, react-native-background-timer, Headless js) but none of them work if you close the app. Does someone have a solution for this?&lt;/p&gt;</t>
  </si>
  <si>
    <t>2018-08-20 18:16:08.963000+00:00</t>
  </si>
  <si>
    <t>2018-09-26 11:51:36.270000+00:00</t>
  </si>
  <si>
    <t>react-native|geolocation|react-native-android|background-task</t>
  </si>
  <si>
    <t>Constraint change is not working</t>
  </si>
  <si>
    <t>&lt;p&gt;I have a view &amp;amp; its Constraint is as per following.&lt;/p&gt;
&lt;p&gt;&lt;img src="https://i.stack.imgur.com/EjgOm.png" alt="enter image description here"&gt;&lt;/p&gt;
&lt;p&gt;now, when I am changing to constaint as per follow:&lt;/p&gt;
&lt;pre&gt;&lt;code&gt;     [cell addConstraint:[NSLayoutConstraint constraintWithItem:cell.view_label 
    attribute:NSLayoutAttributeLeading relatedBy:NSLayoutRelationEqual 
    toItem:cell.view_label.superview 
attribute:NSLayoutAttributeLeading multiplier:1.0 constant:60]];
            [UIView animateWithDuration:0.2 animations:^{
                [cell.view_label updateConstraints];
                [cell.view_label.superview updateConstraints];
            }];
&lt;/code&gt;&lt;/pre&gt;
&lt;p&gt;&lt;strong&gt;//Not Working&lt;/strong&gt;&lt;/p&gt;
&lt;p&gt;Wraning: &lt;/p&gt;
&lt;blockquote&gt;
  &lt;p&gt;Try this: (1) look at each constraint and try to figure out which you
  don't expect; (2) find the code that added the unwanted constraint or
  constraints and fix it. (Note: If you're seeing
  NSAutoresizingMaskLayoutConstraints that you don't understand, refer
  to the documentation for the UIView property
  translatesAutoresizingMaskIntoConstraints)  (
      "",
      "" )&lt;/p&gt;
  &lt;p&gt;Will attempt to recover by breaking constraint 
  &lt;/p&gt;
  &lt;p&gt;Break on objc_exception_throw to catch this in the debugger. The
  methods in the UIConstraintBasedLayoutDebugging category on UIView
  listed in  may also be helpful.&lt;/p&gt;
&lt;/blockquote&gt;
&lt;p&gt;&lt;strong&gt;Help me to solve this&lt;/strong&gt;&lt;/p&gt;
&lt;p&gt;&lt;strong&gt;Thanks in advance&lt;/strong&gt;&lt;/p&gt;</t>
  </si>
  <si>
    <t>2014-08-12 06:37:22.897000+00:00</t>
  </si>
  <si>
    <t>2014-08-12 17:12:17.047000+00:00</t>
  </si>
  <si>
    <t>ios|objective-c|uiview|autolayout</t>
  </si>
  <si>
    <t>How does list I/O writev internally work?</t>
  </si>
  <si>
    <t>&lt;p&gt;The &lt;code&gt;writev&lt;/code&gt; function takes an array of struct iovec as input argument&lt;/p&gt;
&lt;p&gt;&lt;code&gt;writev(int fd, const struct iovec *iov, int iovcnt);&lt;/code&gt;&lt;/p&gt;
&lt;p&gt;The input is a list of memory buffers that need to be written to a file (say). What I want to know is: &lt;/p&gt;
&lt;p&gt;Does writev internally do this:&lt;/p&gt;
&lt;p&gt;&lt;code&gt;for (each element in iov)
    write(element)&lt;/code&gt;&lt;/p&gt;
&lt;p&gt;such that every element of &lt;code&gt;iov&lt;/code&gt; is written to file in a separate I/O call? Or does &lt;code&gt;writev&lt;/code&gt; write everything to file in a &lt;em&gt;single&lt;/em&gt; I/O call?&lt;/p&gt;</t>
  </si>
  <si>
    <t>2012-02-17 22:52:24.427000+00:00</t>
  </si>
  <si>
    <t>2012-07-07 03:01:38.283000+00:00</t>
  </si>
  <si>
    <t>c|io|posix</t>
  </si>
  <si>
    <t>Ubuntu mysql file path location</t>
  </si>
  <si>
    <t>&lt;p&gt;I am newer in Ubuntu so I executed following query &lt;/p&gt;
&lt;pre&gt;&lt;code&gt;mysql&amp;gt; SELECT * FROM test INTO OUTFILE 'test.txt';
&lt;/code&gt;&lt;/pre&gt;
&lt;p&gt;My question is where &lt;code&gt;test.txt&lt;/code&gt; will store? I found in &lt;code&gt;/var/lib/mysql&lt;/code&gt; but Not getting it.&lt;/p&gt;
&lt;p&gt;When I execute same query then It will return &lt;/p&gt;
&lt;pre&gt;&lt;code&gt;ERROR 1086 (HY000): File 'test.txt' already exists
&lt;/code&gt;&lt;/pre&gt;
&lt;p&gt;Please Help me.&lt;/p&gt;</t>
  </si>
  <si>
    <t>2014-07-12 04:24:11.310000+00:00</t>
  </si>
  <si>
    <t>mysql|linux|ubuntu|terminal|command</t>
  </si>
  <si>
    <t>ssl issue with name based virtual hosting for multiple domain</t>
  </si>
  <si>
    <t>&lt;p&gt;I have three domains:- 
&lt;strong&gt;abc.local&lt;/strong&gt; without ssl configuration &lt;/p&gt;
&lt;pre&gt;&lt;code&gt;&amp;lt;VirtualHost 10.0.0.87:80&amp;gt;
        ServerName abc.local
        DocumentRoot /var/www/alpha/abc.local/
        ServerAlias  hey.abc.local 
        DirectoryIndex  index.php  index.html 
        &amp;lt;Directory /&amp;gt;
           Options FollowSymLinks
           AllowOverride None
        &amp;lt;/Directory&amp;gt;
        &amp;lt;Directory /var/www/alpha/abc.local/&amp;gt;
           Options FollowSymLinks
           AllowOverride all
           Require all granted
        &amp;lt;/Directory&amp;gt;
        ErrorLog /var/log/abc.local/error.log
        CustomLog /var/log/abc.local/access.log combined
        &amp;lt;Directory /var/www/alpha/abc.local &amp;gt;
           AuthType Basic
           AuthName abc_test
           AuthBasicProvider file
           AuthUserFile /var/www/alpha/abc.local/.htpasswd
           Require valid-user
        &amp;lt;/Directory&amp;gt;
     &amp;lt;/VirtualHost&amp;gt;
&lt;/code&gt;&lt;/pre&gt;
&lt;p&gt;&lt;strong&gt;test.local&lt;/strong&gt; with ssl configuration&lt;/p&gt;
&lt;pre&gt;&lt;code&gt;&amp;lt;VirtualHost 10.0.0.87:80&amp;gt;
        ServerName test.local
        DocumentRoot /var/www/alpha/test.local/
        ServerAlias  hey.test.local 
        DirectoryIndex  index.php  index.html 
        &amp;lt;Directory /&amp;gt;
           Options FollowSymLinks
           AllowOverride None
        &amp;lt;/Directory&amp;gt;
        &amp;lt;Directory /var/www/alpha/test.local/&amp;gt;
           Options FollowSymLinks
           AllowOverride all
           Require all granted
        &amp;lt;/Directory&amp;gt;
        ErrorLog /var/log/test.local/error.log
        CustomLog /var/log/test.local/access.log combined
     &amp;lt;/VirtualHost&amp;gt;
   &amp;lt;IfModule mod_ssl.c&amp;gt;
     &amp;lt;VirtualHost 10.0.0.87:443&amp;gt;
        ServerName test.local
        DocumentRoot /var/www/alpha/test.local/
        ServerAlias  hey.test.local 
        DirectoryIndex  index.php  index.html 
        SSLEngine on
        SSLCertificateFile /var/www/alpha/ssl/test.local/test.crt
        SSLCertificateKeyFile /var/www/alpha/ssl/test.local/test.key
        &amp;lt;Directory /&amp;gt;
           Options FollowSymLinks
           AllowOverride None
        &amp;lt;/Directory&amp;gt;
        &amp;lt;Directory /var/www/alpha/test.local/&amp;gt;
           Options FollowSymLinks
           AllowOverride all
           Require all granted
       &amp;lt;/Directory&amp;gt;
        ErrorLog /var/log/test.local/error.log
        CustomLog /var/log/test.local/access.log combined
            SSLHonorCipherOrder On
            SSLCipherSuite ECDH+AESGCM:DH+AESGCM:ECDH+AES256:DH+AES256:ECDH+AES128:DH+AES:ECDH+3DES:DH+3DES:RSA+AESGCM:RSA+AES:RSA+3DES:!aNULL:!MD5
            SSLProtocol all -SSLv2 -SSLv3
      &amp;lt;/VirtualHost&amp;gt;
    &amp;lt;/ifModule&amp;gt;
&lt;/code&gt;&lt;/pre&gt;
&lt;p&gt;and third one &lt;strong&gt;example.local&lt;/strong&gt; have ssl configuration same like &lt;strong&gt;test.local&lt;/strong&gt;&lt;/p&gt;
&lt;p&gt;But issue is when i am trying to access &lt;a href="https://abc.local" rel="nofollow"&gt;https://abc.local&lt;/a&gt; it serving the content of first loaded domain from &lt;strong&gt;test.local&lt;/strong&gt; or &lt;strong&gt;example.local&lt;/strong&gt;&lt;/p&gt;</t>
  </si>
  <si>
    <t>2016-03-07 11:51:18.737000+00:00</t>
  </si>
  <si>
    <t>apache|webserver</t>
  </si>
  <si>
    <t>Restarting a Java Program Within Eclipse</t>
  </si>
  <si>
    <t>&lt;p&gt;I own a game server and I was just wondering, instead of running the server in eclipse and then when I restart it, it opens a new cmd prompt outside of eclipse and runs the server on that. Could I make it so the program relaunches in eclipse as if I hit the green play button?&lt;/p&gt;</t>
  </si>
  <si>
    <t>2013-01-14 21:06:10.903000+00:00</t>
  </si>
  <si>
    <t>2013-01-15 01:36:25.940000+00:00</t>
  </si>
  <si>
    <t>java|eclipse|restart</t>
  </si>
  <si>
    <t>scipy.optimize minimize: Two output variables in objective function?</t>
  </si>
  <si>
    <t>&lt;p&gt;I am using the scipy &lt;code&gt;minimize&lt;/code&gt; function to find the optimal value of some parameters, &lt;code&gt;H&lt;/code&gt; and &lt;code&gt;Q&lt;/code&gt;. My objective function, &lt;code&gt;kalman&lt;/code&gt;, is evaluated on the variable &lt;code&gt;log_likelihood&lt;/code&gt;. In a nutshell, I am trying to find the optimal values of &lt;code&gt;H&lt;/code&gt; and &lt;code&gt;Q&lt;/code&gt; that maximize the variable &lt;code&gt;log_likelihood&lt;/code&gt;.&lt;/p&gt;
&lt;p&gt;In order to do this, scipy's &lt;code&gt;minimize&lt;/code&gt; function requires that &lt;code&gt;log_likelihood&lt;/code&gt; be the sole output of my function &lt;code&gt;kalman&lt;/code&gt;.&lt;/p&gt;
&lt;p&gt;My code runs fine and I can find the optimal values of my two parameters &lt;code&gt;H&lt;/code&gt; and &lt;code&gt;Q&lt;/code&gt;. What I would like to do, however, is run &lt;code&gt;kalman&lt;/code&gt; a final time (after optimization) using the optimal &lt;code&gt;H&lt;/code&gt; and &lt;code&gt;Q&lt;/code&gt; values and have &lt;code&gt;kalman&lt;/code&gt; return another variable, &lt;code&gt;A&lt;/code&gt;, back. &lt;/p&gt;
&lt;p&gt;I can't do this because if I set &lt;/p&gt;
&lt;pre&gt;&lt;code&gt;return log_likelihood, A
&lt;/code&gt;&lt;/pre&gt;
&lt;p&gt;in my &lt;code&gt;kalman&lt;/code&gt; function, the &lt;code&gt;minimize&lt;/code&gt; function won't run, because &lt;code&gt;minimize&lt;/code&gt; can only handle one output from the objective function.&lt;/p&gt;
&lt;p&gt;Any thoughts?&lt;/p&gt;
&lt;p&gt;Here is my code:&lt;/p&gt;
&lt;pre&gt;&lt;code&gt;import numpy as np
from scipy.optimize import minimize
def kalman(x0):
    #set parameters values
    H = x0[0]
    Q = x0[1]
    #Do some operations
    #use H and Q to compute value for variable log_likelihood
    #use H and Q to compute value for variable A
    #...
    return log_likelihood
#initial parameter values
x0 = np.array([np.log(1),np.log(1)])
#optimizing function    
res = minimize(kalman, x0, method='BFGS', options={'disp': True})
#get optimal parameter values
param_values = res.x
#run kalman function final time with optimal values
kalman(param_values)     
&lt;/code&gt;&lt;/pre&gt;</t>
  </si>
  <si>
    <t>2013-12-23 17:06:31.220000+00:00</t>
  </si>
  <si>
    <t>python|optimization|scipy|minimize</t>
  </si>
  <si>
    <t>Ruby routes - stack level too deep</t>
  </si>
  <si>
    <t>&lt;p&gt;I've got the following controller:&lt;/p&gt;
&lt;pre&gt;&lt;code&gt;class HomeController &amp;lt; ApplicationController
    def index
    end
    def next_match
        games = Invite.where('estado = "Confirmado" AND (user_id = ? OR postulation_id = ?) AND game_date &amp;gt;= ?',
        params[:user_id], params[:user_id], Date.today)
        respond_to do |format|
            format.json {   render json: games}
            end
    end
    private
    def params
        params.require(:games).permit(:user_id)
    end
end 
&lt;/code&gt;&lt;/pre&gt;
&lt;p&gt;In my routes file I declare a post route to access to "next_match" method. But when I try it out I get 'stack level too deep' error. Why is that?&lt;/p&gt;
&lt;p&gt;&lt;strong&gt;Routes&gt;&lt;/strong&gt;&lt;/p&gt;
&lt;pre&gt;&lt;code&gt;  get 'home/index'
  post '/games' =&amp;gt; 'home#next_match'
  root 'home#index'
&lt;/code&gt;&lt;/pre&gt;
&lt;p&gt;The idea is to get some data throught post methon inside my first page.&lt;/p&gt;
&lt;p&gt;Thank you.&lt;/p&gt;</t>
  </si>
  <si>
    <t>2017-01-22 19:23:44.723000+00:00</t>
  </si>
  <si>
    <t>2017-01-22 19:29:31.840000+00:00</t>
  </si>
  <si>
    <t>ruby-on-rails|ruby|routes</t>
  </si>
  <si>
    <t>Solid solution to flexibly resize UIView based on subviews</t>
  </si>
  <si>
    <t>&lt;p&gt;Imagine you have four or so views, all width 100, different heights. You have a wrapper view W which holds them all.&lt;/p&gt;
&lt;pre&gt;&lt;code&gt;A   |
B   |  W
C   |
D   |
&lt;/code&gt;&lt;/pre&gt;
&lt;p&gt;the heights of the small views can change. At that time you want them all to move, float, appropriately, and resize W.&lt;/p&gt;
&lt;p&gt;Now, I was just about to write a few lines of code to do this.&lt;/p&gt;
&lt;p&gt;So .. (1) you'd have W find all the subviews and list them in order from top to bottom.  Then (2) each time there is a change, you'd (3) reposition each of ABCD.  the position of each one is the sum of the heights of the items above it, and (4) resize W to the sum of all heights.&lt;/p&gt;
&lt;p&gt;Now that's all fine but -- idiots reinvent the wheel!&lt;/p&gt;
&lt;p&gt;Am I missing something obvious in iOS?  is there already a package everyone uses to do this all the time? Or something built in? What's the situation?&lt;/p&gt;
&lt;p&gt;(Note that of course frustratingly, for our Android friends this is built in! And of course any web-html system does this automatically.)&lt;/p&gt;
&lt;p&gt;What's the right engineering solution for iOS views here?  For the record this is iOS7+ only, no old-fashioned stuffs need be covered, if it makes a difference.  Cheers&lt;/p&gt;</t>
  </si>
  <si>
    <t>2014-09-01 19:36:17.483000+00:00</t>
  </si>
  <si>
    <t>2014-09-08 15:37:33.490000+00:00</t>
  </si>
  <si>
    <t>2014-09-01 20:05:14.500000+00:00</t>
  </si>
  <si>
    <t>ios|cocoa-touch|uiview</t>
  </si>
  <si>
    <t>jibx : how to remove the word "List" from auto generated java collections?</t>
  </si>
  <si>
    <t>&lt;p&gt;I'm using jibx to auto generate java classed based on a xsd schema.
In this schema I have a collection called markets:&lt;/p&gt;
&lt;pre&gt;&lt;code&gt;&amp;lt;xs:element maxOccurs="unbounded" minOccurs="0"
name="markets" nillable="true" type="market"/&amp;gt;
&lt;/code&gt;&lt;/pre&gt;
&lt;p&gt;When I run jibx (using maven plugin) the result is a java class with the following collection:&lt;/p&gt;
&lt;pre&gt;&lt;code&gt; private List&amp;lt;Market&amp;gt; marketList = new ArrayList&amp;lt;Market&amp;gt;();
/** 
     * Get the list of 'markets' element items.
     * 
     * @return list
     */
    public List&amp;lt;Market&amp;gt; getMarketList() {
        return marketList;
    }
    /** 
     * Set the list of 'markets' element items.
     * 
     * @param list
     */
    public void setMarketList(List&amp;lt;Market&amp;gt; list) {
        marketList = list;
    }
&lt;/code&gt;&lt;/pre&gt;
&lt;p&gt;What I'd like to have is the name of the element and the getter and setter without the word List, but instead with the word markets setMarkets() and getMarkets().&lt;/p&gt;
&lt;p&gt;I know I can specify a custom file in the pom.xml :&lt;/p&gt;
&lt;pre&gt;&lt;code&gt;&amp;lt;customizations&amp;gt;
&amp;lt;customizations&amp;gt;src/main/config/custom1.xml&amp;lt;/customizations&amp;gt;
&amp;lt;/customizations&amp;gt;
&lt;/code&gt;&lt;/pre&gt;
&lt;p&gt;But I don't know how to specify the behavior I need in the custom1.xml.&lt;/p&gt;
&lt;p&gt;Any idea on this? &lt;/p&gt;</t>
  </si>
  <si>
    <t>2013-05-30 10:21:02.240000+00:00</t>
  </si>
  <si>
    <t>2013-07-27 04:35:49.063000+00:00</t>
  </si>
  <si>
    <t>java|list|auto-generate|jibx</t>
  </si>
  <si>
    <t>An algorithm for picking choices from a collection based on their rating?</t>
  </si>
  <si>
    <t>&lt;p&gt;Let's say I have a collection of objects. I have another collection of likes, each one by a specific user and toward a specific object. Thus, over time through user ratings, each object has a variable amount of likes (all greater than 0).&lt;/p&gt;
&lt;p&gt;I want to choose an object from this collection. Objects with more likes should be chosen more frequently, but objects with lower likes should also be sometimes chosen to give them a chance.&lt;/p&gt;
&lt;p&gt;The algorithm I have in mind now is to order the objects by likes, and generate a random number, and use the number to choose a random object within a range. Assuming I had a hundred objects, 50% of the time objects from 0-10 are chosen, 25% of the time 10-15, and 25% of the time 15-100.&lt;/p&gt;
&lt;p&gt;The obvious problem with this algorithm is scalability. When theirs 1000000s of objects, returning an array of all of them takes time. Does anyone have a better solution? THe database is implemented in mongodb.&lt;/p&gt;</t>
  </si>
  <si>
    <t>2011-12-09 01:09:09.790000+00:00</t>
  </si>
  <si>
    <t>2015-02-11 18:06:57.657000+00:00</t>
  </si>
  <si>
    <t>2011-12-09 01:19:40.353000+00:00</t>
  </si>
  <si>
    <t>algorithm|mongodb|rating-system</t>
  </si>
  <si>
    <t>How to custom view with BarcodeFragLibV2</t>
  </si>
  <si>
    <t>&lt;p&gt;I'm working on an Android application designed with Fragment that's why I'm using the BarcodeFragLib which use the Zxing library. &lt;/p&gt;
&lt;p&gt;I'm looking for a way to custom the capture view, adding button and catch the event in my Activity.&lt;/p&gt;
&lt;p&gt;If anyone has a hint or an ideas of how to solve my problem is welcome in advance :)&lt;/p&gt;</t>
  </si>
  <si>
    <t>2013-12-10 13:43:18.953000+00:00</t>
  </si>
  <si>
    <t>2015-03-30 15:20:29.917000+00:00</t>
  </si>
  <si>
    <t>android|android-fragments|surfaceview|zxing|android-fragmentactivity</t>
  </si>
  <si>
    <t>Class Hierarchy with down cast function pointers</t>
  </si>
  <si>
    <t>&lt;p&gt;&lt;strong&gt;TL;DR&lt;/strong&gt; How can I get the &lt;code&gt;Base::Choose&lt;/code&gt; to accept &lt;code&gt;Derived::CustomUserFunction&lt;/code&gt; as an argument?
The error I'm getting, and I do understand why I get it, but I don't know how to resolve it is:
&lt;code&gt;Argument of type "Derived::* (...)" is incompatible with parameter of type "Base::* (...)"&lt;/code&gt;&lt;/p&gt;
&lt;pre&gt;&lt;code&gt;#include &amp;lt;iostream&amp;gt;
    class Base {
    public:
        void Base::Choose(void(Base::*FctPtr)()) {
            (this-&amp;gt;*FctPtr)();
        }
        virtual void Base::CustomUserFunction() = 0;
};
    class Derived : public Base {
    public:
        virtual void Derived::CustomUserFunction() {
            std::cout &amp;lt;&amp;lt; "CustomFunction\n";
        }
 };
    int main()  {
        Derived D;
        D.Choose(&amp;amp;D.CustomUserFunction);
    }
&lt;/code&gt;&lt;/pre&gt;
&lt;p&gt;&lt;strong&gt;Full version&lt;/strong&gt;&lt;/p&gt;
&lt;p&gt;I'm writing a Discreet Event Simulation Engine (DESEngine) that uses custom User Functions. Since these Custom User Functions are &lt;strong&gt;problem specific&lt;/strong&gt;, I want to be able to call them &lt;strong&gt;without knowing their signature name.&lt;/strong&gt; The engine reads &lt;code&gt;TURN_ON&lt;/code&gt; in a text file and looks for the function pointer mapped to the &lt;code&gt;TURN_ON&lt;/code&gt; string alias in an unordered_map.&lt;/p&gt;
&lt;p&gt;Basically DESEngine would call upon &lt;code&gt;UserEvents::Choose(std::string Name)&lt;/code&gt; that would call a function given by it's event name (string).&lt;/p&gt;
&lt;p&gt;Everything was working great, but &lt;strong&gt;manageability is getting tough&lt;/strong&gt; since I have to use the engine for lots of different problems (from differential equation solving to simulating simple computers). &lt;em&gt;(And I had all sorts of different problem specific functions inside my UserEvents class)&lt;/em&gt;&lt;/p&gt;
&lt;p&gt;Because of that, I've decided to make my class &lt;code&gt;UserEvents&lt;/code&gt; an abstract class and &lt;strong&gt;inherit it for each kind of problem I have, thus, custom user functions would be stored in the derived class&lt;/strong&gt;, not in the base, but I want the &lt;code&gt;"Choose"&lt;/code&gt; method to reside in the base class. &lt;em&gt;How can I call the functions within the derived classes from the base class?&lt;/em&gt;&lt;/p&gt;
&lt;p&gt;The error I'm getting, and I do understand why I get it, but I don't know how to resolve it is:
&lt;code&gt;Argument of type "UserEvents_MVN::* (...)" is incompatible with parameter of type "UserEvents::* (...)"&lt;/code&gt;&lt;/p&gt;
&lt;pre&gt;&lt;code&gt;class UserEvents
{   
    public:
    // Receives an event name and parameters
    struct EventWithParams { std::string Name; std::vector&amp;lt;boost::any&amp;gt; Params; };
    // Lets an outside class (DESEngine) configure which event to run before calling UserEvents::Choose()
    // TODO: Make getters/setters so Events can be passed through a better way
        EventWithParams Event;
        // Select which function(parameters) to call based on the EventWithParams Event (above)
        int UserEvents::Choose();
    protected:
        void UserEvents::UserFunctionPointerMap_AddFunction
        (std::string Alias, void(UserEvents::*FunctionPointer)(const std::vector&amp;lt;boost::any&amp;gt;&amp;amp;));
        virtual void UserEvents::BuildUFPAliasMap() = 0;
    private:
        // Here we have an unordered map that assigns User Function (pointer) to each Key (string or Alias or Event Name)
        std::unordered_map&amp;lt;std::string, void(UserEvents::*)(const std::vector&amp;lt;boost::any&amp;gt;&amp;amp;)&amp;gt; UserFunctionPointerAliasMap;
    };
&lt;/code&gt;&lt;/pre&gt;
&lt;p&gt;Here's the implementation of Choose&lt;/p&gt;
&lt;pre&gt;&lt;code&gt;int UserEvents::Choose()
    {
        try
        {
            (this-&amp;gt;*UserFunctionPointerAliasMap.at(Event.Name))(Event.Params);
            return 0;
        }
        catch (const std::out_of_range e)
        {
            throw std::exception::exception("Unknown User Event");
            return -1;
        }
    }
&lt;/code&gt;&lt;/pre&gt;
&lt;p&gt;An example of a derived class&lt;/p&gt;
&lt;pre&gt;&lt;code&gt;#pragma once
#include "..\\UserEvents.h"
class UserEvents_MVN : public UserEvents
{
public:
    UserEvents_MVN();
    ~UserEvents_MVN();
protected:
    void UserEvents_MVN::MEMDUMP_LOAD(const std::vector&amp;lt;boost::any&amp;gt; &amp;amp;Parameters);
    void UserEvents_MVN::MEMDUMP(const std::vector&amp;lt;boost::any&amp;gt; &amp;amp;Parameters);
    void UserEvents_MVN::InstructionDecode(const std::vector&amp;lt;boost::any&amp;gt; &amp;amp;Parameters);
private:
    virtual void UserEvents_MVN::BuildUFPAliasMap();
};
&lt;/code&gt;&lt;/pre&gt;
&lt;p&gt;And how I build the index of function pointers (UserFunctionPointerAliasMap)&lt;/p&gt;
&lt;pre&gt;&lt;code&gt;void UserEvents_MVN::BuildUFPAliasMap()
{
    UserFunctionPointerMap_AddFunction("MEMDUMP_LOAD",  &amp;amp;UserEvents_MVN::MEMDUMP_LOAD );
    UserFunctionPointerMap_AddFunction("MEMDUMP",   &amp;amp;UserEvents_MVN::MEMDUMP );
    UserFunctionPointerMap_AddFunction("DECODE",    &amp;amp;UserEvents_MVN::InstructionDecode);
}
&lt;/code&gt;&lt;/pre&gt;</t>
  </si>
  <si>
    <t>2017-11-07 20:40:21.853000+00:00</t>
  </si>
  <si>
    <t>2017-11-22 23:53:37.537000+00:00</t>
  </si>
  <si>
    <t>2017-11-07 21:08:50.553000+00:00</t>
  </si>
  <si>
    <t>c++|abstract-class|member-function-pointers|virtual-inheritance|incompatibletypeerror</t>
  </si>
  <si>
    <t>How to disable console output on exception in scipy.spatial.qhull.Delaunay?</t>
  </si>
  <si>
    <t>&lt;p&gt;I have thousands of point sets which I feed to &lt;em&gt;Scipy's Delaunay&lt;/em&gt; function to get a corresponding set of triangulations.&lt;/p&gt;
&lt;p&gt;If my input points are invalid, ex. all points on a line or for some other reason the Delaunay triangulation fails, it result in a pretty detailed report in the console, like the following report:&lt;/p&gt;
&lt;blockquote&gt;
  &lt;p&gt;QH6154 qhull precision error: initial facet 1 is coplanar with the interior point&lt;BR&gt;
  ERRONEOUS FACET:                                                                 &lt;BR&gt;
  - f1                                                                             &lt;BR&gt;
      - flags: bottom simplicial upperDelaunay flipped                             &lt;BR&gt;
      - normal:   -0.3162  -0.9487        0                                        &lt;BR&gt;
      - offset:    5929262                                                         &lt;BR&gt;
      - vertices: p4(v2) p3(v1) p0(v0)                                             &lt;BR&gt;
      - neighboring facets: f2 f3 f4                                               &lt;BR&gt;
                                                                                   &lt;BR&gt;
  While executing:  | qhull d Qbb Qt Qc Qz                                         &lt;BR&gt;
  Options selected for Qhull 2012.1 2012/02/18:                                    &lt;BR&gt;
    run-id 231396746  delaunay  Qbbound-last  Qtriangulate  Qcoplanar-keep         &lt;BR&gt;
    Qz-infinity-point  _pre-merge  _zero-centrum  Qinterior-keep  Pgood            &lt;BR&gt;
    _max-width 33  Error-roundoff 5.8e-009  _one-merge 4e-008                      &lt;BR&gt;
    Visible-distance 1.2e-008  U-coplanar-distance 1.2e-008                        &lt;BR&gt;
    Width-outside 2.3e-008  _wide-facet 6.9e-008                                   &lt;BR&gt;
                                                                                   &lt;BR&gt;
  The input to qhull appears to be less than 3 dimensional, or a                   &lt;BR&gt;
  computation has overflowed.                                                      &lt;BR&gt;
                                                                                   &lt;BR&gt;
  Qhull could not construct a clearly convex simplex from points:                  &lt;BR&gt;
  - p1(v3): 4.9e+005 6.1e+006 0.00016                                              &lt;BR&gt;
  - p4(v2): 4.9e+005 6.1e+006    33                                                &lt;BR&gt;
  - p3(v1): 4.9e+005 6.1e+006     0                                                &lt;BR&gt;
  - p0(v0): 4.9e+005 6.1e+006 0.0009                                               &lt;BR&gt;
                                                                                   &lt;BR&gt;
  The center point is coplanar with a facet, or a vertex is coplanar               &lt;BR&gt;
  with a neighboring facet.  The maximum round off error for                       &lt;BR&gt;
  computing distances is 5.8e-009.  The center point, facets and distances         &lt;BR&gt;
  to the center point are as follows:                                              &lt;BR&gt;
                                                                                   &lt;BR&gt;
  center point 4.9e+005 6.087e+006     8.25                                        &lt;BR&gt;
                                                                                   &lt;BR&gt;
  facet p4 p3 p0 distance=    0                                                    &lt;BR&gt;
  facet p1 p3 p0 distance=    0                                                    &lt;BR&gt;
  facet p1 p4 p0 distance=    0                                                    &lt;BR&gt;
  facet p1 p4 p3 distance=    0                                                    &lt;BR&gt;
                                                                                   &lt;BR&gt;
  These points either have a maximum or minimum x-coordinate, or                   &lt;BR&gt;
  they maximize the determinant for k coordinates.  Trial points                   &lt;BR&gt;
  are first selected from points that maximize a coordinate.                       &lt;BR&gt;
                                                                                   &lt;BR&gt;
  The min and max coordinates for each dimension are:                              &lt;BR&gt;
    0:  4.9e+005  4.9e+005  difference=   33                                       &lt;BR&gt;
    1:  6.087e+006  6.087e+006  difference=   11                                   &lt;BR&gt;
    2:         0        33  difference=   33                                       &lt;BR&gt;
                                                                                   &lt;BR&gt;
  If the input should be full dimensional, you have several options that           &lt;BR&gt;
  may determine an initial simplex:                                                &lt;BR&gt;
    - use 'QJ'  to joggle the input and make it full dimensional                   &lt;BR&gt;
    - use 'QbB' to scale the points to the unit cube                               &lt;BR&gt;
    - use 'QR0' to randomly rotate the input for different maximum points          &lt;BR&gt;
    - use 'Qs'  to search all points for the initial simplex                       &lt;BR&gt;
    - use 'En'  to specify a maximum roundoff error less than 5.8e-009.            &lt;BR&gt;
    - trace execution with 'T3' to see the determinant for each point.             &lt;BR&gt;
                                                                                   &lt;BR&gt;
  If the input is lower dimensional:                                               &lt;BR&gt;
    - use 'QJ' to joggle the input and make it full dimensional                    &lt;BR&gt;
    - use 'Qbk:0Bk:0' to delete coordinate k from the input.  You should           &lt;BR&gt;
      pick the coordinate with the least range.  The hull will have the            &lt;BR&gt;
      correct topology.                                                            &lt;BR&gt;
    - determine the flat containing the points, rotate the points                  &lt;BR&gt;
      into a coordinate plane, and delete the other coordinates.                   &lt;BR&gt;
    - add one or more points to make the input full dimensional.                   &lt;BR&gt;&lt;/p&gt;
&lt;/blockquote&gt;
&lt;p&gt;According to the &lt;a href="http://docs.scipy.org/doc/scipy-0.14.0/reference/generated/scipy.spatial.Delaunay.html" rel="nofollow noreferrer"&gt;documentation&lt;/a&gt; there are no immediate option to set on the &lt;code&gt;Delaunay(...)&lt;/code&gt; call to suppress this report. I haven't found an option either in the rather long list of &lt;a href="http://www.qhull.org/html/qdelaun.htm" rel="nofollow noreferrer"&gt;&lt;em&gt;qhull&lt;/em&gt; options&lt;/a&gt;.&lt;/p&gt;
&lt;p&gt;I have tried the solution provided &lt;a href="https://stackoverflow.com/questions/2828953/silence-the-stdout-of-a-function-in-python-without-trashing-sys-stdout-and-resto"&gt;here&lt;/a&gt;, but it seems to circumvent that.&lt;/p&gt;
&lt;p&gt;Are there any way to suppress this?&lt;/p&gt;</t>
  </si>
  <si>
    <t>2016-02-23 17:02:29.683000+00:00</t>
  </si>
  <si>
    <t>2018-05-10 10:35:19.083000+00:00</t>
  </si>
  <si>
    <t>2017-05-23 11:48:19.090000+00:00</t>
  </si>
  <si>
    <t>python|exception|console|scipy|qhull</t>
  </si>
  <si>
    <t>Appium ios real device- Unknown device or simulator UDID</t>
  </si>
  <si>
    <t>&lt;p&gt;I'm facing the following issue while running test-script on real device (iPhone 6). After I saw the log, I tried to solve this issue, but I'm stuck.
My environment is - Appium - 1.8.1 Device - iPhone 6 (OS - 11.4) mac OS - 10.13.3&lt;/p&gt;
&lt;p&gt;The error is - &lt;em&gt;Unknown device or simulator UDID&lt;/em&gt;, and it suggests installing Install with &lt;code&gt;brew install libimobiledevice --HEAD&lt;/code&gt;.&lt;/p&gt;
&lt;p&gt;I am trying to run Appium on a real iOS device. In the logs I get the following error: &lt;em&gt;The 'idevice_id' program is not installed. If you are running a real device test it is necessary. Install with 'brew install libimobiledevice --HEAD.&lt;/em&gt;&lt;/p&gt;
&lt;p&gt;I then run &lt;code&gt;brew install libimobiledevice --HEAD&lt;/code&gt; in the terminal and get the following warning:&lt;/p&gt;
&lt;p&gt;&lt;em&gt;libimobiledevice HEAD is already installed&lt;/em&gt;&lt;/p&gt;
&lt;p&gt;We went through the following solution but that did not solve the problem: &lt;a href="https://stackoverflow.com/questions/46222857/appium-saying-install-libimobiledevice-but-terminal-says-already-installed"&gt;Appium saying install libimobiledevice but terminal says already installed&lt;/a&gt;&lt;/p&gt;
&lt;p&gt;The terminal commands we tried as well.&lt;/p&gt;
&lt;pre&gt;&lt;code&gt;brew uninstall ideviceinstaller
brew uninstall --ignore-dependencies libimobiledevice
brew install --HEAD libimobiledevice
brew unlink libimobiledevice &amp;amp;&amp;amp; brew link libimobiledevice
brew install --HEAD ideviceinstaller
brew unlink ideviceinstaller &amp;amp;&amp;amp; brew link ideviceinstaller 
&lt;/code&gt;&lt;/pre&gt;</t>
  </si>
  <si>
    <t>2018-08-21 04:52:35.967000+00:00</t>
  </si>
  <si>
    <t>2018-08-21 07:38:05.713000+00:00</t>
  </si>
  <si>
    <t>ios|appium-ios</t>
  </si>
  <si>
    <t>Undefined Reference to .. - mingw - winxp - eclipse juno</t>
  </si>
  <si>
    <t>&lt;p&gt;Well as the title says, I keep getting an Undefined Reference to error but I don't know why..&lt;/p&gt;
&lt;p&gt;I have a main routine which has the header of the function I wanna use included, which therefore is included by the cpp file which defines the function.
I also included the path to the project settings&lt;/p&gt;
&lt;p&gt;I know I should post code but I am not allowed to do that but still hope I can get some hints on solving this error.&lt;/p&gt;
&lt;p&gt;Thanks in advance&lt;/p&gt;
&lt;pre&gt;&lt;code&gt;UART_write(UARTvar, LVL);  //This is where I call the function
int UART_write(int uart, const char* var);//Declaration in the header
int UART_write(int uart, const char* var)
{
return (int)1;//just for testing
}
&lt;/code&gt;&lt;/pre&gt;
&lt;p&gt;undefined reference to `UART_write'&lt;/p&gt;</t>
  </si>
  <si>
    <t>2013-02-28 09:57:01.497000+00:00</t>
  </si>
  <si>
    <t>2013-02-28 12:12:19.543000+00:00</t>
  </si>
  <si>
    <t>2013-02-28 10:06:35.193000+00:00</t>
  </si>
  <si>
    <t>c++|c|windows-xp|mingw|eclipse-juno</t>
  </si>
  <si>
    <t>How to compare only the month and year between 2 tables in MySQL</t>
  </si>
  <si>
    <t>&lt;p&gt;I try to compare 2 DATE data type between 2 tables in Model section in my codeigniter project. Below is my code in model section:&lt;/p&gt;
&lt;pre&gt;&lt;code&gt;function get_absenand_evaluation_submission_data_by_submission($id){
    $data = array();
    if ($this-&amp;gt;evaluation_model-&amp;gt;get_id_emp_by_subm_id($id))
    {
        $emp_data = $this-&amp;gt;evaluation_model-&amp;gt;get_id_emp_by_subm_id($id);
        foreach ($emp_data as $row)
            {
                    array_push($data, $row-&amp;gt;emp_id);
            }
    }
    $this-&amp;gt;db-&amp;gt;select('e.fname,e.lname,e.nik,e.id, jt.name AS jabatan, ar.nik, ar.nilai', 
        DATEPART (year, 'ar.tanggal') AS 'ar.tahun',
         DATEPART(month, 'ar.tanggal') AS 'ar.bulan',
         DATEPART(year, 'es.date_nilai') AS 'es.tahun',
         DATEPART(month, 'es.date_nilai') AS 'es.bulan',);
    $this-&amp;gt;db-&amp;gt;from('employment e');
    $this-&amp;gt;db-&amp;gt;join('employment_job j', 'e.id = j.emp_id', 'INNER');
    $this-&amp;gt;db-&amp;gt;join('job_title jt', 'j.job_title = jt.id', 'INNER');
    $this-&amp;gt;db-&amp;gt;join('absen_rekap ar', 'ar.tanggal, ar.nik = e.nik', 'INNER');
    $this-&amp;gt;db-&amp;gt;join('evaluation_submission es', 'es.date_nilai', 'INNER');
    $this-&amp;gt;db-&amp;gt;where(('ar.tahun', 'es.tahun')&amp;amp;&amp;amp;('ar.bulan', 'es.bulan'));
    $this-&amp;gt;db-&amp;gt;order_by('e.fname', 'asc');
    if ($data){
        $this-&amp;gt;db-&amp;gt;where_not_in('e.id',$data);
    }
    $query = $this-&amp;gt;db-&amp;gt;get();
    if ($query-&amp;gt;num_rows() &amp;gt; 0)
    {
        return $query-&amp;gt;result();
    }
    else
    {
        return FALSE;
    }
}
&lt;/code&gt;&lt;/pre&gt;
&lt;p&gt;I try it, but I get an error. "Parse error: syntax error, unexpected 'AS' (T_AS) in C:\xampp\htdocs\erp\hrm\models\evaluation_model.php on line 259"&lt;/p&gt;
&lt;p&gt;I know, there's an error in my query but I don't have any idea how to fix it. Please help.&lt;/p&gt;
&lt;p&gt;Thank you! (:&lt;/p&gt;
&lt;p&gt;Okay, I've fix my query like the following code :&lt;/p&gt;
&lt;pre&gt;&lt;code&gt;$this-&amp;gt;db-&amp;gt;select("e.fname, e.lname, e.nik, e.id, j.emp_id, j.job_title, jt.id, jt.name AS jabatan, ar.nik,
    DATEPART (year, ar.tanggal) AS 'ar.tahun',
     DATEPART(month,ar.tanggal) AS 'ar.bulan',
     DATEPART(year, es.date_nilai) AS 'es.tahun',
     DATEPART(month, es.date_nilai) AS 'es.bulan'" );
    $this-&amp;gt;db-&amp;gt;from('employment e');
    $this-&amp;gt;db-&amp;gt;join('employment_job j', 'e.id = j.emp_id', 'INNER');
    $this-&amp;gt;db-&amp;gt;join('job_title jt', 'j.job_title = jt.id', 'INNER');
    $this-&amp;gt;db-&amp;gt;join('absen_rekap ar', 'ar.nik = e.nik', 'INNER');
    $this-&amp;gt;db-&amp;gt;join('evaluation_submission es', 'es.bulan = ar.bulan', 'INNER');
    $this-&amp;gt;db-&amp;gt;where('ar.tahun', 'es.tahun');
&lt;/code&gt;&lt;/pre&gt;
&lt;p&gt;but still get an error &lt;/p&gt;
&lt;blockquote&gt;
  &lt;p&gt;You have an error in your SQL syntax; check the manual that corresponds to your MySQL server version for the right syntax to use near 'FROM (&lt;code&gt;employment&lt;/code&gt; e) INNER JOIN &lt;code&gt;employment_job&lt;/code&gt; j ON &lt;code&gt;e&lt;/code&gt;.&lt;code&gt;id&lt;/code&gt; = &lt;code&gt;j&lt;/code&gt;.&lt;code&gt;emp_id&lt;/code&gt; I' at line 2&lt;/p&gt;
  &lt;p&gt;SELECT &lt;code&gt;e&lt;/code&gt;.&lt;code&gt;fname&lt;/code&gt;, &lt;code&gt;e&lt;/code&gt;.&lt;code&gt;lname&lt;/code&gt;, &lt;code&gt;e&lt;/code&gt;.&lt;code&gt;nik&lt;/code&gt;, &lt;code&gt;e&lt;/code&gt;.&lt;code&gt;id&lt;/code&gt;, &lt;code&gt;j&lt;/code&gt;.&lt;code&gt;emp_id&lt;/code&gt;, &lt;code&gt;j&lt;/code&gt;.&lt;code&gt;job_title&lt;/code&gt;, &lt;code&gt;jt&lt;/code&gt;.&lt;code&gt;id&lt;/code&gt;, &lt;code&gt;jt&lt;/code&gt;.&lt;code&gt;name&lt;/code&gt; AS jabatan, &lt;code&gt;ar&lt;/code&gt;.&lt;code&gt;nik&lt;/code&gt;, &lt;code&gt;DATEPART&lt;/code&gt; (year, &lt;code&gt;ar&lt;/code&gt;.&lt;code&gt;tanggal)&lt;/code&gt; AS 'ar.tahun', DATEPART(month, &lt;code&gt;ar&lt;/code&gt;.&lt;code&gt;tanggal)&lt;/code&gt; AS 'ar.bulan', DATEPART(year, &lt;code&gt;es&lt;/code&gt;.&lt;code&gt;date_nilai)&lt;/code&gt; AS 'es.tahun', DATEPART(month, &lt;code&gt;es&lt;/code&gt;.&lt;code&gt;date_nilai)&lt;/code&gt; AS 'es.bulan' FROM (&lt;code&gt;employment&lt;/code&gt; e) INNER JOIN &lt;code&gt;employment_job&lt;/code&gt; j ON &lt;code&gt;e&lt;/code&gt;.&lt;code&gt;id&lt;/code&gt; = &lt;code&gt;j&lt;/code&gt;.&lt;code&gt;emp_id&lt;/code&gt; INNER JOIN &lt;code&gt;job_title&lt;/code&gt; jt ON &lt;code&gt;j&lt;/code&gt;.&lt;code&gt;job_title&lt;/code&gt; = &lt;code&gt;jt&lt;/code&gt;.&lt;code&gt;id&lt;/code&gt; INNER JOIN &lt;code&gt;absen_rekap&lt;/code&gt; ar ON &lt;code&gt;ar&lt;/code&gt;.&lt;code&gt;nik&lt;/code&gt; = &lt;code&gt;e&lt;/code&gt;.&lt;code&gt;nik&lt;/code&gt; INNER JOIN &lt;code&gt;evaluation_submission&lt;/code&gt; es ON &lt;code&gt;es&lt;/code&gt;.&lt;code&gt;bulan&lt;/code&gt; = &lt;code&gt;ar&lt;/code&gt;.&lt;code&gt;bulan&lt;/code&gt; WHERE &lt;code&gt;ar&lt;/code&gt;.&lt;code&gt;tahun&lt;/code&gt; = 'es.tahun' GROUP BY &lt;code&gt;ar&lt;/code&gt;.&lt;code&gt;nik&lt;/code&gt; ORDER BY &lt;code&gt;e&lt;/code&gt;.&lt;code&gt;fname&lt;/code&gt; asc&lt;/p&gt;
&lt;/blockquote&gt;
&lt;p&gt;I don't know what's wrong with my query ):&lt;/p&gt;
&lt;p&gt;=======================================================================================
[update]&lt;/p&gt;
&lt;p&gt;I change the code like the following :&lt;/p&gt;
&lt;pre&gt;&lt;code&gt;function get_absenand_evaluation_submission_data_by_submission($id){
    $data = array();
    if ($this-&amp;gt;evaluation_model-&amp;gt;get_id_emp_by_subm_id($id))
    {
        $emp_data = $this-&amp;gt;evaluation_model-&amp;gt;get_id_emp_by_subm_id($id);
        foreach ($emp_data as $row)
            {
                    array_push($data, $row-&amp;gt;emp_id);
            }
    }
    $this-&amp;gt;db-&amp;gt;select("e.fname, e.lname, e.nik, e.id, j.emp_id, j.job_title, jt.id, jt.name AS jabatan, ar.nik,
    DATEPART (year, ar.tanggal) AS 'ar.tahun',
     DATEPART(month,ar.tanggal) AS 'ar.bulan',
     DATEPART(year, es.date_nilai) AS 'es.tahun',
     DATEPART(month, es.date_nilai) AS 'es.bulan'" );
    $this-&amp;gt;db-&amp;gt;from('employment e');
    $this-&amp;gt;db-&amp;gt;join('employment_job j', 'e.id = j.emp_id', 'INNER');
    $this-&amp;gt;db-&amp;gt;join('job_title jt', 'j.job_title = jt.id', 'INNER');
    $this-&amp;gt;db-&amp;gt;join('absen_rekap ar', 'ar.nik = e.nik', 'INNER');
    $this-&amp;gt;db-&amp;gt;join('evaluation_submission es', 'es.bulan = ar.bulan', 'INNER');
    $this-&amp;gt;db-&amp;gt;where('ar.tahun = es.tahun');
    $this-&amp;gt;db-&amp;gt;group_by('ar.nik');
    $this-&amp;gt;db-&amp;gt;order_by('e.fname', 'asc');
    if ($data){
        $this-&amp;gt;db-&amp;gt;where_not_in('e.id',$data);
    }
    var_dump($this-&amp;gt;db);
    $query = $this-&amp;gt;db-&amp;gt;get();
    if ($query-&amp;gt;num_rows() &amp;gt; 0)
    {
        return $query-&amp;gt;result();
    }
    else
    {
        return FALSE;
    }
}
&lt;/code&gt;&lt;/pre&gt;
&lt;p&gt;I've tried the &lt;em&gt;var_dump($this-&gt;db);&lt;/em&gt; , but it appeared like this : &lt;/p&gt;
&lt;pre&gt;&lt;code&gt;object(CI_DB_mysql_driver)#13 (73) { ["dbdriver"]=&amp;gt; string(5) "mysql" ["_escape_char"]=&amp;gt; string(1) "`" ["_like_escape_str"]=&amp;gt; string(0) "" ["_like_escape_chr"]=&amp;gt; string(0) "" ["delete_hack"]=&amp;gt; bool(true) ["_count_string"]=&amp;gt; string(19) "SELECT COUNT(*) AS " ["_random_keyword"]=&amp;gt; string(7) " RAND()" ["use_set_names"]=&amp;gt; bool(false) ["ar_select"]=&amp;gt; array(17) { [0]=&amp;gt; string(7) "e.fname" [1]=&amp;gt; string(7) "e.lname" [2]=&amp;gt; string(5) "e.nik" [3]=&amp;gt; string(4) "e.id" [4]=&amp;gt; string(8) "j.emp_id" [5]=&amp;gt; string(11) "j.job_title" [6]=&amp;gt; string(5) "jt.id" [7]=&amp;gt; string(18) "jt.name AS jabatan" [8]=&amp;gt; string(6) "ar.nik" [9]=&amp;gt; string(14) "DATEPART (year" [10]=&amp;gt; string(25) "ar.tanggal) AS 'ar.tahun'" [11]=&amp;gt; string(14) "DATEPART(month" [12]=&amp;gt; string(25) "ar.tanggal) AS 'ar.bulan'" [13]=&amp;gt; string(13) "DATEPART(year" [14]=&amp;gt; string(28) "es.date_nilai) AS 'es.tahun'" [15]=&amp;gt; string(14) "DATEPART(month" [16]=&amp;gt; string(28) "es.date_nilai) AS 'es.bulan'" } ["ar_distinct"]=&amp;gt; bool(false) ["ar_from"]=&amp;gt; array(1) { [0]=&amp;gt; string(14) "`employment` e" } ["ar_join"]=&amp;gt; array(4) { [0]=&amp;gt; string(56) "INNER JOIN `employment_job` j ON `e`.`id` = `j`.`emp_id`" [1]=&amp;gt; string(56) "INNER JOIN `job_title` jt ON `j`.`job_title` = `jt`.`id`" [2]=&amp;gt; string(53) "INNER JOIN `absen_rekap` ar ON `ar`.`nik` = `e`.`nik`" [3]=&amp;gt; string(68) "INNER JOIN `evaluation_submission` es ON `es`.`bulan` = `ar`.`bulan`" } ["ar_where"]=&amp;gt; array(1) { [0]=&amp;gt; string(23) "`ar`.`tahun` = es.tahun" } ["ar_like"]=&amp;gt; array(0) { } ["ar_groupby"]=&amp;gt; array(1) { [0]=&amp;gt; string(10) "`ar`.`nik`" } ["ar_having"]=&amp;gt; array(0) { } ["ar_keys"]=&amp;gt; array(0) { } ["ar_limit"]=&amp;gt; bool(false) ["ar_offset"]=&amp;gt; bool(false) ["ar_order"]=&amp;gt; bool(false) ["ar_orderby"]=&amp;gt; array(1) { [0]=&amp;gt; string(15) "`e`.`fname` asc" } ["ar_set"]=&amp;gt; array(0) { } ["ar_wherein"]=&amp;gt; array(0) { } ["ar_aliased_tables"]=&amp;gt; array(5) { [0]=&amp;gt; string(1) "e" [1]=&amp;gt; string(1) "j" [2]=&amp;gt; string(2) "jt" [3]=&amp;gt; string(2) "ar" [4]=&amp;gt; string(2) "es" } ["ar_store_array"]=&amp;gt; array(0) { } ["ar_caching"]=&amp;gt; bool(false) ["ar_cache_exists"]=&amp;gt; array(0) { } ["ar_cache_select"]=&amp;gt; array(0) { } ["ar_cache_from"]=&amp;gt; array(0) { } ["ar_cache_join"]=&amp;gt; array(0) { } ["ar_cache_where"]=&amp;gt; array(0) { } ["ar_cache_like"]=&amp;gt; array(0) { } ["ar_cache_groupby"]=&amp;gt; array(0) { } ["ar_cache_having"]=&amp;gt; array(0) { } ["ar_cache_orderby"]=&amp;gt; array(0) { } ["ar_cache_set"]=&amp;gt; array(0) { } ["ar_no_escape"]=&amp;gt; array(17) { [0]=&amp;gt; NULL [1]=&amp;gt; NULL [2]=&amp;gt; NULL [3]=&amp;gt; NULL [4]=&amp;gt; NULL [5]=&amp;gt; NULL [6]=&amp;gt; NULL [7]=&amp;gt; NULL [8]=&amp;gt; NULL [9]=&amp;gt; NULL [10]=&amp;gt; NULL [11]=&amp;gt; NULL [12]=&amp;gt; NULL [13]=&amp;gt; NULL [14]=&amp;gt; NULL [15]=&amp;gt; NULL [16]=&amp;gt; NULL } ["ar_cache_no_escape"]=&amp;gt; array(0) { } ["username"]=&amp;gt; string(4) "root" ["password"]=&amp;gt; string(0) "" ["hostname"]=&amp;gt; string(9) "localhost" ["database"]=&amp;gt; string(3) "hrd" ["dbprefix"]=&amp;gt; string(0) "" ["char_set"]=&amp;gt; string(4) "utf8" ["dbcollat"]=&amp;gt; string(15) "utf8_general_ci" ["autoinit"]=&amp;gt; bool(true) ["swap_pre"]=&amp;gt; string(0) "" ["port"]=&amp;gt; string(0) "" ["pconnect"]=&amp;gt; bool(true) ["conn_id"]=&amp;gt; resource(32) of type (mysql link persistent) ["result_id"]=&amp;gt; resource(54) of type (mysql result) ["db_debug"]=&amp;gt; bool(true) ["benchmark"]=&amp;gt; float(0.0012531280517578) ["query_count"]=&amp;gt; int(3) ["bind_marker"]=&amp;gt; string(1) "?" ["save_queries"]=&amp;gt; bool(true) ["queries"]=&amp;gt; array(3) { [0]=&amp;gt; string(58) "SELECT * FROM (`evaluation_submission`) WHERE `id` = '36'" [1]=&amp;gt; string(79) "SELECT * FROM (`evaluation_submission`) WHERE `id` = '36' AND `approve` = '1'" [2]=&amp;gt; string(96) "SELECT `ee`.`emp_id` FROM (`evaluation_record_employment` ee) WHERE `ee`.`submission_id` = '36'" } ["query_times"]=&amp;gt; array(3) { [0]=&amp;gt; float(0.00055599212646484) [1]=&amp;gt; float(0.00047612190246582) [2]=&amp;gt; float(0.00022101402282715) } ["data_cache"]=&amp;gt; array(0) { } ["trans_enabled"]=&amp;gt; bool(true) ["trans_strict"]=&amp;gt; bool(true) ["_trans_depth"]=&amp;gt; int(0) ["_trans_status"]=&amp;gt; bool(true) ["cache_on"]=&amp;gt; bool(false) ["cachedir"]=&amp;gt; string(0) "" ["cache_autodel"]=&amp;gt; bool(false) ["CACHE"]=&amp;gt; NULL ["_protect_identifiers"]=&amp;gt; bool(true) ["_reserved_identifiers"]=&amp;gt; array(1) { [0]=&amp;gt; string(1) "*" } ["stmt_id"]=&amp;gt; NULL ["curs_id"]=&amp;gt; NULL ["limit_used"]=&amp;gt; NULL ["stricton"]=&amp;gt; bool(false) }
&lt;/code&gt;&lt;/pre&gt;
&lt;p&gt;What is that means?&lt;/p&gt;</t>
  </si>
  <si>
    <t>2015-01-08 10:06:15.827000+00:00</t>
  </si>
  <si>
    <t>2015-01-12 07:27:54.467000+00:00</t>
  </si>
  <si>
    <t>php|mysql|sql|codeigniter</t>
  </si>
  <si>
    <t>Wildfly 8.2 : org.xnio.channels.FixedLengthUnderflowException: 8088 bytes remaining</t>
  </si>
  <si>
    <t>&lt;p&gt;I am migrating from jboss 6 to jboss 8.2. Earlier it was working without any exception but now when I try to download a file , I get below exception&lt;/p&gt;
&lt;pre&gt;&lt;code&gt;Caused by: org.xnio.channels.FixedLengthUnderflowException: 8088 bytes remaining
    at io.undertow.conduits.AbstractFixedLengthStreamSinkConduit.terminateWrites(AbstractFixedLengthStreamSinkConduit.java:255) [undertow-core-1.1.0.Final.jar:1.1.0.Final]
    at org.xnio.conduits.Conduits.writeFinalBasic(Conduits.java:134)
    at io.undertow.conduits.AbstractFixedLengthStreamSinkConduit.writeFinal(AbstractFixedLengthStreamSinkConduit.java:175) [undertow-core-1.1.0.Final.jar:1.1.0.Final]
    at org.xnio.conduits.ConduitStreamSinkChannel.writeFinal(ConduitStreamSinkChannel.java:104)
    at io.undertow.channels.DetachableStreamSinkChannel.writeFinal(DetachableStreamSinkChannel.java:194) [undertow-core-1.1.0.Final.jar:1.1.0.Final]
    at io.undertow.server.HttpServerExchange$WriteDispatchChannel.writeFinal(HttpServerExchange.java:1829) [undertow-core-1.1.0.Final.jar:1.1.0.Final]
    at io.undertow.servlet.spec.ServletOutputStreamImpl.writeBufferBlocking(ServletOutputStreamImpl.java:565) [undertow-servlet-1.1.0.Final.jar:1.1.0.Final]
    at io.undertow.servlet.spec.ServletOutputStreamImpl.close(ServletOutputStreamImpl.java:600) [undertow-servlet-1.1.0.Final.jar:1.1.0.Final]
    at io.undertow.servlet.spec.ServletOutputStreamImpl.updateWritten(ServletOutputStreamImpl.java:364) [undertow-servlet-1.1.0.Final.jar:1.1.0.Final]
    at io.undertow.servlet.spec.ServletOutputStreamImpl.write(ServletOutputStreamImpl.java:223) [undertow-servlet-1.1.0.Final.jar:1.1.0.Final]
    at java.io.BufferedOutputStream.flushBuffer(Unknown Source) [rt.jar:1.7.0_71]
    at java.io.BufferedOutputStream.write(Unknown Source) [rt.jar:1.7.0_71]
&lt;/code&gt;&lt;/pre&gt;
&lt;p&gt;Code snippet&lt;/p&gt;
&lt;pre&gt;&lt;code&gt;ContentType = "application/octet-stream";
BufInput = new BufferedInputStream(new FileInputStream(File), 5000);
Response.reset();
Response.setIntHeader("Expires", 0);
Response.setContentType(contentType);
Response.setHeader("Content-Disposition", header);
Response.setIntHeader("Content-length", (int) File.length());
Response.setContentLength((int)File.length());
OutStream = new BufferedOutputStream(Response.getOutputStream(), 5000);
int Byte;
while ((Byte = BufInput.read()) != -1)
    OutStream.write(Byte);
OutStream.flush();
OutStream.close();
BufInput.close();
&lt;/code&gt;&lt;/pre&gt;</t>
  </si>
  <si>
    <t>2015-07-23 09:38:38.553000+00:00</t>
  </si>
  <si>
    <t>2015-07-30 17:01:28.390000+00:00</t>
  </si>
  <si>
    <t>jboss|jboss7.x|wildfly|wildfly-8</t>
  </si>
  <si>
    <t>What is the difference between SwingUtilities/Platform .runLater?</t>
  </si>
  <si>
    <t>&lt;p&gt;I have two seperate codes, one is: &lt;br&gt;&lt;/p&gt;
&lt;pre&gt;&lt;code&gt;    Platform.runLater(new Runnable() {
        public void run() {
        }
    });
&lt;/code&gt;&lt;/pre&gt;
&lt;p&gt;The other one is&lt;/p&gt;
&lt;pre&gt;&lt;code&gt;     SwingUtilities.invokeLater(new Runnable() {
        public void run() {
        }
    });
&lt;/code&gt;&lt;/pre&gt;
&lt;p&gt;I want to know what the difference between the two are, and when to use one or the other or if they mean the exact same thing. Thanks for your help!&lt;/p&gt;</t>
  </si>
  <si>
    <t>2013-09-23 23:09:13.317000+00:00</t>
  </si>
  <si>
    <t>2013-09-23 23:16:08.203000+00:00</t>
  </si>
  <si>
    <t>java|runnable</t>
  </si>
  <si>
    <t>how to zoom a image in android</t>
  </si>
  <si>
    <t>&lt;p&gt;I have an image in Layout ,I will get the reference of that ImageView using findViewById() and I want to zoom it dynamically. Assuming its is vertical LinearLayout.  How to do Zooming dynamically in Activity?&lt;/p&gt;</t>
  </si>
  <si>
    <t>2011-03-02 07:34:46.943000+00:00</t>
  </si>
  <si>
    <t>2011-03-02 08:20:20.180000+00:00</t>
  </si>
  <si>
    <t>Compare names of every resource with the content of a variable of sqlite database</t>
  </si>
  <si>
    <t>&lt;p&gt;I hope you can help me, I already researched my case but didn't found a good answer. I want to compare the content of a variable with the names of all existing resources (if possible only with drawable resources).&lt;/p&gt;
&lt;p&gt;The question in short: How to compare the String content of an variable with a list of all resource names, preferential only with drawable resources? Or in other words: How to get a list (containing Strings) of all resource names, preferential only drawable resources?&lt;/p&gt;
&lt;p&gt;The Case:
I want to display a symbol based on a given type. This type is retrieved from a SQLite Database. There are many symbols stored as a drawable resource, they all are named like on of the possible types. For every stored type in the database I want to display the fitting symbol in a list. The equality should be find out through a comparison (via the contains method) between the variable "type" and a list containing the names of all (drawable) resources.&lt;/p&gt;
&lt;p&gt;Example:
In the database are types named "A", "B" and "C". In the drawable resources folder are graphics with the name "A", "BX" and "S". The comparison should lead to the case, that in the list only type "A" is connected with the fitting drawable symbol "A". Type "B" and "C" have no likely named drawable resources and thus shouldn't display any symbol.&lt;/p&gt;
&lt;p&gt;I hope you understood my question and thank you in advanced for your help.&lt;/p&gt;</t>
  </si>
  <si>
    <t>2012-12-11 12:40:39.560000+00:00</t>
  </si>
  <si>
    <t>2018-02-19 11:15:58.253000+00:00</t>
  </si>
  <si>
    <t>2012-12-11 13:05:56.043000+00:00</t>
  </si>
  <si>
    <t>java|android|comparison|drawable|contains</t>
  </si>
  <si>
    <t>Default boolean value is not getting set in JAXB generated class</t>
  </si>
  <si>
    <t>&lt;p&gt;I am tying to generate class from xsd using JAXB and make use of default values in xsd.
But when I set default value of a xs:boolean element to "true". The value is not set and I get the null-pointer exception as Boolean object value has not been initialized to true.&lt;/p&gt;
&lt;pre&gt;&lt;code&gt;&amp;lt;xs:element name="statsEnabled" type="xs:boolean" minOccurs="0" default="true"/&amp;gt;
&lt;/code&gt;&lt;/pre&gt;
&lt;p&gt;what wrong am I doing ? Can we set default values only for xs:string and not for xs:boolean ?&lt;/p&gt;
&lt;p&gt;The xml file generated is something like this :&lt;/p&gt;
&lt;pre&gt;&lt;code&gt;public class Cluster {
@XmlElement(defaultValue = "true")
protected Boolean topoEnabled;
@XmlElement(defaultValue = "true")
protected Boolean statsEnabled;
public Boolean isTopoEnabled() {
    return topoEnabled;
}
    public Boolean isStatsEnabled() {
    return statsEnabled;
}
}
&lt;/code&gt;&lt;/pre&gt;
&lt;p&gt;and when I try to invoke the function :&lt;/p&gt;
&lt;pre&gt;&lt;code&gt;Cluster cluster = new cluster();
if(cluster.isTopoEnabled)
  .....
&lt;/code&gt;&lt;/pre&gt;
&lt;p&gt;or&lt;/p&gt;
&lt;pre&gt;&lt;code&gt;if(cluster.isStatEnabled)
  ....
&lt;/code&gt;&lt;/pre&gt;
&lt;p&gt;I get the null pointer error. Although in my code I have taken care of this null value.&lt;/p&gt;
&lt;p&gt;I am just curious to know as why the default value is not working. Is there something I am doing wrong and what should I do ?
or 
is it that default values only apply on xs:string  elements and not others ?&lt;/p&gt;</t>
  </si>
  <si>
    <t>2016-01-15 10:54:09.567000+00:00</t>
  </si>
  <si>
    <t>2016-01-28 02:43:22.970000+00:00</t>
  </si>
  <si>
    <t>2016-01-15 14:22:01.920000+00:00</t>
  </si>
  <si>
    <t>java|xsd|jaxb|boolean|default</t>
  </si>
  <si>
    <t>Debugging my app</t>
  </si>
  <si>
    <t>&lt;p&gt;I noticed that randomly my phone restarts. I am not sure if this is because of my app (which I recently developed) or because of a Android 4.3 bug with with the Nexus 4. I am terribly sorry if this is the wrong forum. Any advice on how I can exactly pinpoint the issue?&lt;/p&gt;</t>
  </si>
  <si>
    <t>2013-09-10 12:33:59.117000+00:00</t>
  </si>
  <si>
    <t>2013-09-10 12:39:21.993000+00:00</t>
  </si>
  <si>
    <t>android|debugging</t>
  </si>
  <si>
    <t>Heroku Rails App not allowing to Login/Logout via Devise</t>
  </si>
  <si>
    <t>&lt;p&gt;My currently project seems to be having an issue with Login/Logout but in production only (returns a 500 error). When I run it locally in development, everything work smoothly. The pages appear and an error only happens when I successfully enter my login information or try to logout. I have gone through code, looked at the heroku logs, etc. but I cannot solve the problem. Something is making me think its due to my mailer in environment/development and production files, but maybe not? &lt;/p&gt;
&lt;p&gt;I've been checking all day and cannot resolve this issue. It was working yesterday perfectly fine and I will also add that I have tried migrating to heroku but still nothing. That just returns: &lt;code&gt;ActiveRecord::SchemaMigration Load (2.8ms)  SELECT "schema_migrations".* FROM "schema_migrations"&lt;/code&gt;. This is what my files look like:&lt;/p&gt;
&lt;p&gt;Environment/Development:&lt;/p&gt;
&lt;pre&gt;&lt;code&gt;Rails.application.configure do
# Settings specified here will take precedence over those in config/application.rb.
# In the development environment your application's code is reloaded on
# every request. This slows down response time but is perfect for development
# since you don't have to restart the web server when you make code changes.
config.cache_classes = false
# Do not eager load code on boot.
config.eager_load = false
# Show full error reports and disable caching.
config.consider_all_requests_local       = true
config.action_controller.perform_caching = false
# Don't care if the mailer can't send.
config.action_mailer.raise_delivery_errors = true
# Print deprecation notices to the Rails logger.
config.active_support.deprecation = :log
# Raise an error on page load if there are pending migrations.
config.active_record.migration_error = :page_load
# Debug mode disables concatenation and preprocessing of assets.
# This option may cause significant delays in view rendering with a large
# number of complex assets.
config.assets.debug = true
# Asset digests allow you to set far-future HTTP expiration dates on all assets,
# yet still be able to expire them through the digest params.
config.assets.digest = true
# Adds additional error checking when serving assets at runtime.
# Checks for improperly declared sprockets dependencies.
# Raises helpful error messages.
config.assets.raise_runtime_errors = true
# Raises error for missing translations
# config.action_view.raise_on_missing_translations = true
config.action_mailer.default_url_options = { :host =&amp;gt; 'localhost:3000' }
end
&lt;/code&gt;&lt;/pre&gt;
&lt;p&gt;Environment/Production:&lt;/p&gt;
&lt;pre&gt;&lt;code&gt;Rails.application.configure do
# Settings specified here will take precedence over those in config/application.rb.
# Code is not reloaded between requests.
config.cache_classes = true
# Eager load code on boot. This eager loads most of Rails and
# your application in memory, allowing both threaded web servers
# and those relying on copy on write to perform better.
# Rake tasks automatically ignore this option for performance.
config.eager_load = true
# Full error reports are disabled and caching is turned on.
config.consider_all_requests_local       = false
config.action_controller.perform_caching = true
# Enable Rack::Cache to put a simple HTTP cache in front of your application
# Add `rack-cache` to your Gemfile before enabling this.
# For large-scale production use, consider using a caching reverse proxy like
# NGINX, varnish or squid.
# config.action_dispatch.rack_cache = true
# Disable serving static files from the `/public` folder by default since
# Apache or NGINX already handles this.
config.serve_static_files = ENV['RAILS_SERVE_STATIC_FILES'].present?
# Compress JavaScripts and CSS.
config.assets.js_compressor = :uglifier
# config.assets.css_compressor = :sass
# Do not fallback to assets pipeline if a precompiled asset is missed.
config.assets.compile = false
# Asset digests allow you to set far-future HTTP expiration dates on all assets,
# yet still be able to expire them through the digest params.
config.assets.digest = true
# `config.assets.precompile` and `config.assets.version` have moved to config/initializers/assets.rb
# Specifies the header that your server uses for sending files.
# config.action_dispatch.x_sendfile_header = 'X-Sendfile' # for Apache
# config.action_dispatch.x_sendfile_header = 'X-Accel-Redirect' # for NGINX
# Force all access to the app over SSL, use Strict-Transport-Security, and use secure cookies.
# config.force_ssl = true
# Use the lowest log level to ensure availability of diagnostic information
# when problems arise.
config.log_level = :debug
# Prepend all log lines with the following tags.
# config.log_tags = [ :subdomain, :uuid ]
# Use a different logger for distributed setups.
# config.logger = ActiveSupport::TaggedLogging.new(SyslogLogger.new)
# Use a different cache store in production.
# config.cache_store = :mem_cache_store
# Enable serving of images, stylesheets, and JavaScripts from an asset server.
# config.action_controller.asset_host = 'http://assets.example.com'
# Ignore bad email addresses and do not raise email delivery errors.
# Set this to true and configure the email server for immediate delivery to raise delivery errors.
# config.action_mailer.raise_delivery_errors = false
# Enable locale fallbacks for I18n (makes lookups for any locale fall back to
# the I18n.default_locale when a translation cannot be found).
config.i18n.fallbacks = true
# Send deprecation notices to registered listeners.
config.active_support.deprecation = :notify
# Use default logging formatter so that PID and timestamp are not suppressed.
config.log_formatter = ::Logger::Formatter.new
# Do not dump schema after migrations.
config.active_record.dump_schema_after_migration = false
config.action_mailer.default_url_options = { :host =&amp;gt; 'programinperson.com' }
end
&lt;/code&gt;&lt;/pre&gt;
&lt;p&gt;This seems to be what the heroku log returns:&lt;/p&gt;
&lt;pre&gt;&lt;code&gt;2015-07-03T21:43:20.852266+00:00 heroku[router]: at=info method=GET path="/assets/application-c650ec08eab8760c43c795f72c49b7876951ab1ba6a11806a2ce7a63fbf31209.js" host=www.programinperson.com request_id=d3e04089-0dff-4f53-a8d6-eaf8b4808240 fwd="98.160.140.78" dyno=web.1 connect=2ms service=6ms status=304 bytes=133
2015-07-03T21:43:22.284984+00:00 app[web.1]:    (0.5ms)  BEGIN
2015-07-03T21:43:22.286082+00:00 app[web.1]: Completed 500 Internal Server Error in 4ms (ActiveRecord: 1.8ms)
2015-07-03T21:43:22.280157+00:00 app[web.1]: Started DELETE "/users/sign_out" for 98.160.140.78 at 2015-07-03 21:43:22 +0000
2015-07-03T21:43:22.281680+00:00 app[web.1]: Processing by Devise::SessionsController#destroy as HTML
2015-07-03T21:43:22.281686+00:00 app[web.1]:   Parameters: {"authenticity_token"=&amp;gt;"oHbV6VtpWAST1t5oYMJVFaPKyIVSZkP2kIsFYTT/DsYzTErySqJH0ZKIGeKBBCE6WVTxmgW4psPQAuF1nw1IdQ=="}
2015-07-03T21:43:22.283543+00:00 app[web.1]:   User Load (0.7ms)  SELECT  "users".* FROM "users" WHERE "users"."id" = $1  ORDER BY "users"."id" ASC LIMIT 1  [["id", 1]]
2015-07-03T21:43:22.287538+00:00 app[web.1]: 
2015-07-03T21:43:22.285770+00:00 app[web.1]:    (0.6ms)  ROLLBACK
2015-07-03T21:43:22.287540+00:00 app[web.1]: NoMethodError (undefined method `[]' for nil:NilClass):
2015-07-03T21:43:22.287561+00:00 app[web.1]: 
2015-07-03T21:43:22.287560+00:00 app[web.1]:   app/models/user.rb:9:in `http_protocol'
2015-07-03T21:43:22.287562+00:00 app[web.1]: 
&lt;/code&gt;&lt;/pre&gt;
&lt;p&gt;Any information you may be able to provide would be greatly appreciative! I am simply stuck and unsure where to go from here. Thank you so much.&lt;/p&gt;
&lt;p&gt;Edit: This is what my model has on line 9: &lt;/p&gt;
&lt;pre&gt;&lt;code&gt;before_save :http_protocol
def http_protocol
  unless self.website[/\Ahttp:\/\//] || self.website[/\Ahttps:\/\//]
    self.website = "http://#{self.website}"
  end
end
&lt;/code&gt;&lt;/pre&gt;
&lt;p&gt;Joe&lt;/p&gt;</t>
  </si>
  <si>
    <t>2015-07-03 22:39:59.253000+00:00</t>
  </si>
  <si>
    <t>2015-07-04 00:47:23.640000+00:00</t>
  </si>
  <si>
    <t>2015-07-03 23:10:29.560000+00:00</t>
  </si>
  <si>
    <t>ruby-on-rails|ruby|ruby-on-rails-4|heroku|devise</t>
  </si>
  <si>
    <t>Change django form data before the actual validations take place</t>
  </si>
  <si>
    <t>&lt;p&gt;I am working on an app where i am using time fields to save time and i am using a jquery plugin to select the time. My problem is when i am selecting the time the plugin adds AM and PM with the time and django form validations returns invalid form. &lt;/p&gt;
&lt;p&gt;I tried self.clean_field method and clean method to remove the am and pm from the time value submitted by the user. but not getting any way.&lt;/p&gt;
&lt;p&gt;my models.py is  &lt;/p&gt;
&lt;pre&gt;&lt;code&gt;class Schedule(models.Model):
    day=models.CharField(max_length=2,choices=DAY_OF_WEEK)
    start_time=models.TimeField(null=True,blank=True)
    end_time=models.TimeField(null=True,blank=True)
    def __unicode__(self):
        return self.day
&lt;/code&gt;&lt;/pre&gt;
&lt;p&gt;my form is  &lt;/p&gt;
&lt;pre&gt;&lt;code&gt;class ScheduleForm(forms.ModelForm):
    class Meta:
        model = Schedule
        widgets={
        'day':forms.TextInput(attrs={'readonly':True,'class':'day_class_name'}),
        'start_time':forms.TextInput(attrs={'class':'schedule_start_time'}),
        'end_time':forms.TextInput(attrs={'class':'schedule_end_time'}),
    }
time_formats = ['%H:%M', '%I:%M%p', '%I:%M %p']
def clean(self):
    print ' i am in clean method'
    #start=self.cleaned_data['start_time']
    #end=self.cleaned_data['end_time']
    #print start, end
   # print self.cleaned_data
    return self.cleaned_data
def clean_start_time(self):
    #print dir(self)
    start=self.get('start_time',None)
    print start
    #print self.data
    #print ' i am in clean_start_time method'
    #start=self.cleaned_data['start_time']
    #print start
    #if  start and ('AM' or 'PM' in start):
        # start.replace('AM','')
        # start.replace('PM','')
        # return start
    return start
def clean_end_time(self):
   # print ' i am in clean end_time method'
    start=self.cleaned_data['end_time']
    #print start
    #if  start and ('AM' or 'PM' in start):
     #   start.replace('AM','')
     #   start.replace('PM','')
        #return start
    return start
&lt;/code&gt;&lt;/pre&gt;
&lt;p&gt;can someone guide me which method i will have to override to remove the am and pm from the value before the actual django form validations take place.
Help will be appreciated&lt;/p&gt;</t>
  </si>
  <si>
    <t>2014-12-17 15:37:45.620000+00:00</t>
  </si>
  <si>
    <t>2014-12-17 18:45:56.557000+00:00</t>
  </si>
  <si>
    <t>2014-12-17 15:48:03.537000+00:00</t>
  </si>
  <si>
    <t>django|django-forms|django-templates|django-views</t>
  </si>
  <si>
    <t>XNA only using 1 core for 4 ThreadPool tasks?</t>
  </si>
  <si>
    <t>&lt;p&gt;I'm creating a physics simulation, which is meant to be realistic, and I have it working correctly, but the framerate drops off quite quickly.&lt;/p&gt;
&lt;p&gt;I'm iterating through each of the objects, and then again for each of those objects.&lt;/p&gt;
&lt;p&gt;I'm not sure why this would be the case, since the number of operations in each frame remains the same. The only thing of which I can think, is that the threading is the problem. I have the iteration split into four parts, and I have one quarter of the list being calculated on 4 separate threadsw, but when I check task manager, I'm only really using one core.&lt;/p&gt;
&lt;p&gt;Here is the pertinent code:&lt;/p&gt;
&lt;pre&gt;&lt;code&gt;private void Update(GameTime gameTime)
{
    for (int i = 0; i &amp;lt; Bodies.Count; i++)
    {
        Bodies[i].Update(gameTime);
    }
    ThreadPool.QueueUserWorkItem(new WaitCallback(CalculatePhysics0));
    ThreadPool.QueueUserWorkItem(new WaitCallback(CalculatePhysics1));
    ThreadPool.QueueUserWorkItem(new WaitCallback(CalculatePhysics2));
    ThreadPool.QueueUserWorkItem(new WaitCallback(CalculatePhysics3));
}
private void CalculatePhysics0(object o)
{
    for (int i = 0; i &amp;lt; Bodies.Count/4; i++)
    {
        Body body = Bodies[i];
        g.ApplyTo(ref body, Bodies);
    }
}
// 3 other methods exactly the same, but iterating their portion of the list
&lt;/code&gt;&lt;/pre&gt;
&lt;p&gt;I'm not very experienced with multithreading. I &lt;em&gt;can&lt;/em&gt; deal with the problems that arise from its use, though. I can see that the problem may be that the &lt;code&gt;ThreadPool&lt;/code&gt; is not a good way to achieve my desired effect, which is to iterate through the list concurrently between threads.&lt;/p&gt;</t>
  </si>
  <si>
    <t>2012-11-20 04:59:36.913000+00:00</t>
  </si>
  <si>
    <t>2012-11-20 07:01:46.753000+00:00</t>
  </si>
  <si>
    <t>2012-11-20 05:42:37.533000+00:00</t>
  </si>
  <si>
    <t>c#|multithreading|concurrency|xna|threadpool</t>
  </si>
  <si>
    <t>How to auto fill a field by previous record value?</t>
  </si>
  <si>
    <t>&lt;p&gt;&lt;a href="https://i.stack.imgur.com/iLr2W.png" rel="nofollow noreferrer"&gt;&lt;img src="https://i.stack.imgur.com/iLr2W.png" alt="enter image description here"&gt;&lt;/a&gt;In my customized module,there is a field called closing_balance of type float.closing balance is calculated by total_credit - total_debit.I want to auto fill the field opening_balance of type float by the value of closing_balance when that particular employee creating next record.&lt;/p&gt;</t>
  </si>
  <si>
    <t>2016-01-14 06:00:57.303000+00:00</t>
  </si>
  <si>
    <t>2016-01-22 10:30:49.760000+00:00</t>
  </si>
  <si>
    <t>openerp|odoo-8|autofill</t>
  </si>
  <si>
    <t>How to parse Complex response with use of ksoap2 library in android</t>
  </si>
  <si>
    <t>&lt;p&gt;Hi all i am parsing following type of response with use of Ksoap2 library but not getting success to get result my request is like this:&lt;/p&gt;
&lt;pre&gt;&lt;code&gt;                         &amp;lt;soapenv:Header/&amp;gt;
                           &amp;lt;soapenv:Body&amp;gt;
                              &amp;lt;tem:Register&amp;gt;  
                                 &amp;lt;tem:user&amp;gt;         
                                    &amp;lt;jir:Area&amp;gt;testArea&amp;lt;/jir:Area&amp;gt;  
                                    &amp;lt;jir:AvailableBalance&amp;gt;0&amp;lt;/jir:AvailableBalance&amp;gt;
                                    &amp;lt;jir:CityId&amp;gt;1&amp;lt;/jir:CityId&amp;gt;
                                    &amp;lt;jir:Email&amp;gt;test@test.com&amp;lt;/jir:Email&amp;gt;
                                    &amp;lt;jir:FullName&amp;gt;&amp;lt;/jir:FullName&amp;gt;
                                    &amp;lt;jir:Gender&amp;gt;M&amp;lt;/jir:Gender&amp;gt;
                                    &amp;lt;jir:Mobile&amp;gt;111111111&amp;lt;/jir:Mobile&amp;gt;
                                    &amp;lt;jir:Password&amp;gt;acxcsgsdvs&amp;lt;/jir:Password&amp;gt;
                                    &amp;lt;jir:Phone&amp;gt;111111111&amp;lt;/jir:Phone&amp;gt;
                                    &amp;lt;jir:SecurityAnswer&amp;gt;testQ&amp;lt;/jir:SecurityAnswer&amp;gt;
                                    &amp;lt;jir:SecurityQuestion&amp;gt;TestAb&amp;lt;/jir:SecurityQuestion&amp;gt;
                                    &amp;lt;jir:Username&amp;gt;sdf&amp;lt;/jir:Username&amp;gt;
                                 &amp;lt;/tem:user&amp;gt;
                              &amp;lt;/tem:Register&amp;gt;
                           &amp;lt;/soapenv:Body&amp;gt; 
&lt;/code&gt;&lt;/pre&gt;
&lt;p&gt;with use of ksoap2 library i have sucessfully created response like this:&lt;/p&gt;
&lt;pre&gt;&lt;code&gt;          Register{user{Area=test; AvailableBalance=150; CityId=1; Email=test@test.com; FullName=Priyank; Gender=M; Mobile=9909957148; Password=testp; Phone=9909957148; SecurityAnswer=MyAns; SecurityQuestion=MyQues; Username=t; }}
&lt;/code&gt;&lt;/pre&gt;
&lt;p&gt;but my problem is my values are not getting added in user tag so i am getting exception like this: &lt;/p&gt;
&lt;pre&gt;&lt;code&gt;        Object reference not set to an instance of an object.
&lt;/code&gt;&lt;/pre&gt;
&lt;p&gt;please give reply on this how can i parse this type of response with use of ksoap2 library.&lt;/p&gt;
&lt;p&gt;This is my helper class which i am using for parsing resonse:&lt;/p&gt;
&lt;pre&gt;&lt;code&gt;public class KSOAPHelper {
    private static final String TAG = "KSOAPHelper : KSOAP Helper";
    private static final String SOAP_ACTION = "http://tempuri.org/IUserService/";
    private static final String NAMESPACE = "http://tempuri.org/";
    private static final String URL = "my url"             
    // Method names
    public static final String REGISTER = "Register";
    public static final String LOGIN = "Login";
    public static final String LOGOUT = "Logout";
    public static final String PROFILEDETAILS = "ProfileDetails";
    public static Object getResponce(LinkedHashMap&amp;lt;String, String&amp;gt; inputParams, String      methodName, final Context context) {
        if (Utility.isConnectionAvailable) {
            final String soap_action = SOAP_ACTION + methodName;
            Log.d(TAG, soap_action);
            SoapObject request = new SoapObject(NAMESPACE, methodName);
            SoapObject user = new SoapObject(NAMESPACE, "user");
            for (String param : inputParams.keySet()) {
                Log.d(TAG, param + " : " + inputParams.get(param));
                user.addProperty(param, inputParams.get(param));
            }
            request.addSoapObject(user);            
            Log.d(TAG, "SOAP Request : " + request);
            /*
             * Set the web service envelope
             */
            SoapSerializationEnvelope soapEnvelope = new SoapSerializationEnvelope(SoapEnvelope.VER11);
            soapEnvelope.dotNet = true;
            // soapEnvelope.implicitTypes = true;
            soapEnvelope.setOutputSoapObject(request);
            HttpTransportSE httpTransportSE = new HttpTransportSE(URL);
            try {
                httpTransportSE.call(soap_action, soapEnvelope);
                if (soapEnvelope.bodyIn instanceof SoapFault) {
                    String strFault = ((SoapFault) soapEnvelope.bodyIn).faultstring;
                    Log.v(TAG, "Fault string : " + strFault);
                } else {
                    Object object = soapEnvelope.getResponse();
                    return object;
                }
            } catch (Exception e) {
                if (e instanceof SocketException || e instanceof IOException) {
                    if (context instanceof Activity) {
                        ((Activity) context).runOnUiThread(new Runnable() {
                            @Override
                            public void run() {
                            }
                        });
                    }
                }
                e.printStackTrace();
            }
        } else {
            if (context instanceof Activity) {
                ((Activity) context).runOnUiThread(new Runnable() {
                    @Override
                    public void run() {
                    }
                });
            }
            Log.d(TAG, "Internet Connection is not available");
        }
        return null;
    }
&lt;/code&gt;&lt;/pre&gt;</t>
  </si>
  <si>
    <t>2013-05-17 06:11:18.457000+00:00</t>
  </si>
  <si>
    <t>2013-06-01 04:16:33.017000+00:00</t>
  </si>
  <si>
    <t>2013-05-17 06:16:50.100000+00:00</t>
  </si>
  <si>
    <t>android|soap|ksoap2|android-ksoap2</t>
  </si>
  <si>
    <t>How to center a Bootstrap dropdown textbox or menu below its button?</t>
  </si>
  <si>
    <t>&lt;p&gt;I am doing a simple dropdown textbox for a button on a navbar.  For some reason, the text will not drop below the button.  It was showing up to the left, blocking the brand.  Then I made the dropdown-menu position:relative, and now it shows up to the right, and expands the navbar downward.  I tried changing the margins on it as well, and nothing. 
 I just want it to show up below the button, below the navbar.  Not sure why this isn't working?&lt;/p&gt;
&lt;p&gt;Pretty much copied it directly from Bootstrap site, and am importing my jquery, JS, and css appropriately.  What am I doing wrong?&lt;/p&gt;
&lt;h3&gt; HTML &lt;/h3&gt;
&lt;pre&gt;&lt;code&gt;&amp;lt;nav class="navbar navbar-default"&amp;gt;
  &amp;lt;div class="container-fluid"&amp;gt;
    &amp;lt;!-- Brand and toggle get grouped for better mobile display --&amp;gt;
    &amp;lt;div class="navbar-header"&amp;gt;
      &amp;lt;button type="button" class="navbar-toggle collapsed" data-toggle="collapse" data-target="#bs-example-navbar-collapse-1" aria-expanded="false"&amp;gt;
        &amp;lt;span class="sr-only"&amp;gt;Toggle navigation&amp;lt;/span&amp;gt;
        &amp;lt;span class="icon-bar"&amp;gt;&amp;lt;/span&amp;gt;
        &amp;lt;span class="icon-bar"&amp;gt;&amp;lt;/span&amp;gt;
        &amp;lt;span class="icon-bar"&amp;gt;&amp;lt;/span&amp;gt;
      &amp;lt;/button&amp;gt;
      &amp;lt;a class="navbar-brand" href="#"&amp;gt;news&amp;lt;/a&amp;gt;
    &amp;lt;/div&amp;gt;
    &amp;lt;div class="dropdown show"&amp;gt;
      &amp;lt;button class="btn btn-secondary dropdown-toggle" type="button" id="dropdownMenuButton" data-toggle="dropdown" aria-haspopup="true" aria-expanded="false"&amp;gt;
        How It Works
      &amp;lt;/button&amp;gt;
      &amp;lt;div class="dropdown-menu" data-toggle="dropdown" aria-labelledby="dropdownMenuButton"&amp;gt;
        &amp;lt;div class="dropdown-item"&amp;gt; Click &amp;lt;/div&amp;gt;
      &amp;lt;/div&amp;gt;
    &amp;lt;/div&amp;gt;
  &amp;lt;/div&amp;gt;
&amp;lt;/nav&amp;gt;
&lt;/code&gt;&lt;/pre&gt;
&lt;h3&gt; CSS &lt;/h3&gt;
&lt;pre&gt;&lt;code&gt;/*NAV*/
.navbar-header .navbar-brand{
  color: rgb(97, 100, 206);
  font-size: 2.0em;
}
.navbar {
  background-color: rgb(71, 71, 88);
  background-color: black;
  height: 100%;
  font-family: 'Alegreya Sans', sans-serif;
  margin: 0;
  /*justify-content: space-between;*/
  /*align-self: center;*/
}
.dropdown {
  position: relative;
  display: inline-block;
}
.dropdown-menu {
  height: 120px;
  width: 150px;
  position: relative;
}
.dropdown button {
  /*background-color: #4446ce;*/
  background-color: black;
  color: rgb(163, 163, 179);
  border: .5px solid black;
  float: left;
  margin-top: 9px;
}
&lt;/code&gt;&lt;/pre&gt;
&lt;h3&gt; scripts &lt;/h3&gt; 
&lt;pre&gt;&lt;code&gt;&amp;lt;head&amp;gt;
  &amp;lt;meta charset="utf-8"&amp;gt;
  &amp;lt;meta name="viewport" content="width=device-width, initial-scale=1" /&amp;gt;
  &amp;lt;title&amp;gt;AetherNews&amp;lt;/title&amp;gt;
  &amp;lt;base href="/"&amp;gt;
  &amp;lt;meta name="viewport" content="width=device-width, initial-scale=1"&amp;gt;
  &amp;lt;link rel="icon" type="image/x-icon" href="favicon.ico"&amp;gt;
  &amp;lt;script src="https://ajax.googleapis.com/ajax/libs/jquery/3.2.0/jquery.min.js"&amp;gt;&amp;lt;/script&amp;gt;
  &amp;lt;script src="https://maxcdn.bootstrapcdn.com/bootstrap/3.3.7/js/bootstrap.min.js" integrity="sha384-Tc5IQib027qvyjSMfHjOMaLkfuWVxZxUPnCJA7l2mCWNIpG9mGCD8wGNIcPD7Txa" crossorigin="anonymous"&amp;gt;&amp;lt;/script&amp;gt;
  &amp;lt;link rel="stylesheet" href="https://maxcdn.bootstrapcdn.com/bootstrap/3.3.7/css/bootstrap.min.css" integrity="sha384-BVYiiSIFeK1dGmJRAkycuHAHRg32OmUcww7on3RYdg4Va+PmSTsz/K68vbdEjh4u" crossorigin="anonymous"&amp;gt;
  &amp;lt;link href="https://fonts.googleapis.com/css?family=Alegreya+Sans:900" rel="stylesheet"&amp;gt;
&amp;lt;/head&amp;gt;
&lt;/code&gt;&lt;/pre&gt;</t>
  </si>
  <si>
    <t>2017-05-16 20:04:44.683000+00:00</t>
  </si>
  <si>
    <t>2017-05-16 20:48:55.183000+00:00</t>
  </si>
  <si>
    <t>css|html5|twitter-bootstrap-3</t>
  </si>
  <si>
    <t>Make bottom of the screen appear above keyboard</t>
  </si>
  <si>
    <t>&lt;p&gt;Hi I am developing a multiline &lt;code&gt;EditText&lt;/code&gt; which has 3 lines. And the keyboard always appears below the cursor, but I want to always show the whole 3 lines even if I'm writing in the first one. So I need a way to put the bottom of the &lt;code&gt;view(screen/layout)&lt;/code&gt; on the top of the keyboard. &lt;/p&gt;
&lt;p&gt;Now I use a simple &lt;code&gt;EditText&lt;/code&gt; with 3 lines and flag that is &lt;code&gt;multiline&lt;/code&gt;. &lt;/p&gt;
&lt;pre&gt;&lt;code&gt;    &amp;lt;EditText
        android:id="@+id/editTextMessage"
        android:layout_width="0dip"
        android:layout_height="match_parent"
        android:layout_marginBottom="2dp"
        android:layout_marginLeft="10dp"
        android:layout_weight="0.7"
        android:background="@drawable/button_background"
        android:ems="10"
        android:gravity="top|left"
        android:hint="Message"
        android:inputType="textMultiLine"
        android:lines="3"
        android:maxLength="140"
        android:paddingLeft="5dip"
        android:paddingRight="5dip"
        android:paddingTop="5dip"
        android:textColorHint="@color/JLGreyDarkSend"
        android:textSize="14sp"&amp;gt;
&lt;/code&gt;&lt;/pre&gt;</t>
  </si>
  <si>
    <t>2015-07-08 09:11:18.027000+00:00</t>
  </si>
  <si>
    <t>2015-12-02 08:12:30.947000+00:00</t>
  </si>
  <si>
    <t>Why am I not seeing my Java / SalesForce / Google App?</t>
  </si>
  <si>
    <t>&lt;p&gt;I'm currently working on a SalesForce.com tutorial entitled &lt;a href="http://wiki.developerforce.com/index.php/Force.com_for_Google_App_Engine_Setup_Guide_Java" rel="nofollow"&gt;Force.com for Google App Engine for Java: Getting Started&lt;/a&gt;&lt;/p&gt;
&lt;p&gt;I've installed the Google Eclipse Plugin, downloaded the libraries, and entered the "Hello World App" (as seen on the tutorial page):&lt;/p&gt;
&lt;pre&gt;&lt;code&gt;package com.force;
import java.io.IOException;
import java.io.PrintWriter;
import javax.servlet.http.*;
import java.util.logging.*;
import com.sforce.ws.*;
import com.sforce.soap.partner.*;
import com.sforce.soap.partner.sobject.SObject;
@SuppressWarnings("serial")
public class HelloWorldServlet extends HttpServlet {
    private static final Logger log = Logger.getLogger(HelloWorldServlet.class.getName());
    private String username = "xxxxxxxxxxxxxxxxxxxxxxxxxxxxxxxxxxxx";
    private String password = "xxxxxxxxxxxxxxxxxxxxxxxxxxxxxxxxxxxx";
    private PartnerConnection connection;
    public void doGet(HttpServletRequest req, HttpServletResponse resp) throws IOException {
        resp.setContentType("text/html");
        resp.getWriter().println("Hello, world. this is a test2");
        PrintWriter t = resp.getWriter();
        getConnection( t, req);
        if ( connection == null ) { return; }
        QueryResult result = null;
        try {
            result = connection.query(  "select id, name, phone from Account order by LastModifiedDate desc limit 10 ");
        } catch (ConnectionException e) {
            // TODO Auto-generated catch block
            e.printStackTrace();
        }
        for (SObject account : result.getRecords()) {
             t.println("&amp;lt;li&amp;gt;"+ (String)account.getField("Name") + "&amp;lt;/li&amp;gt;");
        }
    }
    void getConnection(PrintWriter out, HttpServletRequest req)  { 
        try { 
            // build up a ConnectorConfig from a sid
            String sessionid = req.getParameter("sid");
            String serverurl = req.getParameter("srv");
            if ( connection == null ) { 
               out.println("&amp;lt;p&amp;gt;new connection needed&amp;lt;/p&amp;gt;");
               // login to the Force.com Platform
               ConnectorConfig config = new ConnectorConfig();
               if ( sessionid != null &amp;amp;&amp;amp; serverurl != null) {
                   config.setServiceEndpoint(serverurl);
                   config.setSessionId(sessionid);
                   config.setManualLogin(false);
                   out.println("using session from query string");
               }   else { 
                   config.setUsername(username);
                   config.setPassword(password);
               }
               connection = Connector.newConnection(config);
               out.println( connection.getConfig().getSessionId() );
               out.println( connection.getConfig().getServiceEndpoint() );
           } else { 
               out.println("&amp;lt;p&amp;gt; reuse existing connection"); 
               out.println( connection.getConfig().getSessionId() );
           }
           log.warning("Connection SID " +connection.getConfig().getSessionId());
        } catch ( ConnectionException ce) {
            log.warning("ConnectionException " +ce.getMessage());
            out.println( ce.getMessage() + " s " + ce.getClass() );
        }
    }
}
&lt;/code&gt;&lt;/pre&gt;
&lt;p&gt;When I run the application as a "Web Application" I get the following in the console:&lt;/p&gt;
&lt;pre&gt;&lt;code&gt;Initializing AppEngine server
Logging to JettyLogger(null) via com.google.apphosting.utils.jetty.JettyLogger
Successfully processed D:\education\java\HelloWorldOriginal\war\WEB-INF/appengine-web.xml
Successfully processed D:\education\java\HelloWorldOriginal\war\WEB-INF/web.xml
The server is running at http://localhost:8888/
Warning: default mime table not found: C:\devtool\Java\jre6\lib\content-types.properties
&lt;/code&gt;&lt;/pre&gt;
&lt;p&gt;When I try to visit &lt;a href="http://localhost:8080/" rel="nofollow"&gt;http://localhost:8080/&lt;/a&gt; , I see:&lt;/p&gt;
&lt;pre&gt;&lt;code&gt;Oops! Google Chrome could not connect to localhost:8080
Did you mean: localhost-��8080.��com
Additional suggestions:
Try reloading: localhost:��8080
Search on Google:
Google Chrome Help - Why am I seeing this page?
��2011 Google - Google Home
&lt;/code&gt;&lt;/pre&gt;
&lt;p&gt;But when I visit &lt;a href="http://localhost:8888/" rel="nofollow"&gt;http://localhost:8888/&lt;/a&gt; , I get:&lt;/p&gt;
&lt;pre&gt;&lt;code&gt;Web Application Starter Project
Please enter your name:
    Send
&lt;/code&gt;&lt;/pre&gt;
&lt;p&gt;(Which, also isn't the desired or expected outcome.)&lt;/p&gt;
&lt;p&gt;What is this content-type.properties that I'm missing and how can I fix it?  Or is that just a symptom of a greater problem?&lt;/p&gt;</t>
  </si>
  <si>
    <t>2011-01-22 19:28:51.030000+00:00</t>
  </si>
  <si>
    <t>2011-01-23 23:55:12.493000+00:00</t>
  </si>
  <si>
    <t>2011-01-23 21:12:06.440000+00:00</t>
  </si>
  <si>
    <t>java|google-app-engine|wsdl|salesforce|mime-types</t>
  </si>
  <si>
    <t>Missing wysiwyg folder in magento</t>
  </si>
  <si>
    <t>&lt;p&gt;When I try to upload some images on &lt;strong&gt;CMS &gt; Pages&lt;/strong&gt; in wysiwyg editor, I get an error:&lt;/p&gt;
&lt;blockquote&gt;
  &lt;p&gt;The directory is not writable by server.&lt;/p&gt;
&lt;/blockquote&gt;
&lt;p&gt;I have already explored this error caused because of &lt;code&gt;media/wysiwyg&lt;/code&gt; folder is missing. If I create this folder all will be fine.&lt;/p&gt;
&lt;p&gt;But I wonder why this folder is missing after Magento installation. Can someone explain?&lt;/p&gt;</t>
  </si>
  <si>
    <t>2014-02-26 07:57:27.070000+00:00</t>
  </si>
  <si>
    <t>2015-12-01 09:11:50.377000+00:00</t>
  </si>
  <si>
    <t>2015-01-08 05:15:21.457000+00:00</t>
  </si>
  <si>
    <t>$set does not change the value of the field in java driver for mongodb</t>
  </si>
  <si>
    <t>&lt;p&gt;My collection is something like this:&lt;/p&gt;
&lt;pre&gt;&lt;code&gt;{
"_id" : ObjectId("597c4c42398593a7b464fc9c"),
"userId" : NumberLong(2),
"steps" : [ 
    {
        "_id" : ObjectId("597c4c42398593a7b464fc9a"),
        "beginningDate" : "2017-07-29T13:20:10.344",
        "state" : "Pending",
        "messages" : [ 
            {
                "_id" : ObjectId("597c4c42398593a7b464fc9b"),
                "content" : "Hi",
                "isRead" : 0,
                "side" : "UserToAdmin",
                "creationDate" : "2017-07-29T13:20:10.344"
            }
        ]
    }, 
    {
        "_id" : ObjectId("597c4ce5398593aaa897ccb4"),
        "beginningDate" : "2017-07-29T13:22:53.884",
        "state" : "Open",
        "messages" : []
    }
],
"lastStepState" : "Pending",
"lastModified" : "2017-07-29T13:26:36.774"
}
&lt;/code&gt;&lt;/pre&gt;
&lt;p&gt;What I'm basically trying to do is whenever I push a new step into the steps array, I update the lastStepState in the following way:&lt;/p&gt;
&lt;pre&gt;&lt;code&gt;Document updateQueryDoc = new Document("userId", userId).append("lastStepState",
                new Document("$eq", State.Pending.name()));
        Document updateDoc = new Document("$push", new Document("steps", newStepDoc))
                .append("$set", new Document("lastStepState", State.Open.name()))
                .append("$set", new Document("lastModified", now));
&lt;/code&gt;&lt;/pre&gt;
&lt;p&gt;(State is an enum with Pending and Open values)
However, the lastStepState does not gets updated. what could be the problem?
(I also should mention that there is one document in the collection, so using updateMany is not a soultion to my problem.)&lt;/p&gt;</t>
  </si>
  <si>
    <t>2017-07-29 09:16:20.270000+00:00</t>
  </si>
  <si>
    <t>2017-07-29 11:51:19.030000+00:00</t>
  </si>
  <si>
    <t>2017-07-29 09:29:46.700000+00:00</t>
  </si>
  <si>
    <t>Extension for Chrome or Firefox to edit pages?</t>
  </si>
  <si>
    <t>&lt;p&gt;Is there an extension like Firebug/Chrome "inspect element", that allows one to easily add nodes to a page, and save the changes back to a file? It strikes me that this would be nice way to develop pages.&lt;/p&gt;</t>
  </si>
  <si>
    <t>2011-04-17 15:23:49.393000+00:00</t>
  </si>
  <si>
    <t>2013-12-05 02:38:29.140000+00:00</t>
  </si>
  <si>
    <t>google-chrome|browser-extension</t>
  </si>
  <si>
    <t>Is there any way to trigger my javascript modules to check whether they are working properly during load tests</t>
  </si>
  <si>
    <t>&lt;p&gt;Is there any way to trigger my javascript modules in jmeter  to check whether they are working  properly during load/performance tests&lt;/p&gt;</t>
  </si>
  <si>
    <t>2014-08-16 12:57:13.150000+00:00</t>
  </si>
  <si>
    <t>2014-08-17 06:45:24.840000+00:00</t>
  </si>
  <si>
    <t>arrays|load|jmeter</t>
  </si>
  <si>
    <t>Ionic : how to have multiple tabs on the same template?</t>
  </si>
  <si>
    <t>&lt;p&gt;I would like to have multiple ion tabs which points on the same view with just a parameter change in the URL.&lt;/p&gt;
&lt;p&gt;I don't manage to do that, the page loads, when I click on both tab, the browser loads /tab/dash/all...&lt;/p&gt;
&lt;p&gt;HTML:&lt;/p&gt;
&lt;pre&gt;&lt;code&gt;&amp;lt;ion-tabs class="tabs-icon-top"&amp;gt;
  &amp;lt;!-- Dashboard Tab --&amp;gt;
  &amp;lt;ion-tab title="All" icon="icon ion-grid" href="#/tab/dash/all"&amp;gt;
    &amp;lt;ion-nav-view name="tab-articles-all"&amp;gt;&amp;lt;/ion-nav-view&amp;gt;
  &amp;lt;/ion-tab&amp;gt;
  &amp;lt;ion-tab title="New" icon="icon ion-wand" href="#/tab/dash/new"&amp;gt;
    &amp;lt;ion-nav-view name="tab-articles-new"&amp;gt;&amp;lt;/ion-nav-view&amp;gt;
  &amp;lt;/ion-tab&amp;gt;
&amp;lt;/ion-tabs&amp;gt;
&lt;/code&gt;&lt;/pre&gt;
&lt;p&gt;JS:&lt;/p&gt;
&lt;pre&gt;&lt;code&gt;$stateProvider
// setup an abstract state for the tabs directive
.state('tab', {
  url: "/tab",
  abstract: true,
  templateUrl: "templates/tabs.html"
})
// Each tab has its own nav history stack:
.state('tab.dash', {
  url: '/dash/:filter',
  views: {
    'tab-articles-all': {
      templateUrl: 'templates/tab-dash.html',
      controller: 'DashCtrl'
    },
    'tab-articles-new': {
      templateUrl: 'templates/tab-dash.html',
      controller: 'DashCtrl'
    }}
  })
&lt;/code&gt;&lt;/pre&gt;
&lt;p&gt;HTML:&lt;/p&gt;</t>
  </si>
  <si>
    <t>2014-11-03 17:06:47.653000+00:00</t>
  </si>
  <si>
    <t>2014-11-04 10:50:32.447000+00:00</t>
  </si>
  <si>
    <t>javascript|angular-ui-router|ionic-framework</t>
  </si>
  <si>
    <t>Print a gantt chart in MOSS</t>
  </si>
  <si>
    <t>&lt;p&gt;Does anyone have a tip, a third-party component or anything else that would help me print a gantt chart created in MOSS 2007. When I try to print it, IE only prints part of the web page, but not all the Gantt chart.&lt;/p&gt;
&lt;p&gt;Thanks for your help !&lt;/p&gt;
&lt;p&gt;Rapha��l&lt;/p&gt;</t>
  </si>
  <si>
    <t>2009-10-26 13:55:54.093000+00:00</t>
  </si>
  <si>
    <t>2010-10-11 20:19:12.533000+00:00</t>
  </si>
  <si>
    <t>sharepoint|sharepoint-2007|gantt-chart</t>
  </si>
  <si>
    <t>MySQL SELECT LAST_INSERT_ID() for compound key. Is it possible?</t>
  </si>
  <si>
    <t>&lt;p&gt;Can I get the LAST INSERT ID() for a compound key in MySQL?&lt;/p&gt;</t>
  </si>
  <si>
    <t>2008-12-16 19:28:16.617000+00:00</t>
  </si>
  <si>
    <t>2018-08-10 15:30:48.160000+00:00</t>
  </si>
  <si>
    <t>atlacatl</t>
  </si>
  <si>
    <t>mysql|last-insert-id|compound-key</t>
  </si>
  <si>
    <t>Unity Multiplayer: Reset player position when Y axis is less then -2</t>
  </si>
  <si>
    <t>&lt;p&gt;i'm having this issue with resetting the players position when the players Y axis is less then the threshold value which is -2.&lt;/p&gt;
&lt;pre&gt;&lt;code&gt;using UnityEngine;
using UnityEngine.Networking;
public class ResetPlayerPosition : NetworkManager {
    public float threshold = -2f;
    NetworkIdentity UniquePlayer;
    // On button click, it checks the players position and resets the position if values are true
    public void ResetPosition () {
        UniquePlayer = GameObject.Find("Player").GetComponent&amp;lt;NetworkIdentity&amp;gt;();
        var Player = GameObject.FindWithTag("Player");
        // Reset player position if the players Y axis is less than -2
        if (Player.transform.position.y &amp;lt; threshold) {
            Debug.Log("player position has been reset");
            Player.transform.position = new Vector3(0, 1, 0);
        } else {
            Debug.Log("Player position Y is currently at: " + Player.transform.position.y);
        }   
    }
}
&lt;/code&gt;&lt;/pre&gt;
&lt;p&gt;My goal is to catch the unique players y position  and reset that to 1 if its less then -2. I got it working when you're in the match alone, but as soon as you're more than 1 player in the match, it does weird things because its not pointing to the specific player.&lt;/p&gt;
&lt;p&gt;Im using NetworkManager and its running on localhost. I've attempted my way around this with getting the netID of the player which is unique but can't figure out how to combine those informations.&lt;/p&gt;
&lt;p&gt;Hope someone is able to point me in the right direction.
Thanks in advance :)&lt;/p&gt;</t>
  </si>
  <si>
    <t>2018-06-14 11:31:49.943000+00:00</t>
  </si>
  <si>
    <t>2018-06-14 16:33:20.703000+00:00</t>
  </si>
  <si>
    <t>unity3d|position|unique|player|multiplayer</t>
  </si>
  <si>
    <t>Check permission on paginated overview per entity</t>
  </si>
  <si>
    <t>&lt;p&gt;I'm using voters to check if a user has the correct permissions to perform a certain action on a entity. &lt;/p&gt;
&lt;p&gt;CRUD actions are easy to check. But how do I check the permissions on result sets or overviews.
The overviews use pagination with PagerFanta to paginate the results. Checking the results beforehand won't be possible because of performance issues. Only checking the results which have been return in pagination could lead to empty or half empty pages. &lt;/p&gt;
&lt;p&gt;I'm thinking of putting the same validation in my repository so they only return results the users is allowed to see. But this creates code duplication because the same validation is now duplicated, once in a voter and once in a repository. &lt;/p&gt;
&lt;p&gt;Is there a better solution to this or aren't voters the best solution for this?&lt;/p&gt;</t>
  </si>
  <si>
    <t>2014-12-12 08:44:22.677000+00:00</t>
  </si>
  <si>
    <t>2015-05-05 08:05:25.113000+00:00</t>
  </si>
  <si>
    <t>symfony|doctrine2|pagerfanta</t>
  </si>
  <si>
    <t>JavaFX FXML setUserData DAO</t>
  </si>
  <si>
    <t>&lt;p&gt;I have an application that takes in an FXML to load. The FXML is external to the application (not made by the developer).&lt;/p&gt;
&lt;p&gt;The application has a server connection to get telemetry data.&lt;/p&gt;
&lt;p&gt;I need to update nodes based on these telemetry data. In that regard I have made a NodeData user data object that designers of FXML can add to each Node in the FXML
&lt;br /&gt;&lt;br /&gt;&lt;/p&gt;
&lt;p&gt;&lt;strong&gt;FXML&lt;/strong&gt; userData showed inline for demonstration&lt;/p&gt;
&lt;pre&gt;&lt;code&gt;&amp;lt;AnchorPane fx:id="rootPane" xmlns="http://javafx.com/javafx/9" xmlns:fx="http://javafx.com/fxml/1"&amp;gt;
    &amp;lt;Label fx:id="label1"&amp;gt;
        &amp;lt;userData&amp;gt;
            &amp;lt;NodeData&amp;gt;
                &amp;lt;queries&amp;gt;
                    &amp;lt;FXCollections fx:factory="observableArrayList"&amp;gt;
                        &amp;lt;String fx:value="select name from TABLE_1" /&amp;gt;
                        &amp;lt;String fx:value="select title from TABLE_2 /&amp;gt;
                    &amp;lt;/FXCollections&amp;gt;
                &amp;lt;/queries&amp;gt;
            &amp;lt;/NodeData&amp;gt;
        &amp;lt;/userData&amp;gt;
    &amp;lt;/Label&amp;gt;
&amp;lt;/AnchorPane&amp;gt;
&lt;/code&gt;&lt;/pre&gt;
&lt;p&gt;&lt;br /&gt;
&lt;strong&gt;The Java user data objects&lt;/strong&gt;&lt;/p&gt;
&lt;pre&gt;&lt;code&gt;/** Node DAO */
public class NodeData {
    private ObservableList&amp;lt;NodeQuery&amp;gt; queries;
    public ObservableList&amp;lt;NodeQuery&amp;gt; getQueries() {
        return queries;
    }
    public void setQueries(ObservableList&amp;lt;NodeQuery&amp;gt; queries) {
        this.queries = queries;
    }
}
public class NodeQuery {
    private String query;
    public String getQuery() {
        return query;
    }
    public void setQuery(String query) {
        this.queries = queries;
    }
}
&lt;/code&gt;&lt;/pre&gt;
&lt;p&gt;I planned in having NodeData sending the queries and receiving the response.&lt;/p&gt;
&lt;p&gt;When the response is received I wanted to update the Node. I am not quite sure how I would do it. There is no Observable on user data back to the node I can listen to.&lt;/p&gt;
&lt;p&gt;One solution: &lt;br /&gt;
Perhaps I could have the controller do the work. In @FXML initialize I could iterate through the rootPane I have access to, find all nodes, retrieve its NodeData, send the queries. When received update the node. However that seems a little messy.&lt;/p&gt;
&lt;pre&gt;&lt;code&gt;@FXML
private void initialize() {
    Stack&amp;lt;Node&amp;gt; nodes = new Stack&amp;lt;&amp;gt;();
    nodes.addAll(rootPane.getChildren());
    while (!nodes.empty()) {
        Node node = nodes.pop();
        Object userData = node.getUserData();
        if (userData instanceof NodeData) {
            NodeData nodeData = (NodeData) userData;
            // Do work on nodeData.
        }
        if (node instanceof Pane) {
            Pane pane = (Pane) node;
            nodes.addAll(pane.getChildren());
        } else if (node instanceof TitledPane) {
            TitledPane titledPane = (TitledPane) node;
            Node content = titledPane.getContent();
            if (content instanceof Pane) {
                Pane pane = (Pane) content;
                nodes.addAll(pane.getChildren());
            }
        }
    }
}
&lt;/code&gt;&lt;/pre&gt;
&lt;p&gt;&lt;br /&gt;
I would like an opinion on this design strategy, if there perhaps is a better solution here?&lt;/p&gt;</t>
  </si>
  <si>
    <t>2018-05-09 12:47:37.750000+00:00</t>
  </si>
  <si>
    <t>2018-05-09 13:48:22.247000+00:00</t>
  </si>
  <si>
    <t>javafx|javafx-8|fxml|javafx-9</t>
  </si>
  <si>
    <t>Manipulating seperated species quantity data into a species abundance matrix</t>
  </si>
  <si>
    <t>&lt;p&gt;I was hoping somebody could help with some data manipulation in R, i'm struggling to get this to work as the data is currently in a slightly odd format.&lt;/p&gt;
&lt;p&gt;I need a species abundance table in order to run some of the functions in vegan.&lt;/p&gt;
&lt;p&gt;However when I collected the data I inputted it in a way which is not very compatable as I had to keep species collected from the same site seperated by date and other factors which was necessary for another program.&lt;/p&gt;
&lt;p&gt;So my data currently looks like this:&lt;/p&gt;
&lt;pre&gt;&lt;code&gt;df &amp;lt;- data.frame (Site=c(1,1,1,1,1,1,2,2,2,2,2,2,3,3,3,3,3,3),
species=c("a","a","a","b","b","c","a","b","b","b","c","d","a","b","c","f","f","f"),
Quantity=c(3,1,1,2,3,3,5,12,1,2,4,1,5,6,3,1,1,1))
&lt;/code&gt;&lt;/pre&gt;
&lt;p&gt;And what i'm trying to manipulate it to is an abundance matrix, so like:&lt;/p&gt;
&lt;pre&gt;&lt;code&gt;colA= c(1,2,3)
colB=c(5,5,5)
colC=c(5,15,6)
colD=c(3,4,3)
colE=c(0,1,0)
colF=c(0,0,1)
colG=c(0,0,2)
df= data.frame (site=colA, SpeciesA=colB, SpeciesB=colC,SpeciesC=colD,SpeciesD=colE,SpeciesE=colF,SpeciesF=colG)
&lt;/code&gt;&lt;/pre&gt;
&lt;p&gt;My first plan was to loop through for each site, then a second loop for each taxon within a site, i would then take the sum of the quantity for each taxa and cbind it into a data table, the problem occurs as I end up with lots of tables with different numbers of columns for each site, which then cant be bound together into one.&lt;/p&gt;
&lt;p&gt;Any help or suggestions would be very much appreciated.&lt;/p&gt;
&lt;p&gt;Many thanks.&lt;/p&gt;</t>
  </si>
  <si>
    <t>2014-08-18 15:31:39.100000+00:00</t>
  </si>
  <si>
    <t>2014-08-18 15:34:51.987000+00:00</t>
  </si>
  <si>
    <t>r|data-manipulation</t>
  </si>
  <si>
    <t>JavaScript search string contains?</t>
  </si>
  <si>
    <t>&lt;p&gt;I have a little problem with my current code.&lt;/p&gt;
&lt;p&gt;I have a textBox in which I want to enter a search frase,  and get an answer that somehow rely to what I have asked.&lt;/p&gt;
&lt;p&gt;It works OK as long as I only enter a single word in my textBox,  if my Array holds that word it will be found.&lt;/p&gt;
&lt;p&gt;But when I enter a full Question like: How old are you ?&lt;/p&gt;
&lt;p&gt;even that my Array holds the word: "old"
 It wont get found.&lt;/p&gt;
&lt;p&gt;How can I correct this behaviour  ?&lt;/p&gt;
&lt;pre&gt;&lt;code&gt;function askQ(){
  var searchWord = new Array("age","old","color","fun","eyes",
                                "legs","eye","leg");
  var findme = document.getElementById('askBox').value;
  if (searchWord.indexOf(findme) &amp;gt; -1 ) {
  document.getElementById('bubble').innerHTML = "FOUND IT!";
} else {
  document.getElementById('bubble').innerHTML = "SORRY!";
}
&lt;/code&gt;&lt;/pre&gt;</t>
  </si>
  <si>
    <t>2013-10-30 17:40:57.033000+00:00</t>
  </si>
  <si>
    <t>2013-10-30 17:50:05.870000+00:00</t>
  </si>
  <si>
    <t>javascript|search|contains</t>
  </si>
  <si>
    <t>Is there a Visual Studio shortcut to enumerate all properties in an object initializer?</t>
  </si>
  <si>
    <t>&lt;p&gt;Say I have a data model and it's got a bunch of properties. Is there a quick way to autocomplete the initialization like....:&lt;/p&gt;
&lt;pre&gt;&lt;code&gt;var myobj = new MyObject
{
    A = ...,
    B = ...,
    .
    .
    Z = ...
};
&lt;/code&gt;&lt;/pre&gt;
&lt;p&gt;So I can fill in the blanks on the properties but don't have to go on typing A...B...C... and so on?&lt;/p&gt;</t>
  </si>
  <si>
    <t>2016-10-20 18:21:25.190000+00:00</t>
  </si>
  <si>
    <t>2016-10-20 19:06:38.863000+00:00</t>
  </si>
  <si>
    <t>WPF DataGrid CheckBox Select All And Get Selected Rows</t>
  </si>
  <si>
    <t>&lt;p&gt;I have a Datagrid in WPF. I added a checkbox column as follows:&lt;/p&gt;
&lt;pre&gt;&lt;code&gt;    &amp;lt;DataGridTemplateColumn&amp;gt;
     &amp;lt;DataGridTemplateColumn.Header&amp;gt;
       &amp;lt;CheckBox Name="CheckALL"  IsChecked="{Binding IsCheckedAll, Mode=TwoWay,  UpdateSourceTrigger=PropertyChanged}" /&amp;gt;
     &amp;lt;/DataGridTemplateColumn.Header&amp;gt;
     &amp;lt;DataGridTemplateColumn.CellTemplate&amp;gt;
       &amp;lt;DataTemplate&amp;gt;
          &amp;lt;CheckBox Name="chkSelect" IsChecked="{Binding IsSelected, Mode=TwoWay,  UpdateSourceTrigger=PropertyChanged}"/&amp;gt;
       &amp;lt;/DataTemplate&amp;gt;
     &amp;lt;/DataGridTemplateColumn.CellTemplate&amp;gt;
 &amp;lt;/DataGridTemplateColumn&amp;gt;
&lt;/code&gt;&lt;/pre&gt;
&lt;p&gt;Now property changed event gets fired on check box in rows is clicked, But I also want to get all check boxes checked when header check box is clicked. &lt;/p&gt;
&lt;p&gt;When Header check box is clicked, All checkboxes are selected when i write code like this:&lt;/p&gt;
&lt;pre&gt;&lt;code&gt;&amp;lt;DataTemplate&amp;gt;
 &amp;lt;CheckBox Name="chkSelect" IsChecked="{Binding IsChecked, Mode=OneWay, ElementName=CheckALL,  UpdateSourceTrigger=PropertyChanged}"/&amp;gt;
&amp;lt;/DataTemplate&amp;gt;
&lt;/code&gt;&lt;/pre&gt;
&lt;p&gt;But at the same time both functions are to be obtained.
Please help me&lt;/p&gt;</t>
  </si>
  <si>
    <t>2015-04-08 06:22:10.417000+00:00</t>
  </si>
  <si>
    <t>2015-04-08 09:04:13.387000+00:00</t>
  </si>
  <si>
    <t>2015-04-08 06:29:51.227000+00:00</t>
  </si>
  <si>
    <t>WebAPI - 403 thrown after Azure service change</t>
  </si>
  <si>
    <t>&lt;p&gt;We have Web API (.NET 4.6, MVC with WebAPI 5.2.3).&lt;/p&gt;
&lt;p&gt;Once deployed on the Azure, everything works fine, flawless.
But almost every Monday when we try to access the API, 403 error is thrown.&lt;/p&gt;
&lt;p&gt;It took us a while to find why is this happening. Apparently when something on Azure changes, regarding of service (power of the machine, number of instances) the API starts throwing 403 error. &lt;/p&gt;
&lt;p&gt;Not even restart helps, the only thing that fixes the problem is republish of API.&lt;/p&gt;
&lt;p&gt;So every Monday (I guess because there's a little traffic on Azure over the weekend) the service scales down and 403 error appears.&lt;/p&gt;</t>
  </si>
  <si>
    <t>2016-06-20 07:35:11.793000+00:00</t>
  </si>
  <si>
    <t>2016-06-20 08:05:54.590000+00:00</t>
  </si>
  <si>
    <t>c#|azure|asp.net-web-api|http-status-code-403</t>
  </si>
  <si>
    <t>PHP Function for factorials but using addition instead of multiplication?</t>
  </si>
  <si>
    <t>&lt;p&gt;I know that the mathematical function for &lt;code&gt;5 * 4 * 3 * 2 * 1&lt;/code&gt; is called factorial (and there is a PHP function for it: &lt;code&gt;gmp_fact(n)&lt;/code&gt;).&lt;/p&gt;
&lt;p&gt;But what is it called when you are wanting to add instead of multiply? Like this: &lt;code&gt;5 + 4 + 3 + 2 + 1&lt;/code&gt;? And is there a PHP function for this? Or do I need to roll my own? I assume there is a function for something like this but since I don't know what the mathematical name is for this kind of expression I can't seem to find the name of the function for it...&lt;/p&gt;</t>
  </si>
  <si>
    <t>2012-05-07 20:09:58.790000+00:00</t>
  </si>
  <si>
    <t>2012-05-07 20:12:23.670000+00:00</t>
  </si>
  <si>
    <t>php|math</t>
  </si>
  <si>
    <t>How can I force to load / create pdb files for a dll</t>
  </si>
  <si>
    <t>&lt;p&gt;I have downloaded the latest version of SFML (a library) which includes source files, dlls, headers, and .lib files.
I have no problem using the library and it's linked dynamically.
I'd like to be able to step through the library code in the debugger (I used to be able to which earlier version), but now I can only see the assembly.
What is the usual way to generate pdb files to so?
thanks&lt;/p&gt;</t>
  </si>
  <si>
    <t>2012-05-18 20:54:22.017000+00:00</t>
  </si>
  <si>
    <t>2012-05-18 22:57:20.640000+00:00</t>
  </si>
  <si>
    <t>c++|visual-studio-2010|debugging</t>
  </si>
  <si>
    <t>Laravel custom validation returning method doesnot exist</t>
  </si>
  <si>
    <t>&lt;p&gt;I am trying to create my own custom laravel custom validation rule using the service provider way. &lt;/p&gt;
&lt;p&gt;I came up with the following which is stored inside &lt;code&gt;app/Services/CustomValidator.php&lt;/code&gt;&lt;/p&gt;
&lt;pre&gt;&lt;code&gt;   &amp;lt;?php 
namespace App\Services;
class CustomValidator extends \Illuminate\Validation\Validator {
    public function __construct($translator, $data, $rules, $messages = array(), $customAttributes = array())
    {
        parent::__construct($translator, $data, $rules, $messages, $customAttributes);
        $this-&amp;gt;setCustomMessages([
            'not_empty_string'=&amp;gt; 'The field must not be empty'
        ]);
    }
  public function validateNotEmptyString($attribute, $value, $parameters)
  {   
      return (bool) preg_match( '/""/', $value );
  }
}
?&amp;gt;
&lt;/code&gt;&lt;/pre&gt;
&lt;p&gt;and my provider stored inside the providers folder &lt;/p&gt;
&lt;pre&gt;&lt;code&gt;&amp;lt;?php
namespace App\Providers;
use Validator;
use Illuminate\Support\ServiceProvider;
use App\Services\CustomValidator;
class CustomValidationServiceProvider extends ServiceProvider
{
    /**
     * Bootstrap the application services.
     *
     * @return void
     */
    public function boot()
    {
        Validator::resolver(function($translator, $data, $rules, $messages)
        {
            return new CustomValidator($translator, $data, $rules, $messages);
        });
    }
    /**
     * Register the application services.
     *
     * @return void
     */
    public function register()
    {
        //
    }
}
&lt;/code&gt;&lt;/pre&gt;
&lt;p&gt;and I have added the provider to my config/app.php &lt;/p&gt;
&lt;pre&gt;&lt;code&gt;'providers' =&amp;gt; [
    /*
     * Laravel Framework Service Providers...
     */
    Illuminate\Auth\AuthServiceProvider::class,
    Illuminate\Broadcasting\BroadcastServiceProvider::class,
    Illuminate\Bus\BusServiceProvider::class,
    Illuminate\Cache\CacheServiceProvider::class,
    Illuminate\Foundation\Providers\ConsoleSupportServiceProvider::class,
    Illuminate\Cookie\CookieServiceProvider::class,
    Illuminate\Database\DatabaseServiceProvider::class,
    Illuminate\Encryption\EncryptionServiceProvider::class,
    Illuminate\Filesystem\FilesystemServiceProvider::class,
    Illuminate\Foundation\Providers\FoundationServiceProvider::class,
    Illuminate\Hashing\HashServiceProvider::class,
    Illuminate\Mail\MailServiceProvider::class,
    Illuminate\Pagination\PaginationServiceProvider::class,
    Illuminate\Pipeline\PipelineServiceProvider::class,
    Illuminate\Queue\QueueServiceProvider::class,
    Illuminate\Redis\RedisServiceProvider::class,
    Illuminate\Auth\Passwords\PasswordResetServiceProvider::class,
    Illuminate\Session\SessionServiceProvider::class,
    Illuminate\Translation\TranslationServiceProvider::class,
    Illuminate\Validation\ValidationServiceProvider::class,
    Illuminate\View\ViewServiceProvider::class,
    /*
     * Application Service Providers...
     */
    App\Providers\AppServiceProvider::class,
    App\Providers\AuthServiceProvider::class,
    App\Providers\EventServiceProvider::class,
    App\Providers\RouteServiceProvider::class,
    Laravel\Spark\Providers\SparkServiceProvider::class,
    App\Providers\SparkServiceProvider::class,
    Laravel\Cashier\CashierServiceProvider::class,
    //custom classes
    Felixkiss\UniqueWithValidator\UniqueWithValidatorServiceProvider::class,
    App\Providers\CustomValidationServiceProvider::class
],
&lt;/code&gt;&lt;/pre&gt;
&lt;p&gt;The Provider i added seems to conflict with the &lt;code&gt;Felixkiss Provider&lt;/code&gt; as whenever I try to validate a rule like &lt;/p&gt;
&lt;pre&gt;&lt;code&gt;private $rules = [
                'name' =&amp;gt; 'required|unique_with:tests,suite_id',
                'description' =&amp;gt; 'not_empty_string|required',
                'expected_result' =&amp;gt; 'not_empty_string|required',
                'suite_id' =&amp;gt; 'required',
                 'project_id' =&amp;gt; 'required',
            ];
&lt;/code&gt;&lt;/pre&gt;
&lt;p&gt;I come up with the following error which actually is a method on the other provider. I am not sure what is the problem here as I seem to have done everything by the book.&lt;/p&gt;
&lt;p&gt;&lt;a href="https://i.imgur.com/YB5OG6j.png?1" rel="nofollow noreferrer"&gt;&lt;img src="https://i.imgur.com/YB5OG6j.png?1" alt="enter image description here"&gt;&lt;/a&gt;&lt;/p&gt;</t>
  </si>
  <si>
    <t>2016-11-27 22:50:35.077000+00:00</t>
  </si>
  <si>
    <t>2016-11-28 09:16:56.140000+00:00</t>
  </si>
  <si>
    <t>2016-11-28 08:10:20.550000+00:00</t>
  </si>
  <si>
    <t>php|laravel|laravel-5|laravel-5.2</t>
  </si>
  <si>
    <t>Send seperate column info when specific text is entered in one cell</t>
  </si>
  <si>
    <t>&lt;p&gt;I have a job tracking spreadsheet, with Column A denoting Job Number and Column "I" denoting job status, which has different stages selectable from a dropdown.&lt;/p&gt;
&lt;p&gt;I want an email to be sent to one recipient when the option "Completed" is chosen for the dropdown, also telling them the same jobs number. No matter what I try we can only get it to work for any change to column "I", rather than just "complete". Any help would be appreciated!&lt;/p&gt;
&lt;pre&gt;&lt;code&gt;function sendNotification() {
  var ss = SpreadsheetApp.getActiveSpreadsheet();
  var sheet = ss.getActiveSheet();
  var cell = ss.getActiveCell().getA1Notation();
  var row = sheet.getActiveRange().getRow();
  var cellvalue = ss.getActiveCell().getValue().toString();
  var recipients = "xxx@xxx.co.uk";
  var message = '';
  if(cell.indexOf('I')!=-1){ 
    message = sheet.getRange('A'+ sheet.getActiveCell().getRowIndex()).getValue()
  }
  var subject = 'Job List: '+sheet.getName() 'has been updated' ;
  var body = sheet.getName() + ' has been updated.\n\n New Job Status: ' + cellvalue + '.\n\nFor Job Number: ' + message + '\n\nVisit ' + ss.getUrl() + ' to view the changes on row: ' + row + '.';
  MailApp.sendEmail(recipients, subject, body);
};
&lt;/code&gt;&lt;/pre&gt;</t>
  </si>
  <si>
    <t>2017-05-15 13:38:03.003000+00:00</t>
  </si>
  <si>
    <t>2017-05-15 16:52:33.327000+00:00</t>
  </si>
  <si>
    <t>2017-05-15 16:42:10.657000+00:00</t>
  </si>
  <si>
    <t>Sorting strings with numbers in filenames with Golang</t>
  </si>
  <si>
    <t>&lt;p&gt;I'm trying to convert some old python code into Go lang. But i got stuck at sorting the files in a folder. Since the files are always &lt;code&gt;AMA1.txt&lt;/code&gt;, &lt;code&gt;AMA2.txt&lt;/code&gt; etc. In python source code i did this:&lt;/p&gt;
&lt;pre&gt;&lt;code&gt;files=[]
for file in os.listdir(someDir):
    if file.endswith(".txt"):
     files.append(file) 
convert = lambda text: int(text) if text.isdigit() else text 
alphanum_key = lambda key: [ convert(c) for c in re.split('([0-9]+)',key) ]
files.sort( key=alphanum_key )
for i in files:
    print (i)
&lt;/code&gt;&lt;/pre&gt;
&lt;p&gt;I got so far, but missing the sorting :&lt;/p&gt;
&lt;pre&gt;&lt;code&gt;func main() {
    dirname := "someDir"
    d, err := os.Open(dirname)
    if err != nil {
        fmt.Println(err)
    }
    defer d.Close()
    fi, err := d.Readdir(-1)
    if err != nil {
        fmt.Println(err)
    }
    for _, fi := range fi {
        if fi.Mode().IsRegular() {
            fmt.Println(fi.Name())
        }
    }
}
&lt;/code&gt;&lt;/pre&gt;</t>
  </si>
  <si>
    <t>2018-07-16 10:40:25.087000+00:00</t>
  </si>
  <si>
    <t>2018-07-17 06:44:28.617000+00:00</t>
  </si>
  <si>
    <t>2018-07-16 12:22:28.477000+00:00</t>
  </si>
  <si>
    <t>string|sorting|go|numbers</t>
  </si>
  <si>
    <t>Regex to for .split() to separate string on spaces except for quotes</t>
  </si>
  <si>
    <t>&lt;p&gt;Is it possible to use a Regex to split a string into spaces and quotes? I can only use &lt;code&gt;.split()&lt;/code&gt; instead of &lt;code&gt;.match()&lt;/code&gt; for performance reasons.&lt;/p&gt;
&lt;p&gt;Example:&lt;/p&gt;
&lt;pre&gt;&lt;code&gt;'This is an "example for" stack overflow.'
&lt;/code&gt;&lt;/pre&gt;
&lt;p&gt;Output:&lt;/p&gt;
&lt;pre&gt;&lt;code&gt;["This", "is", "an", "example for", "stack", "overflow"]
&lt;/code&gt;&lt;/pre&gt;</t>
  </si>
  <si>
    <t>2018-11-27 13:40:26.710000+00:00</t>
  </si>
  <si>
    <t>2018-11-27 15:50:56.227000+00:00</t>
  </si>
  <si>
    <t>2018-11-27 13:53:39.957000+00:00</t>
  </si>
  <si>
    <t>What is wrong with this Fibonacci function?</t>
  </si>
  <si>
    <t>&lt;p&gt;Stumbled upon this example of bad C++ code in a blog post, without any explanation as to why it is considered "bad". I have my own ideas, but would like to hear experienced C++ devs on this.&lt;/p&gt;
&lt;pre&gt;&lt;code&gt;unsigned int Fibonacci (unsigned int n)
{
    if (n == 0 || n == 1)
        return n;
    else
        return Fibonacci (n - 1U) + Fibonacci (n - 2U);
}
&lt;/code&gt;&lt;/pre&gt;</t>
  </si>
  <si>
    <t>2011-07-07 00:51:03.770000+00:00</t>
  </si>
  <si>
    <t>2015-02-07 16:31:04.480000+00:00</t>
  </si>
  <si>
    <t>c|fibonacci</t>
  </si>
  <si>
    <t>Calculating no of non-zero in a column corresponding to another column</t>
  </si>
  <si>
    <t>&lt;p&gt;I have a dataframe:&lt;/p&gt;
&lt;pre&gt;&lt;code&gt; d = {'class': [0, 1,1,0,1,0], 'A': [0,4,8,1,0,0],'B':[4,1,0,0,3,1]}
 df = pd.DataFrame(data=d)
&lt;/code&gt;&lt;/pre&gt;
&lt;p&gt;which looks like-&lt;/p&gt;
&lt;pre&gt;&lt;code&gt;    A   B   class
0   0   4   0
1   4   1   1
2   8   0   1
3   1   0   0
4   0   3   1
5   0   1   0
&lt;/code&gt;&lt;/pre&gt;
&lt;p&gt;I want to calculate for each column the corresponding a,b,c,d which are no of non-zero in column corresponding to class column 1,no of non-zero in column corresponding to class column 0,no of zero in column corresponding to class column 1,no of zero in column corresponding to class column 0&lt;/p&gt;
&lt;p&gt;for example-&lt;/p&gt;
&lt;pre&gt;&lt;code&gt;for column A the a,b,c,d are 2,1,1,2
&lt;/code&gt;&lt;/pre&gt;
&lt;p&gt;explantion- In column A we see that where column[class]=1 the number of non zero values in column A are 2 therefore a=2(indices 1,2).Similarly b=1(indices 3)&lt;/p&gt;
&lt;p&gt;My attempt(when the dataframe had equal no of 0 and 1 class)-&lt;/p&gt;
&lt;pre&gt;&lt;code&gt;dataset = pd.read_csv('aaf.csv')
n=len(dataset.columns)  #no of columns
X=dataset.iloc[:,1:n].values
l=len(X) #no or rows
score = []
for i in range(n-1):
    #print(i)
    X_column=X[:,i]
    neg_array,pos_array=np.hsplit(X_column,2)##hardcoded 
    #print(pos_array.size)
    a=np.count_nonzero(pos_array)
    b=np.count_nonzero(neg_array)
    c= l/2-a
    d= l/2-b
&lt;/code&gt;&lt;/pre&gt;</t>
  </si>
  <si>
    <t>2018-10-02 09:08:09.860000+00:00</t>
  </si>
  <si>
    <t>2018-10-02 10:29:12.713000+00:00</t>
  </si>
  <si>
    <t>2018-10-02 09:33:31.140000+00:00</t>
  </si>
  <si>
    <t>Android MediaSessionCompat not showing Media Control Buttons on KitKat</t>
  </si>
  <si>
    <t>&lt;p&gt;I'm building a music player and am currently trying to implement Lockscreen Media Controls and playback information. My first attempt was with a RemoteControlClient but this method is being deprecated and I ran into a bug I was unable to solve. So I attempted to switch to the MediaSessionCompat class, everything works except media controls don't show up.&lt;/p&gt;
&lt;pre&gt;&lt;code&gt;    ComponentName eventReceiver = new ComponentName(getPackageName(), RemoteMediaReceiver.class.getName());
    Intent mediaButtonIntent = new Intent(Intent.ACTION_MEDIA_BUTTON);
    mediaButtonIntent.setComponent(eventReceiver);
    PendingIntent mediaPendingIntent = PendingIntent.getBroadcast(getApplicationContext(), 0, mediaButtonIntent, 0);
    mediaSession = new MediaSessionCompat(this, "TAG", eventReceiver, mediaPendingIntent);
    mediaSession.setCallback(new MediaSessionCompat.Callback() {
        @Override
        public boolean onMediaButtonEvent(Intent mediaButtonEvent) {
            Log.d("MediaSession", "onMediaButtonEvent");
            return super.onMediaButtonEvent(mediaButtonEvent);
        }
        @Override
        public void onPlay() {
            Log.d("MediaSession", "onPlay");
            super.onPlay();
        }
        @Override
        public void onPause() {
            Log.d("MediaSession", "onPause");
            super.onPause();
        }
        @Override
        public void onSkipToNext() {
            Log.d("MediaSession", "onSkipToNext");
            super.onSkipToNext();
        }
        @Override
        public void onSkipToPrevious() {
            Log.d("MediaSession", "onSkipToPrevious");
            super.onSkipToPrevious();
        }
        @Override
        public void onSeekTo(long pos) {
            Log.d("MediaSession", String.format("onSeekTo %d", pos));
            super.onSeekTo(pos);
        }
        @Override
        public void onStop() {
            Log.d("MediaSession", "onStop");
            super.onStop();
        }
    });
    mediaSession.setPlaybackState(playbackState(PlaybackStateCompat.STATE_STOPPED, PlaybackStateCompat.PLAYBACK_POSITION_UNKNOWN, 0));
    mediaSession.setFlags(MediaSessionCompat.FLAG_HANDLES_MEDIA_BUTTONS | MediaSessionCompat.FLAG_HANDLES_TRANSPORT_CONTROLS);
&lt;/code&gt;&lt;/pre&gt;
&lt;p&gt;This is how I setup my Media Session then I have helper methods that update it's state and metadata like so&lt;/p&gt;
&lt;pre&gt;&lt;code&gt;public void start(){
    mControl.setPlaying(true);
    notify(State.PLAY);
    if(!audioFocus) requestFocus();
    //remoteCC.setPlaybackState(RemoteControlClient.PLAYSTATE_PLAYING, mp.getCurrentPosition(), 1.0f);
    mediaSession.setPlaybackState(playbackState(PlaybackStateCompat.STATE_PLAYING, mp.getCurrentPosition(), 1));
    mediaSession.setActive(true);
    mp.start();
}
public void pause(){
    mControl.setPlaying(false);
    notify(State.PAUSE);
    //remoteCC.setPlaybackState(RemoteControlClient.PLAYSTATE_PAUSED);
    mediaSession.setPlaybackState(playbackState(PlaybackStateCompat.STATE_PAUSED, mp.getCurrentPosition(), 0));
    mediaSession.setActive(true);
    mp.pause();
}
public void mediaSessionNewSong(){
    Song song = mControl.getSongSet().safeCurrent();
    Bitmap bitmap = AlbumArtCache.instance().get(song.album_id);
    if(bitmap == null) bitmap = AlbumArtCache.instance().get(-1);
    MediaMetadataCompat.Builder metadata = new MediaMetadataCompat.Builder();
    metadata.putString(MediaMetadataCompat.METADATA_KEY_ALBUM, song.album);
    metadata.putString(MediaMetadataCompat.METADATA_KEY_ARTIST, song.artist);
    metadata.putLong(MediaMetadataCompat.METADATA_KEY_TRACK_NUMBER, song.track);
    metadata.putString(MediaMetadataCompat.METADATA_KEY_TITLE, song.title);
    metadata.putLong(MediaMetadataCompat.METADATA_KEY_DURATION, song.duration);
    metadata.putBitmap(MediaMetadataCompat.METADATA_KEY_ALBUM_ART, bitmap.copy(bitmap.getConfig(), false));
    mediaSession.setMetadata(metadata.build());
    mediaSession.setActive(true);
}
&lt;/code&gt;&lt;/pre&gt;
&lt;p&gt;The kicker is, I can get the RemoteControlClient manually with getRemoteControlClient() and set it's transport control flags to make the buttons show up but then they don't use the callback class provided, they use the eventReceiver and I run into the bug I had with my original RemoteClientControl implementation. What am I not seeing? All the documentation I've read and other SO questions I've seen suggest this should work.&lt;/p&gt;
&lt;p&gt;EDIT:
Yes, my apologies it's a large codebase so I forgot all my helper methods &lt;/p&gt;
&lt;pre&gt;&lt;code&gt;public PlaybackStateCompat playbackState(int state, long position, float playbackSpeed){
    return new PlaybackStateCompat.Builder()
            .setActions(PlaybackStateCompat.ACTION_PLAY_PAUSE | PlaybackStateCompat.ACTION_SKIP_TO_PREVIOUS | PlaybackStateCompat.ACTION_SKIP_TO_NEXT | PlaybackStateCompat.ACTION_SEEK_TO)
            .setState(state, position, playbackSpeed)
            .build();
}
&lt;/code&gt;&lt;/pre&gt;
&lt;p&gt;I updated my library from 22.0.0 to 22.2.1 and now the buttons show up (progress :D), but it would seem the remote client control is using the eventReceiver instead of the MediaSession's callback, except for seekTo which uses the callback as expected.&lt;/p&gt;</t>
  </si>
  <si>
    <t>2015-07-20 19:39:04.340000+00:00</t>
  </si>
  <si>
    <t>2016-04-20 15:18:05.510000+00:00</t>
  </si>
  <si>
    <t>android|android-mediasession</t>
  </si>
  <si>
    <t>Mysql Column cannot be null error when there is no result using LEFT JOIN</t>
  </si>
  <si>
    <t>&lt;p&gt;I have some data in customer table and there is no data in the other tables. So when I am trying to select using the following query, it gives me &lt;/p&gt;
&lt;blockquote&gt;
  &lt;h1&gt;1048-Column 'customerid' cannot be null&lt;/h1&gt;
&lt;/blockquote&gt;
&lt;p&gt;. What could be the problem. Is there a solution for this?&lt;/p&gt;
&lt;pre&gt;&lt;code&gt;SELECT c.*, fd.ruakzat as ruak,
        fd.khatzat as khat, 0+0 as belh, 0+0 as neih, 
        puk.lended as hawh
        FROM `customer` c
        LEFT JOIN ( 
                SELECT s.customerid, o.orderzat as ruakzat, 
                       f.filled as khatzat     
                FROM `sale` s    
                LEFT JOIN (     
                       SELECT SUM(quantity) as orderzat,invoiceno     
                       FROM `order`    
                       WHERE fillstatus='Empty'
                       GROUP BY invoiceno    
                 ) AS o ON s.invoiceno=o.invoiceno    
                LEFT JOIN (     
                      SELECT SUM(quantity) as filled,invoiceno    
                      FROM `order`    
                      WHERE fillstatus='Filled'    
                      GROUP BY invoiceno    
                ) AS f ON s.invoiceno=f.invoiceno    
        ) AS fd ON c.id=fd.customerid    
        LEFT JOIN (     
             SELECT SUM(quantity) as lended, customerid    
             FROM `lending`    
        ) AS puk ON c.id=puk.customerid     
       WHERE (puk.customerid IS NULL OR c.name LIKE '%%')
&lt;/code&gt;&lt;/pre&gt;
&lt;p&gt;What would be the better approach? Thanks for your help.&lt;/p&gt;</t>
  </si>
  <si>
    <t>2016-07-20 14:35:42.117000+00:00</t>
  </si>
  <si>
    <t>2016-07-20 15:44:53.243000+00:00</t>
  </si>
  <si>
    <t>mysql|sql|subquery|left-join</t>
  </si>
  <si>
    <t>In C++, is a const method returning a pointer to a non-const object considered bad practice?</t>
  </si>
  <si>
    <t>&lt;p&gt;In C++, is a const method returning a pointer to a non-const object considered bad practice? For example. consider the following methods:&lt;/p&gt;
&lt;pre&gt;&lt;code&gt;// Makes perfect sense
bool isActive() const { return m_isActive; }
// Makes perfect sense, both consts ensure nothing is modified
const SomeObject* someObject() const { return m_someObject; }
// Makes perfect sense, no const because SomeObject is mutable,
// thus MyClass is indirectly mutable
SomeObject* someObject() { return m_someObject; }
// Makes no sense, if you're just returning a pointer to a const object,
// then the method should clearly be const since nothing can be modified
const SomeObject* someObject() { return m_someObject; }
&lt;/code&gt;&lt;/pre&gt;
&lt;p&gt;The last combination puzzles me: is the following considered bad practice?&lt;/p&gt;
&lt;pre&gt;&lt;code&gt;SomeObject* someObject() const { return m_someObject; }
&lt;/code&gt;&lt;/pre&gt;
&lt;p&gt;Because the class that method returns is not const, but the method is, it is somewhat pointless since you could modify &lt;code&gt;SomeObject&lt;/code&gt; and thus &lt;em&gt;indirectly&lt;/em&gt; modify your class... so is that form considered bad practice? e.g. should you only use one of the following in place of it?&lt;/p&gt;
&lt;pre&gt;&lt;code&gt;const SomeObject* someObject() const { return m_someObject; }
SomeObject* someObject() { return m_someObject; }
&lt;/code&gt;&lt;/pre&gt;
&lt;hr&gt;
&lt;p&gt;Real-world situation: I'm writing a smartphone game which has a &lt;code&gt;Game&lt;/code&gt; class. The &lt;code&gt;Game&lt;/code&gt; class contains several methods which return pointers to utility classes like &lt;code&gt;InputManager&lt;/code&gt;, &lt;code&gt;AudioManager&lt;/code&gt;, etc.&lt;/p&gt;
&lt;pre&gt;&lt;code&gt;class Game
{
public:
    InputManager* inputManager() const { return m_inputManager; }
    ...
private:
    InputManager* m_inputManager;
    ...
}
&lt;/code&gt;&lt;/pre&gt;
&lt;p&gt;Does it make ANY sense at all to make &lt;code&gt;inputManager()&lt;/code&gt; const, since the object it returns is not? (and should not be, since the &lt;code&gt;InputManager&lt;/code&gt; needs to be mutable for its state to be updated, etc.)&lt;/p&gt;
&lt;p&gt;Or should I remove the method's &lt;code&gt;const&lt;/code&gt; modifier to more accurately reflect the method's behavior? That way if I had a &lt;code&gt;const Game&lt;/code&gt;, I couldn't call &lt;code&gt;inputManager()&lt;/code&gt; and then mess with the &lt;code&gt;Game&lt;/code&gt;'s input manager even though the &lt;code&gt;Game&lt;/code&gt; was &lt;code&gt;const&lt;/code&gt;.&lt;/p&gt;</t>
  </si>
  <si>
    <t>2010-09-11 04:21:21.573000+00:00</t>
  </si>
  <si>
    <t>2010-09-11 10:59:20.450000+00:00</t>
  </si>
  <si>
    <t>how to center a semi transparent img on a horizontal line, without letting appear the line below the image?</t>
  </si>
  <si>
    <t>&lt;p&gt;we wish to make an horizontal line (either using &lt;code&gt;hr&lt;/code&gt; or just some element with a background), on a web page, and, on the center we should have an image. 
something like this:&lt;/p&gt;
&lt;pre&gt;&lt;code&gt;--------------- &amp;amp;&amp;amp;&amp;amp;&amp;amp; ------------
&lt;/code&gt;&lt;/pre&gt;
&lt;p&gt;That image is, and has to be, transparent on some parts. (the outline should be always visible, and the transparent part should be fill up with another image trough javascript, making it act as a preloader).&lt;/p&gt;
&lt;p&gt;We would create a container div with some image repeating over the x, and place the image centered, but if we do that the lines will be visible even if they are below the image due to the existence of transparency on the image.&lt;/p&gt;
&lt;p&gt;The centered image can't be a background img I believe, because we should target it with javascript. (I could be wrong dough).&lt;/p&gt;
&lt;p&gt;What can you suggest in order to pull this off ?&lt;/p&gt;
&lt;p&gt;also, no white space should exist between the image edges and the line. &lt;/p&gt;
&lt;pre&gt;&lt;code&gt;--------&amp;amp;&amp;amp;&amp;amp;-------
&lt;/code&gt;&lt;/pre&gt;
&lt;p&gt;failed tries: -coded on phone :s&lt;/p&gt;
&lt;p&gt;&lt;a href="http://jsfiddle.net/j4eH8/1/" rel="nofollow"&gt;http://jsfiddle.net/j4eH8/1/&lt;/a&gt;&lt;/p&gt;
&lt;p&gt;how can I make this to adjust to always take the full viewport width?
&lt;a href="http://jsfiddle.net/j4eH8/3/" rel="nofollow"&gt;http://jsfiddle.net/j4eH8/3/&lt;/a&gt;&lt;/p&gt;
&lt;p&gt;Update:
could this be a proper way of doing it? or are there any downsides?&lt;/p&gt;
&lt;p&gt;&lt;a href="http://jsfiddle.net/j4eH8/4/" rel="nofollow"&gt;http://jsfiddle.net/j4eH8/4/&lt;/a&gt;&lt;/p&gt;
&lt;p&gt;thanks&lt;/p&gt;</t>
  </si>
  <si>
    <t>2013-07-18 00:15:49.873000+00:00</t>
  </si>
  <si>
    <t>2013-07-18 10:50:22.873000+00:00</t>
  </si>
  <si>
    <t>2013-07-18 01:30:38.513000+00:00</t>
  </si>
  <si>
    <t>How to show a QMainWindow in the taskbar</t>
  </si>
  <si>
    <t>&lt;p&gt;I am making a desktop application using Qt.&lt;/p&gt;
&lt;p&gt;the main window opens one of two other windows, but i need to hide the main window when the others are working, when doing so the program is hidden from the taskbar .&lt;/p&gt;
&lt;p&gt;and i want to show them with different title.&lt;/p&gt;
&lt;p&gt;This is the first window that is shown in the taskbar&lt;/p&gt;
&lt;p&gt;&lt;img src="https://i.stack.imgur.com/yRQLs.png" alt=""&gt;&lt;/p&gt;
&lt;p&gt;this is the second window (the child window where the icon of the program is disappeared &lt;/p&gt;
&lt;p&gt;&lt;img src="https://i.stack.imgur.com/gZqxF.png" alt=""&gt;&lt;/p&gt;</t>
  </si>
  <si>
    <t>2018-09-03 11:05:48.687000+00:00</t>
  </si>
  <si>
    <t>2018-09-11 19:23:06.203000+00:00</t>
  </si>
  <si>
    <t>2018-09-03 11:10:27.333000+00:00</t>
  </si>
  <si>
    <t>c++|qt|qmainwindow</t>
  </si>
  <si>
    <t>mvc4 how to redirect route to the new version in the route config</t>
  </si>
  <si>
    <t>&lt;p&gt;I originally had this maproute in my RouteConfig&lt;/p&gt;
&lt;pre&gt;&lt;code&gt;            routes.MapRoute(
        name: "thread",              
        url: "{Areamix}/{urltitle}/{id}/thread",
        defaults: new {controller = "thread", action = "view"
        });
&lt;/code&gt;&lt;/pre&gt;
&lt;p&gt;The routes with that were too long so I shorten this up to&lt;/p&gt;
&lt;pre&gt;&lt;code&gt;            routes.MapRoute(
        name: "thread",              
        url: "{urltitle}/{Areamix}-{id}",
        defaults: new
        {
            controller = "thread",
            action = "view"
        });
&lt;/code&gt;&lt;/pre&gt;
&lt;p&gt;As you already know the old webpages now return a 404 error since the routing URL has changed, how can I get the old indexed pages redirect or permanent redirect to the newer MapRoute ? They all share common features like the &lt;strong&gt;{id}&lt;/strong&gt; any suggestions would be great thanks.&lt;/p&gt;</t>
  </si>
  <si>
    <t>2014-08-22 03:29:02.867000+00:00</t>
  </si>
  <si>
    <t>2014-12-30 22:33:04.300000+00:00</t>
  </si>
  <si>
    <t>asp.net-mvc-4|routes|maproute</t>
  </si>
  <si>
    <t>kafka 2.12 version failed kafka-logs is not in the form of topic-partition</t>
  </si>
  <si>
    <t>&lt;p&gt;Here is a detailed log: &lt;/p&gt;
&lt;p&gt;&lt;img src="https://i.stack.imgur.com/2KqU0.png" alt="enter image description here"&gt;&lt;/p&gt;
&lt;p&gt;������������&lt;/p&gt;
&lt;pre&gt;&lt;code&gt;[root@mast-1 ~]# grep '^[a-zA-Z]' /opt/kafka/config/server.properties 
broker.id=1
listeners=PLAINTEXT://10.0.0.11:9092
num.network.threads=6
num.io.threads=8
socket.send.buffer.bytes=102400
socket.receive.buffer.bytes=102400
socket.request.max.bytes=104857600
log.dirs=/opt/kafka/logs/
num.partitions=6
num.recovery.threads.per.data.dir=1
offsets.topic.replication.factor=1
transaction.state.log.replication.factor=1
transaction.state.log.min.isr=1
log.retention.hours=60
log.segment.bytes=1073741824
log.retention.check.interval.ms=300000
zookeeper.connect=10.0.0.11:2181,10.0.0.12:2181,10.0.0.14:2181
zookeeper.connection.timeout.ms=6000
group.initial.rebalance.delay.ms=0
&lt;/code&gt;&lt;/pre&gt;
&lt;blockquote&gt;
  &lt;p&gt;ERROR There was an error in one of the threads during logs loading:
  org.apache.kafka.common.KafkaException: Found directory
  /opt/kafka_2.12-2.0.1/logs/kafka-logs, 'kafka-logs' is not in the form
  of topic-partition or topic-partition.uniqueId-delete (if marked for
  deletion). Kafka's log directories (and children) should only contain
  Kafka topic data. (kafka.log.LogManager) [2018-11-30 04:16:29,108]
  ERROR [KafkaServer id=1] Fatal error during KafkaServer startup.
  Prepare to shutdown (kafka.server.KafkaServer)
  org.apache.kafka.common.KafkaException: Found directory
  /opt/kafka_2.12-2.0.1/logs/kafka-logs, 'kafka-logs' is not in the form
  of topic-partition or topic-partition.uniqueId-delete (if marked for
  deletion).&lt;/p&gt;
&lt;/blockquote&gt;</t>
  </si>
  <si>
    <t>2018-11-30 09:23:59.280000+00:00</t>
  </si>
  <si>
    <t>2018-11-30 13:38:50.910000+00:00</t>
  </si>
  <si>
    <t>apache-kafka</t>
  </si>
  <si>
    <t>Why is my HTML closing span not being recognized in this one instance?</t>
  </si>
  <si>
    <t>&lt;p&gt;I have scads of places in my document where I use spans to enclose dialog, as can be seen &lt;a href="http://jsfiddle.net/clayshannon/tL4s1hjr/105/" rel="nofollow"&gt;here&lt;/a&gt;&lt;/p&gt;
&lt;p&gt;But in one particular case, the closing span is not recognized, and the entire paragraph is seen as part of the section to be spanned. It is this, in the middle of chapter 24&lt;/p&gt;
&lt;h2&gt;HTML&lt;/h2&gt;
&lt;pre&gt;&lt;code&gt;            &amp;lt;p&amp;gt;&amp;lt;span class="dauphin" title="The Dauphin (the King) is speaking"&amp;gt;"Kin any of you gentlemen tell me wher' Mr. Peter Wilks lives?"&amp;lt;/span&amp;gt; they give a glance at one another, and nodded their heads, as much as to say,
&lt;/code&gt;&lt;/pre&gt;
&lt;p&gt;'What d' I tell you?'  Then one of them says, kind of soft and gentle:
                &lt;/p&gt;&lt;/p&gt;
&lt;h2&gt;CSS&lt;/h2&gt;
&lt;pre&gt;&lt;code&gt;.dauphin {
    color: orange;
}
&lt;/code&gt;&lt;/pre&gt;
&lt;p&gt;If I pull just this HTML and CSS out and run it in a separate fiddle, it looks fine; it's just "in situ" that it fails; so here's some context:&lt;/p&gt;
&lt;pre&gt;&lt;code&gt;            &amp;lt;p&amp;gt;&amp;lt;span class="dauphin" title="The Dauphin (the King) is 
speaking"&amp;gt;"If gentlemen kin afford to pay a dollar 
a mile apiece to be took on and put off in a yawl, a steamboat kin afford to 
carry 'em, can't it?"&amp;lt;/span&amp;gt;
            &amp;lt;/p&amp;gt;
            &amp;lt;p&amp;gt;So they softened down and said it was all right; and when we 
got to the village they yawled us ashore. 
About two dozen men flocked down when they see the yawl a-coming, and the
the king says:&amp;lt;/p&amp;gt;
            &amp;lt;p&amp;gt;&amp;lt;span class="dauphin" title="The Dauphin (the King) is spea
king"&amp;gt;"Kin any of you gentlemen tell me wher' Mr. Peter Wilks lives?"&amp;lt;/span&amp;gt; they7
 give a glance at one another, and nodded their heads, as much as to say
'What d' I tell you?'  Then one of them says, kind of soft and gentle:
            &amp;lt;/p&amp;gt;
            &amp;lt;p&amp;gt;&amp;lt;span class="others" title="Someone other than the primary
characters is speaking"&amp;gt;"I'm sorry sir, but the best we can do is to tel
you where he &amp;lt;em&amp;gt;did&amp;lt;/em&amp;gt; live yesterday evening."&amp;lt;/span&amp;gt;
            &amp;lt;/p&amp;gt;
&lt;/code&gt;&lt;/pre&gt;
&lt;p&gt;Why does it fail, where hundreds of other usages of the same type work perfectly?&lt;/p&gt;</t>
  </si>
  <si>
    <t>2015-03-16 12:16:33.453000+00:00</t>
  </si>
  <si>
    <t>2015-03-16 12:47:30.010000+00:00</t>
  </si>
  <si>
    <t>Post facebook without the access token in python</t>
  </si>
  <si>
    <t>&lt;p&gt;I try to be specific. I have an app created in facebook When logged manually (go in &lt;a href="https://developers.facebook.com/tools/explorer" rel="nofollow"&gt;https://developers.facebook.com/tools/explorer&lt;/a&gt;) I get access token type:&lt;/p&gt;
&lt;p&gt;&lt;code&gt;"CAAVLIUVx7w0BAPRY9h6IfBKmolxumLLGbvwpLzLh7YG5gWrSOqczbqJM31AnZAW86RPrudLpJ123TKYqZBZCGxR8R1JvBNUQZBCSG2EMXuliaqrgiJKZd213CZA0gQ0c6NdmsJA1mUSrSjxEVLcsZA4OXK8X1hlV9ioWtp20mp81cQJ6YKivh2Jrwt1ZBmffo1YQKUWW6o2WViEuEpQ5suQZDZD"&lt;/code&gt;&lt;/p&gt;
&lt;p&gt;Then I introduce the access token code in python and works perfectly, but when I close the session on facebook this access token stops working and gives me the error:&lt;/p&gt;
&lt;p&gt;&lt;code&gt;OAuthError:&lt;/code&gt; &lt;code&gt;[190] Error validating access token: This May be Because the user logged out or May be due to a system error.&lt;/code&gt;&lt;/p&gt;
&lt;p&gt;&lt;strong&gt;My question is: Is there any way to get the access token automatically without human intervention.&lt;/strong&gt;&lt;/p&gt;
&lt;p&gt;&lt;em&gt;(sorry, I speak Spanish and I am using a translator)&lt;/em&gt;&lt;/p&gt;
&lt;p&gt;Thank you for responding friends.&lt;/p&gt;</t>
  </si>
  <si>
    <t>2015-09-11 09:05:10.217000+00:00</t>
  </si>
  <si>
    <t>python|facebook|facebook-graph-api</t>
  </si>
  <si>
    <t>Where is the default app source code remains in Android 2.2 source code?</t>
  </si>
  <si>
    <t>&lt;p&gt;I have downloaded the Source code of Android 2.2 . 
Where can I find the default app source code of Android (Calculator, Calendar, etc, on pressing Home Button) &lt;/p&gt;</t>
  </si>
  <si>
    <t>2010-11-09 22:41:21.857000+00:00</t>
  </si>
  <si>
    <t>2018-02-07 20:59:39.857000+00:00</t>
  </si>
  <si>
    <t>2017-07-24 09:56:20.410000+00:00</t>
  </si>
  <si>
    <t>android-source</t>
  </si>
  <si>
    <t>Git merging one branch into another is a two way merge?</t>
  </si>
  <si>
    <t>&lt;p&gt;My git repo looks like this:&lt;/p&gt;
&lt;pre&gt;&lt;code&gt;         _ branch_a
        /
master /
        \_ branch_b
&lt;/code&gt;&lt;/pre&gt;
&lt;p&gt;Now I want to merge branch_b into branch_a, &lt;strong&gt;not&lt;/strong&gt; either branch into master.&lt;/p&gt;
&lt;p&gt;So, I did&lt;/p&gt;
&lt;pre&gt;&lt;code&gt;git checkout branch_a
git merge branch_b
&lt;/code&gt;&lt;/pre&gt;
&lt;p&gt;And git went and found a couple of conflicts.&lt;/p&gt;
&lt;p&gt;When I do &lt;code&gt;git mergetool&lt;/code&gt; using &lt;code&gt;meld&lt;/code&gt; what I get on the console is&lt;/p&gt;
&lt;pre&gt;&lt;code&gt; {local}: modified file
 {remote}: modified file
&lt;/code&gt;&lt;/pre&gt;
&lt;p&gt;and a window showing only LOCAL and REMOTE.&lt;/p&gt;
&lt;p&gt;What I want to know is:&lt;/p&gt;
&lt;ol&gt;
&lt;li&gt;&lt;p&gt;Why isn't the shared base of what was in master shown?&lt;/p&gt;&lt;/li&gt;
&lt;li&gt;&lt;p&gt;Between LOCAL and REMOTE, which one am I supposed to edit?&lt;/p&gt;&lt;/li&gt;
&lt;/ol&gt;</t>
  </si>
  <si>
    <t>2013-03-06 21:25:17.723000+00:00</t>
  </si>
  <si>
    <t>2013-03-06 22:00:53.867000+00:00</t>
  </si>
  <si>
    <t>git|merge|git-merge|meld</t>
  </si>
  <si>
    <t>Expose Heroku Postgres database to an external app</t>
  </si>
  <si>
    <t>&lt;p&gt;I have an Heroku Postgres database that I want to share with certain external systems. &lt;/p&gt;
&lt;p&gt;The docs says (&lt;a href="https://devcenter.heroku.com/articles/connecting-to-heroku-postgres-databases-from-outside-of-heroku" rel="nofollow noreferrer"&gt;link&lt;/a&gt;):&lt;/p&gt;
&lt;blockquote&gt;
  &lt;p&gt;Heroku Postgres databases are designed to be used with a Heroku app.
  However, except for private and shield tier databases, they are
  accessible from anywhere and may be used from any application using
  standard Postgres clients. For private databases, outside access can
  be enabled using trusted IP ranges.&lt;/p&gt;
&lt;/blockquote&gt;
&lt;p&gt;Current external systems can't use Postgres JDBC driver for some security constraints. How can I give them access to Postgres database it in a secure way?&lt;/p&gt;</t>
  </si>
  <si>
    <t>2018-09-20 03:34:18.660000+00:00</t>
  </si>
  <si>
    <t>2018-09-21 22:49:33.173000+00:00</t>
  </si>
  <si>
    <t>heroku|access|heroku-postgres</t>
  </si>
  <si>
    <t>How To Edit PyDev Quick Fix Templates?</t>
  </si>
  <si>
    <t>&lt;p&gt;I am developing a class in PyDev and as I am writing the &lt;code&gt;__init__(self)&lt;/code&gt; method I realize I need to call another method.  Within &lt;code&gt;__init__&lt;/code&gt; I simply type &lt;code&gt;self.otherMethod(param)&lt;/code&gt; then press &lt;code&gt;Ctrl+1&lt;/code&gt; and the Quick Fix window appears suggesting several option including &lt;code&gt;Create otherMethod method at A&lt;/code&gt;.  When I choose to create the &lt;code&gt;otherMethod&lt;/code&gt; method, the following code is automatically generated:&lt;/p&gt;
&lt;pre&gt;&lt;code&gt;def otherMethod(self,param):
pass
&lt;/code&gt;&lt;/pre&gt;
&lt;p&gt;For Python, the indentation of this is incorrect.  Is there a way to edit the template for Quick Fix?  This particular template is not available under Preferences -&gt; PyDev -&gt; Editor -&gt; Templates.&lt;/p&gt;
&lt;pre&gt;&lt;code&gt;class A:
    def __init__(self):
        self.otherMethod(param)
    def otherMethod(param):
    pass
&lt;/code&gt;&lt;/pre&gt;
&lt;p&gt;Thanks in advance for your help.  &lt;/p&gt;</t>
  </si>
  <si>
    <t>2011-10-13 14:49:15.443000+00:00</t>
  </si>
  <si>
    <t>2011-10-13 23:31:02.183000+00:00</t>
  </si>
  <si>
    <t>2011-10-13 17:14:06.907000+00:00</t>
  </si>
  <si>
    <t>eclipse|templates|code-analysis|pydev|code-completion</t>
  </si>
  <si>
    <t>Is there a %in% operator across multiple columns</t>
  </si>
  <si>
    <t>&lt;p&gt;Imagine you have two data frames&lt;/p&gt;
&lt;pre&gt;&lt;code&gt;df1 &amp;lt;- data.frame(V1 = c(1, 2, 3), v2 = c("a", "b", "c"))
df2 &amp;lt;- data.frame(V1 = c(1, 2, 2), v2 = c("b", "b", "c"))
&lt;/code&gt;&lt;/pre&gt;
&lt;p&gt;Here's what they look like, side by side:&lt;/p&gt;
&lt;pre&gt;&lt;code&gt;&amp;gt; cbind(df1, df2)
  V1 v2 V1 v2
1  1  a  1  b
2  2  b  2  b
3  3  c  2  c
&lt;/code&gt;&lt;/pre&gt;
&lt;p&gt;You want to know which observations are duplicates, across &lt;em&gt;all variables&lt;/em&gt;.&lt;/p&gt;
&lt;p&gt;This can be done by pasting the cols together and then using %in%:&lt;/p&gt;
&lt;pre&gt;&lt;code&gt;df1Vec &amp;lt;- apply(df1, 1, paste, collapse= "")
df2Vec &amp;lt;- apply(df2, 1, paste, collapse= "")
df2Vec %in% df1Vec
[1] FALSE  TRUE FALSE
&lt;/code&gt;&lt;/pre&gt;
&lt;p&gt;The second observation is thus the only one in df2 and also in df1.&lt;/p&gt;
&lt;p&gt;Is there no faster way of generating this output - something like %IN%, which is %in% across multiple variables, or should we just be content with the apply(paste) solution?&lt;/p&gt;</t>
  </si>
  <si>
    <t>2014-05-31 14:26:52.113000+00:00</t>
  </si>
  <si>
    <t>2017-04-17 15:27:03.610000+00:00</t>
  </si>
  <si>
    <t>r|unique|paste</t>
  </si>
  <si>
    <t>How to add column to txt tab delimited file</t>
  </si>
  <si>
    <t>&lt;p&gt;I have some data exported through a batch file from my sql server database in tab delimited format. How can I add a column to the file through a batch script with the heading "channel" and the text "channel1" to each row beneath the heading?&lt;/p&gt;</t>
  </si>
  <si>
    <t>2014-10-20 08:16:15.403000+00:00</t>
  </si>
  <si>
    <t>2014-10-20 14:44:27.947000+00:00</t>
  </si>
  <si>
    <t>sql|batch-file</t>
  </si>
  <si>
    <t>Intermittent AcquireRequestState with ImageResizer</t>
  </si>
  <si>
    <t>&lt;p&gt;I will do my best to describe what I can. We have a mvc (4) site which uses EpiServer(9) as the CMS. We recently purchased ImageResizer (4) and integrated into it our project and it worked fine on my local machine. Deploying to our test environment we noticed intermittent extended delays when loading pages. Using New Relic, we found that the step that was taking so long, was the AcquireRequestState step. I'm sure this isn't enough detail to debug the issue but any assistance on where to look would be greatly appreciated. The gist is, with ImageResizer we get delays, without ImageResizer, we don't. Yes we are using sessions.&lt;/p&gt;</t>
  </si>
  <si>
    <t>2016-11-07 00:27:08.570000+00:00</t>
  </si>
  <si>
    <t>2017-04-05 18:30:40.553000+00:00</t>
  </si>
  <si>
    <t>newrelic|imageresizer|episerver</t>
  </si>
  <si>
    <t>If greater than multiply by result, if not don't</t>
  </si>
  <si>
    <t>&lt;p&gt;Trying to do an if else statement, if the results of the index query is greater than the other. I want it to go like this:&lt;/p&gt;
&lt;p&gt;If index query / index query's result is greater than 1, multiply the formula by the percentage it is greater than 1.&lt;/p&gt;
&lt;p&gt;For example&lt;/p&gt;
&lt;p&gt;If 10 / 5 is greater than 1, multiply it by the sum of (4 * 3), else, don't multiply it and just do the sum.&lt;/p&gt;
&lt;pre&gt;&lt;code&gt;=IF(
    INDEX(AK:AK,MATCH($A3,M:M,0))&amp;gt;INDEX(AL:AL,MATCH($A4,M:M,0)),
    SUM(B12*E13*R24)*(INDEX(AK:AK,MATCH($A3,M:M,0),SUM(B12*E13*R24)))
    )
&lt;/code&gt;&lt;/pre&gt;
&lt;p&gt;not getting anywhere with this.&lt;/p&gt;</t>
  </si>
  <si>
    <t>2015-05-21 17:55:57.003000+00:00</t>
  </si>
  <si>
    <t>2015-05-21 18:42:47.990000+00:00</t>
  </si>
  <si>
    <t>2015-05-21 18:11:37.340000+00:00</t>
  </si>
  <si>
    <t>Woocommerce cart keeps readding previous orders</t>
  </si>
  <si>
    <t>&lt;p&gt;I'm on dev environment and Woocommerce randomly adds previous items to the cart, even when I clear it and delete everything from the woocommerce_sessions table.&lt;/p&gt;
&lt;p&gt;Any idea why ?&lt;/p&gt;
&lt;p&gt;All I'm doing is deleting all the items, making sure the cart is empty, and adding an item to the cart. Sometimes it works, sometimes it works and adds all previously added items ...&lt;/p&gt;
&lt;p&gt;Thank you&lt;/p&gt;</t>
  </si>
  <si>
    <t>2018-10-22 13:03:27.853000+00:00</t>
  </si>
  <si>
    <t>woocommerce</t>
  </si>
  <si>
    <t>How to load Images from a package in java</t>
  </si>
  <si>
    <t>&lt;p&gt;I usually use this to load from the same package&lt;/p&gt;
&lt;pre&gt;&lt;code&gt;Image image;
String img = "image.png";
ImageIcon i = new ImageIcon(this.getClass().getResource(img));
image = i.getImage();
&lt;/code&gt;&lt;/pre&gt;
&lt;p&gt;How can I load an image from a package specified for images?&lt;/p&gt;</t>
  </si>
  <si>
    <t>2014-04-05 19:52:06.813000+00:00</t>
  </si>
  <si>
    <t>2016-07-22 06:53:22.893000+00:00</t>
  </si>
  <si>
    <t>2014-04-05 19:58:40.930000+00:00</t>
  </si>
  <si>
    <t>How could I join row in datagridview?</t>
  </si>
  <si>
    <t>&lt;p&gt;I create a datagridview with 5 columns :&lt;/p&gt;
&lt;pre&gt;&lt;code&gt;Id   | SourceFileDate | ExcuteDate   | SourceFile | BackupFile
1    | 02/12/2015     |  02/12/2015  |C:\dak\hak  | E:\desktop\book 
2    | 03/12/2015     |  03/12/2015  |D:\dak\bak  | E:\desktop\book 
&lt;/code&gt;&lt;/pre&gt;
&lt;ul&gt;
&lt;li&gt;&lt;p&gt;How could I join Column like this : 
&lt;a href="http://i.stack.imgur.com/MTcIH.png" rel="nofollow"&gt;Datagridview Table &lt;/a&gt;&lt;/p&gt;&lt;/li&gt;
&lt;li&gt;&lt;p&gt;My code connect database And I try to join, but not work :&lt;/p&gt;
&lt;pre&gt;&lt;code&gt;private void Form6_Load(object sender, EventArgs e)
{
    // TODO: This line of code loads data into the 'backupDataSet5.TBLBackupFile' table. You can move, or remove it, as needed.
    //this.tBLBackupFileTableAdapter.Fill(this.backupDataSet5.TBLBackupFile);
    if (con.State == ConnectionState.Open)
    {
        con.Close();
    }
    con.Open();
    SqlCommand cmd = con.CreateCommand();
    cmd.CommandType = CommandType.Text;
    cmd.CommandText = "select (SourceFileDate+''+ExcuteDAte) as Date,(SourceFileName+''+DestinationFileName) as data from TBLBackupFile";
   // cmd.CommandText = "select * from TBLBackupFile";
    cmd.ExecuteNonQuery();
    DataTable dt = new DataTable();
    SqlDataAdapter da = new SqlDataAdapter(cmd);
    da.Fill(dt);
    dataGridView1.DataSource = dt;
}
&lt;/code&gt;&lt;/pre&gt;&lt;/li&gt;
&lt;/ul&gt;</t>
  </si>
  <si>
    <t>2015-12-07 03:46:34.500000+00:00</t>
  </si>
  <si>
    <t>2015-12-07 03:57:29.157000+00:00</t>
  </si>
  <si>
    <t>2015-12-07 03:55:01.133000+00:00</t>
  </si>
  <si>
    <t>get current user's role</t>
  </si>
  <si>
    <t>&lt;p&gt;Is there any way to get the explicit role that a user belongs to in my controller? This assumes using ASP.NET Membership and Role Providers. "IsInRole" doesn't work - I need to actually get the name of the role they are in.&lt;/p&gt;</t>
  </si>
  <si>
    <t>2010-01-14 23:58:29.467000+00:00</t>
  </si>
  <si>
    <t>2018-01-31 07:39:15.350000+00:00</t>
  </si>
  <si>
    <t>Disable input field when submit button is cicked</t>
  </si>
  <si>
    <t>&lt;p&gt;I'm trying to disable a input field as soon as submit button is click. The angular way suggest this:&lt;/p&gt;
&lt;p&gt;here button is disabled when check box is checked. same way I need to disable the input field when I click button.&lt;/p&gt;
&lt;pre&gt;&lt;code&gt;&amp;lt;input type="checkbox" ng-model="check"&amp;gt; &amp;lt;/input&amp;gt;
&amp;lt;input type="checkbox" ng-disabled="check"&amp;gt;Checkbox to be disabled&amp;lt;/input&amp;gt;
&lt;/code&gt;&lt;/pre&gt;</t>
  </si>
  <si>
    <t>2014-07-29 06:32:45+00:00</t>
  </si>
  <si>
    <t>2014-07-29 07:46:23.997000+00:00</t>
  </si>
  <si>
    <t>Concurrent requests with a static value and webservices</t>
  </si>
  <si>
    <t>&lt;p&gt;I have a web server (ASP.NET - Mono 2.6.7) with a value &lt;code&gt;static float x&lt;/code&gt; in it and two methods : &lt;code&gt;getX()&lt;/code&gt; and &lt;code&gt;setX(newX)&lt;/code&gt;. I also have two clients one is a pc with c# console application and the other one is a mobile device with android (ksoap2). Both can access the web server.&lt;/p&gt;
&lt;p&gt;What I do not know is : if my mobile device try to do a &lt;code&gt;getX()&lt;/code&gt; while my pc is doing a &lt;code&gt;setX(newX)&lt;/code&gt;, will it result any trouble ?&lt;/p&gt;
&lt;p&gt;Thanks.&lt;/p&gt;</t>
  </si>
  <si>
    <t>2011-09-02 07:58:46.820000+00:00</t>
  </si>
  <si>
    <t>2011-09-02 13:50:52.213000+00:00</t>
  </si>
  <si>
    <t>c#|android|asp.net|web-services</t>
  </si>
  <si>
    <t>Update multiple Umbraco sites through windows application</t>
  </si>
  <si>
    <t>&lt;p&gt;We are using umbraco 7.1.3&lt;/p&gt;
&lt;p&gt;As per client's requirement we need to create more then 550 Umbraco CMS sites for different cities with same template and asp.net user control which access data from one master database.&lt;/p&gt;
&lt;p&gt;So we created one windows application that will create 550+ sites as per city name under one Non-Umbraco root site.
We also managed to create different Umbraco database for each site is created and moved published code under to Non-Umbraco root site and convert to application and also updated Web.config file for each site dynamically.&lt;/p&gt;
&lt;p&gt;After that when-ever we found that our logic or UI was not correct we also update DLL, ASCX user controls and CSS to all sites through same window application.&lt;/p&gt;
&lt;p&gt;Till now everything was going smooth, but now we have one major change and that contains new document type, template, macro and new menu needs to be added dynamically. Updating published code through windows application was easy but we don't found any way to make update Umbraco database of 500+ sites through another application.&lt;/p&gt;
&lt;p&gt;Some websites are already updated through respective sites owners, so without affected any existing changes we need to add new macro, content, document type and menu for each site and we don't know in which Umbraco database we need to enter records?&lt;/p&gt;
&lt;p&gt;Had already posted the same in umbraco issue tracker &lt;a href="http://issues.umbraco.org/issue/U4-7105" rel="nofollow"&gt;#U4-7105&lt;/a&gt;
Also in Umbraco forums &lt;a href="https://our.umbraco.org/forum/umbraco-7/using-umbraco-7//71443-update-multiple-umbraco-sites-through-windows-application#comment-71443" rel="nofollow"&gt;#71443&lt;/a&gt;&lt;/p&gt;
&lt;p&gt;Thanks &amp;amp; Regard&lt;/p&gt;</t>
  </si>
  <si>
    <t>2015-09-15 13:24:55.260000+00:00</t>
  </si>
  <si>
    <t>2015-09-17 07:19:37.313000+00:00</t>
  </si>
  <si>
    <t>asp.net|content-management-system|umbraco|umbraco7</t>
  </si>
  <si>
    <t>Unable to suppress errors in valgrind</t>
  </si>
  <si>
    <t>&lt;p&gt;Can someone please show me an example of how to add custom suppressions to valgrind? I am 99.99% sure it generates an error for the string class and I want to suppress the errors in a .supp file. I thought it would be simple enough just adding it to the directory or just adding my function to the default.supp but the error is not suppress. This is what I did:&lt;/p&gt;
&lt;p&gt;1) I Ran valgrind with &lt;code&gt;--gen-suppressions=yes&lt;/code&gt;
2) Obtained the generated suppression for my error listed below&lt;/p&gt;
&lt;pre&gt;&lt;code&gt;  #Custom Suppression
  {
     MyCustomSupression
     Memcheck:Addr1
     fun:strlen
     fun:_ZNSsC1EPKcRKSaIcE
     obj:/home/steve/path/to/the/program
     obj:/home/steve/path/to/the/program
     obj:/home/steve/path/to/the/program
     obj:/home/steve/path/to/the/program
     obj:/home/steve/path/to/the/program
     obj:/home/steve/path/to/the/program
     obj:/home/steve/path/to/the/program
     fun:(below main)
&lt;/code&gt;&lt;/pre&gt;
&lt;p&gt;}&lt;/p&gt;
&lt;p&gt;3) I added the file to the directory where default.supp is located which is in my eclipse folder&lt;/p&gt;
&lt;p&gt;4) I ran valgrind again but the error is still there&lt;/p&gt;
&lt;p&gt;Note: I also tried adding the suppression to the default.supp file. Am I missing a step? What am I doing wrong?&lt;/p&gt;</t>
  </si>
  <si>
    <t>2015-02-13 22:00:34.987000+00:00</t>
  </si>
  <si>
    <t>2015-10-01 21:00:15.513000+00:00</t>
  </si>
  <si>
    <t>2015-10-01 20:59:26.183000+00:00</t>
  </si>
  <si>
    <t>c++|linux|valgrind</t>
  </si>
  <si>
    <t>Is `raw-loader` part of Angular?</t>
  </si>
  <si>
    <t>&lt;p&gt;I'm reviewing the &lt;a href="https://github.com/akveo/ng2-smart-table/blob/master/src/app/pages/demo/demo.component.ts" rel="nofollow noreferrer"&gt;n2-smart-table demo application &lt;/a&gt; and the &lt;code&gt;demo.component.ts&lt;/code&gt; class uses &lt;code&gt;raw-loader!&lt;/code&gt; to perform imports like this:&lt;/p&gt;
&lt;pre&gt;&lt;code&gt;settings: require('raw-loader!./snippets/settings.md')
&lt;/code&gt;&lt;/pre&gt;
&lt;p&gt;Should &lt;code&gt;raw-loader&lt;/code&gt; be considered part of Angular in terms of being fairly safe to use going forward?&lt;/p&gt;
&lt;p&gt;The reason I ask is because I don't see it being declared in &lt;code&gt;package.json&lt;/code&gt;, and it seems like it's something that might be removed if Angular were to switch to a different package manager.&lt;/p&gt;
&lt;p&gt;Also wondering if there might be another way to perform "Raw loading" with Angular / Typescript?&lt;/p&gt;</t>
  </si>
  <si>
    <t>2018-11-21 18:07:21.753000+00:00</t>
  </si>
  <si>
    <t>2018-11-21 18:31:55.153000+00:00</t>
  </si>
  <si>
    <t>node.js|angular|typescript|npm</t>
  </si>
  <si>
    <t>How to construct adjacency_list from edge iterators in boost graph library?</t>
  </si>
  <si>
    <t>&lt;p&gt;I have a question related to boost graph library.&lt;/p&gt;
&lt;p&gt;&lt;code&gt;boost::adajacency_list&lt;/code&gt; has a constructor from a range of edge iterators and the number of vertices.&lt;/p&gt;
&lt;pre&gt;&lt;code&gt;template &amp;lt;class EdgeIterator&amp;gt;
adjacency_list(EdgeIterator first, EdgeIterator last,
               vertices_size_type n, 
               edges_size_type m = 0, 
               const GraphProperty&amp;amp; p = GraphProperty())
&lt;/code&gt;&lt;/pre&gt;
&lt;p&gt;I try to make use of this constructor with the following code,&lt;/p&gt;
&lt;pre&gt;&lt;code&gt;#include &amp;lt;boost/graph/adjacency_list.hpp&amp;gt;
using namespace boost;
using Graph = adjacency_list&amp;lt;&amp;gt;;
int main()
{
  using edge_iterator = graph_traits&amp;lt;Graph&amp;gt;::edge_iterator;
  Graph g;
  auto const vd0 = add_vertex(g);
  auto const vd1 = add_vertex(g);
  add_edge(vd0, vd1, g);
  edge_iterator ei, ej;
  tie(ei, ej) = edges(g);
  Graph h(ei, ej, 2);
  return 0;
}
&lt;/code&gt;&lt;/pre&gt;
&lt;p&gt;The code fails to compile with following error,&lt;/p&gt;
&lt;pre&gt;&lt;code&gt;/usr/include/boost/graph/detail/adjacency_list.hpp:2121:29: error: ���boost::detail::adj_list_edge_iterator&amp;lt;boost::range_detail::integer_iterator&amp;lt;long unsigned int&amp;gt;, boost::detail::out_edge_iter&amp;lt;__gnu_cxx::__normal_iterator&amp;lt;boost::detail::stored_edge_property&amp;lt;long unsigned int, boost::no_property&amp;gt;*, std::vector&amp;lt;boost::detail::stored_edge_property&amp;lt;long unsigned int, boost::no_property&amp;gt;, std::allocator&amp;lt;boost::detail::stored_edge_property&amp;lt;long unsigned int, boost::no_property&amp;gt; &amp;gt; &amp;gt; &amp;gt;, long unsigned int, boost::detail::edge_desc_impl&amp;lt;boost::directed_tag, long unsigned int&amp;gt;, long int&amp;gt;, boost::adjacency_list&amp;lt;&amp;gt; &amp;gt;::value_type {aka class boost::detail::edge_desc_impl&amp;lt;boost::directed_tag, long unsigned int&amp;gt;}��� has no member named ���first���
           add_edge((*first).first, (*first).second,
                    ~~~~~~~~~^~~~~
/usr/include/boost/graph/detail/adjacency_list.hpp:2121:45: error: ���boost::detail::adj_list_edge_iterator&amp;lt;boost::range_detail::integer_iterator&amp;lt;long unsigned int&amp;gt;, boost::detail::out_edge_iter&amp;lt;__gnu_cxx::__normal_iterator&amp;lt;boost::detail::stored_edge_property&amp;lt;long unsigned int, boost::no_property&amp;gt;*, std::vector&amp;lt;boost::detail::stored_edge_property&amp;lt;long unsigned int, boost::no_property&amp;gt;, std::allocator&amp;lt;boost::detail::stored_edge_property&amp;lt;long unsigned int, boost::no_property&amp;gt; &amp;gt; &amp;gt; &amp;gt;, long unsigned int, boost::detail::edge_desc_impl&amp;lt;boost::directed_tag, long unsigned int&amp;gt;, long int&amp;gt;, boost::adjacency_list&amp;lt;&amp;gt; &amp;gt;::value_type {aka class boost::detail::edge_desc_impl&amp;lt;boost::directed_tag, long unsigned int&amp;gt;}��� has no member named ���second���
           add_edge((*first).first, (*first).second,
&lt;/code&gt;&lt;/pre&gt;
&lt;p&gt;&lt;strong&gt;Reference&lt;/strong&gt;: &lt;a href="https://www.boost.org/doc/libs/1_37_0/libs/graph/doc/adjacency_list.html" rel="nofollow noreferrer"&gt;https://www.boost.org/doc/libs/1_37_0/libs/graph/doc/adjacency_list.html&lt;/a&gt;&lt;/p&gt;</t>
  </si>
  <si>
    <t>2018-05-03 13:25:30.910000+00:00</t>
  </si>
  <si>
    <t>2018-05-04 02:55:18.647000+00:00</t>
  </si>
  <si>
    <t>c++|boost|boost-graph</t>
  </si>
  <si>
    <t>What is the implication of "A g-sorted array remains g-sorted even after h-sorting it"?</t>
  </si>
  <si>
    <t>&lt;p&gt;I was reading shell-sorting when I came across the above statement. What does this imply and what difference does it make to the way I look at shell sorting?&lt;/p&gt;
&lt;p&gt;PS: I am not looking for the proof of the statement.&lt;/p&gt;</t>
  </si>
  <si>
    <t>2013-06-05 09:35:33.877000+00:00</t>
  </si>
  <si>
    <t>2014-10-21 17:42:49.920000+00:00</t>
  </si>
  <si>
    <t>2013-06-05 11:00:09.637000+00:00</t>
  </si>
  <si>
    <t>algorithm|sorting</t>
  </si>
  <si>
    <t>How to pass Textfields values from form to .java class in Tapestry?</t>
  </si>
  <si>
    <t>&lt;p&gt;As I am new to Tapestry I dont have much knowledge aboutr it.I have a login.tml file in which i have two textfields userName and password.I need to pass values of textfields to login.java class when user clicks on submit or actionlink.Please give me the code for login.tml and login.java in Tapestry.
 Thanx in advance&lt;/p&gt;</t>
  </si>
  <si>
    <t>2012-08-06 06:30:15.263000+00:00</t>
  </si>
  <si>
    <t>2012-08-06 07:58:24.800000+00:00</t>
  </si>
  <si>
    <t>tapestry</t>
  </si>
  <si>
    <t>How change the background color for a blank cell in QTableWidget</t>
  </si>
  <si>
    <t>&lt;p&gt;If a cell have some data, using&lt;/p&gt;
&lt;pre&gt;&lt;code&gt;tableWidget-&amp;gt;item(8,0)-&amp;gt;setBackgroundColor(Qt::red);
&lt;/code&gt;&lt;/pre&gt;
&lt;p&gt;to change the background color will work, but if a cell is blank it will fail.&lt;/p&gt;</t>
  </si>
  <si>
    <t>2013-03-25 15:08:09.583000+00:00</t>
  </si>
  <si>
    <t>2015-10-17 22:33:36.430000+00:00</t>
  </si>
  <si>
    <t>2013-06-12 22:09:46.457000+00:00</t>
  </si>
  <si>
    <t>qt|qt4|qtablewidget|qt4.8|qtablewidgetitem</t>
  </si>
  <si>
    <t>Git push error, "Unable to write Sha1 filename permission denied"</t>
  </si>
  <si>
    <t>&lt;p&gt;I came across git error &lt;/p&gt;
&lt;pre&gt;&lt;code&gt;unable to write sha1 filename 
.git/objects/42/e819f886bf31b67c42249a0eff8e8b16cf7611: Permission denied.
&lt;/code&gt;&lt;/pre&gt;
&lt;p&gt;This happens each time I pull Git repos and modify some of my colleague's files, then push them to origin master. My colleague has the same error if do my way. I tried to init git repos, but the error happen again with above action. (This error never happened before).&lt;/p&gt;
&lt;p&gt;I also tried other ways as members suggest here, like change auth to 777, or open git bash with admin identity,  but all in vain. We use TortoiseGit, and git server is built on NAS Synology.&lt;/p&gt;</t>
  </si>
  <si>
    <t>2017-07-30 14:54:36.510000+00:00</t>
  </si>
  <si>
    <t>2017-07-30 17:46:14.933000+00:00</t>
  </si>
  <si>
    <t>React native component does not react to mobx observable data change</t>
  </si>
  <si>
    <t>&lt;p&gt;so I started to build a new app with react native and mobx.
I have a flat list component that gets his state data from the mobx store list. and when i'm adding new item to the mobx list, it won't re render the flat list view.&lt;/p&gt;
&lt;p&gt;here is my code: &lt;/p&gt;
&lt;p&gt;List Component:&lt;/p&gt;
&lt;pre&gt;&lt;code&gt;@inject('TravelStore')
@observer
class TripsList extends Component {
constructor(props) {
    super(props);
    this.state = {
        trips_list: props.TravelStore.trips_list
    }
};
// set the navigation bar options
static navigationOptions = ({ navigation }) =&amp;gt; {
    const { params = {} } = navigation.state;
    return {
        title: 'Your Trips',
        headerRight: (
            &amp;lt;Button transparent primary onPress={ params.addNewTrip }&amp;gt;
                &amp;lt;Icon name='ios-add' /&amp;gt;
            &amp;lt;/Button&amp;gt;
        )
    };
};
// connect between component functions to header
componentDidMount() {
    this.props.navigation.setParams({ 
        addNewTrip: this._addNewTrip.bind(this),
    });
}
_addNewTrip() {
    this.props.TravelStore.addNewTrip('bla')
}
_renderListItem({ item }) {
    return (
        &amp;lt;TripsListItem details={item} navigation={this.props.navigation}/&amp;gt;
    );
};
render() {
    return (
        &amp;lt;Container&amp;gt;
            &amp;lt;FlatList
                data = {this.state.trips_list}
                renderItem = {this._renderListItem.bind(this)}
                keyExtractor={(item, index) =&amp;gt; index}
            /&amp;gt;
        &amp;lt;/Container&amp;gt;
    );
};
}
&lt;/code&gt;&lt;/pre&gt;
&lt;p&gt;mobx store: &lt;/p&gt;
&lt;pre&gt;&lt;code&gt;class ObservableTravelListStore {
@observable trips_list = [
    {
        name: 'to denver',
        trip_cost: 400,
        buying_list: [
            { name: 'pizza', price: 10 },
            { name: 'burger', price: 40 },
            { name: 'ipad', price: 44 },
            { name: 'bus', price: 45 },
        ]
    },
    {
        name: 'to yafo',
        trip_cost: 30,
        buying_list: [
            { name: 'na na na', price: 10 },
            { name: 'burger', price: 40 },
        ]
    },
    {
        name: 'to tel aviv',
        trip_cost: 50,
        buying_list: [
            { name: 'na na na', price: 10 },
            { name: 'no no no', price: 40 },
        ]
    },
]
@action addNewTrip (trip_data) {
    this.trips_list.push({
        name: 'newTrip',
        trip_cost: 6060,
        buying_list: [
            { name: 'na na na', price: 10 },
            { name: 'burger', price: 40 },
        ]
    })
    console.log(this.trips_list[3])
}
}
const TravelStore = new ObservableTravelListStore()
export default TravelStore
&lt;/code&gt;&lt;/pre&gt;
&lt;p&gt;any idea why the TripsList component won't rerender when addNewTrip function is called?&lt;/p&gt;</t>
  </si>
  <si>
    <t>2018-02-17 18:44:11.063000+00:00</t>
  </si>
  <si>
    <t>2018-02-19 18:06:06.267000+00:00</t>
  </si>
  <si>
    <t>react-native|mobx|mobx-react</t>
  </si>
  <si>
    <t>Populating a flex 4.5 DataGrid using PHP and MySQL</t>
  </si>
  <si>
    <t>&lt;p&gt;Hey so I recently started working with Flash Builder 4.5 so I am facing a lot of silly problems while building a mobile application, specially when connecting my application to a back end server.&lt;/p&gt;
&lt;p&gt;The thing I am working on currently should update a DataGrid and this data is retrieved from a MySQL Database. &lt;/p&gt;
&lt;p&gt;This code displays the data clearly on the browser, however the datagrid is not updated. Instead it throws the following error. &lt;/p&gt;
&lt;pre&gt;&lt;code&gt;TypeError: Error #1034: Type Coercion failed: cannot convert mx.utils::ObjectProxy@1e43bc1 to mx.collections.IList.
    at views::connectPHPHomeView/userRequest_resultHandler()[C:\Documents and Settings\s4710935\Adobe Flash Builder 4.5\connectPHP\src\views\connectPHPHomeView.mxml:17]
    at views::connectPHPHomeView/__userRequest_result()[C:\Documents and Settings\s4710935\Adobe Flash Builder 4.5\connectPHP\src\views\connectPHPHomeView.mxml:29]
    at flash.events::EventDispatcher/dispatchEventFunction()
    at flash.events::EventDispatcher/dispatchEvent()
    at HTTPOperation/http://www.adobe.com/2006/flex/mx/internal::dispatchRpcEvent()[E:\dev\4.5.1\frameworks\projects\rpc\src\mx\rpc\http\HTTPService.as:993]
    at mx.rpc::AbstractInvoker/http://www.adobe.com/2006/flex/mx/internal::resultHandler()[E:\dev\4.5.1\frameworks\projects\rpc\src\mx\rpc\AbstractInvoker.as:318]
    at mx.rpc::Responder/result()[E:\dev\4.5.1\frameworks\projects\rpc\src\mx\rpc\Responder.as:56]
    at mx.rpc::AsyncRequest/acknowledge()[E:\dev\4.5.1\frameworks\projects\rpc\src\mx\rpc\AsyncRequest.as:84]
    at DirectHTTPMessageResponder/completeHandler()[E:\dev\4.5.1\frameworks\projects\rpc\src\mx\messaging\channels\DirectHTTPChannel.as:451]
    at flash.events::EventDispatcher/dispatchEventFunction()
    at flash.events::EventDispatcher/dispatchEvent()
    at flash.net::URLLoader/onComplete()
&lt;/code&gt;&lt;/pre&gt;
&lt;p&gt;Can someone please guide me through this?&lt;/p&gt;
&lt;p&gt;&lt;em&gt;&lt;strong&gt;EDIT&lt;/em&gt;&lt;/strong&gt;&lt;/p&gt;
&lt;p&gt;Here is the PHP code:&lt;/p&gt;
&lt;pre&gt;&lt;code&gt;  &amp;lt;?php
    // -----------------------------------------------------------------------------
    // Initialization of the sql server
    // -----------------------------------------------------------------------------
    // hostname or ip of server (for local testing, localhost should work)
    $dbServer='localhost';
    // username and password to log onto db server
    $dbUser='root';
    $dbPass='password';
    // name of database
    $dbName='test';
    mysql_connect("$dbServer", "$dbUser", "$dbPass") or die(mysql_error());
    mysql_select_db("$dbName") or die(mysql_error());
    //Creating the table and inserting the values in it...
    mysql_query("CREATE TABLE IF NOT EXISTS mariah_transaction_log(
    id INT NOT NULL AUTO_INCREMENT, 
      PRIMARY KEY(id),
        date DATE, 
        details VARCHAR(150),
        debit DOUBLE,
        credit DOUBLE,
        balance DOUBLE)")
    or die(mysql_error()); 
    mysql_query("INSERT INTO mariah_transaction_log 
        (date, details, debit, credit, balance) VALUES('2011-08-08','Zellers','12.56','0.00','12343.54') ") 
    or die(mysql_error());  
    $username = $_GET["username"];
    // $namedGreeting = mysql_query("SELECT * FROM customer_list WHERE username='$username'") or die(mysql_error());
    // $row = mysql_fetch_array( $namedGreeting );
    // echo "Hello ".$row['name']."!";
    $Query = "SELECT * from mariah_transaction_log"; 
    $Result = mysql_query( $Query ); 
    $Return = "&amp;lt;users&amp;gt;"; 
    while ( $User = mysql_fetch_object( $Result ) ) 
    { 
    $Return .= "&amp;lt;user&amp;gt;&amp;lt;date&amp;gt;".$User-&amp;gt;date."&amp;lt;/date&amp;gt;&amp;lt;details&amp;gt;". 
                $User-&amp;gt;details."&amp;lt;/details&amp;gt;&amp;lt;debit&amp;gt;". 
                $User-&amp;gt;debit."&amp;lt;/debit&amp;gt;&amp;lt;credit&amp;gt;".
                $User-&amp;gt;credit."&amp;lt;/credit&amp;gt;&amp;lt;balance&amp;gt;".
                $User-&amp;gt;balance."&amp;lt;/balance&amp;gt;&amp;lt;/user&amp;gt;"; 
    } 
    $Return .= "&amp;lt;/users&amp;gt;"; 
    mysql_free_result( $Result ); 
    print ($Return) 
    ?&amp;gt;
&lt;/code&gt;&lt;/pre&gt;
&lt;p&gt;And here is the MXML and AS3 part to my code: &lt;strong&gt;&lt;em&gt;NOTE&lt;/em&gt;&lt;/strong&gt; The sample XML result was added just for simplicity&lt;/p&gt;
&lt;pre&gt;&lt;code&gt;&amp;lt;?xml version="1.0" encoding="utf-8"?&amp;gt;
&amp;lt;s:View xmlns:fx="http://ns.adobe.com/mxml/2009" 
        xmlns:s="library://ns.adobe.com/flex/spark" title="HomeView"&amp;gt;
    &amp;lt;fx:Script&amp;gt;
        &amp;lt;![CDATA[
            import mx.collections.IList;
            import mx.collections.XMLListCollection;
            import mx.rpc.events.ResultEvent;
            protected function callService(event:ResultEvent):void
            {
                var results:XML = sampleResult;
                var resultsList:XMLListCollection = results.users as XMLListCollection;
                showTransactions_dg.dataProvider = resultsList;
            }
        ]]&amp;gt;
    &amp;lt;/fx:Script&amp;gt;
    &amp;lt;fx:Declarations&amp;gt;
        &amp;lt;fx:XML id="sampleResult" xmlns=""&amp;gt;
            &amp;lt;users&amp;gt;
                &amp;lt;user&amp;gt;
                    &amp;lt;date&amp;gt;2011-08-07&amp;lt;/date&amp;gt;
                    &amp;lt;details&amp;gt;Camello Shop&amp;lt;/details&amp;gt;
                    &amp;lt;debit&amp;gt;67.32&amp;lt;/debit&amp;gt;
                    &amp;lt;credit&amp;gt;0.00&amp;lt;/credit&amp;gt;
                    &amp;lt;balance&amp;gt;1233.42&amp;lt;/balance&amp;gt;
                &amp;lt;/user&amp;gt;
                &amp;lt;user&amp;gt;
                    &amp;lt;date&amp;gt;2011-08-07&amp;lt;/date&amp;gt;
                    &amp;lt;details&amp;gt;Deposit&amp;lt;/details&amp;gt;
                    &amp;lt;debit&amp;gt;0.00&amp;lt;/debit&amp;gt;
                    &amp;lt;credit&amp;gt;600.00&amp;lt;/credit&amp;gt;
                    &amp;lt;balance&amp;gt;1833.42&amp;lt;/balance&amp;gt;
                &amp;lt;/user&amp;gt;
            &amp;lt;/users&amp;gt;
        &amp;lt;/fx:XML&amp;gt;
        &amp;lt;s:HTTPService id="userRequest" url="{phpFile}"
                       method="GET" resultFormat="e4x" 
                       result="callService(event)" useProxy="false"&amp;gt;
            &amp;lt;s:request xmlns=""&amp;gt;
                &amp;lt;username&amp;gt;{username_txt.text}&amp;lt;/username&amp;gt;
            &amp;lt;/s:request&amp;gt;
        &amp;lt;/s:HTTPService&amp;gt;
        &amp;lt;!-- The link to the php file --&amp;gt;
        &amp;lt;fx:String id="phpFile"&amp;gt;http://localhost:8080/connectPHP/phpFile.php &amp;lt;/fx:String&amp;gt;       
    &amp;lt;/fx:Declarations&amp;gt;
    &amp;lt;s:TextInput id="username_txt" x="11" y="78"/&amp;gt;
    &amp;lt;s:Label x="11" y="55" text="Username"/&amp;gt;
    &amp;lt;s:Button id="getData_button" x="10" y="122" label="Done?" 
              click="userRequest.send()"/&amp;gt;
    &amp;lt;s:Label id="showName_lbl" x="13" y="173" text="show name here"/&amp;gt;
    &amp;lt;s:DataGrid id="showTransactions_dg" x="10" y="218" width="300" height="86"&amp;gt;
        &amp;lt;s:columns&amp;gt;
            &amp;lt;s:ArrayCollection&amp;gt;
                &amp;lt;s:GridColumn dataField="date" headerText="Date" /&amp;gt;
                &amp;lt;s:GridColumn dataField="details" headerText="Details"/&amp;gt;
                &amp;lt;s:GridColumn dataField="debit" headerText="Debit"/&amp;gt;
                &amp;lt;s:GridColumn dataField="credit" headerText="Credit"/&amp;gt;
                &amp;lt;s:GridColumn dataField="balance" headerText="Balance"/&amp;gt;
            &amp;lt;/s:ArrayCollection&amp;gt;
        &amp;lt;/s:columns&amp;gt;
    &amp;lt;/s:DataGrid&amp;gt;
    &amp;lt;s:Label id="testLbl" x="13" y="334" width="266" height="90" text="Label"/&amp;gt;
&amp;lt;/s:View&amp;gt;
&lt;/code&gt;&lt;/pre&gt;</t>
  </si>
  <si>
    <t>2011-09-28 20:26:36.580000+00:00</t>
  </si>
  <si>
    <t>2011-10-03 14:07:05.830000+00:00</t>
  </si>
  <si>
    <t>php|mysql|flex|datagrid|flex4.5</t>
  </si>
  <si>
    <t>rsync to backup one file generated in dynamic folders</t>
  </si>
  <si>
    <t>&lt;p&gt;I'm trying to backup just one file that is generated by other application in dynamic named folders. 
for example: &lt;/p&gt;
&lt;pre&gt;&lt;code&gt;parent_folder/ 
   back_01 -&amp;gt; file_blabla.zip (timestam 2013.05.12)
   back_02 -&amp;gt; file_blabla01.zip (timestam 2013.05.14)
   back_03 -&amp;gt; file_blabla02.zip (timestam 2013.05.22)
&lt;/code&gt;&lt;/pre&gt;
&lt;p&gt;and I need to get the latest generated zip, just that one it doesnt matter the name of the file as long as is the latest, is a zip and is inside "parent_folder" get that one. &lt;/p&gt;
&lt;p&gt;as well when I do the rsync the folder structure + file name is generated and I want to omit that I want to backup that file in a folder and with a name so I know where is the latest and it will be always named the same. &lt;/p&gt;
&lt;p&gt;now im doing this with a perl that get the latest generated folder with &lt;/p&gt;
&lt;pre&gt;&lt;code&gt;"ls -tAF | grep '/$' | head -1" 
&lt;/code&gt;&lt;/pre&gt;
&lt;p&gt;and perform the rsync but it does brings the last zip but with the folder structure that I dont want because it doesnt override my latest zip file. &lt;/p&gt;
&lt;pre&gt;&lt;code&gt;rsync -rvtW --prune-empty-dirs --delay-updates --no-implied-dirs --modify-window=1 --include='*.zip' --exclude='*.*' --progress /source/ /myBackup/
&lt;/code&gt;&lt;/pre&gt;
&lt;p&gt;as well it would be great if I could do the rsync without needing to use perl or any other script. &lt;/p&gt;
&lt;p&gt;thanks &lt;/p&gt;</t>
  </si>
  <si>
    <t>2013-05-23 16:45:47.230000+00:00</t>
  </si>
  <si>
    <t>2013-05-23 20:47:19.863000+00:00</t>
  </si>
  <si>
    <t>linux|backup|rsync</t>
  </si>
  <si>
    <t>File download in asp.net</t>
  </si>
  <si>
    <t>&lt;p&gt;I have a link on my website.Whenever user clicks on this link a pdf file is downloaded on this action.
But there is a problem if a user know the file link he/she directly add address of file in browser and can download file as well.
What i want to protect it being downloaded directly by entering file url in browser address bar.
Any suggestion for this is well come.&lt;/p&gt;
&lt;p&gt;Regards&lt;/p&gt;
&lt;p&gt;SYED&lt;/p&gt;</t>
  </si>
  <si>
    <t>2011-06-15 05:16:08.427000+00:00</t>
  </si>
  <si>
    <t>2011-06-15 07:31:15.833000+00:00</t>
  </si>
  <si>
    <t>asp.net|file|download</t>
  </si>
  <si>
    <t>How to convert a .java files to UML diagrams under Fujaba?</t>
  </si>
  <si>
    <t>&lt;p&gt;Please can anyone show me how to convert a .java to UML diagram under Fujaba? &lt;/p&gt;
&lt;p&gt;Here is the main site of the program: &lt;a href="http://www.fujaba.de/" rel="nofollow"&gt;http://www.fujaba.de/&lt;/a&gt;&lt;/p&gt;
&lt;p&gt;Thanks in advance!&lt;/p&gt;</t>
  </si>
  <si>
    <t>2011-01-12 07:56:23.693000+00:00</t>
  </si>
  <si>
    <t>2011-01-12 09:46:57.600000+00:00</t>
  </si>
  <si>
    <t>java|uml</t>
  </si>
  <si>
    <t>Beautiful Soup nested div (Adding extra function)</t>
  </si>
  <si>
    <t>&lt;p&gt;I am trying to extract Company Name, address, and zipcode from &lt;code&gt;[www.quicktransportsolutions.com][1]&lt;/code&gt;. I have written the following code to scrawl the site and return the information I need.&lt;/p&gt;
&lt;pre&gt;&lt;code&gt;import requests
from bs4 import BeautifulSoup
def trade_spider(max_pages):
    page = 1
    while page &amp;lt;= max_pages:
        url = 'http://www.quicktransportsolutions.com/carrier/missouri/adrian.php'
        source_code = requests.get(url)
        plain_text = source_code.text
        soup = BeautifulSoup(plain_text)
        for link in soup.findAll('div', {'class': 'well well-sm'}):
            title = link.string
            print(link)
trade_spider(1)
&lt;/code&gt;&lt;/pre&gt;
&lt;p&gt;After running the code, I see the information that I want, but I am confused to how to get it to print without all of the non-pertinent information. &lt;/p&gt;
&lt;p&gt;Above the &lt;/p&gt;
&lt;pre&gt;&lt;code&gt;print(link)
&lt;/code&gt;&lt;/pre&gt;
&lt;p&gt;I thought that I could have link.string pull the Company Names, but that failed. Any suggestions? &lt;/p&gt;
&lt;p&gt;Output: &lt;/p&gt;
&lt;pre&gt;&lt;code&gt;div class="well well-sm"&amp;gt;
&amp;lt;b&amp;gt;2 OLD BOYS TRUCKING LLC&amp;lt;/b&amp;gt;&amp;lt;br&amp;gt;&amp;lt;a href="/truckingcompany/missouri/2-old-boys-trucking-usdot-2474795.php" itemprop="url" target="_blank" title="Missouri Trucking Company 2 OLD BOYS TRUCKING ADRIAN"&amp;gt;&amp;lt;u&amp;gt;&amp;lt;span itemprop="name"&amp;gt;&amp;lt;b&amp;gt;2 OLD BOYS TRUCKING&amp;lt;/b&amp;gt;&amp;lt;/span&amp;gt;&amp;lt;/u&amp;gt;&amp;lt;/a&amp;gt;&amp;lt;br&amp;gt; &amp;lt;span itemprop="address" itemscope="" itemtype="http://schema.org/PostalAddress"&amp;gt;&amp;lt;a href="http://maps.google.com/maps?q=227+E+2ND,ADRIAN,MO+64720&amp;amp;amp;ie=UTF8&amp;amp;amp;z=8&amp;amp;amp;iwloc=addr" target="_blank"&amp;gt;&amp;lt;span itemprop="streetAddress"&amp;gt;227 E 2ND&amp;lt;/span&amp;gt;&amp;lt;/a&amp;gt;
&amp;lt;br&amp;gt;
&amp;lt;span itemprop="addressLocality"&amp;gt;Adrian&amp;lt;/span&amp;gt;,��&amp;lt;span itemprop="addressRegion"&amp;gt;MO&amp;lt;/span&amp;gt;��&amp;lt;span itemprop="postalCode"&amp;gt;64720&amp;lt;/span&amp;gt;&amp;lt;/br&amp;gt;&amp;lt;/span&amp;gt;&amp;lt;br&amp;gt;
                Trucks: 2       Drivers: 2&amp;lt;br&amp;gt;
&amp;lt;abbr class="initialism" title="Unique Number to identify Companies operating commercial vehicles to transport passengers or haul cargo in interstate commerce"&amp;gt;USDOT&amp;lt;/abbr&amp;gt;��2474795                &amp;lt;br&amp;gt;&amp;lt;span class="glyphicon glyphicon-phone"&amp;gt;&amp;lt;/span&amp;gt;&amp;lt;b itemprop="telephone"&amp;gt;��417-955-0651&amp;lt;/b&amp;gt;
&amp;lt;br&amp;gt;&amp;lt;a href="/inspectionreports/2-old-boys-trucking-usdot-2474795.php" itemprop="url" target="_blank" title="Trucking Company 2 OLD BOYS TRUCKING Inspection Reports"&amp;gt;
&lt;/code&gt;&lt;/pre&gt;
&lt;p&gt;Everyone, &lt;/p&gt;
&lt;p&gt;Thanks for the help so far... I'm trying to add an extra function to my little crawler. I have written the following code: &lt;/p&gt;
&lt;pre&gt;&lt;code&gt;def Crawl_State_Page(max_pages):
    url = 'http://www.quicktransportsolutions.com/carrier/alabama/trucking-companies.php'
    while i &amp;lt;= len(url):
        response = requests.get(url)
        soup = BeautifulSoup(response.content)
        table = soup.find("table", {"class" : "table table-condensed table-striped table-hover table-bordered"})
        for link in table.find_all(href=True):
            print link['href']
Output: 
    abbeville.php
    adamsville.php
    addison.php
    adger.php
    akron.php
    alabaster.php
    alberta.php
    albertville.php
    alexander-city.php
    alexandria.php
    aliceville.php
     alpine.php
... # goes all the way to Z I cut the output short for spacing.. 
&lt;/code&gt;&lt;/pre&gt;
&lt;p&gt;What I'm  trying to accomplish here is to pull all of the href with the city.php and write it to a file. .. But right now, i am stuck in an infinite loop where it keep cycling through the URL. Any tips on how to increment it? My end goal is to create another function that feeds back into my trade_spider with the www.site.com/state/city.php and then loops through all 50 dates... Something to the effect of &lt;/p&gt;
&lt;pre&gt;&lt;code&gt;while i &amp;lt; len(states,cities):
    url = "http://www.quicktransportsolutions.com/carrier" + states + cities[i] +" 
&lt;/code&gt;&lt;/pre&gt;
&lt;p&gt;And then this would loop into my trade_spider function, pulling all of the information that I needed.&lt;/p&gt;
&lt;p&gt;But, before I get to that part, I need a bit of help getting out of my infinite loop. Any suggestions? Or foreseeable issues that I am going to run into? &lt;/p&gt;
&lt;p&gt;I tried to create a crawler that would cycle through every link on the page, and then if it found content on the page that trade_spider could crawl, it would write it to a file... However, that was a bit out of my skill set, for now. So, i'm trying this method.&lt;/p&gt;</t>
  </si>
  <si>
    <t>2014-09-20 23:52:52.807000+00:00</t>
  </si>
  <si>
    <t>2014-09-25 21:30:56.950000+00:00</t>
  </si>
  <si>
    <t>python|python-2.7|html-parsing|beautifulsoup|scraper</t>
  </si>
  <si>
    <t>While images painted by colors from UIColor and colorsWithRed ��� look different (bad in second case)</t>
  </si>
  <si>
    <t>&lt;p&gt;I paint gray circle in colors:&lt;/p&gt;
&lt;p&gt;&lt;img src="https://i.stack.imgur.com/hwSbV.png" alt="enter image description here"&gt;&lt;/p&gt;
&lt;p&gt;for painting I use this method: &lt;a href="https://stackoverflow.com/questions/21771601/is-that-possible-to-change-the-color-for-an-image-programmatically/21772285#21772285"&gt;Is that possible to change the color for an image programmatically?&lt;/a&gt;&lt;/p&gt;
&lt;p&gt;So circles above Fuel and Penalty look good - I use standard colors from UIColor (greenColor and redColor)
But circle above Washing looks terrible - I use &lt;/p&gt;
&lt;pre&gt;&lt;code&gt;  [UIColor colorWithRed:143.0/255.0 green:200.0/255.0 blue:66.0/255.0 alpha:1]
&lt;/code&gt;&lt;/pre&gt;
&lt;p&gt;One source image colored by different colors:&lt;/p&gt;
&lt;pre&gt;&lt;code&gt;fuelCircle.image = [Colors useColor:[UIColor greenColor] forImage:fuelCircle.image];
washingCircle.image = [Colors useColor:[Colors green] forImage:washingCircle.image];
penaltyCircle.image = [Colors useColor:[UIColor redColor] forImage:penaltyCircle.image];
&lt;/code&gt;&lt;/pre&gt;
&lt;p&gt;How can I set my colors which will look perfect?&lt;/p&gt;
&lt;p&gt;UPD:
If I use color [UIColor colorWithRed:0 green:1 blue:0 alpha:1]; Washings circle will be look like Fuel. So, maybe I need find right color balance.&lt;/p&gt;</t>
  </si>
  <si>
    <t>2014-05-14 06:37:07.457000+00:00</t>
  </si>
  <si>
    <t>2014-05-14 16:28:15.277000+00:00</t>
  </si>
  <si>
    <t>2017-05-23 10:33:22.260000+00:00</t>
  </si>
  <si>
    <t>ios|objective-c|uicolor</t>
  </si>
  <si>
    <t>JavaFX gui - can't save data</t>
  </si>
  <si>
    <t>&lt;p&gt;i need to make gui who will display all objects from database with auto increment ID. When we will click on some object,and click on edit button,we can edit data like name etc. When we will end change our object,we must click on save button who need update data in database. How i can add an autoincrement ID to database? (i've created one,but without ID) when i added an id to database,i can't display any data on receiveCats.fxml. Second issue that i have is to this save button. How i can push edited data to object in database?&lt;/p&gt;
&lt;p&gt;Database class&lt;/p&gt;
&lt;pre&gt;&lt;code&gt;package Database;
import Model.Cats;
import java.sql.*;
import java.util.LinkedList;
import java.util.List;
public class Database {
public static final String Driver = "org.sqlite.JDBC";
public static final String DB_url = "jdbc:sqlite:DB/ShelterDB.db/";
private Connection connection;
private Statement statement;
public Database() {
    try {
        Class.forName(Database.Driver);
    } catch (ClassNotFoundException e) {
        System.out.println("No driver JDBC");
        e.printStackTrace();
    }
    try {
        connection = DriverManager.getConnection(DB_url);
        statement = connection.createStatement();
    } catch (SQLException e) {
        System.out.println("Problem with opening the connection");
        e.printStackTrace();
    }
    createTables();
}
public boolean createTables() {
    String createCats = "CREATE TABLE IF NOT EXISTS Cats (Cat_id INTEGER PRIMARY KEY AUTOINCREMENT,name varchar(255), race varchar(255), gender varchar(255), coat_color varchar(255),age int)";
    String createDogs = "CREATE TABLE IF NOT EXISTS Dogs (Dog_id INTEGER PRIMARY KEY AUTOINCREMENT,name varchar(255), race varchar(255), gender varchar(255), coat_color varchar(255),age int)";
    String createManagments = "CREATE TABLE IF NOT EXISTS Managment (Managment_id INTEGER PRIMARY KEY AUTOINCREMENT, name varchar(255), surname varchar(255), username varchar(255), password varchar(255), telephone_number int)";
    String createEmployes = "CREATE TABLE IF NOT EXISTS Employes (Employe_id INTEGER PRIMARY KEY AUTOINCREMENT, name varchar(255), surname varchar(255), age int, city varchar(255), street varchar(255), house_number int, education varchar(255), telephone_number int, sallary double)";
    String createStatus = "CREATE TABLE IF NOT EXISTS Status (foodForCats int, foodForDogs int, water int, equipment int, placesForCats int, placesForDogs int)";
    try {
        statement.execute(createCats);
        statement.execute(createDogs);
        statement.execute(createManagments);
        statement.execute(createEmployes);
        statement.execute(createStatus);
    } catch (SQLException e) {
        System.out.println("Problem with creating a table");
        e.printStackTrace();
        return false;
    }
    return true;
}
public boolean insertCat(int id,String name, String race, String gender, String coat_color, int age) {
    try {
        PreparedStatement preparedStatement = connection.prepareStatement("insert into Cats values (NULL,?,?,?,?,?);");
        preparedStatement.setString(1, name);
        preparedStatement.setString(2, race);
        preparedStatement.setString(3, gender);
        preparedStatement.setString(4, coat_color);
        preparedStatement.setInt(5, age);
        preparedStatement.execute();
    } catch (SQLException e) {
        System.out.println("Error with insert an cat to the table");
        e.printStackTrace();
        return false;
    }
    return true;
}
public boolean insertDog(String name, String race, String gender, String coat_color, int age) {
    try {
        PreparedStatement preparedStatement = connection.prepareStatement("insert into Dogs values (NULL,?,?,?,?,?);");
        preparedStatement.setString(1, name);
        preparedStatement.setString(2, race);
        preparedStatement.setString(3, gender);
        preparedStatement.setString(4, coat_color);
        preparedStatement.setInt(5, age);
        preparedStatement.execute();
    } catch (SQLException e) {
        System.out.println("Error with insert an dog to the table");
        e.printStackTrace();
        return false;
    }
    return true;
}
public boolean insertManagment(String name, String surname, String username, String password, int telephone_number) {
    try {
        PreparedStatement preparedStatement = connection.prepareStatement("insert into Managment values (NULL,?,?,?,?,?);");
        preparedStatement.setString(1, name);
        preparedStatement.setString(2, surname);
        preparedStatement.setString(3, username);
        preparedStatement.setString(4, password);
        preparedStatement.setInt(5, telephone_number);
        preparedStatement.execute();
    } catch (SQLException e) {
        System.out.println("Error with insert an managment to the table");
        e.printStackTrace();
        return false;
    }
    return true;
}
public boolean insertEmployes(String name, String surname, int age, String city, String street, int house_number, String education, int telephone_number, double sallary) {
    try {
        PreparedStatement preparedStatement = connection.prepareStatement("insert into Employees values (NULL,?,?,?,?,?,?,?,?,?);");
        preparedStatement.setString(1,name);
        preparedStatement.setString(2,surname);
        preparedStatement.setInt(3,age);
        preparedStatement.setString(4,city);
        preparedStatement.setString(5,street);
        preparedStatement.setInt(6,house_number);
        preparedStatement.setString(7,education);
        preparedStatement.setInt(8,telephone_number);
        preparedStatement.setDouble(9,sallary);
        preparedStatement.execute();
    } catch (SQLException e) {
        System.out.println("Error with insert an employee to the table");
        e.printStackTrace();
        return false;
    }
    return true;
}
public boolean insertStatus(int foodForCats, int foodForDogs, int water, int equipment, int placesForCats, int placesForDogs){
    try {
        PreparedStatement preparedStatement = connection.prepareStatement("insert into status values (?,?,?,?,?,?);");
        preparedStatement.setInt(1,foodForCats);
        preparedStatement.setInt(2,foodForDogs);
        preparedStatement.setInt(3,water);
        preparedStatement.setInt(4,equipment);
        preparedStatement.setInt(5,placesForCats);
        preparedStatement.setInt(6,placesForDogs);
        preparedStatement.execute();
    }catch (SQLException e){
        System.out.println("Error with insert values into Status");
        e.printStackTrace();
        return false;
    }
    return true;
}
public boolean updateCats(Cats cats){
    try {
        String updateData = "UPDATE Cats SET name=?, race=?, gender=?, coat_color=?, age=?";
        PreparedStatement preparedStatement = connection.prepareStatement(updateData);
        preparedStatement.setString(1,cats.getName());
        preparedStatement.setString(2,cats.getRace());
        preparedStatement.setString(3,cats.getGender());
        preparedStatement.setString(4,cats.getCoatColor());
        preparedStatement.setInt(5,cats.getAge());
        int res = preparedStatement.executeUpdate();
        return  (res&amp;gt;0);
    }catch (SQLException e){
        System.out.println("Can't update data\n"+e.getMessage());
    }
    return false;
}
public ResultSet execQuery(String query){
    ResultSet resultSet;
    try {
        statement = connection.createStatement();
        resultSet = statement.executeQuery(query);
    }catch (SQLException e){
        System.out.println("Error in exec query\n"+e.getMessage());
        return null;
    }finally {
    }
    return resultSet;
}
public boolean execAction(String qu){
    try {
        statement = connection.createStatement();
        statement.execute(qu);
        return true;
    }catch (SQLException e){
        System.out.println("excecption at exec action\n"+e.getMessage());
        return false;
    }finally {
    }
}
public void closeConnection() {
    try {
        connection.close();
    } catch (SQLException e) {
        System.err.println("Error with shutdown");
        e.printStackTrace();
    }
}
&lt;/code&gt;&lt;/pre&gt;
&lt;p&gt;}&lt;/p&gt;
&lt;p&gt;Cats model class&lt;/p&gt;
&lt;pre&gt;&lt;code&gt;package Model;
import javafx.beans.property.*;
public class Cats {
public Cats(Integer id,String name, String race, String gender, String coatColor, Integer age) {
    this.id = new SimpleIntegerProperty(id);
    this.name = new SimpleStringProperty(name);
    this.race = new SimpleStringProperty(race);
    this.gender = new SimpleStringProperty(gender);
    this.coatColor = new SimpleStringProperty(coatColor);
    this.age = new SimpleIntegerProperty(age);
}
public IntegerProperty id;
public IntegerProperty IDproperty(){return id;}
public Integer getID(){return IDproperty().get();}
public StringProperty name;
public void setName(String value) {
    nameProperty().set(value);
}
public StringProperty nameProperty() {
    return name;
}
public String getName() {
    return nameProperty().get();
}
public StringProperty race;
public void setRace(String value) {
    raceProperty().set(value);
}
public StringProperty raceProperty() {
    return race;
}
public String getRace() {
    return raceProperty().get();
}
public StringProperty gender;
public void setGender(String value) {
    genderProperty().set(value);
}
public StringProperty genderProperty() {
    return gender;
}
public String getGender() {
    return genderProperty().get();
}
public StringProperty coatColor;
public void setCoatColor(String value) {
    coatColorProperty().set(value);
}
public StringProperty coatColorProperty() {
    return coatColor;
}
public String getCoatColor() {
    return coatColorProperty().get();
}
public IntegerProperty age;
public void setAge(Integer value) {
    ageProperty().set(value);
}
public IntegerProperty ageProperty() {
    return age;
}
public Integer getAge() {
    return ageProperty().get();
}
}
&lt;/code&gt;&lt;/pre&gt;
&lt;p&gt;retrieve cat controller&lt;/p&gt;
&lt;pre&gt;&lt;code&gt;package Animals.Cats.retrieveCats;
import Animals.Cats.editCat.editCatController;
import Database.Database;
import Model.Cats;
import javafx.beans.property.SimpleIntegerProperty;
import javafx.beans.property.SimpleStringProperty;
import javafx.collections.FXCollections;
import javafx.collections.ObservableList;
import javafx.event.ActionEvent;
import javafx.fxml.FXML;
import javafx.fxml.FXMLLoader;
import javafx.fxml.Initializable;
import javafx.scene.Node;
import javafx.scene.Parent;
import javafx.scene.Scene;
import javafx.scene.control.TableColumn;
import javafx.scene.control.TableView;
import javafx.scene.control.cell.PropertyValueFactory;
import javafx.scene.layout.AnchorPane;
import javafx.stage.Stage;
import java.io.IOException;
import java.net.URL;
import java.sql.ResultSet;
import java.sql.SQLException;
import java.util.ResourceBundle;
public class retrieveCatsController implements Initializable {
    ObservableList&amp;lt;Cats&amp;gt; list = FXCollections.observableArrayList();
    @FXML
    private AnchorPane tableRootPanel; //?
    @FXML
    private TableView&amp;lt;Cats&amp;gt; tableView;
    @FXML
    private TableColumn&amp;lt;Cats,Integer&amp;gt; catsId;
    @FXML
    private TableColumn&amp;lt;Cats, String&amp;gt; catsName;
    @FXML
    private TableColumn&amp;lt;Cats, String&amp;gt; catsRace;
    @FXML
    private TableColumn&amp;lt;Cats, String&amp;gt; catsGender;
    @FXML
    private TableColumn&amp;lt;Cats, String&amp;gt; catsCoatColor;
    @FXML
    private TableColumn&amp;lt;Cats, Integer&amp;gt; catsAge;
    public void editCats(ActionEvent actionEvent) {
        Cats editSelectedCat = tableView.getSelectionModel().getSelectedItem();
        if (editSelectedCat == null) {
            System.out.println("You have to select object that you want to edit");
            return;
        }
        try {
            FXMLLoader loader = new FXMLLoader(getClass().getResource("/Animals/Cats/editCat/editCat.fxml"));
            Parent editCatParent = loader.load();
            Scene editCatScene = new Scene(editCatParent);
            Stage stage = (Stage) ((Node) actionEvent.getSource()).getScene().getWindow();
            stage.setScene(editCatScene);
            stage.show();
        } catch (IOException e) {
            System.out.println("can't load an edit window.\n" + e.getMessage());
        }
    }
    public void deleteSelectedCat(ActionEvent actionEvent) {
        ObservableList&amp;lt;Cats&amp;gt; selectedCat, list;
        list = tableView.getItems();
        selectedCat = tableView.getSelectionModel().getSelectedItems();
        selectedCat.forEach(list::remove);
    }
    public void goToMainMenuCats(ActionEvent actionEvent) throws IOException {
        Parent animalsMainMenuParent = FXMLLoader.load(getClass().getResource("/Animals/Cats/mainMenuCats/Cats.fxml"));
        Scene animalsMainMenuScene = new Scene(animalsMainMenuParent);
        Stage stage = (Stage) ((Node) actionEvent.getSource()).getScene().getWindow();
        stage.setScene(animalsMainMenuScene);
        stage.show();
    }
    public void goToEmployees(ActionEvent actionEvent) throws IOException {
        Parent employeesMainMenuParent = FXMLLoader.load(getClass().getResource("/Employees/mainMenu/employeesMain.fxml"));
        Scene mainMenuScene = new Scene(employeesMainMenuParent);
        Stage stage = (Stage) ((Node) actionEvent.getSource()).getScene().getWindow();
        stage.setScene(mainMenuScene);
        stage.show();
    }
    public void goToAnimals(ActionEvent actionEvent) throws IOException {
        Parent goToAnimalsMenuParent = FXMLLoader.load(getClass().getResource("/Animals/mainMenu/animalsMainMenu.fxml"));
        Scene goToAnimalsMenuScene = new Scene(goToAnimalsMenuParent);
        Stage goToAnimalsMenuStage = (Stage) ((Node) actionEvent.getSource()).getScene().getWindow();
        goToAnimalsMenuStage.setScene(goToAnimalsMenuScene);
        goToAnimalsMenuStage.show();
    }
    public void goToStatus(ActionEvent actionEvent) throws IOException {
        Parent goToStatusMenuParent = FXMLLoader.load(getClass().getResource("/Status/Menu/statusMainMenu.fxml"));
        Scene goToStatusMenuScene = new Scene(goToStatusMenuParent);
        Stage goToStatusMenuStage = (Stage) ((Node) actionEvent.getSource()).getScene().getWindow();
        goToStatusMenuStage.setScene(goToStatusMenuScene);
        goToStatusMenuStage.show();
    }
    @Override
    public void initialize(URL location, ResourceBundle resources) {
        initColumns();
        loadData();
    }
    private void initColumns() {
        catsId.setCellValueFactory(new PropertyValueFactory&amp;lt;&amp;gt;("ID"));
        catsName.setCellValueFactory(new PropertyValueFactory&amp;lt;&amp;gt;("Name"));
        catsRace.setCellValueFactory(new PropertyValueFactory&amp;lt;&amp;gt;("Race"));
        catsGender.setCellValueFactory(new PropertyValueFactory&amp;lt;&amp;gt;("Gender"));
        catsCoatColor.setCellValueFactory(new PropertyValueFactory&amp;lt;&amp;gt;("coatColor"));
        catsAge.setCellValueFactory(new PropertyValueFactory&amp;lt;&amp;gt;("Age"));
    }
    private void loadData() {
        Database database = new Database();
        String query = "SELECT * FROM Cats";
        ResultSet resultSet = database.execQuery(query);
        try {
            while (resultSet.next()) {
                Integer ID = resultSet.getInt("ID");
                String name = resultSet.getString("name");
                String race = resultSet.getString("race");
                String gender = resultSet.getString("gender");
                String coatColor = resultSet.getString("coat_color");
                Integer age = resultSet.getInt("age");
                list.add(new Cats(ID,name, race, gender, coatColor, age));
            }
        } catch (SQLException e) {
            System.out.println("Can't select data from Cats\n" + e.getMessage());
        }
        tableView.getItems().setAll(list);
    }
}
&lt;/code&gt;&lt;/pre&gt;
&lt;p&gt;Edit cat controller  &lt;/p&gt;
&lt;pre&gt;&lt;code&gt;package Animals.Cats.editCat;
import Animals.Cats.addCats.addCatController;
import Animals.Cats.retrieveCats.retrieveCatsController;
import Database.Database;
import Model.Cats;
import javafx.collections.FXCollections;
import javafx.collections.ObservableList;
import javafx.event.ActionEvent;
import javafx.fxml.FXML;
import javafx.fxml.FXMLLoader;
import javafx.fxml.Initializable;
import javafx.scene.Node;
import javafx.scene.Parent;
import javafx.scene.Scene;
import javafx.scene.control.TableColumn;
import javafx.scene.control.TablePosition;
import javafx.scene.control.TableView;
import javafx.scene.control.cell.PropertyValueFactory;
import javafx.scene.control.cell.TextFieldTableCell;
import javafx.stage.Stage;
import java.io.IOException;
import java.net.URL;
import java.sql.*;
import java.util.ResourceBundle;
public class editCatController implements Initializable{
private  ObservableList&amp;lt;Cats&amp;gt; list = FXCollections.observableArrayList();
private  Database database;
    @FXML
    private TableView&amp;lt;Cats&amp;gt; table;
    @FXML
    private TableColumn&amp;lt;Cats,Integer&amp;gt; idCol;
    @FXML
    private TableColumn&amp;lt;Cats,String&amp;gt; nameCol;
    @FXML
    private TableColumn&amp;lt;Cats,String&amp;gt; raceCol;
    @FXML
    private TableColumn&amp;lt;Cats,String&amp;gt; genderCol;
    @FXML
    private TableColumn&amp;lt;Cats,String&amp;gt; coatColorCol;
    @FXML
    private TableColumn&amp;lt;Cats,Integer&amp;gt; ageCol;
//    public void Save(){
//        String updateData = "UPDATE Cats set name=?, race=?, gender=?, coat_color=?, age=?"
//    }
    private void loadData() {
        list.clear();
        Database database = new Database();
        String query = "SELECT * FROM Cats";
        ResultSet resultSet = database.execQuery(query);
        try {
            while (resultSet.next()) {
                Integer ID = resultSet.getInt("ID");
                String name = resultSet.getString("name");
                String race = resultSet.getString("race");
                String gender = resultSet.getString("gender");
                String coatColor = resultSet.getString("coat_color");
                Integer age = resultSet.getInt("age");
                list.add(new Cats(ID,name, race, gender, coatColor, age));
            }
        } catch (SQLException e) {
            System.out.println("Can't select data from Cats\n" + e.getMessage());
        }
        table.getItems().setAll(list);
    }
    public void changeName(TableColumn.CellEditEvent editEvent){
        Cats cats = table.getSelectionModel().getSelectedItem();
        cats.setName(editEvent.getNewValue().toString());
    }
    public void changeRace(TableColumn.CellEditEvent editEvent){
        Cats cats = table.getSelectionModel().getSelectedItem();
        cats.setRace(editEvent.getNewValue().toString());
    }
    public void changeGender(TableColumn.CellEditEvent editEvent){
        Cats cats = table.getSelectionModel().getSelectedItem();
        cats.setGender(editEvent.getNewValue().toString());
    }
    public void changeCoatColor(TableColumn.CellEditEvent editEvent){
        Cats cats = table.getSelectionModel().getSelectedItem();
        cats.setCoatColor(editEvent.getNewValue().toString());
    }
    public void changeAge(TableColumn.CellEditEvent editEvent){
        Cats cats = table.getSelectionModel().getSelectedItem();
        cats.setAge((Integer) editEvent.getNewValue());
    }
    private void initColumns() {
        idCol.setCellValueFactory(new PropertyValueFactory&amp;lt;&amp;gt;("ID"));
        nameCol.setCellValueFactory(new PropertyValueFactory&amp;lt;&amp;gt;("Name"));
        raceCol.setCellValueFactory(new PropertyValueFactory&amp;lt;&amp;gt;("Race"));
        genderCol.setCellValueFactory(new PropertyValueFactory&amp;lt;&amp;gt;("Gender"));
        coatColorCol.setCellValueFactory(new PropertyValueFactory&amp;lt;&amp;gt;("coatColor"));
        ageCol.setCellValueFactory(new PropertyValueFactory&amp;lt;&amp;gt;("Age"));
    }
    @Override
    public void initialize(URL location, ResourceBundle resources) {
        database = new Database();
        initColumns();
        loadData();
        table.setEditable(true);
        nameCol.setCellFactory(TextFieldTableCell.forTableColumn());
        raceCol.setCellFactory(TextFieldTableCell.forTableColumn());
        genderCol.setCellFactory(TextFieldTableCell.forTableColumn());
        coatColorCol.setCellFactory(TextFieldTableCell.forTableColumn());
    }
    public void test(ActionEvent actionEvent) throws IOException {
        Parent animalsMainMenuParent = FXMLLoader.load(getClass().getResource("/Animals/Cats/retrieveCats/retrieveCats.fxml"));
        Scene animalsMainMenuScene = new Scene(animalsMainMenuParent);
        Stage stage = (Stage) ((Node) actionEvent.getSource()).getScene().getWindow();
        stage.setScene(animalsMainMenuScene);
        stage.show();
    }
    public void refreshData(ActionEvent actionEvent) {
        loadData();
    }
}
&lt;/code&gt;&lt;/pre&gt;
&lt;p&gt;retrieve cat fxml&lt;/p&gt;
&lt;pre&gt;&lt;code&gt;    &amp;lt;?xml version="1.0" encoding="UTF-8"?&amp;gt;
    &amp;lt;?import com.jfoenix.controls.JFXButton?&amp;gt;
    &amp;lt;?import javafx.geometry.Insets?&amp;gt;
    &amp;lt;?import javafx.scene.control.ButtonBar?&amp;gt;
    &amp;lt;?import javafx.scene.control.SplitPane?&amp;gt;
    &amp;lt;?import javafx.scene.control.TableColumn?&amp;gt;
    &amp;lt;?import javafx.scene.control.TableView?&amp;gt;
    &amp;lt;?import javafx.scene.layout.AnchorPane?&amp;gt;
    &amp;lt;AnchorPane prefHeight="400.0" prefWidth="600.0" xmlns="http://javafx.com/javafx/8.0.112" xmlns:fx="http://javafx.com/fxml/1" fx:controller="Animals.Cats.retrieveCats.retrieveCatsController"&amp;gt;
       &amp;lt;children&amp;gt;
          &amp;lt;SplitPane dividerPositions="0.29797979797979796" layoutY="14.0" prefHeight="400.0" prefWidth="600.0" AnchorPane.bottomAnchor="0.0" AnchorPane.leftAnchor="0.0" AnchorPane.rightAnchor="0.0" AnchorPane.topAnchor="0.0"&amp;gt;
            &amp;lt;items&amp;gt;
              &amp;lt;AnchorPane minHeight="0.0" minWidth="0.0" prefHeight="160.0" prefWidth="100.0"&amp;gt;
                   &amp;lt;children&amp;gt;
                      &amp;lt;JFXButton layoutX="62.0" layoutY="93.0" mnemonicParsing="false" onAction="#goToAnimals" text="Animals" /&amp;gt;
                      &amp;lt;JFXButton layoutX="62.0" layoutY="118.0" mnemonicParsing="false" onAction="#goToEmployees" text="Employees" /&amp;gt;
                      &amp;lt;JFXButton alignment="CENTER" layoutX="62.0" layoutY="143.0" mnemonicParsing="false" onAction="#goToStatus" text="Status" /&amp;gt;
                   &amp;lt;/children&amp;gt;
                   &amp;lt;padding&amp;gt;
                      &amp;lt;Insets left="10.0" top="20.0" /&amp;gt;
                   &amp;lt;/padding&amp;gt;&amp;lt;/AnchorPane&amp;gt;
              &amp;lt;AnchorPane fx:id="tableRootPane" minHeight="0.0" minWidth="0.0" prefHeight="160.0" prefWidth="100.0"&amp;gt;
                   &amp;lt;children&amp;gt;
                      &amp;lt;ButtonBar layoutX="138.0" layoutY="345.0" prefHeight="40.0" prefWidth="190.0"&amp;gt;
                        &amp;lt;buttons&amp;gt;
                            &amp;lt;JFXButton mnemonicParsing="false" onAction="#editCats" text="Edit" /&amp;gt;
                            &amp;lt;JFXButton mnemonicParsing="false" onAction="#deleteSelectedCat" text="Delete" /&amp;gt;
                            &amp;lt;!--&amp;lt;JFXButton mnemonicParsing="false" onAction="#goToMainMenuCats" text="Previous" /&amp;gt;--&amp;gt;
                        &amp;lt;/buttons&amp;gt;
                      &amp;lt;/ButtonBar&amp;gt;
                      &amp;lt;TableView fx:id="tableView" prefHeight="345.0" prefWidth="417.0"&amp;gt;
                        &amp;lt;columns&amp;gt;
                            &amp;lt;TableColumn fx:id="catsId" prefWidth="75.0" text="ID" /&amp;gt;
                          &amp;lt;TableColumn fx:id="catsName" prefWidth="75.0" text="Name" /&amp;gt;
                          &amp;lt;TableColumn fx:id="catsRace" prefWidth="75.0" text="Race" /&amp;gt;
                          &amp;lt;TableColumn fx:id="catsGender" prefWidth="75.0" text="Gender" /&amp;gt;
                          &amp;lt;TableColumn fx:id="catsCoatColor" prefWidth="75.0" text="Coat color" /&amp;gt;
                          &amp;lt;TableColumn fx:id="catsAge" prefWidth="75.0" text="Age" /&amp;gt;
                        &amp;lt;/columns&amp;gt;
                         &amp;lt;columnResizePolicy&amp;gt;
                            &amp;lt;TableView fx:constant="CONSTRAINED_RESIZE_POLICY" /&amp;gt;
                         &amp;lt;/columnResizePolicy&amp;gt;
                      &amp;lt;/TableView&amp;gt;
                   &amp;lt;/children&amp;gt;
                &amp;lt;/AnchorPane&amp;gt;
            &amp;lt;/items&amp;gt;
          &amp;lt;/SplitPane&amp;gt;
       &amp;lt;/children&amp;gt;
    &amp;lt;/AnchorPane&amp;gt;
edit cat fxml
&amp;lt;?xml version="1.0" encoding="UTF-8"?&amp;gt;
&amp;lt;?import com.jfoenix.controls.JFXButton?&amp;gt;
&amp;lt;?import javafx.scene.control.Button?&amp;gt;
&amp;lt;?import javafx.scene.control.ButtonBar?&amp;gt;
&amp;lt;?import javafx.scene.control.TableColumn?&amp;gt;
&amp;lt;?import javafx.scene.control.TableView?&amp;gt;
&amp;lt;?import javafx.scene.layout.AnchorPane?&amp;gt;
&amp;lt;AnchorPane prefHeight="400.0" prefWidth="600.0" xmlns="http://javafx.com/javafx/8.0.112" xmlns:fx="http://javafx.com/fxml/1" fx:controller="Animals.Cats.editCat.editCatController"&amp;gt;
   &amp;lt;children&amp;gt;
      &amp;lt;TableView fx:id="table" layoutX="129.0" layoutY="14.0" prefHeight="327.0" prefWidth="457.0"&amp;gt;
        &amp;lt;columns&amp;gt;
            &amp;lt;TableColumn fx:id="idCol"  prefWidth="75.0" text="ID" /&amp;gt;
          &amp;lt;TableColumn fx:id="nameCol" onEditCommit="#changeName" prefWidth="75.0" text="Name" /&amp;gt;
          &amp;lt;TableColumn fx:id="raceCol" onEditCommit="#changeRace" prefWidth="75.0" text="Race" /&amp;gt;
          &amp;lt;TableColumn fx:id="genderCol" onEditCommit="#changeGender" prefWidth="75.0" text="Gender" /&amp;gt;
          &amp;lt;TableColumn fx:id="coatColorCol" onEditCommit="#changeCoatColor" prefWidth="75.0" text="Coat color" /&amp;gt;
          &amp;lt;TableColumn fx:id="ageCol" onEditCommit="#changeAge" prefWidth="75.0" text="Age" /&amp;gt;
        &amp;lt;/columns&amp;gt;
         &amp;lt;columnResizePolicy&amp;gt;
            &amp;lt;TableView fx:constant="CONSTRAINED_RESIZE_POLICY" /&amp;gt;
         &amp;lt;/columnResizePolicy&amp;gt;
      &amp;lt;/TableView&amp;gt;
      &amp;lt;ButtonBar layoutX="372.0" layoutY="347.0" prefHeight="40.0" prefWidth="200.0"&amp;gt;
        &amp;lt;buttons&amp;gt;
            &amp;lt;JFXButton mnemonicParsing="false" onAction="#Save" text="Save" /&amp;gt;
            &amp;lt;JFXButton mnemonicParsing="false" text="Cencel" /&amp;gt;
            &amp;lt;JFXButton mnemonicParsing="false" onAction="#refreshData" text="Refresh" /&amp;gt;
        &amp;lt;/buttons&amp;gt;
      &amp;lt;/ButtonBar&amp;gt;
      &amp;lt;Button layoutX="262.0" layoutY="354.0" mnemonicParsing="false" onAction="#test" text="Button" /&amp;gt;
   &amp;lt;/children&amp;gt;
&amp;lt;/AnchorPane&amp;gt;
&lt;/code&gt;&lt;/pre&gt;
&lt;p&gt;Error that i received:&lt;/p&gt;
&lt;p&gt;Can't select data from Cats
no such column: 'ID'&lt;/p&gt;</t>
  </si>
  <si>
    <t>2018-01-10 18:45:18.597000+00:00</t>
  </si>
  <si>
    <t>2018-01-10 18:55:04.537000+00:00</t>
  </si>
  <si>
    <t>sqlite|user-interface|javafx|tableview</t>
  </si>
  <si>
    <t>i want to call all the secret from the key vault in a single call. is there any way to do that?</t>
  </si>
  <si>
    <t>&lt;pre&gt;&lt;code&gt;var keyVaultClient = new KeyVaultClient(
    new KeyVaultClient.AuthenticationCallback(
        azureServiceTokenProvider.KeyVaultTokenCallback));
var secret = await keyVaultClient
    .GetSecretAsync("https://KeyvaultName.vault.azure.net/secrets/test1")
    .ConfigureAwait(false);
ViewData["keyvaultName"] = secret.Value;
&lt;/code&gt;&lt;/pre&gt;
&lt;p&gt;//It is working fine. But now i want to get all the secrets in a single call and bind it to the fields&lt;/p&gt;</t>
  </si>
  <si>
    <t>2018-03-19 13:35:00.660000+00:00</t>
  </si>
  <si>
    <t>2018-03-21 13:53:05.410000+00:00</t>
  </si>
  <si>
    <t>2018-03-19 17:41:02.207000+00:00</t>
  </si>
  <si>
    <t>angular|asp.net-core|azure-keyvault|azure-msi</t>
  </si>
  <si>
    <t>Spring 3 MVC JSR-303 validation doesn��t show errors</t>
  </si>
  <si>
    <t>&lt;p&gt;I have problem using annotated validation in spring 3 mvc. I��m not sure if the problems is in validation or Spring��s capability to bind validation errors to BindingResult object.&lt;/p&gt;
&lt;p&gt;Here is my Controller's method&lt;/p&gt;
&lt;pre&gt;&lt;code&gt;@RequestMapping(value = "/test", method = RequestMethod.POST)
public String testingValidation(@Valid Test test,BindingResult result){
    if(result.hasErrors()){
        logger.debug("Error in validation "+result.toString());
        return "redirect:http://someWrongPlace.com";
    }
    logger.debug("No validation error "+result.toString());
    return "redirect:http://theRightPlace.com";
}
&lt;/code&gt;&lt;/pre&gt;
&lt;p&gt;And here��s my form object&lt;/p&gt;
&lt;pre&gt;&lt;code&gt;import javax.validation.constraints.NotNull;
import javax.validation.constraints.Size;
public class Test {
   @NotNull
   @Size(min = 5)
   private String text;
   public String getText() {
    return text;
   }
   public void setText(String text) {
    this.text = text;
   }
}
&lt;/code&gt;&lt;/pre&gt;
&lt;p&gt;Here��s a part of my appContext (and yes.. Everything else works fine)&lt;/p&gt;
&lt;pre&gt;&lt;code&gt;   &amp;lt;?xml version="1.0" encoding="UTF-8"?&amp;gt;
   &amp;lt;beans xmlns="http://www.springframework.org/schema/beans"
    xmlns:xsi="http://www.w3.org/2001/XMLSchema-instance"
    xmlns:p="http://www.springframework.org/schema/p"
    xmlns:context="http://www.springframework.org/schema/context"
    xmlns:mvc="http://www.springframework.org/schema/mvc"
    xmlns:amq="http://activemq.apache.org/schema/core"
    xmlns:jms="http://www.springframework.org/schema/jms"
    xsi:schemaLocation="http://www.springframework.org/schema/beans
    http://www.springframework.org/schema/beans/spring-beans-3.0.xsd    
    http://www.springframework.org/schema/context 
    http://www.springframework.org/schema/context/spring-context-3.0.xsd
    http://www.springframework.org/schema/mvc 
    http://www.springframework.org/schema/mvc/spring-mvc-3.0.xsd
    http://activemq.apache.org/schema/core 
    http://activemq.apache.org/schema/core/activemq-core.xsd
    http://www.springframework.org/schema/jms 
    http://www.springframework.org/schema/jms/spring-jms-3.0.xsd"
    default-autowire="byName"&amp;gt;
    &amp;lt;mvc:annotation-driven/&amp;gt;
    &amp;lt;context:annotation-config/&amp;gt;
&lt;/code&gt;&lt;/pre&gt;
&lt;p&gt;I have Hibernate Validator and Validation API in my classpath&lt;/p&gt;
&lt;pre&gt;&lt;code&gt;   &amp;lt;dependency&amp;gt;
        &amp;lt;groupId&amp;gt;javax.validation&amp;lt;/groupId&amp;gt;
        &amp;lt;artifactId&amp;gt;validation-api&amp;lt;/artifactId&amp;gt;
        &amp;lt;version&amp;gt;1.0.0.GA&amp;lt;/version&amp;gt;
    &amp;lt;/dependency&amp;gt;
    &amp;lt;dependency&amp;gt;
        &amp;lt;groupId&amp;gt;org.hibernate&amp;lt;/groupId&amp;gt;
        &amp;lt;artifactId&amp;gt;com.springsource.org.hibernate.validator&amp;lt;/artifactId&amp;gt;
        &amp;lt;version&amp;gt;4.0.2.GA&amp;lt;/version&amp;gt;
    &amp;lt;/dependency&amp;gt;
&lt;/code&gt;&lt;/pre&gt;
&lt;p&gt;Problem is that i can call this test-method with valid url ("/test?test=thisIsValidInput") and with invalid url ("/test?test=a"). Both of the times BindingResult object has no errors. 
EDITED:
I think i have the JSR-303 Validator provider in my classpath. I also have been able to run Junit test to my validator constraints. If the Validator loading is done differently in Spring, can someone explain it? Below is my Junit test.&lt;/p&gt;
&lt;p&gt;private static Validator validator;&lt;/p&gt;
&lt;pre&gt;&lt;code&gt;   Test test;
@Before
public void setUp(){
    ValidatorFactory factory=Validation.buildDefaultValidatorFactory();
    this.validator=factory.getValidator();
    test = new Test();
}
@Test
public void testTextIsNotNull(){
    test.setText("");
    Set&amp;lt;ConstraintViolation&amp;lt;Test&amp;gt;&amp;gt;errors = validator.validate(message);
    Assert.assertEquals(1, errors.size());
    logger.debug(errors.toString());
}
&lt;/code&gt;&lt;/pre&gt;
&lt;p&gt;In console it says: &lt;/p&gt;
&lt;pre&gt;&lt;code&gt;         INFO [main] (Version.java:56) Hibernate Validator 4.0.2.GA 
         DEBUG [main](ResourceBundleMessageInterpolator.java:193)ValidationMessages
         not found. Delegating to org.hibernate.validator.ValidationMessages 
         DEBUG [main]defaultTraversableResolver.java:71)Cannot find 
         javax.persistence.PersistenceUtil on classpath. All properties will per 
         default be traversable. 
         DEBUG [main] (ValidationXmlParser.java:218) No META-INF/validation.xml found.
         Using annotation based configuration only
&lt;/code&gt;&lt;/pre&gt;</t>
  </si>
  <si>
    <t>2011-03-24 09:02:52+00:00</t>
  </si>
  <si>
    <t>2011-05-12 23:36:42.120000+00:00</t>
  </si>
  <si>
    <t>2011-03-28 12:26:41.447000+00:00</t>
  </si>
  <si>
    <t>hibernate|model-view-controller|spring|validation|annotations</t>
  </si>
  <si>
    <t>Complexity of finding all simple paths using depth first search?</t>
  </si>
  <si>
    <t>&lt;p&gt;Thanks to everyone replying with ideas and alternate solutions. More efficient ways of solving problems are always welcome, as well as reminders to question my assumptions.  That said, I'd like you to ignore for a moment what problem I'm trying to solve with the algorithm, and just help me analyze the big-Oh complexity of my algorithm as I've written it -- an all simple paths in a graph using depth-limited search as described &lt;a href="http://www.itl.nist.gov/div897/sqg/dads/HTML/allSimplePaths.html" rel="nofollow noreferrer"&gt;here&lt;/a&gt;, and implemented &lt;a href="https://stackoverflow.com/questions/58306/graph-algorithm-to-find-all-connections-between-two-arbitrary-vertices/58446#58446"&gt;here&lt;/a&gt;. Thanks!&lt;/p&gt;
&lt;p&gt;Edit: This is homework, but I've already submitted this assignment and I'd just like to know if my answer correct. I get a little confused over Big-O complexity when recursion is involved.  &lt;/p&gt;
&lt;hr&gt;
&lt;p&gt;Original question below: &lt;/p&gt;
&lt;p&gt;I'm trying to find the complexity of an all-paths search as given by &lt;a href="http://www.itl.nist.gov/div897/sqg/dads/HTML/allSimplePaths.html" rel="nofollow noreferrer"&gt;this&lt;/a&gt; algorithm.
Given two vertices, I'm finding all simple paths between them using a depth-first search. &lt;/p&gt;
&lt;p&gt;I know that the time complexity of DFS is O(V+E) and its space complexity is O(V), and my intuition is that the complexity of an all-paths search will be more than that, but I'm unable to determine what it will be.  &lt;/p&gt;
&lt;p&gt;Related SO questions &lt;a href="https://stackoverflow.com/questions/1642139/algorithm-to-find-the-number-of-distinct-paths-in-a-directed-graph"&gt;here&lt;/a&gt; and &lt;a href="https://stackoverflow.com/questions/58306/graph-algorithm-to-find-all-connections-between-two-arbitrary-vertices"&gt;here&lt;/a&gt;.  &lt;/p&gt;
&lt;p&gt;Update (in response to a comment below): &lt;/p&gt;
&lt;p&gt;I'm trying to solve the &lt;a href="http://en.wikipedia.org/wiki/Six_Degrees_of_Kevin_Bacon/" rel="nofollow noreferrer"&gt;six degrees of Kevin Bacon&lt;/a&gt; problem. This generally requires finding the lowest degree of separation between a pair of actors, but I have to find ALL degrees of separation (for now, less than 6, but this can change). &lt;/p&gt;</t>
  </si>
  <si>
    <t>2009-12-02 04:12:26.727000+00:00</t>
  </si>
  <si>
    <t>2009-12-13 17:38:10.067000+00:00</t>
  </si>
  <si>
    <t>2017-05-23 12:25:50.553000+00:00</t>
  </si>
  <si>
    <t>algorithm|graph|big-o|depth-first-search</t>
  </si>
  <si>
    <t>Vectorize 3D assignment</t>
  </si>
  <si>
    <t>&lt;p&gt;Is it possible to vectorize (do the same without the for loop) this problem?&lt;/p&gt;
&lt;pre&gt;&lt;code&gt;A=[(1:5)' (1:5)' (1:5)'];
B=ones(1000,5);
D=size(A,1)
C=zeros(1000,3,5)
for y=1:D
C(:,:,y)=B(:,A(y,:));
end
&lt;/code&gt;&lt;/pre&gt;</t>
  </si>
  <si>
    <t>2018-03-08 09:15:41.057000+00:00</t>
  </si>
  <si>
    <t>2018-03-08 16:05:00.210000+00:00</t>
  </si>
  <si>
    <t>2018-03-08 09:18:21.070000+00:00</t>
  </si>
  <si>
    <t>matlab|for-loop|vectorization</t>
  </si>
  <si>
    <t>Update a column within a table for a record only if that same record has additional events in a separate table</t>
  </si>
  <si>
    <t>&lt;p&gt;I would like to update a column within a table for a record only if that same record has additional events in a separate table. Here is what I have so far:&lt;/p&gt;
&lt;blockquote&gt;
  &lt;p&gt;t1 - Table 1  t2 - table 2 c* - generic column&lt;/p&gt;
&lt;/blockquote&gt;
&lt;pre&gt;&lt;code&gt;Update t1 
Set c ='6'
From t1
Inner Join t2 on t1.c = t2.c 
Where t2.c1 = '339' and t2.c2 ='0'
&lt;/code&gt;&lt;/pre&gt;
&lt;p&gt;Basically, I would like to know if the specifics in the where clause are enough to check for events in t2 that correspond with a record that is within t1. Hopefully this makes sense. Feel free to let me know if I have explained this poorly, I tend to think everyone is in my head and knows my thoughts so i may be missing some important details. &lt;/p&gt;</t>
  </si>
  <si>
    <t>2013-03-01 18:03:36.700000+00:00</t>
  </si>
  <si>
    <t>2013-03-01 18:28:07.350000+00:00</t>
  </si>
  <si>
    <t>sql|sql-server|sql-server-2012</t>
  </si>
  <si>
    <t>How to display grand total in checkout page?</t>
  </si>
  <si>
    <t>&lt;p&gt;I am using OpenCart 2.3.0.2 . I'm trying to display the total from &lt;em&gt;checkout/cart.tpl&lt;/em&gt; to the &lt;em&gt;checkout/checkout.tpl&lt;/em&gt; but when i use the code from cart page it doesn't work:&lt;/p&gt;
&lt;pre&gt;&lt;code&gt;&amp;lt;div class="row"&amp;gt;
    &amp;lt;div class="col-sm-4 col-sm-offset-8"&amp;gt;
      &amp;lt;table class="table table-bordered"&amp;gt;
        &amp;lt;?php foreach ($totals as $total) { ?&amp;gt;
        &amp;lt;tr&amp;gt;
          &amp;lt;td class="text-right"&amp;gt;&amp;lt;strong&amp;gt;&amp;lt;?php echo $total['title']; ?&amp;gt;:&amp;lt;/strong&amp;gt;&amp;lt;/td&amp;gt;
          &amp;lt;td class="text-right"&amp;gt;&amp;lt;?php echo $total['text']; ?&amp;gt;&amp;lt;/td&amp;gt;
        &amp;lt;/tr&amp;gt;
        &amp;lt;?php } ?&amp;gt;
      &amp;lt;/table&amp;gt;
    &amp;lt;/div&amp;gt;
  &amp;lt;/div&amp;gt;
&lt;/code&gt;&lt;/pre&gt;
&lt;p&gt;The problem is that I don't know how to get the total price as a variable.&lt;/p&gt;</t>
  </si>
  <si>
    <t>2017-09-22 01:41:41.277000+00:00</t>
  </si>
  <si>
    <t>2017-09-22 23:41:15.910000+00:00</t>
  </si>
  <si>
    <t>php|opencart|checkout|opencart2.x|opencart2.3</t>
  </si>
  <si>
    <t>Database in a C++ Program</t>
  </si>
  <si>
    <t>&lt;p&gt;I've got a C++ program that needs to deal with a lot of typical database problems - looking at tables, inserting and deleting values, searching for records. All of the database information has to be stored locally. Let me emphasise that - I don't want to communicate with a server, I want the information to be stored on the user's computer.&lt;/p&gt;
&lt;p&gt;Are there any libraries that can easily implement all this functionality, preferably in a SQL style syntax? Or what are some ways to easily and robustly implement this functionality?&lt;/p&gt;</t>
  </si>
  <si>
    <t>2011-09-12 05:30:22.630000+00:00</t>
  </si>
  <si>
    <t>2011-09-12 05:43:05.413000+00:00</t>
  </si>
  <si>
    <t>c++|database|local</t>
  </si>
  <si>
    <t>Log4j: How to use a custom name for Logger?</t>
  </si>
  <si>
    <t>&lt;p&gt;I created a Logger with a custom name instead of class name&lt;/p&gt;
&lt;pre&gt;&lt;code&gt;private static Logger LOGGER = LogManager.getLogger("REQUEST_TRACKER");
LOGGER.info("Some Message");
&lt;/code&gt;&lt;/pre&gt;
&lt;p&gt;and the pattern is &lt;/p&gt;
&lt;pre&gt;&lt;code&gt;pattern=%d{yyyy-MM-dd HH:mm:ss,SSS Z} %-5p %-4r [%t] %c{1} %x - %m%n
&lt;/code&gt;&lt;/pre&gt;
&lt;p&gt;Logger did not print anything to the output.&lt;/p&gt;
&lt;p&gt;But When I changed the name is to Class like below&lt;/p&gt;
&lt;pre&gt;&lt;code&gt;private static Logger LOGGER = LogManager.getLogger(ApplicationResource.class);
&lt;/code&gt;&lt;/pre&gt;
&lt;p&gt;I see output &lt;code&gt;2018-10-18 13:13:52,805 -0700 INFO  40001 [http-nio-8080-exec-10] com.abc.application.service.ApplicationResource [] - Some Message&lt;/code&gt;&lt;/p&gt;
&lt;p&gt;How to configure Logger to use a custom name?&lt;/p&gt;</t>
  </si>
  <si>
    <t>2018-10-18 20:20:44.977000+00:00</t>
  </si>
  <si>
    <t>2018-10-18 20:45:05.983000+00:00</t>
  </si>
  <si>
    <t>2018-10-18 20:35:13.703000+00:00</t>
  </si>
  <si>
    <t>java|logging|log4j</t>
  </si>
  <si>
    <t>Boost filesystem not found</t>
  </si>
  <si>
    <t>&lt;p&gt;I get the following error during my PION installation in Oracle Linux 5.5:&lt;/p&gt;
&lt;pre&gt;&lt;code&gt; Unable to link with the boost filesystem library
&lt;/code&gt;&lt;/pre&gt;
&lt;p&gt;The curious is that others libraries can be found and there are in the same directory  &lt;/p&gt;
&lt;p&gt;Can anyone help me on this..
Thanks&lt;/p&gt;</t>
  </si>
  <si>
    <t>2013-03-18 13:41:56.257000+00:00</t>
  </si>
  <si>
    <t>2014-02-07 16:21:50.500000+00:00</t>
  </si>
  <si>
    <t>2013-03-18 13:43:16.503000+00:00</t>
  </si>
  <si>
    <t>boost-filesystem</t>
  </si>
  <si>
    <t>PHP class use other classes from composer</t>
  </si>
  <si>
    <t>&lt;p&gt;I made a class which autoloads with psr-4.
In this class I wanted to use classes from some libraries that I downloaded with composer the problem is that I can't seem to figure it out.
Class: &lt;/p&gt;
&lt;pre&gt;&lt;code&gt;&amp;lt;?php
namespace CusTelegram\CusCommand; 
use Telegram\Bot\Actions;
use Telegram\Bot\Commands\Command;
class NewEpisodeCommand extends Command
{
    public function handle($arguments)
    { 
        ...
        $dotenv = new Dotenv\Dotenv(__DIR__ . "/../..");
        $this-&amp;gt;replyWithMessage(['text' =&amp;gt; __DIR__ . "/../.."]);
        $dotenv-&amp;gt;overload();
        $client = new ApiVideo\Client\Client($_ENV["API_EMAIL"], $_ENV["API_KEY"]);
        ...
}
&lt;/code&gt;&lt;/pre&gt;
&lt;p&gt;The method handle gets called from a telegram webhook so I don't know how to degub it but I'm 100% sure that it crashes when Dotenv tries to get instanciated.
Tree view:&lt;/p&gt;
&lt;pre&gt;&lt;code&gt;/CusTelegram
  /CusCommand
    /NewEpisodeCommand.php (this class)
/bot
  /bot.php
/vendor
...
&lt;/code&gt;&lt;/pre&gt;
&lt;p&gt;In bot php I already require the autoload. This class doesn't have issues is just that I can't use DotEnv and ApiVideo in the NewEpisodeCommand class.
Bot.php:&lt;/p&gt;
&lt;pre&gt;&lt;code&gt;ini_set('memory_limit', '-1');
require_once '../vendor/autoload.php';
use Telegram\Bot\Api;
$telegram = new Api(&amp;lt;token&amp;gt;);
$commands = [CusTelegram\CusCommand\StartCommand::class, CusTelegram\CusCommand\NewEpisodeCommand::class, Telegram\Bot\Commands\HelpCommand::class ];
$telegram-&amp;gt;addCommands($commands);
$update = $telegram-&amp;gt;commandsHandler(true);
&lt;/code&gt;&lt;/pre&gt;
&lt;p&gt;&lt;strong&gt;--EDIT--&lt;/strong&gt;
I was able to print the error and this is what I get:&lt;/p&gt;
&lt;pre&gt;&lt;code&gt;Fatal error: Uncaught Error: Class 'CusTelegram\CusCommand\Dotenv\Dotenv' not found in /membri/streamapi/CusTelegram/CusCommand/NewEpisodeCommand.php
&lt;/code&gt;&lt;/pre&gt;</t>
  </si>
  <si>
    <t>2018-11-19 10:00:06.517000+00:00</t>
  </si>
  <si>
    <t>2018-11-19 11:04:46.997000+00:00</t>
  </si>
  <si>
    <t>2018-11-19 10:58:35.127000+00:00</t>
  </si>
  <si>
    <t>php|composer-php|php-telegram-bot</t>
  </si>
  <si>
    <t>Wix update bindingRedirect value</t>
  </si>
  <si>
    <t>&lt;p&gt;I have an installer which needs to change the bindingRedirect value in the app.config. Currently, I have:&lt;/p&gt;
&lt;pre&gt;&lt;code&gt;    &amp;lt;util:XmlFile Id="Config"
      Action="setValue"
      ElementPath="configuration/runtime/assemblyBinding/dependentAssembly/assemblyIdentity[\[]@publicKeyToken='89845dcd8080cc91'[\]]/bindingRedirect/@newVersion"
      File="[INSTALLFOLDER]\app.config"
      Value="13.0.0.0"/&amp;gt;
&lt;/code&gt;&lt;/pre&gt;
&lt;p&gt;but this is throwing an error as it cant find the node. I'm guessing this is because bindingRedirect isn't a child element of assemblyIdentity.&lt;/p&gt;
&lt;p&gt;How would I go about updating the newVersion field?&lt;/p&gt;
&lt;p&gt;Thanks&lt;/p&gt;</t>
  </si>
  <si>
    <t>2018-02-14 21:04:11.853000+00:00</t>
  </si>
  <si>
    <t>2018-02-14 21:37:37.283000+00:00</t>
  </si>
  <si>
    <t>wix|wix3</t>
  </si>
  <si>
    <t>how to get image from PHImageFileURLKey</t>
  </si>
  <si>
    <t>&lt;p&gt;guys.&lt;/p&gt;
&lt;p&gt;I am getting images URL from photos by using below code.&lt;/p&gt;
&lt;pre&gt;&lt;code&gt;func getAllImagesURL() -&amp;gt; [URL]
    {
       var arr_URL = [URL]()
        for index in 0..&amp;lt;fetchResult.count
        {
            imgManager.requestImageData(for: fetchResult.object(at: index) as PHAsset, options: requestOptions, resultHandler: { (imagedata, dataUTI, orientation, info) in
                if let fileName = (info?["PHImageFileURLKey"] as? URL)
                {
                    //do sth with file name
                    arr_URL.append(fileName)
                }
            })
        }
        return arr_URL
    }
&lt;/code&gt;&lt;/pre&gt;
&lt;p&gt;By using this URL key I want to get the image from photos.I have searched and found below code.But it still not working.&lt;/p&gt;
&lt;pre&gt;&lt;code&gt;func getImage(assetUrl: URL) -&amp;gt; UIImage?  {
        let asset = PHAsset.fetchAssets(withALAssetURLs: [assetUrl], options: nil)
        guard let result = asset.firstObject else {
            return nil
        }
        var assetImage: UIImage?
        let options = PHImageRequestOptions()
        options.isSynchronous = true
        PHImageManager.default().requestImage(for: result, targetSize: UIScreen.main.bounds.size, contentMode: PHImageContentMode.aspectFill, options: options) { image, info in
            assetImage = image
        }
        return assetImage
    }
&lt;/code&gt;&lt;/pre&gt;
&lt;p&gt;It returns nil.So please help me.How to get the image by using URL key.&lt;/p&gt;
&lt;p&gt;Thanks in Advance..&lt;/p&gt;</t>
  </si>
  <si>
    <t>2017-09-29 07:22:26.883000+00:00</t>
  </si>
  <si>
    <t>2017-09-29 08:38:03.333000+00:00</t>
  </si>
  <si>
    <t>ios|swift|phasset</t>
  </si>
  <si>
    <t>easy mock's expect method gives test result passed at even false tests</t>
  </si>
  <si>
    <t>&lt;p&gt;I am using easymock to test my class. After writing codes, I find out that every test succeeds even given wrong inputs. From the forums on stack overflow, I have seen that it could be avoided by using the &lt;code&gt;replay&lt;/code&gt; method but it even succeeds when I use &lt;code&gt;replay&lt;/code&gt; as well. I don't know what I am doing wrong? Could you please look at the code and tell me If I have to do any more things to make test fail ? I think test is not working ..&lt;/p&gt;
&lt;pre&gt;&lt;code&gt;service = EasyMock.createMock(MyService.class);
menu = EasyMock.createMock(ISPFMenu.class);
menu.setName("name");
menu.setTitle("title");
EasyMock.expect(service.createLinesToParseEasyMock(menu)).andReturn(null);
EasyMock.replay(service);
&lt;/code&gt;&lt;/pre&gt;</t>
  </si>
  <si>
    <t>2017-03-01 11:43:31.300000+00:00</t>
  </si>
  <si>
    <t>2017-03-02 19:20:46.317000+00:00</t>
  </si>
  <si>
    <t>java|junit|easymock</t>
  </si>
  <si>
    <t>Unpivot with several grouped columns</t>
  </si>
  <si>
    <t>&lt;p&gt;I'm on SQL Server 2014 and have highly unnormalized data in a table with a layout similar to the following:&lt;/p&gt;
&lt;pre&gt;&lt;code&gt;BidNumber | System1 | System1Qty | System2 | System2Qty | RecSys1 | RecSys1Qty
------------------------------------------------------------------------------
30000     | XXY     | 10000      | YYZ     | 15000      |         |  
30100     | XXY     | 11000      |         |            |         |
30050     | XXY     | 10500      | ZZY     | 100        | YYZ     | 10000
&lt;/code&gt;&lt;/pre&gt;
&lt;p&gt;(There are in actuality about 20 additional paired columns and the names vary in some way).&lt;/p&gt;
&lt;p&gt;I'm attempting to unpivot this in a query with the following results:&lt;/p&gt;
&lt;pre&gt;&lt;code&gt; Bid Number | System | Quantity
 ------------------------------
 30000      | XXY    | 10000
 30000      | YYZ    | 15000
 30100      | XXY    | 11000
 30050      | XXY    | 10500
 30050      | ZZY    | 100
 30050      | YYZ    | 10000
&lt;/code&gt;&lt;/pre&gt;
&lt;p&gt;I'm able to run the &lt;code&gt;UNPIVOT&lt;/code&gt; just based on the &lt;code&gt;System&lt;/code&gt; column, but getting the matching quantity is an issue for me.  I've tried a solution as suggested &lt;a href="http://mangalpardeshi.blogspot.com/2009/04/unpivot-multiple-columns.html" rel="nofollow noreferrer"&gt;here&lt;/a&gt;, however this solution is dependent on an Id value between 0 and 9 as well as consistency in the column names which doesn't work for me.  I'm kicking around the idea of writing a handful of &lt;code&gt;INSERT&lt;/code&gt; statements to normalize the data into a Temp Table, but don't want to go down this road unless it's the path of least resistance.&lt;/p&gt;
&lt;p&gt;Any thoughts for a highly-powered &lt;code&gt;UNPIVOT&lt;/code&gt; for this?&lt;/p&gt;</t>
  </si>
  <si>
    <t>2018-05-09 20:40:21.853000+00:00</t>
  </si>
  <si>
    <t>2018-05-10 12:05:55.380000+00:00</t>
  </si>
  <si>
    <t>sql-server|tsql|sql-server-2014|unpivot</t>
  </si>
  <si>
    <t>jQuery - getting error after using onclick event</t>
  </si>
  <si>
    <t>&lt;p&gt;Below given code is used to create a button in php page.
   After using Onclick event error is throwing
This code giving error like this : SyntaxError: missing ) after argument list.&lt;/p&gt;
&lt;pre&gt;&lt;code&gt;$('#btnCancel').before($('&amp;lt;button onclick = "SubmitAssess(".$this-&amp;gt;SLNO-&amp;gt;CurrentValue.")"&amp;gt;Submit&amp;lt;/button&amp;gt;'));
&lt;/code&gt;&lt;/pre&gt;</t>
  </si>
  <si>
    <t>2017-10-05 09:29:12.973000+00:00</t>
  </si>
  <si>
    <t>2017-10-05 09:36:36.963000+00:00</t>
  </si>
  <si>
    <t>jquery|ajax</t>
  </si>
  <si>
    <t>MongoDB Correct Schema for aggregated data</t>
  </si>
  <si>
    <t>&lt;p&gt;I have a big collection that holds lots of stats, since I want to generate reports, I am running a daily cron which aggregates data from the main collection to a smaller one. the thing is: what is the correct way to store all the aggregated data?&lt;/p&gt;
&lt;p&gt;&lt;strong&gt;Method 1:&lt;/strong&gt;&lt;/p&gt;
&lt;pre&gt;&lt;code&gt;{
    'Y2015': {
        'M04': {
            'D18': 100,
            'D19': 200
        }
    },
    'order_id': 'VjprK',
    'user_id': '777'
}
{
    'Y2015': {
        'M04': {
            'D18': 100,
            'D19': 20
        }
    },
    'order_id': 'LaOPX',
    'user_id': '777'
}
{
    'Y2015': {
        'M04': {
            'D18': 100,
            'D19': 50
        }
    },
    'order_id': 'cYwxf',
    'user_id': '777'
}
&lt;/code&gt;&lt;/pre&gt;
&lt;p&gt;&lt;strong&gt;Method 2:&lt;/strong&gt;&lt;/p&gt;
&lt;pre&gt;&lt;code&gt;{
    'order_id': 'VjprK',
    'user_id': '777',
    data {
        'MongoDate(2015-04-18)' : 100,
        'MongoDate(2015-04-19)' : 200,
        'MongoDate(2015-04-20)' : 300,
        'MongoDate(2015-04-21)' : 400,
    }
}
&lt;/code&gt;&lt;/pre&gt;
&lt;p&gt;In the future, I want to query by date ranges, so it feels like method 2.&lt;/p&gt;
&lt;p&gt;Any recommendations?&lt;/p&gt;</t>
  </si>
  <si>
    <t>2015-06-10 08:58:27.947000+00:00</t>
  </si>
  <si>
    <t>2015-06-10 09:10:39.237000+00:00</t>
  </si>
  <si>
    <t>2015-06-10 09:01:34.160000+00:00</t>
  </si>
  <si>
    <t>Pandas: join a row of data on specific index number</t>
  </si>
  <si>
    <t>&lt;pre&gt;&lt;code&gt;import pandas
a=[['Date', 'letters', 'numbers', 'mixed'], ['1/2/2014', 'a', '6', 'z1'], ['1/2/2014', 'a', '3', 'z1'], ['1/3/2014', 'c', '1', 'x3']]
df = pandas.DataFrame.from_records(a[1:],columns=a[0])
b= [['a', 'b', 'c'], ['a', 'b', 'c']]
df2 = pandas.DataFrame.from_records(b[1:],columns=b[0])
&lt;/code&gt;&lt;/pre&gt;
&lt;p&gt;I want to join df2 on df so it looks like this:&lt;/p&gt;
&lt;pre&gt;&lt;code&gt;       Date letters numbers mixed    a    b    c
0  1/2/2014       a       6    z1  
1  1/2/2014       a       3    z1    a    b    c
2  1/3/2014       c       1    x3  
&lt;/code&gt;&lt;/pre&gt;
&lt;p&gt;Looking through the docs, I got as close as &lt;code&gt;df=df.join(df2,how='outer')&lt;/code&gt;&lt;/p&gt;
&lt;p&gt;which gives you this:&lt;/p&gt;
&lt;pre&gt;&lt;code&gt;       Date letters numbers mixed    a    b    c
0  1/2/2014       a       6    z1    a    b    c
1  1/2/2014       a       3    z1  NaN  NaN  NaN
2  1/3/2014       c       1    x3  NaN  NaN  NaN
&lt;/code&gt;&lt;/pre&gt;
&lt;p&gt;I want something like &lt;code&gt;df=df.join(df2,how='outer', on_index = 1)&lt;/code&gt;&lt;/p&gt;</t>
  </si>
  <si>
    <t>2014-09-24 12:43:17.007000+00:00</t>
  </si>
  <si>
    <t>2014-09-24 12:55:54.417000+00:00</t>
  </si>
  <si>
    <t>On selecting the text in message and scrolling up or down the blue highlight comes over the textbox and navbar</t>
  </si>
  <si>
    <t>&lt;p&gt;On selecting the text in message and scrolling up or down the blue highlight comes over the textbox and navbar.
Note - this is not if we open the mobile site on computer this problem only turns up on mobile browser(safari on iOS).&lt;a href="https://i.stack.imgur.com/HY12n.jpg" rel="nofollow noreferrer"&gt;&lt;img src="https://i.stack.imgur.com/HY12n.jpg" alt="enter image description here"&gt;&lt;/a&gt;&lt;/p&gt;</t>
  </si>
  <si>
    <t>2016-11-03 12:26:44.817000+00:00</t>
  </si>
  <si>
    <t>html|ios|asp.net-mvc|safari|single-page-application</t>
  </si>
  <si>
    <t>GMSMapViewDelegate functions not called on iOS</t>
  </si>
  <si>
    <t>&lt;p&gt;I have set implemented &lt;code&gt;GMSMapViewDelegate&lt;/code&gt;, set it to self, and I still cannot get any of the delegate functions to work. The following is an example of my code:&lt;/p&gt;
&lt;pre&gt;&lt;code&gt;class UserViewController: UIViewController, CLLocationManagerDelegate, GMSMapViewDelegate {
    var mapView: GMSMapView!
    override func viewDidLoad() {
        super.viewDidLoad()
        // Do any additional setup after loading the view, typically from a nib.
        if mapView == nil {
            mapView = GMSMapView()
        }
        mapView.delegate = self
    }
    func mapView(mapView: GMSMapView, didChangeCameraPosition position: GMSCameraPosition) {
        print(position)
    }
    func mapView(mapView: GMSMapView, willMove gesture: Bool) {
        print(gesture)
    }
    func mapView(mapView: GMSMapView, idleAtCameraPosition position: GMSCameraPosition) {
        print(position)
    }
&lt;/code&gt;&lt;/pre&gt;
&lt;p&gt;None of the mapView functions are printing anything. I have checked the delegate and know it is set properly. Am I missing something?&lt;/p&gt;</t>
  </si>
  <si>
    <t>2016-08-21 17:04:48.597000+00:00</t>
  </si>
  <si>
    <t>2017-04-07 08:56:33.627000+00:00</t>
  </si>
  <si>
    <t>ios|swift|google-maps</t>
  </si>
  <si>
    <t>Can you actually link constraints to utterly different view controllers?</t>
  </si>
  <si>
    <t>&lt;p&gt;Imagine you have a screen which has a number of view controllers (with container views, or whatever).&lt;/p&gt;
&lt;p&gt;(If you like, think of an iPad app with many large, complicated areas, each with their own sub-container views for lists, controls, etc.)&lt;/p&gt;
&lt;p&gt;Even - it may be that you have VCs which are hidden, slidden off screen, perhaps even just in cache and not presented, or you may have a number of screens "stacked on top" of one another so some are not even visible.&lt;/p&gt;
&lt;p&gt;So say you have a view v&lt;/p&gt;
&lt;pre&gt;&lt;code&gt;      var v: UIView
&lt;/code&gt;&lt;/pre&gt;
&lt;p&gt;in one of those view controllers, and a view w&lt;/p&gt;
&lt;pre&gt;&lt;code&gt;      var w: UIView
&lt;/code&gt;&lt;/pre&gt;
&lt;p&gt;in a &lt;em&gt;totally different&lt;/em&gt; view controller.&lt;/p&gt;
&lt;p&gt;For some reason you want the two items to have &lt;strong&gt;the same width&lt;/strong&gt;, on screen.&lt;/p&gt;
&lt;p&gt;In fact. Can you NSLayoutConstraint one to the other??&lt;/p&gt;
&lt;p&gt;(Obviously you can't in storyboard; that's no big deal. You'd do it in code at layout time.)&lt;/p&gt;
&lt;p&gt;Is that possible?&lt;/p&gt;
&lt;p&gt;Does it cause problems (say) when one of the VCs disappears?&lt;/p&gt;
&lt;p&gt;(In fact would the constraint cause a hard reference?)&lt;/p&gt;
&lt;p&gt;What's the deal on this?&lt;/p&gt;</t>
  </si>
  <si>
    <t>2017-11-11 14:47:20.377000+00:00</t>
  </si>
  <si>
    <t>2017-11-11 15:37:45.123000+00:00</t>
  </si>
  <si>
    <t>ios|autolayout|nslayoutconstraint</t>
  </si>
  <si>
    <t>Allocate space for struct pointer in subfunction</t>
  </si>
  <si>
    <t>&lt;p&gt;How can I allocate memory for a struct pointer and assign value to it's member in a subfunction?&lt;/p&gt;
&lt;p&gt;The following code will compile but not execute:&lt;/p&gt;
&lt;pre&gt;&lt;code&gt;#include &amp;lt;stdio.h&amp;gt;
#include &amp;lt;stdlib.h&amp;gt;
#include &amp;lt;string.h&amp;gt;
struct _struct {char *str;};
void allocate_and_initialize(struct _struct *s)
{
    s = calloc(sizeof(struct _struct), 1);
    s-&amp;gt;str = calloc(sizeof(char), 12);
    strcpy(s-&amp;gt;str, "hello world");
}
int main(void)
{
    struct _struct *s;
    allocate_and_initialize(s);
    printf("%s\n", s-&amp;gt;str);
    return 0;
}
&lt;/code&gt;&lt;/pre&gt;</t>
  </si>
  <si>
    <t>2010-09-02 12:16:47.113000+00:00</t>
  </si>
  <si>
    <t>2012-04-23 13:21:53.917000+00:00</t>
  </si>
  <si>
    <t>JavaScript Minifier Failed, probably because of ${</t>
  </si>
  <si>
    <t>&lt;p&gt;Getting below error :-&lt;/p&gt;
&lt;p&gt;[com.liferay.portal.util.MinifierUtil] JavaScript Minifier failed for merlin.data['buyNow'] = merlin.data['buyNow'] || {} merlin.data['buyNow']['enhancements'] =&lt;/p&gt;
&lt;p&gt;Corresponding source code from .jsp is ::&lt;/p&gt;
&lt;pre&gt;&lt;code&gt;&amp;lt;script&amp;gt;
    merlin.data['buyNow'] = merlin.data['buyNow'] || {}
    merlin.data['buyNow']['${command.flavorType}'] = ${command.flavorsJSON}
&amp;lt;/script&amp;gt;
&lt;/code&gt;&lt;/pre&gt;
&lt;p&gt;I verified this code against online Minifier, ${command.flavorsJSON} probably has issue. Replacing this with some else like var1 works fine.&lt;/p&gt;
&lt;p&gt;(Used : &lt;a href="https://javascript-minifier.com/" rel="nofollow"&gt;https://javascript-minifier.com/&lt;/a&gt;)&lt;/p&gt;</t>
  </si>
  <si>
    <t>2016-07-07 12:03:51.877000+00:00</t>
  </si>
  <si>
    <t>2018-05-31 14:12:54.200000+00:00</t>
  </si>
  <si>
    <t>javascript|jsp|liferay</t>
  </si>
  <si>
    <t>mysql - how to copy date when copying table</t>
  </si>
  <si>
    <t>&lt;p&gt;I need to copy a MySQL table which contains a date field of timestamp type defaulted to CURRENT_TIMESTAMP.&lt;br&gt;
The query below works fine for all the data but does not copy the date field, which I need to carry over.  &lt;/p&gt;
&lt;pre&gt;&lt;code&gt; insert into table1 select * from table2 order by record-Id.  
&lt;/code&gt;&lt;/pre&gt;
&lt;p&gt;Thanks in advance.&lt;/p&gt;</t>
  </si>
  <si>
    <t>2013-06-20 19:53:00.020000+00:00</t>
  </si>
  <si>
    <t>2013-06-20 20:00:47.810000+00:00</t>
  </si>
  <si>
    <t>2013-06-20 19:53:58.357000+00:00</t>
  </si>
  <si>
    <t>mysql|date|copy</t>
  </si>
  <si>
    <t>Pycharm code completion works, but inserts unresolved references</t>
  </si>
  <si>
    <t>&lt;p&gt;Using PyCharm 3.0.1 Community the code completion works fine, but when I e.g. compelete to a method to one of the parents classes, the inserted method name then gets marked as an unresolved reference. What am I missing?&lt;/p&gt;
&lt;p&gt;&lt;em&gt;Details&lt;/em&gt;:&lt;/p&gt;
&lt;p&gt;I am new to PyCharm, and test it on a (unified installed) Plone 4.3.2. The interpreter from the Installation is selected automatically, and I add the zinstance/bin/zopepy script for buildout. &lt;/p&gt;
&lt;p&gt;I then open Products.CMFPlone-4.3.2-py2.7.egg/Products/CMFPlone/SkinsTool.py and then type &lt;/p&gt;
&lt;pre&gt;&lt;code&gt;x = SkinsTool
&lt;/code&gt;&lt;/pre&gt;
&lt;p&gt;at the bottom of the file. The code completion offers me &lt;code&gt;manage_changeProperties&lt;/code&gt; (and shows PropertyManager). I select this, so that the line now says&lt;/p&gt;
&lt;pre&gt;&lt;code&gt;x = SkinsTool.manage_changeProperties
&lt;/code&gt;&lt;/pre&gt;
&lt;p&gt;The manage_changeProperties part is marked though. Hovering over the marked 'manage_changeProperties' now shows &lt;/p&gt;
&lt;pre&gt;&lt;code&gt;Unresolved attribute reference 'manage_changeProperties' for class 'SkinsTool'
&lt;/code&gt;&lt;/pre&gt;
&lt;p&gt;Is this a bug or am I doing something wrong (e.g. with importing the project)?&lt;/p&gt;
&lt;p&gt;&lt;strong&gt;Edit&lt;/strong&gt;: Following vape's advice I also tried on an instance. Same problem:&lt;/p&gt;
&lt;p&gt;Auto-complete works fine:&lt;/p&gt;
&lt;p&gt;&lt;img src="https://i.stack.imgur.com/pf9eN.png" alt="auto-complete with manage_changeProperties"&gt;&lt;/p&gt;
&lt;p&gt;But then the reference is unresolved:&lt;/p&gt;
&lt;p&gt;&lt;img src="https://i.stack.imgur.com/qe3P0.png" alt="unresolved message on i"&gt;&lt;/p&gt;
&lt;p&gt;This test was also done with 3.0.1 Professional. &lt;/p&gt;
&lt;p&gt;&lt;strong&gt;Edit 2:&lt;/strong&gt; The strucuture is the one of a standard plone installation: &lt;a href="http://baach.de/static/structure.txt" rel="nofollow noreferrer"&gt;structure.txt&lt;/a&gt;. I have opened the topmost plone.4.3.2 folder.&lt;/p&gt;
&lt;p&gt;Cheers,&lt;/p&gt;
&lt;p&gt;Joerg&lt;/p&gt;</t>
  </si>
  <si>
    <t>2013-11-11 09:56:55.617000+00:00</t>
  </si>
  <si>
    <t>2015-01-05 14:31:11.717000+00:00</t>
  </si>
  <si>
    <t>2014-10-15 14:11:05.393000+00:00</t>
  </si>
  <si>
    <t>python|pycharm</t>
  </si>
  <si>
    <t>RedirectMatch /blog/?(something) to /?(something)</t>
  </si>
  <si>
    <t>&lt;p&gt;I'm trying to redirect all requests which have "/blog/?" to "/?..." and use the following in my .htaccess:&lt;/p&gt;
&lt;pre&gt;&lt;code&gt;RedirectMatch 302 /blog/?(.*) http://www.example.com/?$1
&lt;/code&gt;&lt;/pre&gt;
&lt;p&gt;but when I check it, &lt;/p&gt;
&lt;pre&gt;&lt;code&gt;/blog/?p=28  -&amp;gt; www.example.com/?
&lt;/code&gt;&lt;/pre&gt;
&lt;p&gt;so the rest is truncated.&lt;/p&gt;
&lt;p&gt;p/s/ I don't want to redirect /blog/(something) to example.com/(something) !&lt;/p&gt;
&lt;p&gt;p/p/s/ I have a wordpress installed, if that might matter. And I need to do that kind of stuff because I changed my wordpress folder to root and use /blog/ to show recent posts&lt;/p&gt;</t>
  </si>
  <si>
    <t>2012-01-02 10:42:13.580000+00:00</t>
  </si>
  <si>
    <t>2017-12-09 06:07:34.093000+00:00</t>
  </si>
  <si>
    <t>wordpress|.htaccess|redirect</t>
  </si>
  <si>
    <t>Issue passing the correct item to an other function with setTimeout</t>
  </si>
  <si>
    <t>&lt;p&gt;Here's my problem:&lt;/p&gt;
&lt;pre&gt;&lt;code&gt;var slide;
$$('#slides li').each(function(i, n) {
    slide = i;
    setTimeout("initiateSlide()",n * 500)                     
});
function initiateSlide(){
    i = slide;
    alert(i); // pretty much alerts the last one 5 times
}
&lt;/code&gt;&lt;/pre&gt;
&lt;p&gt;I expect to &lt;code&gt;initiateSlide()&lt;/code&gt; with 5 different slides, instead I only get the last one 5 times.&lt;/p&gt;</t>
  </si>
  <si>
    <t>2010-06-09 04:12:24.153000+00:00</t>
  </si>
  <si>
    <t>2010-06-09 04:22:37.713000+00:00</t>
  </si>
  <si>
    <t>javascript|prototype|settimeout</t>
  </si>
  <si>
    <t>Joomla: Move article text to another position</t>
  </si>
  <si>
    <t>&lt;p&gt;I am changing a little bit protostar template and I would like to show article text no at content possition but on sidebar.&lt;/p&gt;
&lt;p&gt;I have found that text is shown by this
components\com_content\views\article\tmpl\default.php
line 111:&lt;/p&gt;
&lt;pre&gt;&lt;code&gt;&amp;lt;?php echo $this-&amp;gt;item-&amp;gt;text; ?&amp;gt;
&lt;/code&gt;&lt;/pre&gt;
&lt;p&gt;but when I put this somewhere in &lt;code&gt;templates\protostar\index.php&lt;/code&gt; it does not work (as expected :))&lt;/p&gt;
&lt;p&gt;Could you please advice how to move this?&lt;/p&gt;
&lt;p&gt;Thanks!&lt;/p&gt;</t>
  </si>
  <si>
    <t>2015-05-26 18:13:47.067000+00:00</t>
  </si>
  <si>
    <t>2015-05-27 08:58:08.903000+00:00</t>
  </si>
  <si>
    <t>2015-05-26 18:15:57.257000+00:00</t>
  </si>
  <si>
    <t>Auto Generated Slugs in Django Admin</t>
  </si>
  <si>
    <t>&lt;p&gt;I have an app that will one day allow front-end crud, which will create the slug with &lt;code&gt;slugify&lt;/code&gt;.  Right now though, all the object creation is being done in the admin area and I was wondering if there is a way to auto generate slugs while creating and saving an object from within admin?&lt;/p&gt;
&lt;p&gt;Here is the method for slugify for the front-end; not sure if its even relevant.  Thank you.&lt;/p&gt;
&lt;pre&gt;&lt;code&gt;def create_slug(instance, new_slug=None):
    slug = slugify(instance.title)
    if new_slug is not None:
        slug = new_slug
    qs = Veteran.objects.filter(slug=slug).order_by('-id')
    exists = qs.exists()
    if exists:
        new_slug = '%s-%s' % (slug, qs.first().id)
        return create_slug(instance, new_slug=new_slug)
    return slug
&lt;/code&gt;&lt;/pre&gt;</t>
  </si>
  <si>
    <t>2017-02-22 20:06:27.807000+00:00</t>
  </si>
  <si>
    <t>2018-01-29 18:38:58.070000+00:00</t>
  </si>
  <si>
    <t>django|django-models|django-templates|django-views|django-admin</t>
  </si>
  <si>
    <t>ScrollView inside View or Vice Versa?</t>
  </si>
  <si>
    <t>&lt;p&gt;I am working in iOS and cannot find if there is a definitive answer to this.&lt;/p&gt;
&lt;p&gt;I have a screen, the entire thing will scroll (not just part of it is scrolling at the top). I am using Storyboards to build this and the content is bigger than the screen size. Is the best way to do this with:&lt;/p&gt;
&lt;p&gt;This is all inside of a UIViewController.&lt;/p&gt;
&lt;ul&gt;
&lt;li&gt;The content inside a View (child) inside a fullscreen ScrollView (parent) and set content size of ScrollView as the View's frame.&lt;/li&gt;
&lt;li&gt;The content inside a ScrollView (child) inside a fullscreen View (parent) and set content size of ScrollView as its frame and then its new frame as the View's frame.&lt;/li&gt;
&lt;li&gt;Just a ScrollView as the first child of the ViewController and set its content size as its frame and then its frame as the screen size (which I would need to check at runtime?)&lt;/li&gt;
&lt;/ul&gt;
&lt;p&gt;All of these methods seem to work, but they make other things easier/harder (moving content for keyboard, etc.). Is it simply a matter of opinion or is there a "best/correct" method?&lt;/p&gt;</t>
  </si>
  <si>
    <t>2013-07-31 18:21:23.890000+00:00</t>
  </si>
  <si>
    <t>2013-07-31 20:29:03.223000+00:00</t>
  </si>
  <si>
    <t>ios|cocoa-touch|uiscrollview</t>
  </si>
  <si>
    <t>toString() kind of implementation in C++14</t>
  </si>
  <si>
    <t>&lt;pre&gt;&lt;code&gt;    class Fruit
{
private:
    std::string m_name;
    std::string m_color;
public:
    Fruit(std::string name, std::string color)
        : m_name(name), m_color(color)
    {
    }
    std::string getName() const { return m_name; }
    std::string getColor() const { return m_color; }
};
class Apple : public Fruit
{
private:
    double m_fiber;
public:
    Apple(std::string name, std::string color, double fiber)
        :Fruit(name, color), m_fiber(fiber)
    {
    }
    double getFiber() const { return m_fiber; }
    friend std::ostream&amp;amp; operator&amp;lt;&amp;lt;(std::ostream &amp;amp;out, const Apple &amp;amp;a)
    {
        out &amp;lt;&amp;lt; "Apple (" &amp;lt;&amp;lt; a.getName() &amp;lt;&amp;lt; ", " &amp;lt;&amp;lt; a.getColor() &amp;lt;&amp;lt; ", " &amp;lt;&amp;lt; a.getFiber() &amp;lt;&amp;lt; ")\n";
        return out;
    }
};
&lt;/code&gt;&lt;/pre&gt;
&lt;p&gt;My question is regarding the friend function with the overloaded operator '&amp;lt;&amp;lt;'. 
I need to understand some basics which are troubling me, for one why does the function return a reference to a stream ?&lt;/p&gt;</t>
  </si>
  <si>
    <t>2018-04-21 03:43:10.080000+00:00</t>
  </si>
  <si>
    <t>2018-04-21 23:50:37.543000+00:00</t>
  </si>
  <si>
    <t>2018-04-21 09:53:37.443000+00:00</t>
  </si>
  <si>
    <t>ruby on rails - create a simple html page</t>
  </si>
  <si>
    <t>&lt;p&gt;I need some assistance in creating a simple html page and locate it in the server.&lt;/p&gt;
&lt;p&gt;Since I couldnt find it in the doc I tried to put a index2.html file in the /public library and when I tried to get receive it using &lt;/p&gt;
&lt;pre&gt;&lt;code&gt;http://127.0.0.1:3000/index2.html
&lt;/code&gt;&lt;/pre&gt;
&lt;p&gt;or &lt;/p&gt;
&lt;pre&gt;&lt;code&gt;http://127.0.0.1:3000/public/index2.html
&lt;/code&gt;&lt;/pre&gt;
&lt;p&gt;and receiver &lt;/p&gt;
&lt;pre&gt;&lt;code&gt;ActionController::RoutingError (No route matches [GET] "/public/index2.html"): 
&lt;/code&gt;&lt;/pre&gt;
&lt;ol&gt;
&lt;li&gt;how do I get the html from the server&lt;/li&gt;
&lt;li&gt;how di I make it the default.&lt;/li&gt;
&lt;/ol&gt;
&lt;p&gt;Thanks.&lt;/p&gt;
&lt;p&gt;EDIT : thanks for your answers. I am looking for the simplest way to work. in many  &lt;a href="http://ruby.railstutorial.org/chapters/static-pages#sec%3atruly_static_pages" rel="nofollow"&gt;tutorials&lt;/a&gt; it says you can put it in the public folder and thats it. This will same me useless controllers.&lt;/p&gt;</t>
  </si>
  <si>
    <t>2012-04-29 16:56:35.273000+00:00</t>
  </si>
  <si>
    <t>2012-04-29 18:11:47.130000+00:00</t>
  </si>
  <si>
    <t>ruby-on-rails-3</t>
  </si>
  <si>
    <t>A thread with a dialog is listening the back key, but i want that the main activity listen the back key</t>
  </si>
  <si>
    <t>&lt;p&gt;I'm launching a thread that shows a dialog, and if i press the back key (to do some logic to stop the thread), the onKeyDown listener of the activity is not being called. It is because it is being catched by the thread with the dialog...  How can i avoid that?&lt;/p&gt;
&lt;p&gt;this is my code:&lt;/p&gt;
&lt;pre&gt;&lt;code&gt;public static void getRemoteImage(final String url, final Handler handler) {
        Thread thread = new Thread(){ 
            public void run() {
                try {
                    Looper.prepare();
                    handler.sendEmptyMessage(Util.SHOW_DIALOG);
                    final URL aURL = new URL(url);
                    final URLConnection conn = aURL.openConnection();
                    conn.connect();
                    final BufferedInputStream bis = new BufferedInputStream(conn.getInputStream());
                    image = BitmapFactory.decodeStream(bis);
                    bis.close();
                    handler.sendEmptyMessage(Util.HIDE_DIALOG); 
                    Looper.loop();  
                }catch (Exception e) {e.printStackTrace();}
            }
        };
        thread.start();
    }
&lt;/code&gt;&lt;/pre&gt;</t>
  </si>
  <si>
    <t>2012-10-17 20:58:19.753000+00:00</t>
  </si>
  <si>
    <t>2012-10-17 21:42:13.127000+00:00</t>
  </si>
  <si>
    <t>2012-10-17 21:12:31.927000+00:00</t>
  </si>
  <si>
    <t>android|android-dialog|onkeydown</t>
  </si>
  <si>
    <t>Changing Data Context for Data Template clears Combo Box selection</t>
  </si>
  <si>
    <t>&lt;p&gt;I have a TreeView that permits the user to select different items.  The display for each item is determined using Data Templates with the DataType set to the appropriate ViewModel type.  The DataContext is automatically set based on the selected item in the tree view to the appropriate ViewModel.&lt;/p&gt;
&lt;p&gt;&lt;strong&gt;Here's the problem:&lt;/strong&gt;&lt;/p&gt;
&lt;p&gt;One of the DataTemplates has a ComboBox bound to an ObservableCollection to get the list of items and a property to get/set the SelectedValue in the ViewModel.&lt;/p&gt;
&lt;p&gt;When I select one item of this type, and then select another item of the same type, the ComboBox displays blank instead of the correct selected item.  It appears that the Combo Box is setting the SelectedValue property to &lt;em&gt;NULL&lt;/em&gt; immediately after the transition to the new item, and then never updating.&lt;/p&gt;
&lt;pre&gt;&lt;code&gt;&amp;lt;ComboBox Margin="1,0" 
    ItemsSource="{Binding ItemsToSelect}" 
    SelectedValue="{Binding SelectedValue}" 
    SelectedValuePath="ValuePath" DisplayMemberPath="DisplayPath"
    IsEnabled="{Binding CanSelectItem}"&amp;gt;
&amp;lt;/ComboBox&amp;gt;
&lt;/code&gt;&lt;/pre&gt;
&lt;p&gt;The really strange part is if I select an item of a different type between selecting items of the same type, it always displays correctly.&lt;/p&gt;
&lt;p&gt;I've tried ignoring the &lt;em&gt;NULL&lt;/em&gt; value in the SelectedValue setter, and that didn't work regardless of whether I also raised the PropertyChanged event or not.&lt;/p&gt;
&lt;pre&gt;&lt;code&gt;private MyObject selectedValue;
public MyObject SelectedValue
{
    get
    {
        return selectedValue;
    }
    set
    {
        if (value != null)
        {
            this.selectedValue = value;
        }
        this.OnPropertyChanged("SelectedValue");
    }
}
&lt;/code&gt;&lt;/pre&gt;
&lt;p&gt;Looking at the similar questions while writing this lead me to an interesting attribute that I hadn't found yet - &lt;code&gt;IsSynchronizedWithCurrentItem&lt;/code&gt; from this &lt;a href="https://stackoverflow.com/questions/4657028/wpf-combo-box-weird-problem"&gt;question&lt;/a&gt;.  At first, I thought this solved the problem, but alas it just changes the behavior somewhat.&lt;/p&gt;
&lt;p&gt;With this attribute set to &lt;code&gt;True&lt;/code&gt;, the combo doesn't &lt;em&gt;entirely&lt;/em&gt; clear its selection, but instead just marks the first item as selected.  So, instead of being set to &lt;em&gt;NULL&lt;/em&gt;, now the SelectedValue property is being set to the first item in the list.&lt;/p&gt;
&lt;p&gt;Anyone have any ideas for a solution?&lt;/p&gt;</t>
  </si>
  <si>
    <t>2012-03-22 17:01:27.457000+00:00</t>
  </si>
  <si>
    <t>2012-03-22 21:47:23.483000+00:00</t>
  </si>
  <si>
    <t>2017-05-23 10:28:05.673000+00:00</t>
  </si>
  <si>
    <t>Stored procedure without cursors</t>
  </si>
  <si>
    <t>&lt;p&gt;How can I write the following sp without the cursor?. More over its not giving me the desired output. I didn't write this, I am trying to interpret what is wrong with this.&lt;/p&gt;
&lt;pre&gt;&lt;code&gt;ALTER PROCEDURE [dbo].[AccreditationExpiryCheck]
AS
BEGIN
    SET NOCOUNT ON;
    declare @taskTypeId int = 19 -- Accreditations, automated
    declare @firstActionTypeId int = 23 -- Accreditation expiring
    declare @nextActionTypeId int = 3 -- Call company
    declare @companyId int
    declare @accreditationId int
    declare @comment nvarchar(max) = N' accreditation for this company has expired.'
    -- find all companies and accreditations expiring
    declare companies cursor local forward_only read_only for 
        select c.Company_Id, a.Accred_ID
        from COMPANY c
            inner join MEMBERSHIP m on c.Company_ID = m.Company_ID
            inner join ACCREDITATION a on c.Company_ID = a.Company_ID
        where
            -- Accreditation expired yesterday
            cast(a.Accred_ExpDate as DATE) = cast(DATEADD(DAY, -1, GETDATE()) as DATE)
            and m.IsMember_Ind = 1
            and (c.HQ_ID IS NULL OR c.HQ_ID = c.Company_ID)  -- FB4640: this isn't a 'team' co (with an HQ)
            -- and there is no action of this type created within 1 day
            -- of the expiry date
            and not exists (
                select * from TaskAction ta where
                    ta.FirstActionTypeId = @firstActionTypeId and
                    ta.TaskTypeId = @taskTypeId and
                    ta.TaskCreatedOn BETWEEN a.Accred_ExpDate AND DATEADD(DAY, 1, a.Accred_ExpDate) and
                    ta.EntityId = c.Company_ID and 
                    ta.EntityTypeId = 1 )
    open companies
    fetch next from companies into @companyId, @accreditationId
    declare @title nvarchar(max) = 
        (select AccredType_Name from ACCREDITATION_TYPE at 
        inner join ACCREDITATION a on at.AccredType_ID = a.AccredType_ID
        where a.Accred_ID = @accreditationId)
    declare @comment2 nvarchar(max) = isnull(@title, '') + ' accreditation for this company has expired.'
    while @@FETCH_STATUS = 0
    begin
        exec CreateSystemTask 
            @taskTypeId, 
            @firstActionTypeId,
            @nextActionTypeId,
            @companyid,
            @comment2,
            @title
        fetch next from companies into @companyId,@accreditationId
    end
    close companies
    deallocate companies
END
&lt;/code&gt;&lt;/pre&gt;
&lt;p&gt;The following select statement from the above sp gives me the correct dataset, but the cursor which loops through gives me a different output. &lt;/p&gt;
&lt;pre&gt;&lt;code&gt;select c.Company_Id, a.Accred_ID
        from COMPANY c
            inner join MEMBERSHIP m on c.Company_ID = m.Company_ID
            inner join ACCREDITATION a on c.Company_ID = a.Company_ID
        where
            -- Accreditation expired yesterday
            cast(a.Accred_ExpDate as DATE) = cast(DATEADD(DAY, -1, GETDATE()) as DATE)
            and m.IsMember_Ind = 1
            and (c.HQ_ID IS NULL OR c.HQ_ID = c.Company_ID)  -- FB4640: this isn't a 'team' co (with an HQ)
            -- and there is no action of this type created within 1 day
            -- of the expiry date
            and not exists (
                select * from TaskAction ta where
                    ta.FirstActionTypeId = @firstActionTypeId and
                    ta.TaskTypeId = @taskTypeId and
                    ta.TaskCreatedOn BETWEEN a.Accred_ExpDate AND DATEADD(DAY, 1, a.Accred_ExpDate) and
                    ta.EntityId = c.Company_ID and 
                    ta.EntityTypeId = 1 )
&lt;/code&gt;&lt;/pre&gt;</t>
  </si>
  <si>
    <t>2012-08-16 08:24:48.677000+00:00</t>
  </si>
  <si>
    <t>2012-08-16 17:51:05.330000+00:00</t>
  </si>
  <si>
    <t>2012-08-16 08:35:33.390000+00:00</t>
  </si>
  <si>
    <t>sql|sql-server-2008|tsql|stored-procedures|sql-server-2008-r2</t>
  </si>
  <si>
    <t>How to add new in-app product which is not yet presented in app?</t>
  </si>
  <si>
    <t>&lt;p&gt;I have an app, which is using in-apps, now I want to add a new in-app, but it's not yet presented anywhere. It will only show at the end of the month, when my customer add new record on the server side. But fortunately I have an Id for a SKProduct and I know the name of it. How I can provide a screenshot of this product to approval team?&lt;/p&gt;
&lt;p&gt;P.S: App was designed for this kind of logic, I don't need to update the app every time when new product appear on the server.&lt;/p&gt;</t>
  </si>
  <si>
    <t>2017-05-15 07:48:24.380000+00:00</t>
  </si>
  <si>
    <t>2017-05-15 13:57:22.820000+00:00</t>
  </si>
  <si>
    <t>ios|in-app-purchase</t>
  </si>
  <si>
    <t>BLE cadence characteristic parsing iOS bluetooth Swift</t>
  </si>
  <si>
    <t>&lt;p&gt;I am trying to create an iOS app that reads a cadence sensor (Wahoo fitness cadence). This is bluetooth characteristic &lt;a href="https://www.bluetooth.com/specifications/gatt/viewer?attributeXmlFile=org.bluetooth.characteristic.csc_measurement.xml" rel="nofollow noreferrer" title="CSC Measurement"&gt; 0x2A5B (CSC Measurement)&lt;/a&gt;. In this example, cadence is how fast the pedals rotate on a bike.&lt;/p&gt;
&lt;p&gt;I am using the code below in Swift to read the characteristic from the sensor:
&lt;strong&gt;Version 1:&lt;/strong&gt;&lt;/p&gt;
&lt;pre&gt;&lt;code&gt;private func cadence(from characteristic: CBCharacteristic) -&amp;gt; Int {
    guard let characteristicData = characteristic.value else {return -1 }
    let byteArray = [UInt8](characteristicData)
    print(byteArray)
    let firstBitValue = byteArray[1] &amp;amp; 0x01 //set bit 1 (not 0)
    if firstBitValue == 1 { //IF crank revolution data is present, 1==true
        return Int(byteArray[2])
    } else {
        return 0
    }
}
&lt;/code&gt;&lt;/pre&gt;
&lt;p&gt;When I print byteArray, I get "[2, 1, 0, 152, 11]". the "2" and "0" never change. the "1" position increases and never decreases. The "152" and "11" positions seem to be completely random, never changing to 0. They do not change either when the crank is completely stopped. When reading the documentation, I expected the "11" to be the last event crank time. But it appears to not change despite how slow I spin the sensor.&lt;/p&gt;
&lt;p&gt;How can I use this data to get the cadence from the sensor?&lt;/p&gt;
&lt;p&gt;After working with Paul's help, I have made changes to the code and ended up at the result below:&lt;/p&gt;
&lt;p&gt;&lt;strong&gt;Version 2&lt;/strong&gt;&lt;/p&gt;
&lt;pre&gt;&lt;code&gt;    func cadence(from characteristic:CBCharacteristic, previousRotations:Int = 0) -&amp;gt; (rpm:Double, rotations:Int)? {
        guard let characteristicData = characteristic.value else {
            return nil
        }
        let byteArray = [UInt8](characteristicData)
        if  byteArray[0] &amp;amp; 0x02 == 2 {
            // contains cadence data
            let rotations = (Int(byteArray[2]) &amp;lt;&amp;lt; 8) + Int(byteArray[1])
            var deltaRotations = rotations - previousRotations
            if deltaRotations &amp;lt; 0 {
                deltaRotations += 65535
            }
            let timeInt = (Int(byteArray[4]) &amp;lt;&amp;lt; 8) + Int(byteArray[3])
            let timeMins =  Double(timeInt) / 1024.0 / 60.0
            let rpm = Double(deltaRotations) / timeMins
            return (rpm:rpm, rotations: rotations)
        }
        return nil
}
&lt;/code&gt;&lt;/pre&gt;
&lt;p&gt;The RPM's being returned are currently below expected values, at around 53 being the highest, and 3 being the lowest. These values are compared to the sensor developer's app which indicates around 50-70 rpm.&lt;/p&gt;
&lt;p&gt;&lt;strong&gt;Version 3:&lt;/strong&gt;&lt;/p&gt;
&lt;pre&gt;&lt;code&gt;func cadence(from characteristic:CBCharacteristic, previousTime: Int=0, previousRotations:Int = 0) -&amp;gt; (rpm:Double, time: Int, rotations:Int)? {
            guard let characteristicData = characteristic.value else {
                return nil
            }
            let byteArray = [UInt8](characteristicData)
            if  byteArray[0] &amp;amp; 0x02 == 2 {
                // contains cadence data
                let rotations = Int(byteArray[2])&amp;lt;&amp;lt;8 + Int(byteArray[1])
                var deltaRotations = rotations - previousRotations
                if deltaRotations &amp;lt; 0 {
                    deltaRotations += 65535
                }
                let timeInt = Int(byteArray[4])&amp;lt;&amp;lt;8 + Int(byteArray[3])
                var timeDelta = timeInt - previousTime
                if (timeDelta &amp;lt; 0) {
                    timeDelta += 65535
                }
                let timeMins =  Double(timeDelta) / 1024.0 / 60
                let rpm = Double(deltaRotations) / timeMins
                return (rpm:rpm, time: timeInt, rotations: rotations)
            }
            return nil
        }
&lt;/code&gt;&lt;/pre&gt;</t>
  </si>
  <si>
    <t>2018-06-10 13:02:14.590000+00:00</t>
  </si>
  <si>
    <t>2018-06-11 00:02:46.637000+00:00</t>
  </si>
  <si>
    <t>ios|swift|bluetooth|sensor|cadence</t>
  </si>
  <si>
    <t>Can a transaction column formula field update after line item is added? Or only after record save</t>
  </si>
  <si>
    <t>&lt;p&gt;I wanted to create a "Total Line" field on the expense report expense line that adds in the amount from the taxes to the subtotal "amount" to give a total for that specific expense.
My problem though, is that after you add the line, it is blank.
It only works after you save the record, but this is not that helpful for staff as they are entering their expenses.
Is this a limitation of NetSuite?
Would I have to put in a script that somehow refreshes the record after a line is added? I'm not familiar with scripting.&lt;/p&gt;
&lt;p&gt;The formula is {amount} + ({amount} * {taxrate1}) + ({amount} * {taxrate2})&lt;/p&gt;
&lt;p&gt;The field id is custcol_total_line &lt;/p&gt;
&lt;p&gt;Thanks&lt;/p&gt;
&lt;p&gt;&lt;a href="http://i.imgur.com/NWTzrai.jpg" rel="nofollow"&gt;http://i.imgur.com/NWTzrai.jpg&lt;/a&gt;&lt;/p&gt;</t>
  </si>
  <si>
    <t>2016-04-21 21:01:08.457000+00:00</t>
  </si>
  <si>
    <t>2016-05-06 20:44:36.357000+00:00</t>
  </si>
  <si>
    <t>2016-04-22 01:13:35.947000+00:00</t>
  </si>
  <si>
    <t>netsuite</t>
  </si>
  <si>
    <t>Debugging "Incorrect Syntax" Exception</t>
  </si>
  <si>
    <t>&lt;p&gt;I have recently been working with a COM+ component that processes an input XML file, and makes a number of database updates based on the supplied data.&lt;/p&gt;
&lt;p&gt;Running SQL Profiler with EventClass Exception, and User Error Message selected, I see:&lt;/p&gt;
&lt;p&gt;Exception   Error: 102, Severity: 15, State: 1&lt;br&gt;
User Error Message  Incorrect syntax near '3'.&lt;/p&gt;
&lt;p&gt;However I really want to see the full SQL that is being supplied by the COM+ component.&lt;/p&gt;
&lt;p&gt;Is there anyway for me using Profiler, or other, for me to intercept the SQL statement that was sent to the SQL Server?&lt;/p&gt;
&lt;p&gt;This machine is using SQL Server 2005, and the COM+ object is written in Delphi.&lt;/p&gt;</t>
  </si>
  <si>
    <t>2010-05-12 13:53:58.200000+00:00</t>
  </si>
  <si>
    <t>2010-05-14 10:51:40.940000+00:00</t>
  </si>
  <si>
    <t>sql-server|debugging|parsing|sql-server-profiler</t>
  </si>
  <si>
    <t>Why is this creating a weird nested array in my test suite?</t>
  </si>
  <si>
    <t>&lt;p&gt;Given this list of edges &lt;/p&gt;
&lt;pre&gt;&lt;code&gt;edges = [
    ['14th&amp;amp;6th', '23rd&amp;amp;6th'],
    ['23rd&amp;amp;6th', '34th&amp;amp;6th'],
    ['34th&amp;amp;6th', '28th&amp;amp;Bwy'],
    ['28th&amp;amp;Bwy', '23rd&amp;amp;Bwy'],
    ['23rd&amp;amp;Bwy', '14th&amp;amp;Lex'],
    ['14th&amp;amp;Lex', '23rd&amp;amp;Lex']
] 
&lt;/code&gt;&lt;/pre&gt;
&lt;p&gt;and this list of vertices &lt;/p&gt;
&lt;pre&gt;&lt;code&gt;vertices = [
  {name: '34th&amp;amp;6th', distance: null, predecessor: null},
  {name: '23rd&amp;amp;6th', distance: null, predecessor: null},
    {name: '28th&amp;amp;Bwy', distance: null, predecessor: null},
  {name: '14th&amp;amp;6th', distance: null, predecessor: null},
  {name: '23rd&amp;amp;Bwy', distance: null, predecessor: null},
  {name: '14th&amp;amp;Lex', distance: null, predecessor: null},
  {name: '23rd&amp;amp;Lex', distance: null, predecessor: null}
] 
&lt;/code&gt;&lt;/pre&gt;
&lt;p&gt;I have this function that should return all adjacent vertices to a given vertex. &lt;/p&gt;
&lt;pre&gt;&lt;code&gt;function findAdjacent(node, vertices, edges) {
 let adjacent = [];
 let adjacent_names = [];
 for (let i=0; i &amp;lt; edges.length; i++) {
   if (edges[i].includes(node)) {
     adjacent_names.push(edges[i].filter((vertex =&amp;gt; vertex != node)))
   }
 }
 for (let i=0; i &amp;lt; adjacent_names.length; i++) {
   adjacent.push(vertices.filter((vertex =&amp;gt; vertex.name == adjacent_names[i] 
   &amp;amp;&amp;amp; vertex.distance == null)))
 }
 return adjacent
}
&lt;/code&gt;&lt;/pre&gt;
&lt;p&gt;It works perfectly when I run it in chrome's js console, but creates a weird nested array and fails my tests when I run it against them. The tests look like this: &lt;/p&gt;
&lt;pre&gt;&lt;code&gt;describe('#findAdjacentNodes', function() {
 it("should return an array of adjacent nodes", function() {
  expect(findAdjacent('34th&amp;amp;6th',  vertices, edges)).toEqual([{name: 
  '23rd&amp;amp;6th', distance: null, predecessor: null},
  {name: '28th&amp;amp;Bwy', distance: null, predecessor: null}
  ])
 });
  it("excludes discovered nodes", function() {
    let thirtyFourthAndSixth = vertices[0]
    thirtyFourthAndSixth.distance = 0
   expect(findAdjacent('28th&amp;amp;Bwy',  vertices, edges)).toEqual([
  {name: '23rd&amp;amp;Bwy', distance: null, predecessor: null}
   ])
   // but these nodes are not in the node list?
   // 23rd&amp;amp;Broadway
   // 33rd&amp;amp;Lex
  })
  }); 
&lt;/code&gt;&lt;/pre&gt;
&lt;p&gt;The tests give these errors: &lt;/p&gt;
&lt;pre&gt;&lt;code&gt;Error: Expected [ [ { name: '23rd&amp;amp;6th', distance: null, predecessor: null } 
], [ { name: '28th&amp;amp;Bwy', distance: n
ull, predecessor: null } ] ] to equal [ { name: '23rd&amp;amp;6th', distance: null, 
predecessor: null }, { name: '28th&amp;amp;Bwy', d
istance: null, predecessor: null } ] 
Error: Expected [ [], [ { name: '23rd&amp;amp;Bwy', distance: null, predecessor: 
null } ] ] to equal [ { name: '23rd&amp;amp;Bwy
', distance: null, predecessor: null } ]
&lt;/code&gt;&lt;/pre&gt;
&lt;p&gt;Can anyone see why they return this nested structure, even though the browser returns a non-nested array?&lt;/p&gt;</t>
  </si>
  <si>
    <t>2018-02-26 06:12:19.363000+00:00</t>
  </si>
  <si>
    <t>javascript|multidimensional-array|graph</t>
  </si>
  <si>
    <t>Connecting PHP through xAMPP/MAMP to mySQL Database</t>
  </si>
  <si>
    <t>&lt;p&gt;I can connect to phpMyAdmin database through both xAMPP and MAMP from my php code. I can successfully insert data into my database but it sends it to the database in PHPMyAdmin which is completely different from the database that I want to send it to which is in MySQL. I want it to insert it into the table in MySQL. Is there a way I can fix this?&lt;/p&gt;</t>
  </si>
  <si>
    <t>2018-07-11 18:24:21.067000+00:00</t>
  </si>
  <si>
    <t>2018-07-11 19:17:22.747000+00:00</t>
  </si>
  <si>
    <t>php|mysql|phpmyadmin|xampp|mamp</t>
  </si>
  <si>
    <t>IPP Missing attribute on CUPS-Get-Devices using node.js ipp module</t>
  </si>
  <si>
    <t>&lt;p&gt;I am having a problem with Missing required attribute for CUPS-Get-Devices.
Basically I want to get list of available printers with IPP and CUPS using &lt;a href="https://www.npmjs.org/package/ipp" rel="noreferrer"&gt;https://www.npmjs.org/package/ipp&lt;/a&gt;.&lt;/p&gt;
&lt;p&gt;I've implemented CUPS-Get-Devices into the package as it had not support the attribute for the package but I get it working. Problem is that the response respond with "status-message": "Missing required attributes." and not giving me the list of printers.&lt;/p&gt;
&lt;pre&gt;&lt;code&gt;var uri = "http://localhost:631"
var data = ipp.serialize({
  "operation": "CUPS-Get-Printers",
  "operation-attributes-tag": {
  "attributes-charset": 'utf-8',
  "attributes-natural-language": 'en-us',
  "limit": 10
 }
});
ipp.request(uri, data, function(err, res){
  if(err){
    return console.log(err);
  }
  console.log(JSON.stringify(res,null,2));
});
&lt;/code&gt;&lt;/pre&gt;
&lt;p&gt;The response is&lt;/p&gt;
&lt;pre&gt;&lt;code&gt;{
  "version": "2.0",
  "statusCode": "client-error-bad-request",
  "id": 67392993,
  "operation-attributes-tag": {
    "attributes-charset": "utf-8",
    "attributes-natural-language": "en-us",
    "status-message": "Missing required attributes."
  }
}
&lt;/code&gt;&lt;/pre&gt;
&lt;p&gt;The documentation doesn't say anything about other required parameters &lt;a href="http://www.cups.org/documentation.php/spec-ipp.html#CUPS_GET_PRINTERS" rel="noreferrer"&gt;http://www.cups.org/documentation.php/spec-ipp.html#CUPS_GET_PRINTERS&lt;/a&gt;&lt;/p&gt;
&lt;p&gt;Does anybody know where's the problem? Thank you!&lt;/p&gt;</t>
  </si>
  <si>
    <t>2014-06-26 13:29:26.823000+00:00</t>
  </si>
  <si>
    <t>2014-07-05 10:51:48.707000+00:00</t>
  </si>
  <si>
    <t>2014-06-26 13:54:59.590000+00:00</t>
  </si>
  <si>
    <t>node.js|printing|cups</t>
  </si>
  <si>
    <t>Unable to run MSTest Tests with code coverage enabled while using NHibernate</t>
  </si>
  <si>
    <t>&lt;p&gt;I'm unable to run MSTest Tests with code coverage enabled while using NHibernate. I get the following error message:&lt;/p&gt;
&lt;blockquote&gt;
  &lt;p&gt;Unit Test Adapter threw exception: 
  Type is not resolved for member
  'NHibernate.Cfg.HibernateConfigException,NHibernate,
  Version=2.1.2.4000, Culture=neutral,
  PublicKeyToken=aa95f207798dfdb4'..&lt;/p&gt;
&lt;/blockquote&gt;
&lt;p&gt;Edit : Same thing happens when I turn on deployment (open local.testsettings under deployment enable deployment)&lt;/p&gt;</t>
  </si>
  <si>
    <t>2010-05-30 20:10:16.087000+00:00</t>
  </si>
  <si>
    <t>2011-04-16 22:51:57.617000+00:00</t>
  </si>
  <si>
    <t>2011-02-04 02:32:55.360000+00:00</t>
  </si>
  <si>
    <t>nhibernate|mstest|code-coverage</t>
  </si>
  <si>
    <t>Importing animations in Maya via Python give odd results</t>
  </si>
  <si>
    <t>&lt;p&gt;I've trying to build and rebuild a format for game engines, and when trying to put it back to Maya it gives weird results.&lt;/p&gt;
&lt;p&gt;This is not really an error or anything of the sort, but the results from the animation are weird.&lt;/p&gt;
&lt;p&gt;I really need to have it in &lt;code&gt;Quaternion&lt;/code&gt; in the format for the purposes of the engine since it handles it better than &lt;code&gt;Euler axis&lt;/code&gt;, but when trying to apply it to Maya I can't find a proper way to.&lt;/p&gt;
&lt;p&gt;This is what i do since I can't really find a direct way of applying just &lt;code&gt;Quaternion&lt;/code&gt;:&lt;/p&gt;
&lt;pre&gt;&lt;code&gt;arot_count = struct.unpack( "&amp;lt;L", f.read( 4 ) )[ 0 ] # Reads the number of animation frames
for i in range( 0, arot_count ):
    keytime = ( struct.unpack( "&amp;lt;L", f.read( 4 ) )[ 0 ]/80 ) # Keyframe
    arot = om.MQuaternion( struct.unpack( "f", f.read( 4 ) )[ 0 ], struct.unpack( "f", f.read( 4 )[ 0 ], struct.unpack( "f", f.read( 4 ) )[ 0 ], struct.unpack( "f", f.read( 4 ) )[ 0 ])# Reads quat from file
    narot = arot.normal() # Normalizes the quaternion
    rot = narot.asEulerRotation() # Converts it to euler angles
    if isMesh == False:
        cmds.setAttr( ( obj.name + ".rotate" ), rot.x * 180 / math.pi, rot.y * 180 / math.pi, rot.z * 180 / math.pi )                    
        cmds.setKeyframe( obj.name, time = keytime )
&lt;/code&gt;&lt;/pre&gt;
&lt;p&gt;Here's the result:&lt;/p&gt;
&lt;p&gt;&lt;a href="https://i.stack.imgur.com/cLbTa.gif" rel="nofollow noreferrer"&gt;&lt;img src="https://i.stack.imgur.com/cLbTa.gif" alt="Walking anim"&gt;&lt;/a&gt;&lt;/p&gt;
&lt;p&gt;You can see it's easy to tell what is the animation doing but you can see those weird frames between that the arm or the leg goes of flying for a little moment and screws up the whole animation in general.&lt;/p&gt;
&lt;p&gt;I believe this is because of the data loss of the conversion I did with the code. I basically normalised the &lt;code&gt;Quaternion&lt;/code&gt; (which actually does nothing since it gives the same result but a lot of people recommends to), then I convert it to &lt;code&gt;Euler&lt;/code&gt; angles from Maya API, and then I just pass the radians to degrees with good old math but this does not seem the way to go and may be the result of some data loss of the file.&lt;/p&gt;
&lt;p&gt;What I wonder if there is a better way to apply the rotation in a keyframe than this, I would appreciate it a lot.&lt;/p&gt;
&lt;p&gt;Thanks in advance.&lt;/p&gt;</t>
  </si>
  <si>
    <t>2015-08-24 23:04:33.660000+00:00</t>
  </si>
  <si>
    <t>2017-06-19 20:08:18.947000+00:00</t>
  </si>
  <si>
    <t>python|animation|maya|quaternions|maya-api</t>
  </si>
  <si>
    <t>How to parse date in laravel?</t>
  </si>
  <si>
    <t>&lt;p&gt;Below is the code inserted:&lt;/p&gt;
&lt;pre&gt;&lt;code&gt;{{ Carbon\Carbon::parse('@'.$item-&amp;gt;time)-&amp;gt;format('d-m-Y H-i-s-e') }}
&lt;/code&gt;&lt;/pre&gt;
&lt;p&gt;It is not parsing and giving some error.&lt;/p&gt;</t>
  </si>
  <si>
    <t>2018-05-31 09:09:07.843000+00:00</t>
  </si>
  <si>
    <t>2018-10-29 05:00:23.503000+00:00</t>
  </si>
  <si>
    <t>php|laravel|date</t>
  </si>
  <si>
    <t>Cocos2d View not sizing properly in UISplitViewController</t>
  </si>
  <si>
    <t>&lt;p&gt;I've got a cocos2d 2 view as the Detail View in a UISplitViewController.  For some reason, it's sizing the view as if it had the entire screen, both initially and when I rotate the screen.  Here's some made up background:&lt;/p&gt;
&lt;p&gt;&lt;img src="https://i.stack.imgur.com/WdM3B.png" alt="enter image description here"&gt;&lt;/p&gt;
&lt;p&gt;Here's what it looks like when I run it in the simulator:&lt;/p&gt;
&lt;p&gt;&lt;img src="https://i.stack.imgur.com/xo4nn.png" alt="enter image description here"&gt;&lt;/p&gt;
&lt;p&gt;Here are all the relevant files:&lt;/p&gt;
&lt;p&gt;&lt;b&gt;Game1ViewController.h&lt;/b&gt;&lt;/p&gt;
&lt;pre&gt;
     #import &amp;lt;UIKit/UIKit.h&gt;
        #import "cocos2d/cocos2d.h"
        @class Game1Scene;
        @interface Game1ViewController : UIViewController {
        //  Game1Scene *_scene;
        }
        @property (nonatomic, retain) Game1Scene *scene;
    @end
&lt;/pre&gt;
&lt;p&gt;&lt;b&gt;Game1ViewController.m&lt;/b&gt;&lt;/p&gt;
&lt;pre&gt;
    #import "cocos2d/cocos2d.h"
    #import "Game1Scene.h"
    #import "Game1ViewController.h"
    #import "CCSpriteExtensions.h"
    @implementation Game1ViewController
    @synthesize scene = _scene;
    - (CGRect)getRotatedBounds:(UIInterfaceOrientation)toInterfaceOrientation  {
        CGRect screenRect = [self.view bounds];
    //    NSLog(@"%f, %f\n", [UIScreen mainScreen].bounds.size.width, self.view.frame.size.height - 88);
        CGRect rect = CGRectZero;   
        if(toInterfaceOrientation == UIInterfaceOrientationPortrait || toInterfaceOrientation == UIInterfaceOrientationPortraitUpsideDown) {        
            rect = screenRect;
        } else if(toInterfaceOrientation == UIInterfaceOrientationLandscapeLeft || toInterfaceOrientation == UIInterfaceOrientationLandscapeRight) {
            rect.size = CGSizeMake( screenRect.size.height, screenRect.size.width );
        }
        return rect;
    }
    - (void)startCocos2D {
        CCDirector *director = [CCDirector sharedDirector];
        CGSize screenSize = [[CCDirector sharedDirector] winSize];
        NSLog(@"\n===========Size=%f, %f\n\n",screenSize.height, screenSize.width);
        // Enables High Res mode (Retina Display) on iPhone 4 and maintains low res on all other devices
        if( ! [director enableRetinaDisplay:YES] )
            CCLOG(@"Retina Display Not supported");
        NSLog(@"self.view bounds width, height: %f %f", [self.view bounds].size.width, [self.view bounds].size.height);
        CGRect rotatedBounds = [self getRotatedBounds:[UIApplication sharedApplication].statusBarOrientation];
        CCGLView *glview  = [ CCGLView  viewWithFrame:rotatedBounds
                                          pixelFormat:kEAGLColorFormatRGB565    // kEAGLColorFormatRGBA8
                                          depthFormat:0                     // GL_DEPTH_COMPONENT16_OES
                             ];
        [self.view addSubview:glview];
        [director setView:glview];
        [CCTexture2D setDefaultAlphaPixelFormat:kCCTexture2DPixelFormat_RGBA8888];
        self.scene = [Game1Scene nodeWithBounds:rotatedBounds];
        CCScene *scene = [CCScene node];
        [scene addChild: self.scene];
        [director runWithScene:scene];
    }
    // Implement viewDidLoad to do additional setup after loading the view, typically from a nib.
    - (void)viewDidLoad {
        self.title = @"Play Game1";
    //    self.view.autoresizingMask = UIViewAutoresizingFlexibleWidth|UIViewAutoresizingFlexibleWidth | UIViewAutoresizingFlexibleHeight;
    //    self.view.autoresizingMask = 1;
        [super viewDidLoad];
        [self startCocos2D];
    }
    - (BOOL)shouldAutorotateToInterfaceOrientation:(UIInterfaceOrientation)interfaceOrientation {
    //    return YES;
        return (interfaceOrientation == UIInterfaceOrientationPortrait);
    }
    -(void)willRotateToInterfaceOrientation:(UIInterfaceOrientation)toInterfaceOrientation duration:(NSTimeInterval)duration
    {
        CGRect rotatedBounds = [self getRotatedBounds: toInterfaceOrientation];
        CCDirector *director = [CCDirector sharedDirector];
        CCGLView *glView = [director view];
        float contentScaleFactor = [director contentScaleFactor];
        if( contentScaleFactor != 1 ) {
            rotatedBounds.size.width *= contentScaleFactor;
            rotatedBounds.size.height *= contentScaleFactor;
        }
        glView.frame = rotatedBounds;
        [self.scene setBounds:rotatedBounds];
    }
    - (void)stopCocos2D {
        CCDirector *director = [CCDirector sharedDirector];
        CCGLView *view = [director view];
        [view removeFromSuperview];
        //[director detach];
        [director stopAnimation];
        [director pause];
        //[director setOpenGLView:nil];
        // kill the director
        [director end];
    }
    - (void)viewDidDisappear:(BOOL)animated {
        [self stopCocos2D];
        [super viewDidDisappear:animated];
    }
    @end
&lt;/pre&gt;
&lt;p&gt;&lt;b&gt;Game1Scene.h&lt;/b&gt;&lt;/p&gt;
&lt;pre&gt;
    #import &amp;lt;Foundation/Foundation.h&gt;
    #import "cocos2d/cocos2d.h"
    @interface Game1Scene : CCLayer {
        CGRect bounds_;
    }
    + (id) nodeWithBounds:(CGRect)bounds;
    - (void)setBounds:(CGRect)bounds;
    @end
&lt;/pre&gt;
&lt;p&gt;&lt;b&gt;Game1Scene.m&lt;/b&gt;&lt;/p&gt;
&lt;pre&gt;
    #import "Game1Scene.h"
    #import "CCSpriteExtensions.h"
    #import "cocos2d/CCMenuItem.h"
    @interface Game1Scene (Private)
    - (void)startGame;
    - (void)createUI;
    - (id)initWithBounds:(CGRect)bounds;
    @end
    @implementation Game1Scene
    +(id) nodeWithBounds:(CGRect)bounds {
        return  [[self alloc] initWithBounds:bounds];
    }
    - (void) setBounds:(CGRect)bounds {
        NSLog(@"bounds.width, bounds.height: %f , %f", bounds.size.width, bounds.size.height);
        bounds_ = bounds;
        [self createUI];
    }
    -(id) initWithBounds:(CGRect)bounds {
        if( (self=[super init] )) {
            srand ( time(NULL) );
            bounds_ = bounds;
            [self startGame];
        }
        return self;
    }
    - (void) createUI {
        [self removeAllChildrenWithCleanup:TRUE];
        // Plain dark purple background
        CCSprite *background = [CCSprite spriteWithFile:@"game1-background.png"];
        background.position = ccp(0, 0);
        background.anchorPoint = ccp(0, 0);
        NSLog(@"\n=== bounds= %f, %f\n", bounds_.size.width, bounds_.size.height);
        [background resizeTo:CGSizeMake(bounds_.size.width, bounds_.size.height)];
        [self addChild:background];
    }
    - (void)startGame {
        [self createUI];
    }
    @end
&lt;/pre&gt;
&lt;p&gt;&lt;b&gt;CCSpriteExtensions.h&lt;/b&gt;&lt;/p&gt;
&lt;pre&gt;
    /*
     CCSpriteExtensions.h
     http://www.learn-cocos2d.com/tag/ccspriteextensions/
     */
    #import "cocos2d/cocos2d.h"
    @interface CCSprite (Xtensions)
    // Resize to the specified size by setting the scale factors correctly.
    -(void)resizeTo:(CGSize) theSize;
    @end
&lt;/pre&gt;
&lt;p&gt;&lt;b&gt;CCSpriteExtension.m&lt;/b&gt;&lt;/p&gt;
&lt;pre&gt;
    /*
     CCSpriteExtensions.m
     Source: http://www.learn-cocos2d.com/tag/ccspriteextensions/
     */
    #import "CCSpriteExtensions.h"
    @implementation CCSprite (Xtensions)
    -(void)resizeTo:(CGSize) theSize
    {
        CGFloat newWidth = theSize.width;
        CGFloat newHeight = theSize.height;
        float startWidth = self.contentSize.width;
        float startHeight = self.contentSize.height;
        float newScaleX = newWidth/startWidth;
        float newScaleY = newHeight/startHeight;
        self.scaleX = newScaleX;
        self.scaleY = newScaleY;
    }
    @end
&lt;/pre&gt;
&lt;p&gt;I took the idea as explained in this question:&lt;a href="https://stackoverflow.com/questions/9272244/uisplitviewcontroller-on-ipad-with-storyboards"&gt;UISplitViewController on iPad with Storyboards&lt;/a&gt; by creating a couple of Cocos2D Scenes in the DetailViews.&lt;/p&gt;
&lt;p&gt;[Update]&lt;/p&gt;
&lt;p&gt;I updated to 2.0.  My problem sounds like something similar to this: &lt;a href="http://www.cocos2d-iphone.org/forum/topic/30797" rel="nofollow noreferrer"&gt;&lt;a href="http://www.cocos2d-iphone.org/forum/topic/30797" rel="nofollow noreferrer"&gt;http://www.cocos2d-iphone.org/forum/topic/30797&lt;/a&gt;&lt;/a&gt;&lt;/p&gt;</t>
  </si>
  <si>
    <t>2012-06-13 23:10:33.620000+00:00</t>
  </si>
  <si>
    <t>2012-07-03 03:29:30.863000+00:00</t>
  </si>
  <si>
    <t>2017-05-23 12:30:36.173000+00:00</t>
  </si>
  <si>
    <t>user568866</t>
  </si>
  <si>
    <t>ios|ios5|cocos2d-iphone|uisplitviewcontroller</t>
  </si>
  <si>
    <t>how to do this query in mongoDB?</t>
  </si>
  <si>
    <t>&lt;p&gt;How do I make this query in mongoDB?&lt;/p&gt;
&lt;blockquote&gt;
  &lt;p&gt;{&lt;/p&gt;
  &lt;blockquote&gt;
    &lt;p&gt;_id: "*******"&lt;/p&gt;
    &lt;p&gt;content: "",&lt;/p&gt;
    &lt;p&gt;comments: [&lt;/p&gt;
    &lt;p&gt;{&lt;/p&gt;
    &lt;blockquote&gt;
      &lt;p&gt;key1: "1",&lt;/p&gt;
      &lt;p&gt;key2: "2"&lt;/p&gt;
    &lt;/blockquote&gt;
    &lt;p&gt;},&lt;/p&gt;
    &lt;p&gt;{&lt;/p&gt;
    &lt;blockquote&gt;
      &lt;p&gt;key1: "sdfs",&lt;/p&gt;
      &lt;p&gt;key2: "sdfasdf"&lt;/p&gt;
    &lt;/blockquote&gt;
    &lt;p&gt;}&lt;/p&gt;
    &lt;p&gt;]&lt;/p&gt;
  &lt;/blockquote&gt;
  &lt;p&gt;}&lt;/p&gt;
&lt;/blockquote&gt;
&lt;p&gt;For example, I use the data as below. I want to query the items in comments in condition {key1: 1, key2: 2}, and not return the whole record.&lt;/p&gt;
&lt;p&gt;What should I do?&lt;/p&gt;</t>
  </si>
  <si>
    <t>2012-06-26 01:58:52.427000+00:00</t>
  </si>
  <si>
    <t>2012-06-26 08:24:17.587000+00:00</t>
  </si>
  <si>
    <t>2012-06-26 02:39:41.180000+00:00</t>
  </si>
  <si>
    <t>Call method from setOnItemClickListener</t>
  </si>
  <si>
    <t>&lt;p&gt;I have images in &lt;code&gt;gridView&lt;/code&gt; and i try to open next image etc... That work good. but big problem is call button click from another class.
In first class:&lt;/p&gt;
&lt;pre&gt;&lt;code&gt;gridView.setOnItemClickListener(new OnItemClickListener() {
  public void onItemClick(AdapterView&amp;lt;?&amp;gt; parent, View v,                                                                                                           
     final int position, long id) {    
  View layout = inflater.inflate(R.layout.custom_fullimage_dialog,                       
      (ViewGroup) findViewById(R.id.layout_root));
  final MyImageView image = (MyImageView)      
  layout.findViewById(R.id.fullimage);
btnPrevius = (Button) layout.findViewById(R.id.btnPrevius);
btnPrevius.setOnClickListener(new View.OnClickListener() {
  public void onClick(View v) {                                                            
  etc...
&lt;/code&gt;&lt;/pre&gt;
&lt;p&gt;Now my problem, i need do this from another class.&lt;/p&gt;
&lt;p&gt;My first idea was that when need other class call method in first class that wold be call button click.&lt;/p&gt;
&lt;p&gt;But i cannot do that because i always get null point exception.&lt;/p&gt;
&lt;p&gt;I try to write in first class:&lt;/p&gt;
&lt;pre&gt;&lt;code&gt;public void Move(Integer next){
   setContentView(R.layout.report_imagegrid);
   Button btnPrevius = (Button) findViewById(R.id.btnPrevius);
       btnPrevius.callOnClick();
    }
}
&lt;/code&gt;&lt;/pre&gt;
&lt;p&gt;i try to find button on multiple way but i always get null :/ &lt;/p&gt;
&lt;p&gt;On the end in First class i have grid view ,and button change images.
Second class need to access this and fired button from this, to change image.&lt;/p&gt;
&lt;p&gt;It is possible?&lt;/p&gt;
&lt;p&gt;Thanx&lt;/p&gt;</t>
  </si>
  <si>
    <t>2015-03-20 08:27:06.430000+00:00</t>
  </si>
  <si>
    <t>2015-03-20 08:36:35.377000+00:00</t>
  </si>
  <si>
    <t>user2636982</t>
  </si>
  <si>
    <t>"order already paid" with paypal checkout in Woocommerce</t>
  </si>
  <si>
    <t>&lt;p&gt;You guys are my last hope... I created a website with wordpress and I'm using the woocommerce plugin to sell my book. I set everything up (not my first shop, but my first one with woocommerce), tested it in the sandbox, everything was fine. The website went live, and the problem began...&lt;/p&gt;
&lt;p&gt;It occurs with paypal. For half of the users, everything is fine, they check out without problem, I get the money on my paypal account. For the other half, when they want to pay, they get an error message "order already paid" and can't go any further. After a while, the order is automatically canceled.
I can't reproduce the problem, because these buyers have nothing in common. Some have verified paypal adresses, some don't, some were registered users, some weren't. The product is always the same, only the shipping changes, and again, nothing in common there.&lt;/p&gt;
&lt;p&gt;I've had to send paypal invoices to the customers, apologising for the bug, but it's not very professional, and I'm going to launch the epub soon, so if somebody goes to the trouble of buying it, they will want it available immediately, not a few hours later after receiving the paypal invoice...&lt;/p&gt;
&lt;p&gt;It seems I'm not the only one with this problem, and I've checked everywhere for hours, for most people it was a problem of forgetting to change the sandbox paypal account to their real business account, for others it was because they weren't using a prefix and had more than one shop. All the others never got any answer or help.&lt;/p&gt;
&lt;p&gt;Obviously, something is going wrong when the user is redirected to paypal to finish the order, but since I can't reproduce it, it's very difficult for me to troubleshoot the issue.
I enabled the logs, but unfortunately I upgraded to the newest version of woocommerce (available since today) and it erased my log file. I have a new one, from an order which didn't go through, and it's really weird:&lt;/p&gt;
&lt;p&gt;11-21-2013 @ 21:42:42 - Generating payment form for order n��150. Notify URL: &lt;a href="http://mydomain.com/?wc-api=WC_Gateway_Paypal" rel="nofollow"&gt;http://mydomain.com/?wc-api=WC_Gateway_Paypal&lt;/a&gt;&lt;/p&gt;
&lt;p&gt;(of course, I changed the website link)
I haven't had any other order since, but when I looked at the log last time before upgrading, an order that went through correctly had at least 20 lines after that one.&lt;/p&gt;
&lt;p&gt;I'm getting desperate, especially since the people at woocommerce don't seem to care at all about support.&lt;/p&gt;
&lt;p&gt;Thanks!!!&lt;/p&gt;</t>
  </si>
  <si>
    <t>2013-11-22 00:19:00.557000+00:00</t>
  </si>
  <si>
    <t>2015-09-24 10:08:16.090000+00:00</t>
  </si>
  <si>
    <t>wordpress|paypal|woocommerce</t>
  </si>
  <si>
    <t>Indexing and constraints for uniqueness/relationship with primary key</t>
  </si>
  <si>
    <t>&lt;p&gt;I need to clear the following in my head.  &lt;/p&gt;
&lt;p&gt;When I create a table with no primary key or unique constraint I get a flat file.&lt;br&gt;
When I create a primary key a primary index is created as a result and it is this index that maintains the uniqueness of the primary key, right? So I can not add a duplicate value.&lt;br&gt;
So if I create an index on any column does this enforce the column to have unique values? Or that depends on using the keyword &lt;code&gt;UNIQUE&lt;/code&gt; for the index creation?&lt;br&gt;
Finally every time I declare a column having a &lt;code&gt;UNIQUE&lt;/code&gt; constraint does that mean that an index is created and so these actions are interchangeable? &lt;/p&gt;</t>
  </si>
  <si>
    <t>2013-03-12 18:29:49.673000+00:00</t>
  </si>
  <si>
    <t>2013-03-12 18:43:00.990000+00:00</t>
  </si>
  <si>
    <t>mysql|sql|indexing|rdbms|database-performance</t>
  </si>
  <si>
    <t>UWP: Upload large files to OneDrive using OneDrive SDK</t>
  </si>
  <si>
    <t>&lt;p&gt;I can upload "small" files (&amp;lt; 100 MB) using the following code:&lt;/p&gt;
&lt;pre&gt;&lt;code&gt;await OneDriveClient
      .Drive
      .Special
      .AppRoot
      .Children["filename"]
      .Content
      .Request()
      .PutAsync&amp;lt;Item&amp;gt;(contentStream);
&lt;/code&gt;&lt;/pre&gt;
&lt;p&gt;For Large files (&gt; 100 MB) I read that you have to create an &lt;code&gt;Upload Session&lt;/code&gt;.
Something like this?&lt;/p&gt;
&lt;pre&gt;&lt;code&gt;UploadSession uSession = await OneDriveClient
                               .Drive
                               .Special
                               .AppRoot
                               .Children["filename"]
                               .CreateSession(VarChunkedUploadSessionDescriptor)
                               .Request()
                               .PostAsync();
&lt;/code&gt;&lt;/pre&gt;
&lt;p&gt;I am not sure what steps are after this? (Or even this is the right step!). Would appreciate some spoon-feeding :) Thanks in Advance!&lt;/p&gt;</t>
  </si>
  <si>
    <t>2016-04-11 14:06:21.650000+00:00</t>
  </si>
  <si>
    <t>2017-04-07 22:24:04.637000+00:00</t>
  </si>
  <si>
    <t>c#|win-universal-app|onedrive</t>
  </si>
  <si>
    <t>How to create simple Offline payment gateway for WooCommerce?</t>
  </si>
  <si>
    <t>&lt;p&gt;Good afternoon, I want to make simple copy of Cash on Delivery (COD) payment method in my store and rename it to Coupon on Delivery. 
How to implement it?&lt;/p&gt;
&lt;p&gt;Up
I have tried this code, but it shows error 500 on WC settings page:&lt;/p&gt;
&lt;pre&gt;&lt;code&gt;&amp;lt;?php
/**
 * Plugin Name: My New WooCommerce Gateway
 * Plugin URI:
 * Description: WooCommerce gateway to ....
 * Author: .....
 * Version: 1.0
 * Author URI: https://example.org/
 * Text Domain: woocommerce-my-gateway
 * Domain Path: /languages/
 */
add_action( 'plugins_loaded', 'init_my_gateway_class' );
function init_my_gateway_class() {
    if ( !class_exists( 'WooCommerce' ) ) return;
    class WC_Gateway_COD_Renamed extends WC_Payment_Gateway {
    }
}
function add_my_gateway_class( $methods ) {
    $methods[] = 'WC_Gateway_my_gateway';
    return $methods;
}
add_filter( 'woocommerce_payment_gateways', 'add_my_gateway_class' );
function my_load_textdomain(){
    load_plugin_textdomain( 'woocommerce-my-gateway', false, dirname( plugin_dir_path( __FILE__ ) . '/languages/' ) );
}
add_action('plugins_loaded', 'my_load_textdomain');
&lt;/code&gt;&lt;/pre&gt;
&lt;p&gt;&lt;a href="https://ru.stackoverflow.com/a/656713/204661" title="Source"&gt;Source of code&lt;/a&gt;&lt;/p&gt;</t>
  </si>
  <si>
    <t>2017-04-22 09:09:57.617000+00:00</t>
  </si>
  <si>
    <t>2017-04-22 19:35:57.747000+00:00</t>
  </si>
  <si>
    <t>2017-04-22 09:58:25.487000+00:00</t>
  </si>
  <si>
    <t>php|wordpress|woocommerce|hook-woocommerce</t>
  </si>
  <si>
    <t>Twitter REST API oauth '215 Bad Authentication data' using fetch in react-native</t>
  </si>
  <si>
    <t>&lt;p&gt;I'm trying to build a react native app to show a user's twitter timeline, but can't manage to access the twitter REST api because I am getting a  &lt;/p&gt;
&lt;blockquote&gt;
  &lt;p&gt;215 Bad Authentication data &lt;/p&gt;
&lt;/blockquote&gt;
&lt;p&gt;error.&lt;/p&gt;
&lt;p&gt;I've signed in the user correctly, gotten all the access tokens, and using fetch to make a request.
I've also verified that all my keys and tokens are correct, yet I still can't manage to figure out why I'm getting this error, my code is available below; &lt;/p&gt;
&lt;p&gt;Can anyone please advise me on how to debug this or tell me what's wrong with my code?
thanks.&lt;/p&gt;
&lt;p&gt;code: &lt;/p&gt;
&lt;pre&gt;&lt;code&gt;let header = this._buildRequestHeader(twitter_token, twitter_tokenSecret);
    console.log(header);
     fetch('https://api.twitter.com/1.1/statuses/home_timeline.json', {
       method: 'GET',
       headers: {
         'Accept': '*/*',
         'Content-Type': 'application/x-www-form-urlencoded',
         'Authorization': ' '+header
       }
     }).then((response) =&amp;gt; response.json())
        .then((json) =&amp;gt; {
          console.log(json);
        })
&lt;/code&gt;&lt;/pre&gt;
&lt;p&gt;_getBaseString: &lt;/p&gt;
&lt;pre&gt;&lt;code&gt;_getBaseString(method, url, parameter_string){
return method+'&amp;amp;'+
       encodeURIComponent(url)+'&amp;amp;'+encodeURIComponent(parameter_string);
&lt;/code&gt;&lt;/pre&gt;
&lt;p&gt;}&lt;/p&gt;
&lt;p&gt;_getSignature: &lt;/p&gt;
&lt;pre&gt;&lt;code&gt;_getSignature(user_auth_token, accesstoken_secret, data){
// let signing_key = encodeURIComponent(Constants.TWITTER_CONSUMER_SECRET)+'&amp;amp;'+
//                   encodeURIComponent(Constants.ACCESS_TOKEN_SECRET);
let signing_key = encodeURIComponent(Constants.TWITTER_CONSUMER_SECRET)+'&amp;amp;'+
                  encodeURIComponent(accesstoken_secret);
console.log('signing data');
console.log(data);
return this.b64EncodeUnicode(hmacsha1(signing_key, data));
&lt;/code&gt;&lt;/pre&gt;
&lt;p&gt;}&lt;/p&gt;
&lt;p&gt;_buildRequestHeader:&lt;/p&gt;
&lt;pre&gt;&lt;code&gt;_buildRequestHeader(user_auth_token, accesstoken_secret){
// https://dev.twitter.com/oauth/overview/creating-signatures
// https://dev.twitter.com/oauth/overview/authorizing-requests
let include_entities_key = encodeURIComponent('include_entities');
let include_entities_val = encodeURIComponent('false');
let oauth_consumer_key_key = encodeURIComponent('oauth_consumer_key');
let oauth_consumer_key_val = encodeURIComponent(Constants.TWITTER_COMSUMER_KEY);
let oauth_nonce_key = encodeURIComponent('oauth_nonce');
let oauth_nonce_val = encodeURIComponent(this._getNonce());
let oauth_signature_method_key = encodeURIComponent('oauth_signature_method');
let oauth_signature_method_val = encodeURIComponent('HMAC-SHA1');
let oauth_timestamp_key = encodeURIComponent('oauth_timestamp');
var val = Date.now() / 1000;
console.log(val);
console.log('parse'+parseInt(val));
let oauth_timestamp_val = encodeURIComponent(parseInt(val));
let oauth_token_key = encodeURIComponent('oauth_token');
// let oauth_token_val = encodeURIComponent(Constants.ACCESS_TOKEN);
let oauth_token_val = encodeURIComponent(user_auth_token);
let oauth_version_key = encodeURIComponent('oauth_version');
let oauth_version_val = encodeURIComponent('1.0');
// let parameter_string = include_entities_key+'='+include_entities_val+'&amp;amp;'+
let parameter_string =  oauth_consumer_key_key+'='+oauth_consumer_key_val+'&amp;amp;'+
                    oauth_nonce_key+'='+oauth_nonce_val+'&amp;amp;'+
                    oauth_signature_method_key+'='+oauth_signature_method_val+'&amp;amp;'+
                    oauth_timestamp_key+'='+oauth_timestamp_val+'&amp;amp;'+
                    oauth_token_key+'='+oauth_token_val+'&amp;amp;'+
                    oauth_version_key+'='+oauth_version_val;
let data = this._getBaseString('GET', 'https://api.twitter.com/1.1/statuses/home_timeline.json',
              parameter_string);
let signature = this._getSignature(user_auth_token, accesstoken_secret, data)
console.log('signature'+signature);
// 1499887682711
// 1318622958
let oauth_signature_key = encodeURIComponent('oauth_signature');
let oauth_signature_val = encodeURIComponent(signature);
let request_header_string = 'OAuth '+
                    oauth_consumer_key_key+'="'+oauth_consumer_key_val+'", '+
                    oauth_nonce_key+'="'+oauth_nonce_val+'", '+
                    oauth_signature_key+'="'+oauth_signature_val+'", '+
                    oauth_signature_method_key+'="'+oauth_signature_method_val+'", '+
                    oauth_timestamp_key+'="'+oauth_timestamp_val+'", '+
                    oauth_token_key+'="'+oauth_token_val+'", '+
                    oauth_version_key+'="'+oauth_version_val+'"';
return request_header_string;
&lt;/code&gt;&lt;/pre&gt;
&lt;p&gt;}&lt;/p&gt;
&lt;p&gt;But I get a 215 Bad Authentication data. Can someone please advise?&lt;/p&gt;</t>
  </si>
  <si>
    <t>2017-07-13 05:03:55.813000+00:00</t>
  </si>
  <si>
    <t>2017-07-14 01:20:18.437000+00:00</t>
  </si>
  <si>
    <t>2017-07-13 07:37:30.560000+00:00</t>
  </si>
  <si>
    <t>rest|twitter|react-native|oauth|fetch</t>
  </si>
  <si>
    <t>Permission denied when executing brew cask command</t>
  </si>
  <si>
    <t>&lt;pre&gt;&lt;code&gt;$ brew cask install alfred
Error: Permission denied - /Library/Ruby/Gems/2.0.0/extensions/universal-darwin-16
&lt;/code&gt;&lt;/pre&gt;
&lt;p&gt;My mac system had been upgraded to 10.12. I didn't execute &lt;code&gt;brew cask&lt;/code&gt; before, but I did use homebrew to install some command line tools. No idea how and why it will report error about permission.&lt;/p&gt;
&lt;p&gt;I checked my system, under &lt;code&gt;/Library/Ruby/Gems/2.0.0/extensions/&lt;/code&gt;, there're universal-darwin-13 and universal-darwin-14.  Also, I use rbenv for ruby environment management. ruby version is 2.3.1&lt;/p&gt;</t>
  </si>
  <si>
    <t>2016-11-16 09:48:38.450000+00:00</t>
  </si>
  <si>
    <t>ruby|homebrew|rbenv|homebrew-cask</t>
  </si>
  <si>
    <t>Haskell libraries overview and their quality</t>
  </si>
  <si>
    <t>&lt;p&gt;I want to use Haskell in production. It has a lot of libraties but not all of them are stable, ready-to-use and well-developed. Some libraries with interesting conceptions have experimental status. Many libraries are still in minor versions (0.0.1 for example). Some of them just abandoned. Hackage too huge to monitor them, so I need a brief slice of the current libraries state, their prospects and suitability for use.&lt;/p&gt;
&lt;p&gt;I understand that question is very broad, but this information will be useful to anyone in any way. Here we can gather information bit by bit and then use it for an informative paper.&lt;/p&gt;
&lt;h3&gt;So what libraries I can use for:&lt;/h3&gt;
&lt;ul&gt;
&lt;li&gt;Fast arrays capable of handling millions of items&lt;/li&gt;
&lt;li&gt;Fast and powerful maps (probably, Data.Map?)&lt;/li&gt;
&lt;li&gt;Fast, generic and convenient trees&lt;/li&gt;
&lt;li&gt;Queues, hashtables&lt;/li&gt;
&lt;li&gt;Regular expressions&lt;/li&gt;
&lt;li&gt;Finite state machines&lt;/li&gt;
&lt;li&gt;Neural networks, genetic algorithms&lt;/li&gt;
&lt;li&gt;Mathematical calculations&lt;/li&gt;
&lt;li&gt;Physics (wich can be used in game developing)&lt;/li&gt;
&lt;li&gt;GUI&lt;/li&gt;
&lt;li&gt;Image processing (we have various image formats actually)&lt;/li&gt;
&lt;li&gt;Working with databases (maybe ORM or some DSLs to generate SQL)&lt;/li&gt;
&lt;li&gt;Functional reactive programming&lt;/li&gt;
&lt;li&gt;OpenGL bindings (yes, HOpenGL is good), OpenAL and OpenCL bindings&lt;/li&gt;
&lt;li&gt;Parsing (Parsec is great I think)&lt;/li&gt;
&lt;li&gt;Multithread and parallel programming&lt;/li&gt;
&lt;li&gt;Network&lt;/li&gt;
&lt;li&gt;Multipurpose game engines&lt;/li&gt;
&lt;li&gt;Something else?&lt;/li&gt;
&lt;/ul&gt;
&lt;h3&gt;What is also interesting to have the tools for:&lt;/h3&gt;
&lt;ul&gt;
&lt;li&gt;Testing (QuickCheck)&lt;/li&gt;
&lt;li&gt;Logging (Maybe hslogger)&lt;/li&gt;
&lt;li&gt;Profiling&lt;/li&gt;
&lt;li&gt;Debugging&lt;/li&gt;
&lt;/ul&gt;
&lt;hr&gt;
&lt;h3&gt;Here the links to the similar topics:&lt;/h3&gt;
&lt;ul&gt;
&lt;li&gt;&lt;a href="https://stackoverflow.com/questions/5808825/what-are-the-best-haskell-libraries-to-operationalize-a-program"&gt;What are the best Haskell libraries to operationalize a program?&lt;/a&gt;&lt;/li&gt;
&lt;li&gt;&lt;a href="https://stackoverflow.com/questions/4410061/regex-string-libraries-in-haskell"&gt;Regex &amp;amp; String Libraries in Haskell&lt;/a&gt;&lt;/li&gt;
&lt;li&gt;&lt;a href="https://stackoverflow.com/questions/8124359/libraries-for-strict-data-structures-in-haskell"&gt;Libraries for strict data structures in Haskell&lt;/a&gt;&lt;/li&gt;
&lt;li&gt;&lt;a href="https://stackoverflow.com/questions/9398572/memory-efficient-strings-in-haskell"&gt;Memory efficient strings in Haskell&lt;/a&gt;&lt;/li&gt;
&lt;li&gt;&lt;a href="https://stackoverflow.com/questions/9472385/which-haskell-library-for-computer-graphics-geometry"&gt;Which Haskell library for computer graphics geometry?&lt;/a&gt;&lt;/li&gt;
&lt;li&gt;&lt;a href="https://stackoverflow.com/questions/1361307/which-haskell-xml-library-to-use"&gt;Which Haskell XML library to use?&lt;/a&gt;&lt;/li&gt;
&lt;/ul&gt;
&lt;h3&gt;Other links&lt;/h3&gt;
&lt;ul&gt;
&lt;li&gt;&lt;a href="http://www.haskell.org/haskellwiki/Libraries_and_tools" rel="nofollow noreferrer"&gt;Applications and libraries (list and brief description)&lt;/a&gt;&lt;/li&gt;
&lt;li&gt;&lt;a href="http://www.haskell.org/haskellwiki/Regular_expressions" rel="nofollow noreferrer"&gt;Regular expressions&lt;/a&gt;&lt;/li&gt;
&lt;li&gt;&lt;a href="http://blog.johantibell.com/2011/04/haskell-libraries-you-should-use.html" rel="nofollow noreferrer"&gt;Haskell libraries you should use&lt;/a&gt;&lt;/li&gt;
&lt;li&gt;&lt;a href="http://donsbot.wordpress.com/2010/05/31/there-are-a-hell-of-a-lot-of-haskell-libraries-now-what-are-we-going-to-do-about-it/" rel="nofollow noreferrer"&gt;There are a hell of a lot of Haskell libraries now. What are we going to do about it?&lt;/a&gt;&lt;/li&gt;
&lt;li&gt;&lt;a href="http://donsbot.wordpress.com/2010/06/30/popular-haskell-packages-q2-2010-report/" rel="nofollow noreferrer"&gt;Popular Haskell Packages: Q2 2010 report&lt;/a&gt;&lt;/li&gt;
&lt;/ul&gt;
&lt;p&gt;Thank you.&lt;/p&gt;</t>
  </si>
  <si>
    <t>2012-02-15 01:39:33.693000+00:00</t>
  </si>
  <si>
    <t>2017-03-26 20:28:02.777000+00:00</t>
  </si>
  <si>
    <t>2017-05-23 11:46:41.443000+00:00</t>
  </si>
  <si>
    <t>haskell|libraries</t>
  </si>
  <si>
    <t>Can't declare a Buttons in a fragment</t>
  </si>
  <si>
    <t>&lt;p&gt;I'm trying to declare a Button on my APP (It's on a fragment), what I've tried is:&lt;/p&gt;
&lt;pre&gt;&lt;code&gt;TextView tvPregunta = (TextView) getActivity().findViewById(R.id.tvPregunta);
&lt;/code&gt;&lt;/pre&gt;
&lt;p&gt;It does not give me an error, but when I'm launching the APP it does...&lt;/p&gt;
&lt;p&gt;My LogCat error is : &lt;/p&gt;
&lt;pre&gt;&lt;code&gt;01-30 08:22:18.865  16165-16165/joancolmenero.taulaperiodica.com.taulaperiodicaapp E/AndroidRuntime��� FATAL EXCEPTION: main
Process: joancolmenero.taulaperiodica.com.taulaperiodicaapp, PID: 16165
java.lang.NullPointerException
        at joancolmenero.taulaperiodica.com.taulaperiodicaapp.JocFragment.seguentelement(JocFragment.java:102)
        at joancolmenero.taulaperiodica.com.taulaperiodicaapp.JocFragment.onCreateView(JocFragment.java:90)
        at android.app.Fragment.performCreateView(Fragment.java:1700)
        at android.app.FragmentManagerImpl.moveToState(FragmentManager.java:890)
        at android.app.FragmentManagerImpl.moveToState(FragmentManager.java:1062)
        at android.app.BackStackRecord.run(BackStackRecord.java:684)
        at android.app.FragmentManagerImpl.execPendingActions(FragmentManager.java:1447)
        at android.app.FragmentManagerImpl$1.run(FragmentManager.java:443)
        at android.os.Handler.handleCallback(Handler.java:733)
        at android.os.Handler.dispatchMessage(Handler.java:95)
        at android.os.Looper.loop(Looper.java:136)
        at android.app.ActivityThread.main(ActivityThread.java:5102)
        at java.lang.reflect.Method.invokeNative(Native Method)
        at java.lang.reflect.Method.invoke(Method.java:515)
        at com.android.internal.os.ZygoteInit$MethodAndArgsCaller.run(ZygoteInit.java:785)
        at com.android.internal.os.ZygoteInit.main(ZygoteInit.java:601)
        at dalvik.system.NativeStart.main(Native Method)
&lt;/code&gt;&lt;/pre&gt;
&lt;p&gt;This line is the TextView tvPregunta. :&lt;/p&gt;
&lt;pre&gt;&lt;code&gt;at joancolmenero.taulaperiodica.com.taulaperiodicaapp.JocFragment.seguentelement(JocFragment.java:102)
&lt;/code&gt;&lt;/pre&gt;
&lt;p&gt;And this one is &lt;code&gt;seguentelement();&lt;/code&gt; : &lt;/p&gt;
&lt;pre&gt;&lt;code&gt;at joancolmenero.taulaperiodica.com.taulaperiodicaapp.JocFragment.onCreateView(JocFragment.java:90)
&lt;/code&gt;&lt;/pre&gt;
&lt;p&gt;&lt;code&gt;seguentelement()&lt;/code&gt; it's a &lt;code&gt;private void&lt;/code&gt; created out of &lt;code&gt;onCreateView&lt;/code&gt;, so my question is why is this TextView crashing?&lt;/p&gt;
&lt;p&gt;I've got a &lt;code&gt;onCreateView&lt;/code&gt; where I've got the rootview and the calls of the voids...&lt;/p&gt;
&lt;pre&gt;&lt;code&gt;onCreateView
  public View onCreateView(LayoutInflater inflater, ViewGroup container,
                             Bundle savedInstanceState) {
    View rootView = inflater.inflate(R.layout.joc_fragment, container, false);
// Titol del joc
        TextView tvJuego = (TextView) rootView.findViewById(R.id.tvJuego);
        // shadow del textview
        tvJuego.setShadowLayer(1, 0, 3, Color.GRAY);
        // creem una variable per a cada ib
        // NewGame HIDEEEEEEEEEE
        NewGame = (Button)rootView.findViewById(R.id.btNewGame);
        NewGame.setVisibility(View.INVISIBLE);
        NewGame.setText("");
        // IB --&amp;gt; ID imageButton
        berijuego=(ImageButton)rootView.findViewById(R.id.ibBeriJuego);
        borojuego=(ImageButton)rootView.findViewById(R.id.ibBoroJuego);
        cobajuego=(ImageButton)rootView.findViewById(R.id.ibCobaJuego);
        indijuego=(ImageButton)rootView.findViewById(R.id.ibIndiJuego);
        hidrojuego=(ImageButton)rootView.findViewById(R.id.ibHidroJuego);
        ununjuego=(ImageButton)rootView.findViewById(R.id.ibUnunJuego);
        plutojuego=(ImageButton)rootView.findViewById(R.id.ibPlutoJuego);
        radijuego=(ImageButton)rootView.findViewById(R.id.ibRadiJuego);
        promjuego=(ImageButton)rootView.findViewById(R.id.ibPromJuego);
        sodijuego=(ImageButton)rootView.findViewById(R.id.ibSodiJuego);
        zicrojuego=(ImageButton)rootView.findViewById(R.id.ibZicroJuego);
        molijuego=(ImageButton)rootView.findViewById(R.id.ibMoliJuego);
        // setOnClickListener para todoos
        berijuego.setOnClickListener(this);
        borojuego.setOnClickListener(this);
        cobajuego.setOnClickListener(this);
        indijuego.setOnClickListener(this);
        hidrojuego.setOnClickListener(this);
        ununjuego.setOnClickListener(this);
        plutojuego.setOnClickListener(this);
        radijuego.setOnClickListener(this);
        promjuego.setOnClickListener(this);
        sodijuego.setOnClickListener(this);
        zicrojuego.setOnClickListener(this);
        molijuego.setOnClickListener(this);
        //Nivellactual 12 MAX o aun quedan errores
        if ((nivellactual &amp;lt;= 12) || (errores &amp;gt; 0)) {
            nivellactual = nivellactual + 1;
            seguentelement();
        }
        return rootView;
    }
&lt;/code&gt;&lt;/pre&gt;
&lt;p&gt;And then it crashes here : &lt;/p&gt;
&lt;pre&gt;&lt;code&gt;public void seguentelement() {
    switch (nivellactual) {
        case 1:
            TextView tvPregunta = (TextView) getActivity().findViewById(R.id.tvPregunta);
            String pregunta = ("Quin element ��s el Hidr��gen?");
            tvPregunta.setText(pregunta);
            // int de elemento es la imagebutton
            elementcorrecte = (R.id.ibHidroJuego);
            break;
&lt;/code&gt;&lt;/pre&gt;
&lt;p&gt;Hope you can find my error.&lt;/p&gt;</t>
  </si>
  <si>
    <t>2015-01-30 07:33:28.993000+00:00</t>
  </si>
  <si>
    <t>2015-01-30 09:06:02.297000+00:00</t>
  </si>
  <si>
    <t>java|android|android-fragments</t>
  </si>
  <si>
    <t>What is the best way to display a large text file in MATLAB GUIDE?</t>
  </si>
  <si>
    <t>&lt;p&gt;How can a MATLAB GUIDE control be used to display the contents of a text file in a GUI? The text file may be very long or very wide so it should have the ability to have vertical and horizontal scroll bars.&lt;/p&gt;</t>
  </si>
  <si>
    <t>2011-10-26 23:51:07.847000+00:00</t>
  </si>
  <si>
    <t>2014-11-27 12:17:05.570000+00:00</t>
  </si>
  <si>
    <t>2011-11-07 18:47:09.313000+00:00</t>
  </si>
  <si>
    <t>user-interface|matlab|matlab-guide</t>
  </si>
  <si>
    <t>adding multiple values to a key in an object js</t>
  </si>
  <si>
    <t>&lt;p&gt;My goal is to assign same color to all the events in a particular object. My object looks like :&lt;/p&gt;
&lt;pre&gt;&lt;code&gt;var hConfig = [
                {
                    label: "A",
                    criteria: ["Event0", "Event1"],
                    field: "evt"
                },
                {
                    label: "B",
                    criteria: ["Event2", "Event3"],
                    field: "evt"
                },
                {
                    label: "C",
                    criteria: ["Event4", "Event5", "Event6"],
                    field: "evt"
                }
            ];
&lt;/code&gt;&lt;/pre&gt;
&lt;p&gt;So all the criteria belonging to a label should be of same color. The function that does that is: &lt;/p&gt;
&lt;pre&gt;&lt;code&gt;        function highlightRegex (highlightConfig) {
            // we will return an array of regex objects
            var i;
            var hl;
            for (i = 0; i &amp;lt; highlightConfig.length; i++) {
                hl = highlightConfig[i];
                logger.info("hl object", hl);
                hl.re = new RegExp(hl.criteria, "im");
            }
        }
            function highlight (event, highlightConfig) {
                // we will return the index if there is a match and -1 otherwise
                var i;
                var hl;
                for (i = 0; i &amp;lt; highlightConfig.length; i++) {
                    hl = highlightConfig[i];
                    if (hl.re.test(event[hl.field])) {
                        return i;
                    }
                }
                return -1;
            }
&lt;/code&gt;&lt;/pre&gt;
&lt;p&gt;For each data, when the event name matches the one in the criteria, we assign a color.&lt;/p&gt;
&lt;pre&gt;&lt;code&gt;resultHighlight = highlight(value, hConfig);
value.evtColor = getColor(resultHighlight);
&lt;/code&gt;&lt;/pre&gt;
&lt;p&gt;Now this works perfectly if I pass just one value for criteria key. &lt;/p&gt;
&lt;pre&gt;&lt;code&gt;criteria: "Event1"
&lt;/code&gt;&lt;/pre&gt;
&lt;p&gt;But if I have to pass multiple event names in criteria key then it breaks and does not assign color to any event names. How should I read the criteria as an array of values and make sure that it reads it correctly ?&lt;/p&gt;</t>
  </si>
  <si>
    <t>2017-09-23 19:04:53.850000+00:00</t>
  </si>
  <si>
    <t>2017-09-23 19:14:54.400000+00:00</t>
  </si>
  <si>
    <t>Set command Time out for enterprise library 4.1 data access?</t>
  </si>
  <si>
    <t>&lt;p&gt;I am trying to set command timeout for enterprise library 4.1 data access. I used below code for get command object from Database.&lt;/p&gt;
&lt;pre&gt;&lt;code&gt;Dim dbCom as System.Data.Common.DBCommand
dbCom = dbCon.GetDatabase.GetStoredProcCommand(sprocName, parameters)
dbCom.CommandTimeOut 'I dont find this property.
&lt;/code&gt;&lt;/pre&gt;
&lt;p&gt;How to set CommandTimeout?&lt;/p&gt;</t>
  </si>
  <si>
    <t>2010-09-14 15:24:45.017000+00:00</t>
  </si>
  <si>
    <t>2011-06-10 07:06:09.197000+00:00</t>
  </si>
  <si>
    <t>c#|vb.net|enterprise-library</t>
  </si>
  <si>
    <t>Google Visualization API Query fails with new Google Spreadsheets</t>
  </si>
  <si>
    <t>&lt;p&gt;I work for a Google Apps Reseller and I implement gadgets for our clients.&lt;/p&gt;
&lt;p&gt;We have several gadgets that use Google Visualization API to query a spreadsheet (with a dynamic id) and display the result in a table.&lt;/p&gt;
&lt;p&gt;We are using this piece of code:&lt;/p&gt;
&lt;pre&gt;&lt;code&gt;function drawVisualization() {
  var oldSpreadsheetUrl = "https://docs.google.com/spreadsheet/tq?key=&amp;lt;ss_id&amp;gt;";
  var newSpreadsheetUrl = "https://docs.google.com/spreadsheets/d/&amp;lt;ss_id&amp;gt;/gviz/tq";
  var query = new google.visualization.Query(oldSpreadsheetUrl);
  query.setQuery("SELECT A,B");
  query.send(handleQueryResponse);
}
function handleQueryResponse(response) {
  if(response.isError()) {
    console.log(response.getMessage());
  } else {
    console.log("NUMBER OF COLUMNS: " + response.getDataTable().getNumberOfColumns());
  }
}
&lt;/code&gt;&lt;/pre&gt;
&lt;p&gt;And testing with this sample spreadsheet (New Google Spreadsheet)&lt;/p&gt;
&lt;p&gt;&lt;strong&gt;SPREADSHEET ID&lt;/strong&gt;: 1qMvY3y4MkwoK1UvCA9A8dW4BbmhH1iMwWqGLEM5vjJk&lt;/p&gt;
&lt;hr&gt;
&lt;p&gt;As long as we query an old spreadsheet everything works ok, but if we query a new spreadsheet (with the standard url - &lt;code&gt;oldSpreadsheetUrl&lt;/code&gt;) the request fails with a timeout exception and we get a 404 exception.
This is the message we get in the Browser Console:
&lt;a href="http://i.imgur.com/h4DjyQ6.png" rel="nofollow"&gt;http://i.imgur.com/h4DjyQ6.png&lt;/a&gt;&lt;/p&gt;
&lt;p&gt;We were able to make the query work anyway, by using this new url in the datasource:&lt;/p&gt;
&lt;pre&gt;&lt;code&gt;"https://docs.google.com/spreadsheets/d/&amp;lt;spreadsheet_id&amp;gt;/gviz/tq"
&lt;/code&gt;&lt;/pre&gt;
&lt;p&gt;But with this notation the setQuery directive is ignored and all of the three columns are returned instead of the first two (&lt;code&gt;"SELECT A,B"&lt;/code&gt;).&lt;/p&gt;
&lt;p&gt;We are using this in several gadgets and therefore want to know:&lt;/p&gt;
&lt;ol&gt;
&lt;li&gt;How can we overcome the &lt;code&gt;setQuery&lt;/code&gt; bug?&lt;/li&gt;
&lt;li&gt;Is there a programmatic way to know if a spreadsheet is a new version or an old version?&lt;/li&gt;
&lt;/ol&gt;
&lt;p&gt;Thank you in advance.&lt;/p&gt;
&lt;p&gt;Regards,&lt;/p&gt;
&lt;p&gt;Riccardo&lt;/p&gt;</t>
  </si>
  <si>
    <t>2014-04-15 12:46:53.543000+00:00</t>
  </si>
  <si>
    <t>2014-04-30 14:46:49.720000+00:00</t>
  </si>
  <si>
    <t>2014-04-15 13:11:36.687000+00:00</t>
  </si>
  <si>
    <t>api|google-sheets|visualization|google-spreadsheet-api</t>
  </si>
  <si>
    <t>jQuery: how to know when an external JS has finished?</t>
  </si>
  <si>
    <t>&lt;p&gt;i need to execute specific javascript instructions AFTER an external javascript finishes its own process.&lt;/p&gt;
&lt;pre&gt;&lt;code&gt;(function(){
    var dsq = document.createElement('script');
    dsq.type = 'text/javascript'; dsq.async = true;
    dsq.src = 'http://xxxxxxxx.disqus.com/embed.js';
    (document.getElementsByTagName('head')[0] || document.getElementsByTagName('body')[0]).appendChild(dsq);
})();
&lt;/code&gt;&lt;/pre&gt;
&lt;p&gt;How can jQuery know when that .js has finished doing what it does?&lt;/p&gt;</t>
  </si>
  <si>
    <t>2010-05-22 00:33:47.863000+00:00</t>
  </si>
  <si>
    <t>2010-05-22 00:51:41.470000+00:00</t>
  </si>
  <si>
    <t>2010-05-22 00:35:35.327000+00:00</t>
  </si>
  <si>
    <t>Converting array into grayscale in matlab</t>
  </si>
  <si>
    <t>&lt;p&gt;I am trying to plot a set of data in grayscale. However, the image i get seems to be always blue.&lt;/p&gt;
&lt;p&gt;I have a set of data, &lt;code&gt;albedo&lt;/code&gt; that ranges from &lt;code&gt;[0, 0.068]&lt;/code&gt;, which is a &lt;code&gt;1X1 double&lt;/code&gt;.&lt;/p&gt;
&lt;p&gt;My code is:&lt;/p&gt;
&lt;pre&gt;&lt;code&gt; for all px,py
    albedoMax = 0.0679; albedoMin = 0;
    out_im(px,py) = 1/(albedoMax-albedoMin)*(albedo - albedoMin);
    imshow(out_im);
    drawnow;
 end
&lt;/code&gt;&lt;/pre&gt;
&lt;p&gt;Basically &lt;code&gt;px,py&lt;/code&gt; are the image coordinates that i have to iterate over, and the formula is trying to map the input range of &lt;code&gt;[0, 0.068]&lt;/code&gt; to &lt;code&gt;[0 1]&lt;/code&gt;. However, by running this code, i notice that the output is always blueish. I was wondering what went wrong.&lt;/p&gt;
&lt;p&gt;Thanks for the help.&lt;/p&gt;</t>
  </si>
  <si>
    <t>2013-04-20 09:57:36.443000+00:00</t>
  </si>
  <si>
    <t>2013-04-20 12:35:04.390000+00:00</t>
  </si>
  <si>
    <t>2013-04-20 10:39:50.557000+00:00</t>
  </si>
  <si>
    <t>image|matlab|plot|grayscale</t>
  </si>
  <si>
    <t>Clone + Rename file with PHP</t>
  </si>
  <si>
    <t>&lt;p&gt;how do I clone and rename a file with php.&lt;/p&gt;
&lt;p&gt;I need to take.&lt;/p&gt;
&lt;p&gt;thumb_123.jpg&lt;/p&gt;
&lt;p&gt;Copy it.&lt;/p&gt;
&lt;p&gt;Rename it to thumb_456.jpg&lt;/p&gt;
&lt;p&gt;I can do the renaming just fine with &lt;code&gt;rename()&lt;/code&gt;. Its the copying that I don't get.&lt;/p&gt;</t>
  </si>
  <si>
    <t>2011-03-09 11:51:51.790000+00:00</t>
  </si>
  <si>
    <t>2011-11-13 16:59:46.540000+00:00</t>
  </si>
  <si>
    <t>php|file|rename</t>
  </si>
  <si>
    <t>Accessing ServletContext outside of a servlet</t>
  </si>
  <si>
    <t>&lt;p&gt;I wonder if anyone can advise on a Java webapp question?&lt;/p&gt;
&lt;p&gt;I have a set standard Java class which has methods to set and get values of a property file. These methods are used system wide and are called by servlets and non-servlet class methods alike. &lt;/p&gt;
&lt;p&gt;But what I would like to do is to use a ServletContextListener to set the paths to the property file globally rather than hard code them or store them in the database. &lt;/p&gt;
&lt;p&gt;A ServletContextListener can be used to set 'global variables' for the servlets with context.setAttribute("PROP_FILE_PATH", "C:\..."). But is there a way to access these variables outside the servlets or can ServletContext be accessed outside servlets?&lt;/p&gt;
&lt;p&gt;I don't think passing the ServletContext as a parameter to the class methods I have to get and set property file values will be a viable option because of the number of calls.&lt;/p&gt;
&lt;p&gt;Thanks&lt;/p&gt;
&lt;p&gt;Martin&lt;/p&gt;</t>
  </si>
  <si>
    <t>2009-09-16 15:34:25.603000+00:00</t>
  </si>
  <si>
    <t>2012-11-25 10:18:23.093000+00:00</t>
  </si>
  <si>
    <t>Martin</t>
  </si>
  <si>
    <t>file|properties|servlets</t>
  </si>
  <si>
    <t>Unable to enable checkboxes in IE when using ASP.NET CheckBox controls</t>
  </si>
  <si>
    <t>&lt;p&gt;I have an HTML form with two disabled checkboxes and and image with an &lt;code&gt;onclick&lt;/code&gt; event that needs to show a popup and enable the checkboxes:&lt;/p&gt;
&lt;pre class="lang-html prettyprint-override"&gt;&lt;code&gt;&amp;lt;input id="chk1" type="checkbox" disabled="disabled" /&amp;gt;
&amp;lt;input id="chk2" type="checkbox" disabled="disabled" /&amp;gt;
&amp;lt;img src="..." onclick="window.open('...'); document.getElementById('chk1').disabled=false;document.getElementById('chk2').disabled=false" /&amp;gt;
&lt;/code&gt;&lt;/pre&gt;
&lt;p&gt;except it doesn't work. The popup window opens, but the checkboxes never enable.&lt;/p&gt;
&lt;p&gt;Instead of &lt;code&gt;disabled=false&lt;/code&gt; I've tried &lt;code&gt;removeAttribute("disabled")&lt;/code&gt; with no luck. I also placed the &lt;code&gt;window.open&lt;/code&gt; as the last statement in the &lt;code&gt;onclick&lt;/code&gt; with no change.&lt;/p&gt;
&lt;p&gt;jQuery is not in this project (yet) so I can't use it. What am I doing wrong?&lt;/p&gt;
&lt;p&gt;&lt;strong&gt;Edit:&lt;/strong&gt;&lt;/p&gt;
&lt;p&gt;When I posted this, I failed to disclose the &lt;code&gt;input&lt;/code&gt; tags are being rendered by ASP.NET. Through testing we've discovered there's a difference between using &lt;code&gt;&amp;lt;asp:CheckBox /&amp;gt;&lt;/code&gt; and &lt;code&gt;&amp;lt;input type="checkbox" runat="server" /&amp;gt;&lt;/code&gt; that affects how the &lt;code&gt;disabled&lt;/code&gt; property behaves in IE and FF.&lt;/p&gt;
&lt;p&gt;I've been under the impression that the final output would be the same, but apparently not, though I haven't been able to spot the difference. The rendered code as represented above works in FF but not IE when using an CheckBox object, but works in both when using an HtmlInputCheckBox object.&lt;/p&gt;
&lt;p&gt;(I should also point out that the &lt;code&gt;getElementById&lt;/code&gt; calls are actually using the ASP.NET ClientID property for the respective elements.)&lt;/p&gt;
&lt;p&gt;My question now, then, is why is this the case? Why does the enable/disable functionality work in both IE and FF when using a HtmlInputCheckBox object but not for a CheckBox object?&lt;/p&gt;</t>
  </si>
  <si>
    <t>2011-07-29 17:05:04.333000+00:00</t>
  </si>
  <si>
    <t>2013-08-19 20:54:02.113000+00:00</t>
  </si>
  <si>
    <t>2011-08-31 16:42:19.040000+00:00</t>
  </si>
  <si>
    <t>javascript|asp.net|servercontrols</t>
  </si>
  <si>
    <t>Django: Race condition occurs in this block?</t>
  </si>
  <si>
    <t>&lt;p&gt;I'm working with &lt;code&gt;django-nonrel&lt;/code&gt; and &lt;code&gt;django-rest-framework&lt;/code&gt; and I've got this view method who appends numbers into an array.&lt;/p&gt;
&lt;pre&gt;&lt;code&gt;def add_number(self, request, *args, **kargs):
    row = self.get_object()                          # Gets the row from DB
    row.numbers.append(request.POST.get('number'))   # Modifies the column
    row.save()                                       # Save to DB
    serializer = self.get_serializer(row)
    return Response(serializer.data)
&lt;/code&gt;&lt;/pre&gt;
&lt;p&gt;If another client attempts to &lt;code&gt;add_number&lt;/code&gt; his number at the same concurrent time, &lt;strong&gt;Is it posible that one numbers does not remain stored?&lt;/strong&gt;&lt;/p&gt;
&lt;p&gt;&lt;em&gt;Extra info&lt;/em&gt;&lt;/p&gt;
&lt;p&gt;This is running in &lt;code&gt;Google App Engine&lt;/code&gt;, with &lt;code&gt;django-nonrel@1.5&lt;/code&gt; and &lt;code&gt;django-dbindexer&lt;/code&gt;, &lt;code&gt;Google Cloud Datastore&lt;/code&gt; as database. Does &lt;code&gt;@transaction.commit_on_success&lt;/code&gt; solve it? &lt;em&gt;(I believe it doesn't)&lt;/em&gt;&lt;/p&gt;</t>
  </si>
  <si>
    <t>2015-06-24 15:23:07.687000+00:00</t>
  </si>
  <si>
    <t>python|django|google-app-engine|django-nonrel|google-cloud-datastore</t>
  </si>
  <si>
    <t>Click Imageview and reply textview within a ListView ListItem and get the position in android</t>
  </si>
  <si>
    <t>&lt;ol&gt;
&lt;li&gt;I want click event replyTextview and HeartImageview&lt;/li&gt;
&lt;li&gt;Get Position each click of listview&lt;/li&gt;
&lt;li&gt;go to from arrayadapter to other activity using intent&lt;/li&gt;
&lt;/ol&gt;
&lt;p&gt;&lt;a href="https://i.stack.imgur.com/8ZZzI.png" rel="nofollow noreferrer"&gt;&lt;img src="https://i.stack.imgur.com/8ZZzI.png" alt="enter image description here"&gt;&lt;/a&gt;&lt;/p&gt;
&lt;p&gt;4.Deaclare listview in mainactivity.java&lt;/p&gt;
&lt;pre&gt;&lt;code&gt; @Override
        public void onItemClick(AdapterView&amp;lt;?&amp;gt; parent, View view, int position,
                long id) {
            Toast.makeText(mContext, "Postion no." +position, Toast.LENGTH_LONG).show();
        }
&lt;/code&gt;&lt;/pre&gt;
&lt;p&gt;This is array Adapter class&lt;/p&gt;
&lt;pre&gt;&lt;code&gt;    public class ActorAdapter extends ArrayAdapter&amp;lt;Actors&amp;gt; implements OnClickListener {
        ArrayList&amp;lt;Actors&amp;gt; actorList;
        LayoutInflater vi;
        int Resource;
        ViewHolder holder;
        int count=0;
        public ActorAdapter(Context context, int resource, ArrayList&amp;lt;Actors&amp;gt; objects) {
            super(context, resource, objects);
            vi = (LayoutInflater) context
                    .getSystemService(Context.LAYOUT_INFLATER_SERVICE);
            Resource = resource;
            actorList = objects;
        }
        @Override
        public View getView(int position, View convertView, ViewGroup parent) {
            // convert view = design
            View v = convertView;
            if (v == null) {
                holder = new ViewHolder();
                v = vi.inflate(Resource, null);
                holder.ivheart = (ImageView) v.findViewById(R.id.iv_likeheart);
                holder.tvadd=(TextView)v.findViewById(R.id.tv_add);
                holder.tvreply=(TextView)v.findViewById(R.id.tv_reply);
                holder.tvreplyadd=(TextView)v.findViewById(R.id.tv_replyadd);
                holder.imageview = (ImageView) v.findViewById(R.id.iv_userpic);
                holder.tvName = (TextView) v.findViewById(R.id.tv_username);
                holder.tvDOB = (TextView) v.findViewById(R.id.tv_title);
                holder.tvCountry = (TextView) v.findViewById(R.id.tv_description);
                holder.ivheart.setOnClickListener(this);
                holder.tvreply.setOnClickListener(this);
                v.setTag(holder);
            } else {
                holder = (ViewHolder) v.getTag();
            }
            holder.imageview.setImageResource(R.drawable.ic_launcher);
            new DownloadImageTask(holder.imageview).execute(actorList.get(position).getImage());
            holder.tvName.setText(actorList.get(position).getName());
            holder.tvDOB.setText("B'day: " + actorList.get(position).getDob());
            holder.tvCountry.setText(actorList.get(position).getCountry());
            return v;
        }
        static class ViewHolder {
            public ImageView imageview;
            public TextView tvName;
            public TextView tvDOB;
            public TextView tvCountry;
            public ImageView ivheart;
            public TextView tvadd;
            public TextView tvreply;
            public TextView tvreplyadd;
        }
    private class DownloadImageTask extends AsyncTask&amp;lt;String, Void, Bitmap&amp;gt; {
        ImageView bmImage;
        public DownloadImageTask(ImageView bmImage) {
            this.bmImage = bmImage;
        }
        protected Bitmap doInBackground(String... urls) {
            String urldisplay = urls[0];
            Bitmap mIcon11 = null;
            try {
                InputStream in = new java.net.URL(urldisplay).openStream();
                mIcon11 = BitmapFactory.decodeStream(in);
            } catch (Exception e) {
                Log.e("Error", e.getMessage());
                e.printStackTrace();
            }
            return mIcon11;
        }
        protected void onPostExecute(Bitmap result) {
            bmImage.setImageBitmap(result);
        }
    }
    @Override
    public void onClick(View v) {
        switch (v.getId()) {
        case R.id.iv_likeheart:
            Toast.makeText(getContext(), "Hello", Toast.LENGTH_LONG).show();
            break;
         case R.id.tv_reply:
            //not working settext here
            //holder.tvadd.setText(count++);
            // Toast.makeText(getContext(), "Hello" +count++, Toast.LENGTH_LONG).show();
             //Intent i=new Intent(ActorAdapter.this, ReplyActivity.class);
            break;
        default:
            break;
        }
    }
}
&lt;/code&gt;&lt;/pre&gt;</t>
  </si>
  <si>
    <t>2016-01-08 11:30:46.900000+00:00</t>
  </si>
  <si>
    <t>2016-01-09 22:00:14.760000+00:00</t>
  </si>
  <si>
    <t>column name for display in case</t>
  </si>
  <si>
    <t>&lt;pre&gt;&lt;code&gt;    SELECT favorite_id,MO,name,image_id,case image_id 
                    when 0 then (select image_path as image_path from images where image_id in (select default_image from registration where reg_id=9))
                    else (select image_path as image_path from images where image_id=b.image_id and active=1)
                    end
    FROM buddies b where reg_id=9 
&lt;/code&gt;&lt;/pre&gt;
&lt;p&gt;in this select:&lt;/p&gt;
&lt;pre&gt;&lt;code&gt;   select image_path as image_path
&lt;/code&gt;&lt;/pre&gt;
&lt;p&gt;i need to name the column name but because the select in the case the display name of the column is not appearing when running the query... &lt;/p&gt;
&lt;p&gt;how can i name this column for display?&lt;/p&gt;</t>
  </si>
  <si>
    <t>2013-10-31 08:54:14.630000+00:00</t>
  </si>
  <si>
    <t>2013-10-31 08:57:12.660000+00:00</t>
  </si>
  <si>
    <t>mysql|sql|sql-server|stored-procedures|case</t>
  </si>
  <si>
    <t>Display a string in place of a NULL date</t>
  </si>
  <si>
    <t>&lt;p&gt;when the date property is set in the model, this is executed:&lt;/p&gt;
&lt;pre&gt;&lt;code&gt;if (!(rdr["JobEnded"] is DBNull)) { job.JobEnded = (DateTime)rdr["JobEnded"]; }
&lt;/code&gt;&lt;/pre&gt;
&lt;p&gt;which results in job.JobEnded being 1/1/0001 12:00:00 AM.&lt;/p&gt;
&lt;p&gt;What can I use in place of &lt;/p&gt;
&lt;pre&gt;&lt;code&gt;@Html.DisplayFor(modelItem =&amp;gt; item.JobEnded)
&lt;/code&gt;&lt;/pre&gt;
&lt;p&gt;to show "In Progress" instead of "1/1/0001 12:00:00 AM".&lt;/p&gt;
&lt;p&gt;I've tried putting an if/else in the view, but was only able to display a valid date or nothing. I'm sure I'm missing something really basic here as this is my first attempt at an APS.NET MVC view.&lt;/p&gt;</t>
  </si>
  <si>
    <t>2013-10-24 16:12:19.103000+00:00</t>
  </si>
  <si>
    <t>2013-10-24 18:31:24.003000+00:00</t>
  </si>
  <si>
    <t>asp.net-mvc|razor|razor-declarative-helpers</t>
  </si>
  <si>
    <t>Table row as directive displays out of table context in angularjs</t>
  </si>
  <si>
    <t>&lt;p&gt;I have a table and each row is to displayed using a directive and ng-repeat. &lt;/p&gt;
&lt;p&gt;Unfortunately, the rows are rendered out of the table context.&lt;/p&gt;
&lt;p&gt;Please run the fiddle here: &lt;a href="http://jsfiddle.net/nu1tu9qL/4/" rel="nofollow"&gt;http://jsfiddle.net/nu1tu9qL/4/&lt;/a&gt;&lt;/p&gt;
&lt;p&gt;The directive:&lt;/p&gt;
&lt;pre&gt;&lt;code&gt;.directive('myrow', [function () {
        return {
            restrict: 'E',
            replace: true,
            scope: {
                rowdata: "="
            },
            template: '&amp;lt;tr&amp;gt;&amp;lt;td&amp;gt;{{rowdata.a}}&amp;lt;/td&amp;gt;&amp;lt;td&amp;gt;{{rowdata.b}}&amp;lt;/td&amp;gt;&amp;lt;/tr&amp;gt;',
        };
    }]);
&lt;/code&gt;&lt;/pre&gt;
&lt;p&gt;The HTML:&lt;/p&gt;
&lt;pre&gt;&lt;code&gt;&amp;lt;table&amp;gt;
    &amp;lt;thead&amp;gt;
        &amp;lt;th&amp;gt;A&amp;lt;/th&amp;gt;
        &amp;lt;th&amp;gt;B&amp;lt;/th&amp;gt;
    &amp;lt;/thead&amp;gt;
    &amp;lt;tbody&amp;gt;
        &amp;lt;myrow ng-repeat="d in data" rowdata="d"&amp;gt;&amp;lt;/row&amp;gt;
    &amp;lt;/tbody&amp;gt;
&amp;lt;/table&amp;gt;
&lt;/code&gt;&lt;/pre&gt;</t>
  </si>
  <si>
    <t>2015-02-23 11:19:07.100000+00:00</t>
  </si>
  <si>
    <t>2015-02-23 14:50:00.273000+00:00</t>
  </si>
  <si>
    <t>Android ActionBar color</t>
  </si>
  <si>
    <t>&lt;p&gt;I want to change color in my whole application.&lt;/p&gt;
&lt;p&gt;In my &lt;strong&gt;AndroidManfiest.xml&lt;/strong&gt; I've got proper code:&lt;/p&gt;
&lt;pre&gt;&lt;code&gt;&amp;lt;application
      android:label="@string/AppName"
      android:icon="@drawable/Icon"
      android:theme="@style/MyCustomTheme"
      android:name="MyAppName"
      android:allowBackup="true"&amp;gt;
&lt;/code&gt;&lt;/pre&gt;
&lt;p&gt;And in &lt;strong&gt;values&lt;/strong&gt; folder, I've got &lt;strong&gt;app_theme.xml&lt;/strong&gt;:&lt;/p&gt;
&lt;pre&gt;&lt;code&gt;&amp;lt;style name="MyCustomTheme" parent="Theme.AppCompat.Light"&amp;gt;
    &amp;lt;item name="android:actionBarStyle"&amp;gt;@style/MyActionBarTheme&amp;lt;/item&amp;gt;
    &amp;lt;item name="android:icon"&amp;gt;@android:color/transparent&amp;lt;/item&amp;gt;
    &amp;lt;item name="android:displayOptions"&amp;gt;&amp;lt;/item&amp;gt;
&amp;lt;/style&amp;gt;
&amp;lt;style name="MyActionBarTheme" parent="@android:style/Widget.Holo.Light.ActionBar"&amp;gt;
    &amp;lt;item name="android:background"&amp;gt;@color/actionBarColor&amp;lt;/item&amp;gt;
    &amp;lt;item name="android:titleTextStyle"&amp;gt;@style/Theme.TitleTextStyle&amp;lt;/item&amp;gt;
&amp;lt;/style&amp;gt;
&amp;lt;style name="Theme.TitleTextStyle" parent="@android:style/Widget.TextView"&amp;gt;
    &amp;lt;item name="android:textSize"&amp;gt;22sp&amp;lt;/item&amp;gt;
    &amp;lt;item name="android:textStyle"&amp;gt;bold&amp;lt;/item&amp;gt;
    &amp;lt;item name="android:textColor"&amp;gt;#FFFFFF&amp;lt;/item&amp;gt;
&amp;lt;/style&amp;gt;
&lt;/code&gt;&lt;/pre&gt;
&lt;p&gt;It works very strange... I've got my actionbar color &lt;strong&gt;only during application loading&lt;/strong&gt;, after this returns to the default color.&lt;/p&gt;
&lt;p&gt;&lt;strong&gt;SOLUTION&lt;/strong&gt;&lt;/p&gt;
&lt;pre&gt;&lt;code&gt;public class BaseActivity extends AnnotatedActivity {
@Override
    protected void onPostCreate(Bundle savedInstanceState) {
        super.onPostCreate(savedInstanceState);
        if(getSupportActionBar()!=null) {
            getSupportActionBar().setBackgroundDrawable(new ColorDrawable(Color.parseColor("#009688")));
            getSupportActionBar().show();
        }
    }
}
&lt;/code&gt;&lt;/pre&gt;
&lt;p&gt;&lt;strong&gt;and every activity must extends BaseActivity.&lt;/strong&gt;&lt;/p&gt;
&lt;p&gt;Regards&lt;/p&gt;</t>
  </si>
  <si>
    <t>2015-08-26 09:52:25.163000+00:00</t>
  </si>
  <si>
    <t>2015-08-26 10:20:56.253000+00:00</t>
  </si>
  <si>
    <t>android|android-actionbar</t>
  </si>
  <si>
    <t>Why different behavior in calling a function with providing arguments in distinct ways in TypeScript?</t>
  </si>
  <si>
    <t>&lt;p&gt;While learning &lt;a href="https://www.typescriptlang.org/docs/handbook/interfaces.html" rel="nofollow noreferrer"&gt;interfaces in TypeScript&lt;/a&gt; i found strange thing which I am unable to understand&lt;/p&gt;
&lt;p&gt;&lt;strong&gt;Case 1:&lt;/strong&gt; (no error)&lt;/p&gt;
&lt;pre&gt;&lt;code&gt;function  p_label(argument: {lab: string}) {
    console.log(argument.lab);
}
let obj = {dabloo: 'dablooo', lab: 'chem'};
p_label(obj);
&lt;/code&gt;&lt;/pre&gt;
&lt;p&gt;op: chem&lt;/p&gt;
&lt;p&gt;here object is assigned (using &lt;code&gt;let&lt;/code&gt;) to a variable  and then passed to a argument in a funtion&lt;/p&gt;
&lt;p&gt;&lt;strong&gt;Case 2:&lt;/strong&gt; (error)&lt;/p&gt;
&lt;pre&gt;&lt;code&gt;function  p_label(argument: {lab: string}) {
    console.log(argument.lab);
}
p_label({dabloo: 'dablooo', lab: 'chem'});
&lt;/code&gt;&lt;/pre&gt;
&lt;blockquote&gt;
  &lt;p&gt;interfaces.ts(8,14): error TS2345: Argument of type '{ dabloo: string;
  lab: string; }' is not assignable to parameter of type '{ lab: string;
  }'.   Object literal may only specify known properties, and 'dabloo'
  does not exist in type '{ lab: string; }'.&lt;/p&gt;
&lt;/blockquote&gt;
&lt;p&gt;Here whole object is passed directly to a argument without assingning it to a variable.&lt;/p&gt;
&lt;p&gt;What I see here by seeing the error is that argument is considered as a prototype of the object but not the object itself.&lt;/p&gt;
&lt;p&gt;I think very few or no other programming language consider it seperately.&lt;/p&gt;
&lt;p&gt;Why this kind of behavior? Or whats wrong with my unserstanding?&lt;/p&gt;
&lt;p&gt;tsc --version &lt;/p&gt;
&lt;p&gt;2.5.2&lt;/p&gt;</t>
  </si>
  <si>
    <t>2017-09-24 13:45:47.240000+00:00</t>
  </si>
  <si>
    <t>javascript|typescript|interface</t>
  </si>
  <si>
    <t>What does "a class instantiates another" mean?</t>
  </si>
  <si>
    <t>&lt;p&gt;From Design Pattern by GoF:&lt;/p&gt;
&lt;blockquote&gt;
  &lt;p&gt;Another  useful  thing  to  show  is &lt;strong&gt;which  classes instantiate
  which  others&lt;/strong&gt;.  We use a dashed arrowheaded line to indicate this,
  since OMT doesn't support it. We call this the  "creates"
  relationship.  The arrow points to the class that's instantiated. In
  Figure B.lc, CreationTool creates LineShape objects.&lt;/p&gt;
  &lt;p&gt;&lt;a href="https://i.stack.imgur.com/PzVP5.png" rel="nofollow noreferrer"&gt;&lt;img src="https://i.stack.imgur.com/PzVP5.png" alt="enter image description here"&gt;&lt;/a&gt;&lt;/p&gt;
&lt;/blockquote&gt;
&lt;p&gt;What does "a class instantiates another" mean here?&lt;/p&gt;
&lt;p&gt;Thanks.&lt;/p&gt;</t>
  </si>
  <si>
    <t>2017-09-28 17:00:21.880000+00:00</t>
  </si>
  <si>
    <t>2017-09-28 17:02:52.577000+00:00</t>
  </si>
  <si>
    <t>design-patterns|gang-of-four</t>
  </si>
  <si>
    <t>Trying to insert into two tables using php and mysqli</t>
  </si>
  <si>
    <t>&lt;p&gt;I'm working on a blog with posts.
I would like to insert into 3 tables&lt;/p&gt;
&lt;p&gt;Posts, Categories and Post_categories(to show the right category for a post)&lt;/p&gt;
&lt;p&gt;I tried everything using mysqli such as:&lt;/p&gt;
&lt;pre&gt;&lt;code&gt;$titel  = $_POST['titel'];
$post   = $_POST['post-text'];
$sql=
"INSERT INTO posts (titel, post)
VALUES ('$titel', '$post')
INSERT INTO post_categories (idposts)
VALUES ('". $mysqli-&amp;gt;insert_id() ."')
";
if (!mysqli_query($link,$sql))
  {
  die('Error: ' . mysqli_error($link));
  }
echo "1 record added";
mysqli_close($link);
&lt;/code&gt;&lt;/pre&gt;
&lt;p&gt;But this didn't work. I'm stuck for two hours now, and i'm almost giving up on this.
I really don't know how to do this in Mysqli. I knew how it worked in Mysql.&lt;/p&gt;
&lt;p&gt;Hope someone can help me out with this.&lt;/p&gt;
&lt;p&gt;My table structure looks like this:&lt;/p&gt;
&lt;p&gt;&lt;strong&gt;Posts&lt;/strong&gt;&lt;/p&gt;
&lt;p&gt;idposts&lt;br&gt;
titel&lt;br&gt;
post&lt;br&gt;
added&lt;/p&gt;
&lt;p&gt;&lt;strong&gt;Categories&lt;/strong&gt; &lt;/p&gt;
&lt;p&gt;idcategories&lt;br&gt;
category&lt;/p&gt;
&lt;p&gt;&lt;strong&gt;post_categories&lt;/strong&gt;&lt;/p&gt;
&lt;p&gt;id&lt;br&gt;
idposts&lt;br&gt;
idcategories&lt;/p&gt;</t>
  </si>
  <si>
    <t>2014-01-19 14:08:07.500000+00:00</t>
  </si>
  <si>
    <t>2014-01-19 14:16:21.747000+00:00</t>
  </si>
  <si>
    <t>php|mysqli|insert|insert-id</t>
  </si>
  <si>
    <t>create a function to copy the existing list and return the pointer which points to the first node of the pasted list</t>
  </si>
  <si>
    <t>&lt;p&gt;I toned up my simple app which allows you to work with linked lists. each node has a char value as data and an int count which counts the occurrence of each data.
I need a function to copy the existing list and paste it somewhere else and finally return the address of the first node of the pasted list. how can I do that?
here's my whole code:&lt;/p&gt;
&lt;pre&gt;&lt;code&gt;#include &amp;lt;iostream&amp;gt;
using namespace std;
struct Snode //Snode class defines a node in a list
{
    char data;
    int count = 1;
    Snode *next = NULL;
    Snode(char a) : data(a) {}
};
class set//set class defines the list
{
private:
    Snode *head;
public:
    set() : head(NULL)//constructor method of the list
    {
        Snode *temp = head;
        while (temp != NULL)
        {
            Snode *next = temp-&amp;gt;next;
            delete temp;
            temp = next;
        }
        head = NULL;
    }
    ~set()//destructor method of the list
    {
        Snode *temp = head;
        while (temp != NULL)
        {
            head = head-&amp;gt;next;
            delete temp;
        }
    }
    bool isAvailable(char value)//checks if the node is already in the list or not
    {
        Snode *temp = head;
        while (temp != NULL)//untill the end of the list
        {
            if (temp-&amp;gt;data == value)//if a similar node is found
                return true;
            else//if temp is not equal check the next node
                temp = temp-&amp;gt;next;
        }
        return false;//if no node is found return false
    }
    bool isFirst(char value)//checks if the node is the first node or not
    {
        return(head-&amp;gt;data == value);//if it equals to head, it's the first node
    }
    bool isLast(char value)//checks if the node is the last node or not
    {
        Snode *last ;
        return(last-&amp;gt;next = NULL);//if its next pointer points the null pointer, it's the last node in the list
    }
    void display()//showing all the nodes
    {
        //creating a variable node to travers available nodes
        Snode *temp = head;
        while (temp != NULL)//travers nodes untill the end of the list
        {
            cout &amp;lt;&amp;lt; temp-&amp;gt;data &amp;lt;&amp;lt; " " &amp;lt;&amp;lt; temp-&amp;gt;count &amp;lt;&amp;lt; "\n"; //output format
            temp = temp-&amp;gt;next;//setting the next node as the variable
        }
    }
    void insert(char value)//inserts a new node
    {
        if (head == NULL)//if the list is empty
        {
            //create a new node, set its count to 1 and set it as head of the list
            Snode *temp = new Snode(value);
            temp-&amp;gt;count = 1;
            head = temp;
        }
        else//is the list is'nt empty
        { 
            if (isAvailable(value))//if the value is already available
                {
                    //find the existing node and increase its count by 1
                    Snode *temp = head;
                    while (temp-&amp;gt;data != value)//check the list to the end
                        temp = temp-&amp;gt;next;
                    temp-&amp;gt;count += 1;
                }
            else//if there's not an existing node with the given value
            {
                //create a new node with a count of 1 at the end of the list by setting *next equal to NULL
                Snode *temp = new Snode(value);
                temp-&amp;gt;count = 1;
                temp-&amp;gt;next = NULL;
            }
        }
    }
    int count(char value)//counts the occurrence of a character value by reading the same node's count
    {
        Snode *temp = head;
            while (temp != NULL)//travers nodes untill the end of the list
            {
                if(temp-&amp;gt;data==value)
                {
                    cout&amp;lt;&amp;lt;temp-&amp;gt;count;
                }
                else
                {
                    cout&amp;lt;&amp;lt;"This character is not in the list";
                }
            }
        return temp-&amp;gt;count;
    }
    void deleteFirst(char value)//delete the first node in the list
{
    Snode *temp = head;//create a new node including head's data
    head = head-&amp;gt;next;//setting the second node as head
    delete temp;//deleting the first node
}
void deleteLast(char value)//deleting the last node in the list
{
    Snode *current= new head;//creating two new nodes and starting the travers from the first node
    Snode *previous=new Snode();
    while(current-&amp;gt;next!=NULL)//continue traversing untill the end of the list
    {
      previous=current;//moving current and previous nodes to the right in order to check the next nodes
      current=current-&amp;gt;next;
      if(current-&amp;gt;next == NULL)//if the list is finished
      {
          previous-&amp;gt;next = NULL;//pointing the previous node's next as NULL, instead of the last node
          delete current;//deleting the last node
      }
    }
}
char remove(char value, struct Snode *temp)//removing a node from the list
{
    if(!isAvailable(value))//if there's no node with the given data
    {
        cout&amp;lt;&amp;lt;"Not available";
        return NULL;
    }
    else//if there is already a node with the same data
    {
        if(temp-&amp;gt;count == 1)//if there's a node with one time occurrence
        {
            if(isFirst(value)//if it's equal to the first node
            {
                deleteFirst(value);
            }
            else if(isLast(value))//if it's equal to the last node
            {
                deleteLast(value);
            }
            else//if it's in the middle, neither first nor last
            {
                Snode *current = head;//traversing all nodes
                Snode *previous=new Snode();
                while(current-&amp;gt;next=NULL)
                {
                    if(current-&amp;gt;data==value)
                    {
                        previous-&amp;gt;next = current-&amp;gt;next;
                        delete current;
                    }
                    previous=current;
                    current=current-&amp;gt;next;           
                }
            }
        }
        else if(temp-&amp;gt;count &amp;gt; 1)
        {
            temp-&amp;gt;count--;//decrease the count
        }
    }   
}
};
int main()
{
    //defining a mySet as a "set" type
    set mySet;
    //adding values to create nodes
    mySet.insert('c');
    mySet.insert('a');
    mySet.insert('a');
    mySet.insert('c');
    mySet.insert('c');
    //displaying nodes through "value count" format
    mySet.display();
    return 0;
}
&lt;/code&gt;&lt;/pre&gt;</t>
  </si>
  <si>
    <t>2018-05-24 21:25:50.567000+00:00</t>
  </si>
  <si>
    <t>2018-05-28 18:01:50.043000+00:00</t>
  </si>
  <si>
    <t>c++|data-structures|linked-list|singly-linked-list</t>
  </si>
  <si>
    <t>How to match url in javascript using lastIndexOf?</t>
  </si>
  <si>
    <t>&lt;p&gt;I'm new to javascript but am trying to conditionally display a button/link on a page if it matches a certain url with the code below:&lt;/p&gt;
&lt;pre&gt;&lt;code&gt;LinkNode = document.getElementById("csv");
var url = document.documentURI
  if(document.documentURI.substr(url.lastIndexOf("/"+1)) == "/colleagues"){
    LinkNode.style.visibility= "visible";
  }
  else{
    LinkNode.style.visibility= "hidden";
}
&lt;/code&gt;&lt;/pre&gt;
&lt;p&gt;Can anyone advise what I am doing wrong or how to match my url ending in "/colleagues" because this isn't matching?  Is it possibly easier to use a regex?&lt;/p&gt;
&lt;p&gt;How might I test to see what document.documentURI.substr(url.lastIndexOf("/"+1)) is actually producing?&lt;/p&gt;</t>
  </si>
  <si>
    <t>2016-09-07 08:01:17.663000+00:00</t>
  </si>
  <si>
    <t>2016-09-07 08:13:05.093000+00:00</t>
  </si>
  <si>
    <t>How to inject a string with the same name as Class using Zend\Di</t>
  </si>
  <si>
    <t>&lt;p&gt;I am trying to use &lt;code&gt;Zend\Di\Di&lt;/code&gt; to inject a string into my constructor that happens to have the same name as a class. I am trying to inject the string &lt;code&gt;"DateTime"&lt;/code&gt; in the constructor but &lt;code&gt;Zend\Di\Di&lt;/code&gt; thinks it is a class and is trying to create it instead of just injecting the string. If I change the string to &lt;code&gt;"date_time"&lt;/code&gt;, it is correctly injected without errors as a string.&lt;/p&gt;
&lt;p&gt;Interestingly, if I change the string to &lt;code&gt;"datetime"&lt;/code&gt;, &lt;code&gt;Zend\Di\Di&lt;/code&gt; spews out tons of errors instead.&lt;/p&gt;
&lt;p&gt;Here is my entire file:&lt;/p&gt;
&lt;pre&gt;&lt;code&gt;&amp;lt;?php
include __DIR__ . '/vendor/autoload.php';
class Foo {
    public function __construct($datatype) {
        $this-&amp;gt;datatype = $datatype;
    }
}
$di = new Zend\Di\Di();
$di-&amp;gt;configure(new Zend\Di\Config([
    'instance' =&amp;gt; [
        'Foo' =&amp;gt; [
            'parameters' =&amp;gt; [
                'datatype' =&amp;gt; 'date_time' // &amp;lt;-- This value.
            ]
        ]
    ]
]));
var_dump($di-&amp;gt;get('Foo')-&amp;gt;datatype);
?&amp;gt;
&lt;/code&gt;&lt;/pre&gt;
&lt;p&gt;This leaves me with two questions:&lt;/p&gt;
&lt;ul&gt;
&lt;li&gt;How can I force &lt;code&gt;Zend\Di\Di&lt;/code&gt; to treat the data as a specific type? &lt;/li&gt;
&lt;li&gt;Should I report any of this behavior (especially the behavior with &lt;code&gt;"datetime"&lt;/code&gt;) as a bug? &lt;/li&gt;
&lt;/ul&gt;
&lt;hr&gt;
&lt;h3&gt;Edit&lt;/h3&gt;
&lt;p&gt;In light of ZF 2.4 deprecating &lt;code&gt;Zend\Di&lt;/code&gt; in favor of &lt;code&gt;Zend\ServieManager&lt;/code&gt;, I will not be using &lt;code&gt;Zend\Di&lt;/code&gt; moving forward. However, I will leave this question here hoping that somebody can answer it and then anybody with the same question can benefit from it.&lt;/p&gt;</t>
  </si>
  <si>
    <t>2015-03-30 16:27:21.357000+00:00</t>
  </si>
  <si>
    <t>2015-04-02 15:51:17.243000+00:00</t>
  </si>
  <si>
    <t>php|dependency-injection|zend-framework2</t>
  </si>
  <si>
    <t>How to convert multiple RGB images in one folder to grayscale in python</t>
  </si>
  <si>
    <t>&lt;p&gt;Someone could help me please, I want to convert my RGB images in one folder to grayscale at one time. I've been looking for some Python codes but haven't found any. I tried to do as following but it didn't work.&lt;/p&gt;
&lt;p&gt;Here is my code:&lt;/p&gt;
&lt;pre&gt;&lt;code&gt;from skimage.color import rgb2gray
from skimage.io import imread, imsave
from skimage.filters import threshold_otsu
from skimage import img_as_uint
inp_image = imread("C:/RGB/*.JPG")
img_gray = rgb2gray(inp_image)
thresh = threshold_otsu(img_gray)
binary_thresh_img = img_gray &amp;amp; gt; thresh
imsave("C:/Grayscale", img_as_uint(binary_thresh_img))
&lt;/code&gt;&lt;/pre&gt;
&lt;p&gt;And it gave me following error:&lt;/p&gt;
&lt;blockquote&gt;
  &lt;p&gt;OSError: [Errno 22] Invalid argument: 'C:/RGB/*.JPG'&lt;/p&gt;
&lt;/blockquote&gt;</t>
  </si>
  <si>
    <t>2017-05-20 08:56:38.963000+00:00</t>
  </si>
  <si>
    <t>2018-05-30 06:54:42.877000+00:00</t>
  </si>
  <si>
    <t>2017-05-20 10:30:32.567000+00:00</t>
  </si>
  <si>
    <t>python|image-processing|deep-learning</t>
  </si>
  <si>
    <t>OpenVAS scan only local network ip</t>
  </si>
  <si>
    <t>&lt;p&gt;Using OpenVAS if I try to target localhost or ip router in my local network all is ok, and the task ends up, but if I try to scan a public IP it stop to 1% or 2%.&lt;/p&gt;
&lt;p&gt;This is my config:&lt;/p&gt;
&lt;blockquote&gt;
  &lt;p&gt;&lt;strong&gt;Kali 2.0 64bit for VMWare&lt;/strong&gt;&lt;/p&gt;
  &lt;p&gt;&lt;strong&gt;Network in Bridge&lt;/strong&gt;&lt;/p&gt;
  &lt;p&gt;&lt;strong&gt;OpenVAS 8 pre-installed&lt;/strong&gt;&lt;/p&gt;
&lt;/blockquote&gt;
&lt;p&gt;Some details (netstat):&lt;/p&gt;
&lt;pre&gt;&lt;code&gt;root@kali:~# netstat -tlp
Active Internet connections (only servers)
Proto Recv-Q Send-Q Local Address           Foreign Address         State       PID/Program name
tcp        0      0 localhost:9390          *:*                     LISTEN      8560/openvasmd  
tcp        0      0 localhost:9391          *:*                     LISTEN      8561/openvassd: Wai
tcp        0      0 localhost:9392          *:*                     LISTEN      8559/gsad    
&lt;/code&gt;&lt;/pre&gt;
&lt;p&gt;And "check setup": &lt;/p&gt;
&lt;pre&gt;&lt;code&gt;root@kali:~# openvas-check-setup 
openvas-check-setup 2.3.0
Step 1: Checking OpenVAS Scanner ... 
        OK: OpenVAS Scanner is present in version 5.0.1.
        OK: OpenVAS Scanner CA Certificate is present as /var/lib/openvas/CA/cacert.pem.
        OK: OpenVAS Scanner server certificate is valid and present as /var/lib/openvas/CA/servercert.pem.
        OK: NVT collection in /var/lib/openvas/plugins contains 45313 NVTs.
        WARNING: Signature checking of NVTs is not enabled in OpenVAS Scanner.
        SUGGEST: Enable signature checking (see http://www.openvas.org/trusted-nvts.html).
        OK: The NVT cache in /var/cache/openvas contains 45313 files for 45313 NVTs.
        OK: redis-server is present in version v=2.8.17.
        OK: scanner (kb_location setting) is configured properly using the redis-server socket: /var/lib/redis/redis.sock
        OK: redis-server is running and listening on socket: /var/lib/redis/redis.sock.
        OK: redis-server configuration is OK and redis-server is running.
Step 2: Checking OpenVAS Manager ... 
        OK: OpenVAS Manager is present in version 6.0.1.
        OK: OpenVAS Manager client certificate is valid and present as /var/lib/openvas/CA/clientcert.pem.
        OK: OpenVAS Manager database found in /var/lib/openvas/mgr/tasks.db.
        OK: Access rights for the OpenVAS Manager database are correct.
        OK: At least one user exists.
        OK: sqlite3 found, extended checks of the OpenVAS Manager installation enabled.
        OK: OpenVAS Manager database is at revision 146.
        OK: OpenVAS Manager expects database at revision 146.
        OK: Database schema is up to date.
        OK: OpenVAS Manager database contains information about 45306 NVTs.
        OK: OpenVAS SCAP database found in /var/lib/openvas/scap-data/scap.db.
        OK: OpenVAS CERT database found in /var/lib/openvas/cert-data/cert.db.
        OK: xsltproc found.
Step 3: Checking user configuration ... 
        WARNING: Your password policy is empty.
        SUGGEST: Edit the /etc/openvas/pwpolicy.conf file to set a password policy.
Step 4: Checking Greenbone Security Assistant (GSA) ... 
        OK: Greenbone Security Assistant is present in version 6.0.1.
Step 5: Checking OpenVAS CLI ... 
        OK: OpenVAS CLI version 1.4.0.
Step 6: Checking Greenbone Security Desktop (GSD) ... 
        SKIP: Skipping check for Greenbone Security Desktop.
Step 7: Checking if OpenVAS services are up and running ... 
        OK: netstat found, extended checks of the OpenVAS services enabled.
        OK: OpenVAS Scanner is running and listening only on the local interface.
        OK: OpenVAS Scanner is listening on port 9391, which is the default port.
        WARNING: OpenVAS Manager is running and listening only on the local interface.
        This means that you will not be able to access the OpenVAS Manager from the
        outside using GSD or OpenVAS CLI.
        SUGGEST: Ensure that OpenVAS Manager listens on all interfaces unless you want
        a local service only.
        OK: OpenVAS Manager is listening on port 9390, which is the default port.
        WARNING: Greenbone Security Assistant is running and listening only on the local interface.
        This means that you will not be able to access the Greenbone Security Assistant from the
        outside using a web browser.
        SUGGEST: Ensure that Greenbone Security Assistant listens on all interfaces.
        OK: Greenbone Security Assistant is listening on port 9392, which is the default port.
Step 8: Checking nmap installation ...
        WARNING: Your version of nmap is not fully supported: 6.49BETA4
        SUGGEST: You should install nmap 5.51 if you plan to use the nmap NSE NVTs.
Step 10: Checking presence of optional tools ...
        OK: pdflatex found.
        OK: PDF generation successful. The PDF report format is likely to work.
        OK: ssh-keygen found, LSC credential generation for GNU/Linux targets is likely to work.
        WARNING: Could not find rpm binary, LSC credential package generation for RPM and DEB based targets will not work.
        SUGGEST: Install rpm.
        WARNING: Could not find makensis binary, LSC credential package generation for Microsoft Windows targets will not work.
        SUGGEST: Install nsis.
It seems like your OpenVAS-8 installation is OK.
&lt;/code&gt;&lt;/pre&gt;
&lt;p&gt;This probably could help me, but looking on Google and here on StackOverflow did not find anything: &lt;strong&gt;WARNING: OpenVAS Manager is running and listening only on the local interface.&lt;/strong&gt;&lt;/p&gt;
&lt;p&gt;What can I check and what can I do for scan a public ip ? &lt;/p&gt;
&lt;p&gt;&lt;em&gt;Given my limited skills on Linux, I ask you to be very specific. &lt;strong&gt;Thanks&lt;/em&gt;&lt;/strong&gt;&lt;/p&gt;</t>
  </si>
  <si>
    <t>2016-01-26 21:01:47.123000+00:00</t>
  </si>
  <si>
    <t>2016-02-02 14:24:52.857000+00:00</t>
  </si>
  <si>
    <t>linux|networking|openvas</t>
  </si>
  <si>
    <t>if 2 div's come close to each other - float right</t>
  </si>
  <si>
    <t>&lt;p&gt;I have a problem with navbar. I want navbar on dekstop to look like this: logo on the left 
few buttons(4) on the right. And on small devices like this: logo on top -&gt; to the right, buttons below logo on the right. When i start to resize the window and it reaches certain point i set logo float to the right but as long there is empty space they wont be on top each other but buttons move to the left side and logo ti the right(tablet or portrait). Then resize reaches small window - they finally stack. So my question is if it is possible to make logo FLOAT RIGHT only then buttons come in contact and not based on media query?&lt;/p&gt;
&lt;p&gt;example: &lt;a href="http://lunskis.byethost9.com/lg%20-%20Copy/" rel="nofollow"&gt;http://lunskis.byethost9.com/lg%20-%20Copy/&lt;/a&gt;&lt;/p&gt;
&lt;p&gt;try to resize and see what happens in when media query is set( logo jumps on the right, while buttons get to middle and final rezult(small window) is what I am looking for).&lt;/p&gt;</t>
  </si>
  <si>
    <t>2014-07-17 10:59:06.477000+00:00</t>
  </si>
  <si>
    <t>2014-07-17 11:04:35.193000+00:00</t>
  </si>
  <si>
    <t>jquery|html|css|twitter-bootstrap</t>
  </si>
  <si>
    <t>How do I create a usable form instance?</t>
  </si>
  <si>
    <t>&lt;p&gt;I have tried making instances of forms, but none of them have worked.&lt;/p&gt;
&lt;p&gt;This code works and turns the "lamp" on and off:&lt;/p&gt;
&lt;pre&gt;&lt;code&gt;Public Class Lamp
    ' declare field
    Private lampColor As Color
    Public Sub New()
        ' initialize field
        lampColor = MainForm.lampShape.FillColor
    End Sub ' New
    Public Sub Switch()
        ' determine if lamp is on or off
        If lampColor = Color.Silver Then
            ' turn on lamp
            lampColor = Color.Yellow
        Else
            ' turn off lamp
            lampColor = Color.Silver
        End If
        ' display color on lamp
        MainForm.lampShape.FillColor = lampColor
    End Sub ' Switch
End Class
&lt;/code&gt;&lt;/pre&gt;
&lt;p&gt;This code does not work:&lt;/p&gt;
&lt;pre&gt;&lt;code&gt;Public Class Lamp
    ' declare fields
    Private lampColor As Color
    Private main As New MainForm
    Public Sub New()
        ' initialize field
        lampColor = main.lampShape.FillColor
    End Sub ' New
    Public Sub Switch()
        ' determine if lamp is on or off
        If lampColor = Color.Silver Then
            ' turn on lamp
            lampColor = Color.Yellow
        Else
            ' turn off lamp
            lampColor = Color.Silver
        End If
        ' display color on lamp
        main.lampShape.FillColor = lampColor
   End Sub ' Switch
End Class
&lt;/code&gt;&lt;/pre&gt;
&lt;p&gt;I have tried this with many other projects too and none of them work.&lt;/p&gt;</t>
  </si>
  <si>
    <t>2015-12-18 18:06:30.720000+00:00</t>
  </si>
  <si>
    <t>2015-12-18 18:53:37.503000+00:00</t>
  </si>
  <si>
    <t>2015-12-18 18:15:46.380000+00:00</t>
  </si>
  <si>
    <t>vb.net|class|instances</t>
  </si>
  <si>
    <t>How come the navigation's box-shadow isn't showing?</t>
  </si>
  <si>
    <t>&lt;p&gt;I want to have the header's navigation to have a box shadow. However, the box-shadow seems to be hidden by the carousel I placed below it. I put a z-index of all children of #carousel but the box-shadow still doesn't show up.&lt;/p&gt;
&lt;p&gt;(page snippet) &lt;img src="https://i.stack.imgur.com/E1HbP.jpg" alt="enter image description here"&gt;&lt;/p&gt;
&lt;p&gt;Here's what happens when I push #carousel down when I give it margin-top: 40px;&lt;/p&gt;
&lt;p&gt;(another page snippet) &lt;img src="https://i.stack.imgur.com/DFcJA.jpg" alt="enter image description here"&gt;&lt;/p&gt;
&lt;p&gt;&lt;strong&gt;HTML&lt;/strong&gt;&lt;/p&gt;
&lt;pre&gt;&lt;code&gt;&amp;lt;header&amp;gt;
                &amp;lt;nav&amp;gt;
                    &amp;lt;div class="container"&amp;gt;
                        &amp;lt;h1&amp;gt;&amp;lt;a href="#"&amp;gt;&amp;lt;img src="images/logo.png" alt="" id="logo"&amp;gt;&amp;lt;/a&amp;gt;&amp;lt;/h1&amp;gt;
                        &amp;lt;h1 id="NHS"&amp;gt;&amp;lt;a href="#"&amp;gt;Newport High School&amp;lt;/a&amp;gt;&amp;lt;/h1&amp;gt;
                        &amp;lt;ul id="nav"&amp;gt;
                            &amp;lt;li&amp;gt;&amp;lt;a href="#"&amp;gt;Home&amp;lt;/a&amp;gt;&amp;lt;/li&amp;gt;
                            &amp;lt;li&amp;gt;&amp;lt;a href="#"&amp;gt;About&amp;lt;/a&amp;gt;&amp;lt;/li&amp;gt;
                            &amp;lt;li&amp;gt;&amp;lt;a href="#"&amp;gt;Students&amp;lt;/a&amp;gt;&amp;lt;/li&amp;gt;
                            &amp;lt;li&amp;gt;&amp;lt;a href="#"&amp;gt;Parents&amp;lt;/a&amp;gt;&amp;lt;/li&amp;gt;
                            &amp;lt;li&amp;gt;&amp;lt;a href="#"&amp;gt;Activities &amp;amp; Atletics&amp;lt;/a&amp;gt;&amp;lt;/li&amp;gt;
                            &amp;lt;li&amp;gt;&amp;lt;a href="#"&amp;gt;Resources&amp;lt;/a&amp;gt;&amp;lt;/li&amp;gt;
                        &amp;lt;/ul&amp;gt;
                    &amp;lt;/div&amp;gt;&amp;lt;!--container---&amp;gt; 
                &amp;lt;/nav&amp;gt;
            &amp;lt;/header&amp;gt;&amp;lt;div id="carousel"&amp;gt;                        
                &amp;lt;div class="inner"&amp;gt;
                    &amp;lt;ul&amp;gt;
                        &amp;lt;li&amp;gt;&amp;lt;img src="images/example-slide-1.jpg" alt="Fish"&amp;gt;&amp;lt;/li&amp;gt;
                        &amp;lt;li&amp;gt;&amp;lt;img src="images/example-slide-2.jpg" alt="Elephant"&amp;gt;&amp;lt;/li&amp;gt;
                        &amp;lt;li&amp;gt;&amp;lt;img src="images/example-slide-3.jpg" alt="Giraffe"&amp;gt;&amp;lt;/li&amp;gt;
                        &amp;lt;li&amp;gt;&amp;lt;img src="images/example-slide-4.jpg" alt="Fish"&amp;gt;&amp;lt;/li&amp;gt;
                    &amp;lt;/ul&amp;gt;
                &amp;lt;/div&amp;gt;                                      
            &amp;lt;/div&amp;gt;
&lt;/code&gt;&lt;/pre&gt;
&lt;p&gt;&lt;strong&gt;CSS&lt;/strong&gt;&lt;/p&gt;
&lt;pre&gt;&lt;code&gt;/* - - - header - - - */
header {
    background: rgb(30,27,27); /* Old browsers */
    background: -moz-linear-gradient(top,  rgba(30,27,27,1) 0%, rgba(2,2,2,1) 100%); /* FF3.6+ */
    background: -webkit-gradient(linear, left top, left bottom, color-stop(0%,rgba(30,27,27,1)), color-stop(100%,rgba(2,2,2,1))); /* Chrome,Safari4+ */
    background: -webkit-linear-gradient(top,  rgba(30,27,27,1) 0%,rgba(2,2,2,1) 100%); /* Chrome10+,Safari5.1+ */
    background: -o-linear-gradient(top,  rgba(30,27,27,1) 0%,rgba(2,2,2,1) 100%); /* Opera 11.10+ */
    background: -ms-linear-gradient(top,  rgba(30,27,27,1) 0%,rgba(2,2,2,1) 100%); /* IE10+ */
    background: linear-gradient(to bottom,  rgba(30,27,27,1) 0%,rgba(2,2,2,1) 100%);  
    box-shadow:           0px 3px 15px rgba(50, 50, 50, .7);
        -webkit-box-shadow: 0px 3px 15px rgba(50, 50, 50, .7);
        -moz-box-shadow:    0px 3px 15px rgba(50, 50, 50, .7);
    z-index: 1000;
} 
    header h1, header li {
        float: left;
    }
    header a {
        color: #A1A1A1 ;
        font-family: arial, helvetica, verana, sans-serif;
    }
        header a:hover {
            color: #A1A1A1;
            text-decoration: none;
        }
#logo {
    width: 50px;
}
#NHS {
    margin: 1.8% 0 0 2%;
    font-size: 1.2em;
    text-transform: uppercase;
}
    #NHS a {
        color: #F6F6F6;
        letter-spacing: 2px;
    }
#nav {
    float: right;
    margin: 3% 0 0 0;
}
    #nav li {
        margin-right: 20px;
        padding: 0;
    }
    #nav li:last-of-type {
        margin-right: 0px;
    }
        #nav a {
         font-size: .8em;
         text-transform: uppercase;
         padding-top: 3px;
         font-weight: 400;
        }
        #nav a:hover {
            border-top: 1px dotted #C41D0E;
        }
/* - - - carousel - - - */
#carousel {
    margin: 40px 0 0 0;
    width: 100%;
    overflow: hidden;
    z-index: -999;
}
    #carousel .inner {
        box-sizing: border-box;
        margin-left: -50px;
        z-index: -5000;
    }
        #carousel ul {
            width: 60000px;
            height: 480px;
            z-index: -5000;
        }
            #carousel li {
                height: 480px;
                float: left;
                overflow: hidden;
                z-index: -5000;
            }
                #carousel img {
                    text-align: center;
                    width: 1375px;
                    height: auto;
                    z-index: -5000;
                }
&lt;/code&gt;&lt;/pre&gt;</t>
  </si>
  <si>
    <t>2013-04-13 01:49:23.287000+00:00</t>
  </si>
  <si>
    <t>2013-12-18 16:09:44.007000+00:00</t>
  </si>
  <si>
    <t>2013-04-13 02:07:29.770000+00:00</t>
  </si>
  <si>
    <t>jQuery, AJAX - How to tell if script returned false</t>
  </si>
  <si>
    <t>&lt;p&gt;I'm using jQuery and AJAX to validate my form when someone creates a new user on my website. I'm programming in OOP PHP, together with the jQuery and AJAX.
I'm using this code: &lt;/p&gt;
&lt;pre&gt;&lt;code&gt;$.ajax({  
        type: "POST",  
        url: "includes/classes/handler.php?do=addLogin",
        data: dataString,  
        success: function() {
            $('.sideBarNewUserWrap').fadeOut();
        }
    });  
    return false;
&lt;/code&gt;&lt;/pre&gt;
&lt;p&gt;But how do I return an error message, if the e-mail already exists? &lt;/p&gt;
&lt;p&gt;Hope it's info enough, else I'll just add some more. 
Thanks in forward :) &lt;/p&gt;
&lt;p&gt;&lt;strong&gt;* UPDATE *&lt;/strong&gt;&lt;/p&gt;
&lt;p&gt;This is my PHP checking if email exists: &lt;/p&gt;
&lt;pre&gt;&lt;code&gt;$email_count = mysql_num_rows($check_email);
    if($email_count){
        return false;
    }
&lt;/code&gt;&lt;/pre&gt;
&lt;p&gt;&lt;strong&gt;* UPDATE *&lt;/strong&gt; &lt;/p&gt;
&lt;pre&gt;&lt;code&gt;      success: function(data){
            if(data.error){
                $('.sideBarNewUserWrap').fadeOut();
            } else {
                $('.sideBarNewUserError-email').fadeIn();
            }
&lt;/code&gt;&lt;/pre&gt;
&lt;p&gt;Now this looks pretty much as a failure because. 
if(data.error) then it's okay? &lt;/p&gt;
&lt;p&gt;Shouldn't it be something like: &lt;/p&gt;
&lt;pre&gt;&lt;code&gt;if(date.error){
  //Error message
}
&lt;/code&gt;&lt;/pre&gt;
&lt;p&gt;And not the other way around?&lt;/p&gt;
&lt;p&gt;Well, If I try to enter an email which already exists, it tells me as it should, but why does this work? In my eyes I'm doing something wrong here?&lt;/p&gt;</t>
  </si>
  <si>
    <t>2011-12-16 09:13:47.330000+00:00</t>
  </si>
  <si>
    <t>2011-12-16 09:34:22.380000+00:00</t>
  </si>
  <si>
    <t>Getting Unathorized when trying to get a secret from Azure key Vault</t>
  </si>
  <si>
    <t>&lt;p&gt;I'm using &lt;code&gt;Microsoft.Azure.keyVault&lt;/code&gt; trying to get a secret from a key vault in Azure.  &lt;/p&gt;
&lt;p&gt;I've registered an application as both Native and Web API.  &lt;/p&gt;
&lt;p&gt;Logging on to the AD is successful (can confirm this by getting a valid &lt;code&gt;AccessToken&lt;/code&gt; on &lt;code&gt;AuthenticationContext.AcquireTokenAsync&lt;/code&gt;).&lt;/p&gt;
&lt;p&gt;In Azure AD both applications have been given Access Control (IAM) and Access Policies in the Key Vault. I have confirmed that the Key Vault Base Url and the Secret Name are correct but when making the following call &lt;/p&gt;
&lt;pre&gt;&lt;code&gt;var sec = kv.GetSecretAsync("https://xxxxxxx.vault.azure.net", "xxsecretnamexx").GetAwaiter().GetResult();
&lt;/code&gt;&lt;/pre&gt;
&lt;p&gt;I keep getting the error&lt;/p&gt;
&lt;pre&gt;&lt;code&gt;{"Operation returned an invalid status code 'Unauthorized'"}    Microsoft.Azure.KeyVault.Models.KeyVaultErrorException
&lt;/code&gt;&lt;/pre&gt;
&lt;p&gt;One sidenote:  Attempting to do this by logging in as a user. The code to get the token is as follows&lt;/p&gt;
&lt;pre&gt;&lt;code&gt;.AcquireTokenAsync(resourceUri,clientId, new Uri(redirectUri), new PlatformParameters(PromptBehavior.SelectAccount))
&lt;/code&gt;&lt;/pre&gt;
&lt;p&gt;We have working code using the id and secret of an registered Azure AD application that has rights to the key vault.&lt;/p&gt;
&lt;p&gt;Trying to do the same thing without using the id and secret of an associated registered Azure AD application but instead have a login prompt displayed when getting the access token to Azure AD. &lt;/p&gt;</t>
  </si>
  <si>
    <t>2017-10-13 14:14:35.850000+00:00</t>
  </si>
  <si>
    <t>2018-03-19 13:18:28.510000+00:00</t>
  </si>
  <si>
    <t>2017-10-16 09:27:54.777000+00:00</t>
  </si>
  <si>
    <t>c#|azure-active-directory|azure-keyvault</t>
  </si>
  <si>
    <t>Using email+password user authentication, allow admin to change user email address</t>
  </si>
  <si>
    <t>&lt;p&gt;We would like to be able to use the email+password authentication model with firebase. However, our app will have user roles defined and stored in our data, controlling what each user can access. We would like the admin users, those with the highest role, to be able to update the email address of a user. Currently it looks like the only function I see for this, changeEmail, requires the password to be passed in. Is there any way to allow an admin in the system to update the email address of a user without knowing the users password?&lt;/p&gt;</t>
  </si>
  <si>
    <t>2015-07-15 20:45:23.423000+00:00</t>
  </si>
  <si>
    <t>2015-12-15 23:21:45.513000+00:00</t>
  </si>
  <si>
    <t>firebase|firebase-security</t>
  </si>
  <si>
    <t>Android swipe Gesture</t>
  </si>
  <si>
    <t>&lt;p&gt;I have followed &lt;a href="http://androidexample.com/Android_Basic_Tutorial/index.php?view=article_discription&amp;amp;aid=95&amp;amp;aaid=118" rel="nofollow"&gt;this example&lt;/a&gt; to achieve the swipe gesture, but I am not getting toast message if I swipe anywhere in the activity. It is showing the toast when I swipe at certain location only. I want to move to previous screen by using the swipe gesture.&lt;/p&gt;
&lt;p&gt;I am trying this example on an emulator.&lt;/p&gt;
&lt;p&gt;Below is my activity:&lt;/p&gt;
&lt;pre&gt;&lt;code&gt;public class SwipeScreenExample extends Activity implements SimpleGestureListener{
            private SimpleGestureFilter detector;
        @Override
            public void onCreate(Bundle savedInstanceState) {
                super.onCreate(savedInstanceState);
                setContentView(R.layout.swipe_screen);
                // Detect touched area 
                detector = new SimpleGestureFilter(this,this);
        }
    @Override
    public boolean dispatchTouchEvent(MotionEvent me){
        // Call onTouchEvent of SimpleGestureFilter class
         this.detector.onTouchEvent(me);
       return super.dispatchTouchEvent(me);
    }
    @Override
     public void onSwipe(int direction) {
      String str = "";
      switch (direction) {
      case SimpleGestureFilter.SWIPE_RIGHT : str = "Swipe Right";
                                               break;
      case SimpleGestureFilter.SWIPE_LEFT :  str = "Swipe Left";
                                                     break;
      case SimpleGestureFilter.SWIPE_DOWN :  str = "Swipe Down";
                                                     break;
      case SimpleGestureFilter.SWIPE_UP :    str = "Swipe Up";
                                                     break;
      }
       Toast.makeText(this, str, Toast.LENGTH_SHORT).show();
     }
     @Override
     public void onDoubleTap() {
        Toast.makeText(this, "Double Tap", Toast.LENGTH_SHORT).show();
     }
  }
&lt;/code&gt;&lt;/pre&gt;
&lt;hr&gt;
&lt;p&gt;Below is the gusture class:&lt;/p&gt;
&lt;pre&gt;&lt;code&gt;public class SimpleGestureFilter extends SimpleOnGestureListener{
         public final static int SWIPE_UP    = 1;
         public final static int SWIPE_DOWN  = 2;
         public final static int SWIPE_LEFT  = 3;
         public final static int SWIPE_RIGHT = 4;
         public final static int MODE_TRANSPARENT = 0;
         public final static int MODE_SOLID       = 1;
         public final static int MODE_DYNAMIC     = 2;
         private final static int ACTION_FAKE = -13; //just an unlikely number
         private int swipe_Min_Distance = 100;
         private int swipe_Max_Distance = 350;
         private int swipe_Min_Velocity = 100;
     private int mode             = MODE_DYNAMIC;
     private boolean running      = true;
     private boolean tapIndicator = false;
     private Activity context;
     private GestureDetector detector;
     private SimpleGestureListener listener;
     public SimpleGestureFilter(Activity context,SimpleGestureListener sgl) {
      this.context = context;
      this.detector = new GestureDetector(context, this);
      this.listener = sgl;
     }
     public void onTouchEvent(MotionEvent event){
       if(!this.running)
      return; 
       boolean result = this.detector.onTouchEvent(event);
       if(this.mode == MODE_SOLID)
        event.setAction(MotionEvent.ACTION_CANCEL);
       else if (this.mode == MODE_DYNAMIC) {
         if(event.getAction() == ACTION_FAKE)
           event.setAction(MotionEvent.ACTION_UP);
         else if (result)
           event.setAction(MotionEvent.ACTION_CANCEL);
         else if(this.tapIndicator){
          event.setAction(MotionEvent.ACTION_DOWN);
          this.tapIndicator = false;
         }
       }
       //else just do nothing, it's Transparent
     }
     public void setMode(int m){
      this.mode = m;
     }
     public int getMode(){
      return this.mode;
     }
     public void setEnabled(boolean status){
      this.running = status;
     }
     public void setSwipeMaxDistance(int distance){
      this.swipe_Max_Distance = distance;
     }
     public void setSwipeMinDistance(int distance){
      this.swipe_Min_Distance = distance;
     }
     public void setSwipeMinVelocity(int distance){
      this.swipe_Min_Velocity = distance;
     }
     public int getSwipeMaxDistance(){
      return this.swipe_Max_Distance;
     }
     public int getSwipeMinDistance(){
      return this.swipe_Min_Distance;
     }
     public int getSwipeMinVelocity(){
      return this.swipe_Min_Velocity;
     }
     @Override
         public boolean onFling(MotionEvent e1, MotionEvent e2, float velocityX,
           float velocityY) {
          final float xDistance = Math.abs(e1.getX() - e2.getX());
          final float yDistance = Math.abs(e1.getY() - e2.getY());
          if(xDistance &amp;gt; this.swipe_Max_Distance || yDistance &amp;gt; this.swipe_Max_Distance)
           return false;
          velocityX = Math.abs(velocityX);
          velocityY = Math.abs(velocityY);
                boolean result = false;
          if(velocityX &amp;gt; this.swipe_Min_Velocity &amp;amp;&amp;amp; xDistance &amp;gt; this.swipe_Min_Distance){
           if(e1.getX() &amp;gt; e2.getX()) // right to left
            this.listener.onSwipe(SWIPE_LEFT);
           else
            this.listener.onSwipe(SWIPE_RIGHT);
           result = true;
          }
          else if(velocityY &amp;gt; this.swipe_Min_Velocity &amp;amp;&amp;amp; yDistance &amp;gt; this.swipe_Min_Distance){
           if(e1.getY() &amp;gt; e2.getY()) // bottom to up
            this.listener.onSwipe(SWIPE_UP);
           else
            this.listener.onSwipe(SWIPE_DOWN);
           result = true;
          }
           return result;
         }
     @Override
     public boolean onSingleTapUp(MotionEvent e) {
      this.tapIndicator = true;
      return false;
     }
     @Override
     public boolean onDoubleTap(MotionEvent arg) {
      this.listener.onDoubleTap();;
      return true;
     }
     @Override
     public boolean onDoubleTapEvent(MotionEvent arg) {
      return true;
     }
     @Override
     public boolean onSingleTapConfirmed(MotionEvent arg) {
      if(this.mode == MODE_DYNAMIC){        // we owe an ACTION_UP, so we fake an
         arg.setAction(ACTION_FAKE);      //action which will be converted to an ACTION_UP later.
         this.context.dispatchTouchEvent(arg);
      }  
      return false;
     }
        static interface SimpleGestureListener{
         void onSwipe(int direction);
         void onDoubleTap();
     }
    }
&lt;/code&gt;&lt;/pre&gt;
&lt;p&gt;I haven't made any changes to the above code. Just I have copied the same from the link which I have mentioned above.&lt;/p&gt;</t>
  </si>
  <si>
    <t>2013-10-16 18:14:57.513000+00:00</t>
  </si>
  <si>
    <t>2013-10-16 19:22:47.887000+00:00</t>
  </si>
  <si>
    <t>How can I draw a banner at the top of a UIImageView in Obj C</t>
  </si>
  <si>
    <t>&lt;p&gt;&lt;strong&gt;Some Context&lt;/strong&gt;&lt;/p&gt;
&lt;p&gt;I am creating a feature that enables the users to share some Images from my App to their Facebook/Twitter account.&lt;/p&gt;
&lt;p&gt;The feature works, I implemented the IBAction and I can share some Images within Facebook and Twitter.&lt;/p&gt;
&lt;p&gt;&lt;strong&gt;The Issue&lt;/strong&gt;&lt;/p&gt;
&lt;p&gt;My company's marketing department is now asking me to add at the top of the shared images, a banner with the company's logo and the date.&lt;/p&gt;
&lt;p&gt;This is what I have to display : &lt;/p&gt;
&lt;p&gt;&lt;a href="https://i.stack.imgur.com/YP97b.png" rel="nofollow"&gt;&lt;img src="https://i.stack.imgur.com/YP97b.png" alt="enter image description here"&gt;&lt;/a&gt;&lt;/p&gt;
&lt;p&gt;For now I only share the white rectangle. Now I have to add this banner, the blue rectangle.&lt;/p&gt;
&lt;p&gt;&lt;strong&gt;My Thoughts&lt;/strong&gt;&lt;/p&gt;
&lt;p&gt;I was wondering how I will be developing it. First of all I was thinking about drawing it programmatically within a view.&lt;/p&gt;
&lt;pre&gt;&lt;code&gt;UIView *banner  = [[UIView alloc] initWithFrame:CGRectMake(0, 35, self.view.frame.size.width, 60)];
banner.backgroundColor = [UIColor blueColor];
[self.view addSubview:banner];
&lt;/code&gt;&lt;/pre&gt;
&lt;p&gt;The problem is I really don't know how to make it resizable in order to fit all the different screen sizes. But also, how to add the logo within this rectangle, the label date and finally, how can I fit it in my shared UIImage&lt;/p&gt;
&lt;p&gt;Then I was wondering, "maybe I can draw it like in Android, directly in the XML file". But from all my investigations, it looks easier to do it programmatically. &lt;/p&gt;
&lt;p&gt;&lt;strong&gt;Help needed&lt;/strong&gt;&lt;/p&gt;
&lt;p&gt;I would appreciate some advices in order to focus myself on a better way to develop it, because right now my ideas are kind of fuzzy.&lt;/p&gt;
&lt;p&gt;Thank you for reading.&lt;/p&gt;</t>
  </si>
  <si>
    <t>2016-10-20 12:15:41.723000+00:00</t>
  </si>
  <si>
    <t>2018-11-05 00:00:58.657000+00:00</t>
  </si>
  <si>
    <t>2016-10-20 12:51:39.673000+00:00</t>
  </si>
  <si>
    <t>ios|objective-c|uiimageview|drawrect</t>
  </si>
  <si>
    <t>Drag and drop in side a table using jquery</t>
  </si>
  <si>
    <t>&lt;p&gt;How do I drag and drop an elemet from one  to another and all other s align themselves accordingly in a 3x3 table using jquery? Please help me out here. I am really confused.&lt;/p&gt;
&lt;p&gt;This is what I have tried so far:&lt;/p&gt;
&lt;pre&gt;&lt;code&gt;   $(document).ready(function(){
        $(".smsSecond").draggable({containment: ".maincol"});//, revert: true
    $(".smsSecond").click(function(){
        $(this).hide(500);
    });
    $(document).bind("contextmenu", function(e) {
    $('.smsSecond').show(500);
    return false;
});
});
&lt;/code&gt;&lt;/pre&gt;</t>
  </si>
  <si>
    <t>2014-01-24 04:24:43.227000+00:00</t>
  </si>
  <si>
    <t>2014-01-24 04:29:37.637000+00:00</t>
  </si>
  <si>
    <t>jquery|html|drag-and-drop</t>
  </si>
  <si>
    <t>Python Regular Expression example</t>
  </si>
  <si>
    <t>&lt;p&gt;I want to write a simple regular expression in Python that extracts a number from HTML. The HTML sample is as follows:&lt;/p&gt;
&lt;pre&gt;&lt;code&gt;Your number is &amp;lt;b&amp;gt;123&amp;lt;/b&amp;gt;
&lt;/code&gt;&lt;/pre&gt;
&lt;p&gt;Now how can I extract "123", i.e. the contents of first bold text after string "Your number is"?&lt;/p&gt;</t>
  </si>
  <si>
    <t>2012-06-23 16:13:02.567000+00:00</t>
  </si>
  <si>
    <t>2018-10-04 01:58:52.700000+00:00</t>
  </si>
  <si>
    <t>2016-10-26 13:05:22.990000+00:00</t>
  </si>
  <si>
    <t>iOS 11 safe area layout guide backwards compatibility</t>
  </si>
  <si>
    <t>&lt;p&gt;Is enabling Safe Area Layout Guides compatible to iOS below 11? &lt;/p&gt;
&lt;p&gt;&lt;a href="https://i.stack.imgur.com/FojCh.jpg" rel="noreferrer"&gt;&lt;img src="https://i.stack.imgur.com/FojCh.jpg" alt="enter image description here"&gt;&lt;/a&gt;&lt;/p&gt;</t>
  </si>
  <si>
    <t>2017-09-12 19:42:07.593000+00:00</t>
  </si>
  <si>
    <t>2018-09-03 08:13:31.633000+00:00</t>
  </si>
  <si>
    <t>2017-09-13 14:27:52.110000+00:00</t>
  </si>
  <si>
    <t>ios|xcode|compatibility|iphone-x|safearealayoutguide</t>
  </si>
  <si>
    <t>Redirected request in NGINX to the diffrent site on the same server.Cant make it work (CORS)</t>
  </si>
  <si>
    <t>&lt;p&gt;I am trying to set some request from my website &lt;strong&gt;A&lt;/strong&gt; to redirect to the website &lt;strong&gt;B&lt;/strong&gt;&lt;/p&gt;
&lt;p&gt;This is my nginx config for site &lt;strong&gt;A&lt;/strong&gt;:&lt;/p&gt;
&lt;pre&gt;&lt;code&gt;location /api {
  add_header 'Access-Control-Allow-Origin' '*';
  add_header 'Access-Control-Allow-Methods' 'GET, POST, OPTIONS';
  add_header 'Access-Control-Allow-Headers' 'DNT,X-CustomHeader,Keep-Alive,User-Agent,X-Requested-With,If-Modified-Since,Cache-Control,Content-Type,Content-Range,Range';
  add_header 'Access-Control-Expose-Headers' 'DNT,X-CustomHeader,Keep-Alive,User-Agent,X-Requested-With,If-Modified-Since,Cache-Control,Content-Type,Content-Range,Range';
  add_header 'Access-Control-Max-Age' 1728000;
  add_header 'Content-Type' 'text/plain; charset=utf-8';
    return 301 http://site-B.dev\$request_uri;
}
&lt;/code&gt;&lt;/pre&gt;
&lt;p&gt;Im getting this error in console:&lt;/p&gt;
&lt;blockquote&gt;
  &lt;p&gt;Failed to load
  &lt;a href="http://site-B.dev/api/route" rel="nofollow noreferrer"&gt;http://site-B.dev/api/route&lt;/a&gt;: Response
  to preflight request doesn't pass access control check: No
  'Access-Control-Allow-Origin' header is present on the requested
  resource. Origin '&lt;a href="http://site-A.dev" rel="nofollow noreferrer"&gt;http://site-A.dev&lt;/a&gt;' is therefore not allowed access.&lt;/p&gt;
&lt;/blockquote&gt;
&lt;p&gt;Request Example:&lt;/p&gt;
&lt;pre&gt;&lt;code&gt;Request URL:http://site-A.dev/api/route
Request Method:GET
Status Code:301 Moved Permanently
Remote Address:192.168.10.10:80
Referrer Policy:no-referrer-when-downgrade
Response Headers
view source
Access-Control-Allow-Headers:DNT,X-CustomHeader,Keep-Alive,User-Agent,X-Requested-With,If-Modified-Since,Cache-Control,Content-Type,Content-Range,Range
Access-Control-Allow-Methods:GET, POST, OPTIONS
Access-Control-Allow-Origin:*
Access-Control-Expose-Headers:DNT,X-CustomHeader,Keep-Alive,User-Agent,X-Requested-With,If-Modified-Since,Cache-Control,Content-Type,Content-Range,Range
Access-Control-Max-Age:1728000
Connection:keep-alive
Content-Length:185
Content-Type:text/html
Content-Type:text/plain; charset=utf-8
Date:Tue, 17 Oct 2017 15:46:22 GMT
Location:http://site-B.dev/api/route
Server:nginx/1.13.3
Request Headers
view source
Accept:application/json
Accept-Encoding:gzip, deflate
Accept-Language:pl-PL,pl;q=0.8,en-US;q=0.6,en;q=0.4
Access-Control-Allow-Headers:X-PINGOTHER, Content-Type, Authorization, Content-Length, X-Requested-With
Access-Control-Allow-Methods:PUT,GET,POST,DELETE,OPTIONS
Connection:keep-alive
Cookie:laravel_session=eyJpdiI6IjFteWJUNmNPZVhZRGZ1cVNGdXB5Ync9PSIsInZhbHVlIjoicVdGV2Q3XC9lV09MbEd3MTRyK0dYcE94R1BJbjdid3VUZDVTMVg2ZlJPT0o5aUFjYTg5UXY0c3RGc2JRYlJMVTc4eFk5bTViMGk0UmJZZUxZK2ZCeGZBPT0iLCJtYWMiOiIxMjZjNjg4ZDIwM2ZiYjc5Y2RhYmU3MjI3NTQxMmNmMTFiYWQxYWNlYzk5MWY0ZTZhYzQ5YTkyMGM0MDMzZDJlIn0%3D
Host:dite-A.dev
Referer:http://site-A.dev/
User-Agent:Mozilla/5.0 (Windows NT 6.1; Win64; x64) AppleWebKit/537.36 (KHTML, like Gecko) Chrome/61.0.3163.100 Safari/537.36
&lt;/code&gt;&lt;/pre&gt;
&lt;p&gt;Redirected request:&lt;/p&gt;
&lt;pre&gt;&lt;code&gt;Request URL:http://site-B.dev/api/route
Request Method:OPTIONS
Status Code:200 OK
Remote Address:192.168.10.10:80
Referrer Policy:no-referrer-when-downgrade
Response Headers
view source
Allow:GET,HEAD
Cache-Control:no-cache, private
Connection:keep-alive
Content-Encoding:gzip
Content-Type:text/html; charset=UTF-8
Date:Tue, 17 Oct 2017 15:46:22 GMT
Server:nginx/1.13.3
Transfer-Encoding:chunked
Request Headers
view source
Accept:*/*
Accept-Encoding:gzip, deflate
Accept-Language:pl-PL,pl;q=0.8,en-US;q=0.6,en;q=0.4
Access-Control-Request-Headers:access-control-allow-headers,access-control-allow-methods
Access-Control-Request-Method:GET
Connection:keep-alive
Host:site-B.dev
Origin:http://site-A.dev
Referer:http://site-A.dev
User-Agent:Mozilla/5.0 (Windows NT 6.1; Win64; x64) AppleWebKit/537.36 (KHTML, like Gecko) Chrome/61.0.3163.100 Safari/537.36
&lt;/code&gt;&lt;/pre&gt;
&lt;p&gt;Its strange because im getting success responses but they are empty,if i send request direct to the site-B im getting normal response with proper data.&lt;/p&gt;
&lt;p&gt;Is there any solution for my problem?What is wrong with this,why i have such error in the console even if i add &lt;code&gt;Acess-Control-Allow-Origin&lt;/code&gt; header?&lt;/p&gt;</t>
  </si>
  <si>
    <t>2017-10-17 15:59:10.330000+00:00</t>
  </si>
  <si>
    <t>2017-10-17 18:21:45.620000+00:00</t>
  </si>
  <si>
    <t>2017-10-17 16:07:47.080000+00:00</t>
  </si>
  <si>
    <t>laravel|nginx|request|cors</t>
  </si>
  <si>
    <t>advanced search with computed property vuejs</t>
  </si>
  <si>
    <t>&lt;p&gt;Hey guys I have a data property called searchQuery as well as a computed property that searches my both the item name and the keywordArray in the templateArray and returns the templates back. It works great. However Im trying to make it a little bit more robust. 
heres my computed property &lt;/p&gt;
&lt;pre&gt;&lt;code&gt;  searchResults: function(){
      return this.filteredTemplateArray.filter((template)=&amp;gt;{
        return template.itemName.toLowerCase().includes(this.searchQuery.toLowerCase())
          || template.keywordArray.toString().toLowerCase().includes(this.searchQuery.toLowerCase());
      })
  }
&lt;/code&gt;&lt;/pre&gt;
&lt;p&gt;each template is returned as an object that contains an array called keywordArray with in it. the object looks like this&lt;/p&gt;
&lt;pre&gt;&lt;code&gt;0:Object
categoryArray:Array[0]
dateAdded:"2016-05-27 10:16:56"
id:"15"
itemId:"73076"
itemName:"Colorful Trans"
keywordArray:Array[2]
0:"Water"
1:"Sparkles"
projectPath:"M:/Projects/Generics/CreativeEngine/2016/ColorfulImageTrans-Scott/ColorfulImageTrans.aep"
renderTime:"30"
stillImageLocation:"12.90"
tested:"1"
thumbName:"COLORFULIMAGETRANS"
&lt;/code&gt;&lt;/pre&gt;
&lt;p&gt;basically what I want to do is if it returns no results for  &lt;code&gt;template.keywordArray.toString().toLowerCase().includes(this.searchQuery.toLowerCase())&lt;/code&gt; I want to search each word seperated by a space as if it were its own searchQuery. For instance right now if I type in sparkles I get a result. if I type in water I get a result but if I type in water sparkles no results are returned. if searchQuery has a space search the keywordArray for both water and sparkles.&lt;/p&gt;</t>
  </si>
  <si>
    <t>2018-10-19 17:00:56.897000+00:00</t>
  </si>
  <si>
    <t>2018-10-23 18:17:39.483000+00:00</t>
  </si>
  <si>
    <t>vue.js|computed-properties|advanced-search</t>
  </si>
  <si>
    <t>onvalidate in mvc2</t>
  </si>
  <si>
    <t>&lt;p&gt;How do I implement the OnValidate method in mvc2? I'm reading an article which shows onvalidate method but I can't find in visual studio 2008?&lt;/p&gt;</t>
  </si>
  <si>
    <t>2011-02-04 03:31:39.600000+00:00</t>
  </si>
  <si>
    <t>2011-02-04 03:47:44.907000+00:00</t>
  </si>
  <si>
    <t>asp.net-mvc-2</t>
  </si>
  <si>
    <t>How to get instance of RemoteWebDriver Selenium Grid?</t>
  </si>
  <si>
    <t>&lt;pre&gt;&lt;code&gt;public RemoteWebDriver driver;
public void Login() throws Exception {
    if (driver instanceof ChromeDriver || driver instanceof FirefoxDriver) {
        driver.get(URL);
    } else if (driver instanceof InternetExplorerDriver) {
        driver.get(URL2);
        enterCred();
    } else if (driver instanceof OperaDriver) {
        driver.get(URL2);
    }
}
&lt;/code&gt;&lt;/pre&gt;
&lt;p&gt;I am trying to get the instance of the RemoteWebDriver but the code above doesn't seem to work. I have to get a 2 separate URLs because of how internet explorer handles the login procedure. The code above worked when I was using just a normal webdriver but now that it is a RemoteWebDriver, IE is not being able to get the proper URL.&lt;/p&gt;
&lt;p&gt;It will work if I take out everything from login to &lt;code&gt;driver.get(URL);&lt;/code&gt; but only for Chrome and Firefox.&lt;/p&gt;</t>
  </si>
  <si>
    <t>2014-09-26 13:24:45.560000+00:00</t>
  </si>
  <si>
    <t>2016-12-13 12:11:59.693000+00:00</t>
  </si>
  <si>
    <t>selenium-grid</t>
  </si>
  <si>
    <t>TinyMCE does not display formatted text in editor</t>
  </si>
  <si>
    <t>&lt;p&gt;When I create formatted text in tinyMCE and save it to the database it works good, I can see the visible changes I made in the editor, and in the database the code looks great:&lt;/p&gt;
&lt;pre&gt;&lt;code&gt;&amp;lt;p&amp;gt;&amp;lt;span style="background-color: #888888; color: #99cc00;"&amp;gt;BLAAT&amp;lt;/span&amp;gt; Some other tekst&amp;lt;/p&amp;gt;
&lt;/code&gt;&lt;/pre&gt;
&lt;p&gt;But when I load the content from the database back into the editor it looks like plain text:
&lt;img src="https://i.stack.imgur.com/wztPX.jpg" alt="enter image description here"&gt;&lt;/p&gt;
&lt;p&gt;I can see no js errors or php errors, and I have no idea what so ever at the moment on where to look for possible mistakes. Any directions?&lt;/p&gt;</t>
  </si>
  <si>
    <t>2011-01-28 15:44:59.567000+00:00</t>
  </si>
  <si>
    <t>2011-02-01 08:19:01.887000+00:00</t>
  </si>
  <si>
    <t>php|javascript|jquery|mysql|tinymce</t>
  </si>
  <si>
    <t>Netezza: How does the WHERE clause influence the estimated rows number in query verbose plan?</t>
  </si>
  <si>
    <t>&lt;p&gt;I execute a simple query: &lt;/p&gt;
&lt;pre&gt;&lt;code&gt;SELECT * FROM TABLE1
WHERE ID &amp;gt; 9 AND ID &amp;lt; 11
&lt;/code&gt;&lt;/pre&gt;
&lt;p&gt;and the query verbose plan is:&lt;/p&gt;
&lt;blockquote&gt;
  &lt;p&gt;[SPU Sequential Scan table "TABLE1" {(TABLE1."ID")}]&lt;br&gt;
  -- &lt;strong&gt;Estimated Rows = 1&lt;/strong&gt;, ...&lt;/p&gt;
&lt;/blockquote&gt;
&lt;p&gt;But after changing the where clause to&lt;/p&gt;
&lt;pre&gt;&lt;code&gt;WHERE ID = 10
&lt;/code&gt;&lt;/pre&gt;
&lt;p&gt;the query verbose plan changes:&lt;/p&gt;
&lt;blockquote&gt;
  &lt;p&gt;[SPU Sequential Scan table "TABLE1" {(TABLE1."ID")}]&lt;br&gt;
  -- &lt;strong&gt;Estimated Rows = 1000&lt;/strong&gt;, ...&lt;/p&gt;
&lt;/blockquote&gt;
&lt;p&gt;(where 1000 is the total number of rows in TABLE1).&lt;/p&gt;
&lt;p&gt;Why is it so? How does the estimation work?&lt;/p&gt;</t>
  </si>
  <si>
    <t>2017-01-09 00:24:45.853000+00:00</t>
  </si>
  <si>
    <t>2017-01-14 00:10:14.877000+00:00</t>
  </si>
  <si>
    <t>database|sql-execution-plan|netezza|sqlperformance|sql-optimization</t>
  </si>
  <si>
    <t>Google / Yandex translation API equivalent?</t>
  </si>
  <si>
    <t>&lt;p&gt;I'm working on a project where I have about 100 million characters into four languages. Google's translation API is no longer free and it seems that other API's have serious limitations that preclude my ability to use them.&lt;/p&gt;
&lt;p&gt;I have evaluated Google, Yandex and Bing and none of them offer sufficient high bounds limits to make this work.  I'm completely drawing blanks here.&lt;/p&gt;
&lt;p&gt;Are there any unrestricted translation services that are comparable to Google or Yandex that offer essentially an unrestricted translation service that is very high quality?&lt;/p&gt;</t>
  </si>
  <si>
    <t>2013-10-18 14:44:00.470000+00:00</t>
  </si>
  <si>
    <t>2017-02-16 15:53:12.260000+00:00</t>
  </si>
  <si>
    <t>translation|google-translate</t>
  </si>
  <si>
    <t>Cast Iron Adapter vs http adapter</t>
  </si>
  <si>
    <t>&lt;p&gt;Im trying to find out what does the cast iron adapter give you that you cant achieve with a regular http adapter, they seem to be the same.&lt;/p&gt;
&lt;p&gt;Cant find any documentation that gives any specific additional functionality..&lt;/p&gt;</t>
  </si>
  <si>
    <t>2014-02-17 18:32:12.463000+00:00</t>
  </si>
  <si>
    <t>2014-02-17 19:20:40.547000+00:00</t>
  </si>
  <si>
    <t>ibm-mobilefirst|worklight-adapters</t>
  </si>
  <si>
    <t>WCF client self-signed certificate</t>
  </si>
  <si>
    <t>&lt;p&gt;I want to enable https for my WCF service and limit usage to only 1 client using client certificate. &lt;/p&gt;
&lt;p&gt;Can I generate self-signed client certificate and give it to the only client protected with password? and enable wcf to accept only that certificate?&lt;/p&gt;
&lt;p&gt;I don't want my client to use certificate provided by some CA, instead I want to give it's system my own generated one. &lt;/p&gt;
&lt;p&gt;&lt;strong&gt;EDIT&lt;/strong&gt;:&lt;/p&gt;
&lt;p&gt;As far as I've pointed, client certificates can be used for authentication because of Public/Private key architecture, Client has private key and encrypts data with it, server has it's public key and tries to decrypt data with it,( in RSA a data encrypted with private key can only decrypted with corresponding public key,) so if decryption succeeds server knows it was sent by particular client.&lt;/p&gt;</t>
  </si>
  <si>
    <t>2013-07-16 15:44:42.830000+00:00</t>
  </si>
  <si>
    <t>2013-07-26 07:21:23.663000+00:00</t>
  </si>
  <si>
    <t>2013-07-16 16:17:27.317000+00:00</t>
  </si>
  <si>
    <t>wcf|security|https|certificate|client-certificates</t>
  </si>
  <si>
    <t>Custom text field in wordpress</t>
  </si>
  <si>
    <t>&lt;p&gt;I am working on a site that has to have a box on the top left with a "welcome" header (h1) and text (p). I don't want to use a specific blog post for the content if there is a better way to do it.&lt;/p&gt;
&lt;p&gt;How can I make this happen? A screenshot is shown in the following picture. Oh and I'm not a Vanilla Ice  fan ;)&lt;/p&gt;
&lt;p&gt;&lt;img src="https://i.stack.imgur.com/2oS30.jpg" alt="enter image description here"&gt;&lt;/p&gt;</t>
  </si>
  <si>
    <t>2013-04-01 14:09:34.193000+00:00</t>
  </si>
  <si>
    <t>2013-04-01 14:17:41.357000+00:00</t>
  </si>
  <si>
    <t>php|wordpress|textfield</t>
  </si>
  <si>
    <t>Merit gem cron job to check and remove temporary badges</t>
  </si>
  <si>
    <t>&lt;p&gt;I have a badge rule like this;&lt;/p&gt;
&lt;pre&gt;&lt;code&gt;grant_on 'comments#create', badge: 'frequent-commenter', to: :user, temporary: true do |comment|
  comment.user.comments.where(:created_at.gte =&amp;gt; (Date.today - 30)).count &amp;gt;= 20
end
&lt;/code&gt;&lt;/pre&gt;
&lt;p&gt;User will lose the badge after sent a comment. But s/he will have the badge forever if s/he doesn't send a comment. &lt;/p&gt;
&lt;p&gt;Is it possible to check temporary badges and remove the ones which are not valid anymore?&lt;/p&gt;</t>
  </si>
  <si>
    <t>2014-08-25 17:27:46.477000+00:00</t>
  </si>
  <si>
    <t>2014-08-26 04:15:32.157000+00:00</t>
  </si>
  <si>
    <t>ruby-on-rails|merit-gem</t>
  </si>
  <si>
    <t>Login system in MVC 4 Using Razor and EF</t>
  </si>
  <si>
    <t>&lt;p&gt;I following &lt;a href="http://www.c-sharpcorner.com/uploadfile/raj1979/how-to-make-custom-login-register-and-logout-in-mvc-4-usin/" rel="nofollow noreferrer"&gt;this&lt;/a&gt; tutorial on creating a login system in MVC. I'm doing this for a friend however I am completely new to all of this and don't really have an much idea of what I'm doing. I have installed visual studio 2017 and have correctly written out all the required code, but whenever I try to sign in or register, the page basically freezes and doesn't respond, before the error page appears.&lt;/p&gt;
&lt;p&gt;Although I'm unsure, I believe its something to do with the connection to the database as I received this &lt;a href="https://i.stack.imgur.com/WHLbb.png" rel="nofollow noreferrer"&gt;error message&lt;/a&gt;, so I upgraded the database by adding a new connection using '(localdb)\MSSQLLocalDB' as the server name. Then after that, the sign in and register pages did not even load.&lt;/p&gt;
&lt;p&gt;So therefore, I am very stuck.
Any help will be appreciated,
Thanks. &lt;/p&gt;</t>
  </si>
  <si>
    <t>2017-11-04 13:44:24.880000+00:00</t>
  </si>
  <si>
    <t>2017-11-04 16:04:10.167000+00:00</t>
  </si>
  <si>
    <t>c#|asp.net-mvc|visual-studio|entity-framework|razor</t>
  </si>
  <si>
    <t>Which uses more RAM at run time, dynamic linking or static linking?</t>
  </si>
  <si>
    <t>&lt;p&gt;I know that dynamic linking are smaller on disk but do they use more RAM at run time. Why if so? &lt;/p&gt;</t>
  </si>
  <si>
    <t>2017-10-03 19:07:16.430000+00:00</t>
  </si>
  <si>
    <t>2017-10-08 07:41:44.580000+00:00</t>
  </si>
  <si>
    <t>c|dynamic|linker|static-linking</t>
  </si>
  <si>
    <t>Target specific divs with nth-child</t>
  </si>
  <si>
    <t>&lt;p&gt;I've this code :&lt;/p&gt;
&lt;p&gt;&lt;div class="snippet" data-lang="js" data-hide="false" data-console="true"&gt;_x000D_
&lt;div class="snippet-code"&gt;_x000D_
&lt;pre class="snippet-code-css lang-css prettyprint-override"&gt;&lt;code&gt;div {_x000D_
  width: 200px;_x000D_
  height: 200px;_x000D_
  background-color: #ececec;_x000D_
  margin-bottom: 10px;_x000D_
}&lt;/code&gt;&lt;/pre&gt;_x000D_
&lt;pre class="snippet-code-html lang-html prettyprint-override"&gt;&lt;code&gt;&amp;lt;div&amp;gt;&amp;lt;/div&amp;gt;_x000D_
&amp;lt;div&amp;gt;&amp;lt;/div&amp;gt;_x000D_
&amp;lt;div&amp;gt;&amp;lt;/div&amp;gt;_x000D_
&amp;lt;div&amp;gt;&amp;lt;/div&amp;gt;_x000D_
&amp;lt;div&amp;gt;&amp;lt;/div&amp;gt;_x000D_
&amp;lt;div&amp;gt;&amp;lt;/div&amp;gt;_x000D_
&amp;lt;div&amp;gt;&amp;lt;/div&amp;gt;_x000D_
&amp;lt;div&amp;gt;&amp;lt;/div&amp;gt;_x000D_
&amp;lt;div&amp;gt;&amp;lt;/div&amp;gt;&lt;/code&gt;&lt;/pre&gt;_x000D_
&lt;/div&gt;_x000D_
&lt;/div&gt;_x000D_
&lt;/p&gt;
&lt;p&gt;I want to target the 2nd div, then the 5th div, the 8th div etc. to change their background.&lt;/p&gt;</t>
  </si>
  <si>
    <t>2016-06-03 15:32:45.143000+00:00</t>
  </si>
  <si>
    <t>2016-06-03 15:39:35.783000+00:00</t>
  </si>
  <si>
    <t>2016-06-03 15:36:11.453000+00:00</t>
  </si>
  <si>
    <t>JavaFX stress test failed</t>
  </si>
  <si>
    <t>&lt;p&gt;We are looking into JavaFX 2.2 as a framework for building a desktop application. But before burning many developer hours we wanted to make sure that JavaFX is fit for the job, so we made a small stress test to see if it leaks resources. The test shows and hides a Stage, containing a Label and a Button, in a never ending loop. We would expect this to continue forever without problems, but after approx 15500 iterations we get this exception&lt;/p&gt;
&lt;pre&gt;&lt;code&gt;java.lang.RuntimeException: could not create platform window
at com.sun.glass.ui.Window.&amp;lt;init&amp;gt;(Window.java:180)
at com.sun.glass.ui.win.WinWindow.&amp;lt;init&amp;gt;(WinWindow.java:20)
at com.sun.glass.ui.win.WinApplication.createWindow(WinApplication.java:97)
at com.sun.javafx.tk.quantum.WindowStage.initPlatformWindow(WindowStage.java:131)
at com.sun.javafx.tk.quantum.WindowStage.init(WindowStage.java:82)
at com.sun.javafx.tk.quantum.QuantumToolkit.createTKStage(QuantumToolkit.java:501)
at javafx.stage.Stage.impl_visibleChanging(Stage.java:928)
at javafx.stage.Window$10.invalidated(Window.java:689)
at javafx.beans.property.BooleanPropertyBase.markInvalid(BooleanPropertyBase.java:127)
at javafx.beans.property.BooleanPropertyBase.set(BooleanPropertyBase.java:161)
at javafx.stage.Window.setShowing(Window.java:782)
at javafx.stage.Window.show(Window.java:797)
at javafx.stage.Stage.show(Stage.java:229)
at leaktest.FXMLController.showHideDialog(FXMLController.java:58)
&lt;/code&gt;&lt;/pre&gt;
&lt;p&gt;Our best guess is that show()/hide() on Stage leaks some resource, and dheapmon reveals that desktop heap memory is actually leaked during the test, but we don't hit the limit (20 MB on our test machine). GDI handle and USER handle limits are not the problem either since those handles are not leaked (according to Process explorer). Any suggestions to what causes the exception?&lt;/p&gt;</t>
  </si>
  <si>
    <t>2012-09-19 19:58:33.360000+00:00</t>
  </si>
  <si>
    <t>2014-08-04 17:51:38.693000+00:00</t>
  </si>
  <si>
    <t>javafx|stress-testing|resource-leak</t>
  </si>
  <si>
    <t>asp.net change default login page</t>
  </si>
  <si>
    <t>&lt;p&gt;I have a site where i added two separate login pages, one for users and another form admin then i used authorization in web.config &lt;strong&gt;file to block access to the admin files&lt;/strong&gt;.&lt;/p&gt;
&lt;pre&gt;&lt;code&gt;&amp;lt;system.web&amp;gt;
&amp;lt;authorization&amp;gt;
    &amp;lt;allow roles="Mod"/&amp;gt;
    &amp;lt;deny users="*"/&amp;gt;
&amp;lt;/authorization&amp;gt;
&lt;/code&gt;&lt;/pre&gt;
&lt;p&gt;&lt;/p&gt;
&lt;p&gt;and it work fine but the problem is it &lt;strong&gt;redirects to the users login page instead of the admin's&lt;/strong&gt;.&lt;/p&gt;
&lt;p&gt;so my question is there a &lt;strong&gt;way to change the default login page&lt;/strong&gt;?&lt;/p&gt;
&lt;p&gt;using asp.net 4.0 &lt;/p&gt;
&lt;p&gt;thanks.&lt;/p&gt;</t>
  </si>
  <si>
    <t>2012-03-18 18:25:17.797000+00:00</t>
  </si>
  <si>
    <t>asp.net|login|web-config|authorization</t>
  </si>
  <si>
    <t>Calculate the difference in two wind directions in python</t>
  </si>
  <si>
    <t>&lt;p&gt;How can I calculate the difference (WD_Bias) in two wind directions (in degrees) in python so that the results range from -180 to 180? Here is the code I have so far? Does this seem to do what I want or am I missing something else?&lt;/p&gt;
&lt;pre&gt;&lt;code&gt;WD_Bias = WD_model - WD_obs
WD_Bias[WD_Bias&amp;gt;180.]=360.-WD_Bias[WD_Bias&amp;gt;180.]
WD_Bias[WD_Bias&amp;lt;-180.]=WD_Bias[WD_Bias&amp;lt;-180.]+360.
&lt;/code&gt;&lt;/pre&gt;</t>
  </si>
  <si>
    <t>2016-11-29 03:08:34.240000+00:00</t>
  </si>
  <si>
    <t>2016-11-29 03:36:46.043000+00:00</t>
  </si>
  <si>
    <t>python|numpy|math</t>
  </si>
  <si>
    <t>save image to mysql database using php</t>
  </si>
  <si>
    <t>&lt;p&gt;I am trying to do upload my images to mysql database,i use this code for that.i have three table value id,name and image.&lt;/p&gt;
&lt;p&gt;&lt;div class="snippet" data-lang="js" data-hide="false"&gt;_x000D_
&lt;div class="snippet-code"&gt;_x000D_
&lt;pre class="snippet-code-html lang-html prettyprint-override"&gt;&lt;code&gt;&amp;lt;html&amp;gt;_x000D_
&amp;lt;body&amp;gt;_x000D_
&amp;lt;form  enctype="multipart/form-data" method="post"&amp;gt;&amp;lt;br/&amp;gt;_x000D_
&amp;lt;input type="file" name="image" /&amp;gt;&amp;lt;br/&amp;gt;&amp;lt;br/&amp;gt; _x000D_
&amp;lt;input type="submit" name="submit" value="upload" /&amp;gt;&amp;lt;br/&amp;gt;&amp;lt;br/&amp;gt; _x000D_
&amp;lt;/form&amp;gt;_x000D_
_x000D_
&amp;lt;?php_x000D_
_x000D_
   if(isset($_POST['submit'])){_x000D_
   if(getimagesize($_FILES['image']['tmp_name'])==FALSE)_x000D_
   {_x000D_
   echo "plese select an image";_x000D_
   }_x000D_
   else{_x000D_
    $image=addslashes($_FILES['image']['tmp_name']);_x000D_
    $name=addslashes($_FILES['image']['name']);_x000D_
 $image=file_get_contents($image);_x000D_
 $image=base64_encode($image);_x000D_
 saveimage($name,$image);_x000D_
 _x000D_
   }_x000D_
   }_x000D_
  _x000D_
   function saveimage()_x000D_
   {_x000D_
   $con=mysql_connect("localhost","root","");_x000D_
   mysql_select_db("test",$con);_x000D_
   $qry="insert into images(name,image) values('$name','$image')";_x000D_
   $result=mysql_query($qry,$con);_x000D_
   _x000D_
   if($result)_x000D_
   {_x000D_
   echo "&amp;lt;br/&amp;gt; Image upload";_x000D_
   }_x000D_
   else_x000D_
   {_x000D_
    echo "&amp;lt;br/&amp;gt; Image not upload";_x000D_
   }_x000D_
   }_x000D_
 _x000D_
   //mysql_close($con);_x000D_
 _x000D_
?&amp;gt;_x000D_
_x000D_
&amp;lt;/body&amp;gt;_x000D_
&amp;lt;/html&amp;gt;&lt;/code&gt;&lt;/pre&gt;_x000D_
&lt;/div&gt;_x000D_
&lt;/div&gt;_x000D_
&lt;/p&gt;
&lt;p&gt;when i upload image it will show&lt;/p&gt;
&lt;p&gt;Notice: Undefined variable: name in C:\xampp\htdocs\img\picinsert.php on line 32&lt;/p&gt;
&lt;p&gt;Notice: Undefined variable: image in C:\xampp\htdocs\img\picinsert.php on line 32&lt;/p&gt;
&lt;p&gt;Image upload
but when i check the table no image upload it..&lt;/p&gt;</t>
  </si>
  <si>
    <t>2015-12-10 16:23:17.927000+00:00</t>
  </si>
  <si>
    <t>2017-04-20 08:39:12.260000+00:00</t>
  </si>
  <si>
    <t>Reconnect MongoDB using MongoSkin ( Nodejs )</t>
  </si>
  <si>
    <t>&lt;p&gt;I have been using MongoSkin( Nodejs ) plugin to connect Mongodb as below. &lt;/p&gt;
&lt;pre&gt;&lt;code&gt;    var db = mongo.db(dbconfig.mongo_ip+'/'+dbconfig.mongo_db_name);
    db.collection('myprofile').findOne({_id:memberid}, function(err, session){
        if(err){
            db.close();
            console.log(err.stack);
        }
    })
&lt;/code&gt;&lt;/pre&gt;
&lt;p&gt;If i got the mongo connection error from node.js, then how do i reconnect the same using mongoskin,&lt;/p&gt;
&lt;pre&gt;&lt;code&gt;Mongo Connect errr: Error: failed to connect to [localhost:27017]
    at [object Object].&amp;lt;anonymous&amp;gt; (/usr/local/lib/node_modules/mongoskin/node_modules/mongodb/lib/mongodb/connection/server.js:184:51)
    at [object Object].emit (events.js:45:17)
    at [object Object].&amp;lt;anonymous&amp;gt; (/usr/local/lib/node_modules/mongoskin/node_modules/mongodb/lib/mongodb/connection/connection_pool.js:110:14)
    at [object Object].emit (events.js:45:17)
    at Socket.&amp;lt;anonymous&amp;gt; (/usr/local/lib/node_modules/mongoskin/node_modules/mongodb/lib/mongodb/connection/connection.js:301:10)
    at Socket.emit (events.js:42:17)
    at Array.33 (net.js:799:27)
    at EventEmitter._tickCallback (node.js:108:26)
&lt;/code&gt;&lt;/pre&gt;
&lt;p&gt;Please help me on this.&lt;/p&gt;</t>
  </si>
  <si>
    <t>2012-07-06 09:46:42.687000+00:00</t>
  </si>
  <si>
    <t>2012-07-10 06:54:36.590000+00:00</t>
  </si>
  <si>
    <t>node.js|mongodb|mongoskin</t>
  </si>
  <si>
    <t>include linearlayout from other layout android</t>
  </si>
  <si>
    <t>&lt;p&gt;I have a &lt;code&gt;layout.xml&lt;/code&gt; panel in &lt;code&gt;android(R.layout.items)&lt;/code&gt;:&lt;/p&gt;
&lt;pre&gt;&lt;code&gt;&amp;lt;?xml version="1.0" encoding="utf-8"?&amp;gt;
    &amp;lt;LinearLayout xmlns:android="http://schemas.android.com/apk/res/android"
        android:layout_width="match_parent"
        android:layout_height="match_parent"
        android:orientation="vertical" &amp;gt;
    &amp;lt;TextView
        android:layout_width="wrap_content"
        android:layout_height="wrap_content"
        android:text="textview1: " /&amp;gt;
    &amp;lt;LinearLayout
        android:id="@+id/Panel1"
        android:layout_width="fill_parent"
        android:layout_height="wrap_content"
        android:layout_marginTop="6dp"
        android:orientation="horizontal"
        android:padding="1dp" &amp;gt;
    &amp;lt;EditText
        android:id="@+id/agente2"
        android:layout_width="wrap_content"
        android:layout_height="wrap_content"
        android:layout_weight="0.1"
        android:maxLength="5"
        android:singleLine="true" /&amp;gt;
    &amp;lt;EditText
        android:id="@+id/agente2"
        android:layout_width="wrap_content"
        android:layout_height="wrap_content"
        android:layout_weight="0.3"
        android:enabled="false"
        android:singleLine="true" &amp;gt;
    &amp;lt;/EditText&amp;gt;
    &amp;lt;LinearLayout
        android:id="@+id/Panel2"
        android:layout_width="fill_parent"
        android:layout_height="wrap_content"
        android:layout_marginTop="6dp"
        android:orientation="horizontal"
        android:padding="1dp" &amp;gt;
    &amp;lt;CheckBox
        android:id="@+id/cbTipoIncidente1"
        android:layout_width="wrap_content"
        android:layout_height="wrap_content"
        android:text="CheckBox" /&amp;gt;
.....
&lt;/code&gt;&lt;/pre&gt;
&lt;p&gt;In this panel I have some &lt;code&gt;linearlayout&lt;/code&gt; that I want to add dynamically and programatically to another &lt;code&gt;layout(r.layout.other)&lt;/code&gt;:&lt;/p&gt;
&lt;p&gt;With inflate I can only add &lt;code&gt;r.layout&lt;/code&gt; resources and not &lt;code&gt;r.id&lt;/code&gt;. I'd like to add single view(for example panel1) to &lt;code&gt;r.layout.other&lt;/code&gt;. Any ideas?&lt;/p&gt;</t>
  </si>
  <si>
    <t>2013-02-25 09:13:24.307000+00:00</t>
  </si>
  <si>
    <t>2013-02-25 09:17:38.093000+00:00</t>
  </si>
  <si>
    <t>2013-02-25 09:16:36.643000+00:00</t>
  </si>
  <si>
    <t>android|xml|layout</t>
  </si>
  <si>
    <t>C3.js x-axis show every other categories</t>
  </si>
  <si>
    <t>&lt;p&gt;in my data, I have:
data = [d1, d2, d3, d4, d5, d6, ...., d100]; (d1-d100 are int or float)
labels = [v1, v2, v3, ..., v100]; (v1 - v100 are strings, categories in C3.js)&lt;/p&gt;
&lt;p&gt;Because there are 100 labels and hard to show all of them on x-axis, I only want to show every 5th or every 10th.&lt;/p&gt;
&lt;p&gt;If labels are integer, I can use culling in ticks;
If labels are time, I can use count in ticks;
But I didn't see any solution for categories.&lt;/p&gt;
&lt;p&gt;I tried to make invisible label as an empty string "", but in the C3 graph, the visible labels cannot show correctly, since empty strings takes space in the graph, even they are empty.&lt;/p&gt;
&lt;p&gt;I did the same thing in D3.js. But I don't want to use d3.js because some other feature in C3.js is better.&lt;/p&gt;
&lt;p&gt;Any better solution? &lt;/p&gt;</t>
  </si>
  <si>
    <t>2015-05-20 22:13:07.163000+00:00</t>
  </si>
  <si>
    <t>2015-05-22 05:57:25.740000+00:00</t>
  </si>
  <si>
    <t>javascript|d3.js|graph|c3.js</t>
  </si>
  <si>
    <t>Is there a SQL Wait Cursor?</t>
  </si>
  <si>
    <t>&lt;p&gt;I noticed that in Delphi, there is a SQL Wait Cursor where it shows an hourglass with the letters SQL underneath it.&lt;/p&gt;
&lt;p&gt;Is there a similar one available in .NET?&lt;/p&gt;</t>
  </si>
  <si>
    <t>2013-03-18 15:12:32.543000+00:00</t>
  </si>
  <si>
    <t>2013-03-18 15:14:43.657000+00:00</t>
  </si>
  <si>
    <t>.net</t>
  </si>
  <si>
    <t>How can I change the coffeescript class extends style to cc.Class.extends({ator:function(){} ...})?</t>
  </si>
  <si>
    <t>&lt;pre&gt;&lt;code&gt;class  Son extends Father   
&lt;/code&gt;&lt;/pre&gt;
&lt;p&gt;as coffeescript to js:&lt;/p&gt;
&lt;pre&gt;&lt;code&gt;Son = function(){ __extends=function(){...} .... Son::ator = function(){} return Son}
&lt;/code&gt;&lt;/pre&gt;
&lt;p&gt;but I need this:&lt;/p&gt;
&lt;pre&gt;&lt;code&gt;Son = Father.extends({ator:function (){}}) 
&lt;/code&gt;&lt;/pre&gt;
&lt;p&gt;When the bassClass is not a coffee class, the native 'extends' is not used for everything. So 
can I use the new style 'extends' by changing the coffeescript code, and if so, how?&lt;/p&gt;</t>
  </si>
  <si>
    <t>2014-07-19 09:09:10.897000+00:00</t>
  </si>
  <si>
    <t>2014-07-19 12:09:08.700000+00:00</t>
  </si>
  <si>
    <t>2014-07-19 09:35:35.150000+00:00</t>
  </si>
  <si>
    <t>javascript|coffeescript|extends</t>
  </si>
  <si>
    <t>mysqlimport not able to add an to an existing field with primary key</t>
  </si>
  <si>
    <t>&lt;p&gt;I tried using mysqlimport to load data into an existing record with a primary key. The csv also had the primary key same as the one in the record. But the insert was skipped due to duplicate primary key. Is there any way mysqlimport can be used to insert into such an existing record.&lt;/p&gt;
&lt;p&gt;I do not want to do --replace as the data existing in the record is also necessary&lt;/p&gt;
&lt;p&gt;Thanks in advance&lt;/p&gt;</t>
  </si>
  <si>
    <t>2014-01-08 14:19:34.467000+00:00</t>
  </si>
  <si>
    <t>2014-01-09 10:36:52.250000+00:00</t>
  </si>
  <si>
    <t>mysql|database|duplicates|primary-key|mysqlimport</t>
  </si>
  <si>
    <t>Alternative authentication if certificate authentication fails (IIS,C#,ASP.NET MVC3)</t>
  </si>
  <si>
    <t>&lt;p&gt;Our project(web application &lt;code&gt;C# ASP.NET MVC3&lt;/code&gt;) is hosted on &lt;code&gt;IIS 7.5&lt;/code&gt; and we use certificate authentication. So we have SSL-require configured &lt;code&gt;IIS&lt;/code&gt;. &lt;/p&gt;
&lt;p&gt;Now we have a business task to allow some users to use our system. And there is no way to provide client certificates for them. In that case we need to use some additional authentication model (user-password or ntdomain based).&lt;/p&gt;
&lt;p&gt;I don't know how to realize such model:&lt;/p&gt;
&lt;ol&gt;
&lt;li&gt;User gets on our project url;&lt;/li&gt;
&lt;li&gt;If he has valid client certificate - we let him iteract with our application; &lt;/li&gt;
&lt;li&gt;If he hasn't cert we show him a login form with "user-password";&lt;/li&gt;
&lt;/ol&gt;
&lt;p&gt;If we use SSL-required configured &lt;code&gt;IIS&lt;/code&gt; users would not be able to iteract with application without valid certificate at all right? And how to authenticate with certificate if &lt;code&gt;IIS&lt;/code&gt; is configured with SSL-Accept?&lt;/p&gt;</t>
  </si>
  <si>
    <t>2012-09-17 13:00:59.893000+00:00</t>
  </si>
  <si>
    <t>2012-10-04 07:20:55.723000+00:00</t>
  </si>
  <si>
    <t>2012-09-17 18:32:47.797000+00:00</t>
  </si>
  <si>
    <t>asp.net-mvc-3|c#-4.0|authentication|iis-7.5</t>
  </si>
  <si>
    <t>Terminology: If I remove all but one value sharing a key from a MultiMap, what have I done?</t>
  </si>
  <si>
    <t>&lt;p&gt;Suppose that I have a multimap (which maps multiple values to a single key), and then I decide that I need to remove all but the first/last/predicate-matching value for all keys.  After this operation, I have a traditional map (which maps a single value to a single key).&lt;/p&gt;
&lt;p&gt;Is there a word that describes this operation?  The best I've come up with is "remove-duplicates", but it doesn't feel right. "filter" feels too generic. "trim" is a string operation. "compact" / "compress" carry the wrong connotations (i.e. reversibility).&lt;/p&gt;
&lt;p&gt;EDIT: I eventually went with "Collapse" based on the idea that &lt;code&gt;multimap[i] is (y1, y2, ... yn)&lt;/code&gt; which describes a curve, and that I wanted to "collapse the curve to a single point" using a "priority function" to select the first element.  I hope that makes sense.&lt;/p&gt;</t>
  </si>
  <si>
    <t>2010-04-23 16:35:03.413000+00:00</t>
  </si>
  <si>
    <t>2010-04-27 16:47:49.447000+00:00</t>
  </si>
  <si>
    <t>map|terminology|multimap</t>
  </si>
  <si>
    <t>How does setTimeout(console.log.bind(console, "something")) work?</t>
  </si>
  <si>
    <t>&lt;p&gt;After reading &lt;a href="https://stackoverflow.com/questions/34762774/how-to-hide-source-of-log-messages-in-console"&gt;How to hide source of Log messages in Console?&lt;/a&gt; , I'm confused about how this command works. &lt;/p&gt;
&lt;p&gt;I try to not use setTimeout to wrap it, but the console log always show the source of log messages. Even I try to see the stack trace, it just shows nothing like the second line:
&lt;a href="https://i.stack.imgur.com/VBypJ.png" rel="nofollow noreferrer"&gt;&lt;img src="https://i.stack.imgur.com/VBypJ.png" alt="enter image description here"&gt;&lt;/a&gt;&lt;/p&gt;
&lt;p&gt;What does the &lt;code&gt;setTimeout(console.log.bind(console, "something"))&lt;/code&gt; do?
And it seems cannnot remove setTimeout? &lt;/p&gt;
&lt;p&gt;is there any other way to do the same thing?&lt;/p&gt;</t>
  </si>
  <si>
    <t>2016-05-25 07:31:14.547000+00:00</t>
  </si>
  <si>
    <t>2016-05-25 08:07:03.420000+00:00</t>
  </si>
  <si>
    <t>2017-05-23 11:44:22.297000+00:00</t>
  </si>
  <si>
    <t>Python: redirect text parsing output to CSV file</t>
  </si>
  <si>
    <t>&lt;p&gt;I want to write a simple script which will parse a text file of mine.
Pattern is the following: &lt;/p&gt;
&lt;pre&gt;&lt;code&gt;0.061024 seconds for Process 0 to send.
0.060062 seconds for Process 1 to receive.
&lt;/code&gt;&lt;/pre&gt;
&lt;p&gt;This goes on in a loop.&lt;/p&gt;
&lt;p&gt;The python file looks like this:&lt;/p&gt;
&lt;pre&gt;&lt;code&gt;import fileinput, csv
data = []
for line in fileinput.input():
    time, sep, status = line.partition("seconds")
    if sep:
    print(time.strip())
with open('result.csv', 'w') as f:
w = csv.writer(f)
w.writerow('send receive'.split())
w.writerows(data)
&lt;/code&gt;&lt;/pre&gt;
&lt;p&gt;this gives me the desired output on the bash and also creates two columns with the send and receive. How do I fill them with input which is printed by&lt;/p&gt;
&lt;pre&gt;&lt;code&gt;print(time.strip())
&lt;/code&gt;&lt;/pre&gt;
&lt;p&gt;I would like to have this output in a CSV file in two columns.&lt;/p&gt;
&lt;p&gt;how shall I do it?&lt;/p&gt;</t>
  </si>
  <si>
    <t>2013-10-30 15:09:22.393000+00:00</t>
  </si>
  <si>
    <t>2013-10-30 15:49:30.033000+00:00</t>
  </si>
  <si>
    <t>Elegant way to SELECT a fraction satisfying a WHERE clause</t>
  </si>
  <si>
    <t>&lt;p&gt;I have a SQL table with the following schema:&lt;/p&gt;
&lt;p&gt;{playerId, playSessionLength, timestamp}&lt;/p&gt;
&lt;p&gt;I'm would like to find, within some time range, the percentage of play sessions that are less than 10 seconds.&lt;/p&gt;
&lt;p&gt;I know how to do this ugly, with two queries:&lt;/p&gt;
&lt;pre&gt;&lt;code&gt;select count(*) from playData where timestamp &amp;gt; start and timestamp &amp;lt; end
select count(*) from playData where timestamp &amp;gt; start and timestamp &amp;lt; end and playSessionLength &amp;lt; 10
&lt;/code&gt;&lt;/pre&gt;
&lt;p&gt;And then doing the division of B / A.&lt;/p&gt;
&lt;p&gt;My question is, what is the cleanest, most elegant way to do this with a single query?&lt;/p&gt;</t>
  </si>
  <si>
    <t>2014-01-14 23:44:39.193000+00:00</t>
  </si>
  <si>
    <t>2014-01-14 23:46:43.720000+00:00</t>
  </si>
  <si>
    <t>resize and crop image to fit ios device</t>
  </si>
  <si>
    <t>&lt;p&gt;I'm having several images in various different sizes which I'm going to use in an iOS app. However since all images is different sizes it means some are tough for the application to render. Therefore I would like to crop and resize it to fit the iPhone app. The issue is that since the images are completely different sizes it is hard to do this. I want to crop it to something similar to this effect where the image has a specific size, but covers and is centered?&lt;/p&gt;
&lt;pre&gt;&lt;code&gt;width: 100%;
height: 200px;
background-size: cover;
background-position: center; 
&lt;/code&gt;&lt;/pre&gt;</t>
  </si>
  <si>
    <t>2015-06-03 22:52:39.600000+00:00</t>
  </si>
  <si>
    <t>2015-06-06 21:24:16.950000+00:00</t>
  </si>
  <si>
    <t>php|image</t>
  </si>
  <si>
    <t>Making use of the ValidationException class</t>
  </si>
  <si>
    <t>&lt;p&gt;I have a situation where one of our developers wants to put a standard in place where we throw System.ComponentModel.DataAnnotations.ValidationExceptions in all our apps moving forward.  An example would be that a user enters bad data into a form and our business logic layer throws a ValidationException which is handled at the calling layer.&lt;/p&gt;
&lt;p&gt;However, I'm worried that this exception class is being used out of context and that one day we'll using some Dynamic Data Controls which make use of this exception and it will be difficult to tell the difference between when he's making use of the ValidationException vs times that the Dynamic Controls raise the exception.  &lt;/p&gt;
&lt;p&gt;We already use a custom exception class called something like "OurCustomException" and I think it would be better to just subclass off of that and create a OurCustomValidationException class.   This way exceptions of different types can be clear cut. &lt;/p&gt;
&lt;p&gt;Any opinions?  &lt;/p&gt;</t>
  </si>
  <si>
    <t>2011-02-22 18:19:06.493000+00:00</t>
  </si>
  <si>
    <t>2014-06-03 16:01:37.790000+00:00</t>
  </si>
  <si>
    <t>c#|.net|validation|exception|exception-handling</t>
  </si>
  <si>
    <t>.schema for postgres</t>
  </si>
  <si>
    <t>&lt;p&gt;I'm migrating a database from sqlite3 to postgres and am wondering if there are any short tutorials that can teach me the new syntax. &lt;/p&gt;
&lt;p&gt;Also, as a short term question, how do I see the schema of a postgres table which is equivalent to &lt;code&gt;.schema&lt;/code&gt; in sqlite?&lt;/p&gt;</t>
  </si>
  <si>
    <t>2011-08-22 21:51:44.553000+00:00</t>
  </si>
  <si>
    <t>2012-02-14 11:49:53.273000+00:00</t>
  </si>
  <si>
    <t>sqlite|postgresql</t>
  </si>
  <si>
    <t>Why observer notifications for timer and input sources are delivered before those events actually occur in run loop sequence of events</t>
  </si>
  <si>
    <t>&lt;p&gt;I am learning how to use NSRunLoop and reading Apple Doc about Run Loops chapter.&lt;/p&gt;
&lt;p&gt;I am confused about some description about how the doc states about the the run loop sequence of events&lt;/p&gt;
&lt;blockquote&gt;
  &lt;p&gt;Because observer notifications for timer and input sources are delivered before those events actually occur, there may be a gap between the time of the notifications and the time of the actual events. If the timing between these events is critical, you can use the sleep and awake-from-sleep notifications to help you correlate the timing between the actual events&lt;/p&gt;
&lt;/blockquote&gt;
&lt;p&gt;&lt;a href="https://developer.apple.com/library/ios/documentation/Cocoa/Conceptual/Multithreading/RunLoopManagement/RunLoopManagement.html" rel="nofollow"&gt;Here is doc link&lt;/a&gt;&lt;/p&gt;
&lt;p&gt;It says observer notifications for timer and input sources are delivered before those events actually occur. Since those events being not happened, how does run loop knows those events are about to happen and sends notifications for thoes events in advance?&lt;/p&gt;</t>
  </si>
  <si>
    <t>2015-05-18 04:44:23.923000+00:00</t>
  </si>
  <si>
    <t>2015-05-21 03:18:12.810000+00:00</t>
  </si>
  <si>
    <t>2015-05-18 05:49:57.863000+00:00</t>
  </si>
  <si>
    <t>objective-c|cocoa|nsrunloop</t>
  </si>
  <si>
    <t>Rails - Google Cloud messaging rpush gem</t>
  </si>
  <si>
    <t>&lt;p&gt;I am following the installation instruction of &lt;a href="https://github.com/rpush/rpush" rel="nofollow"&gt;rpush&lt;/a&gt; gem and I am done with migrations, then the next instruction says to write :&lt;/p&gt;
&lt;pre&gt;&lt;code&gt;app = Rpush::Gcm::App.new
app.name = "android_app"
app.auth_key = "..."
app.connections = 1
app.save!
&lt;/code&gt;&lt;/pre&gt;
&lt;hr&gt;
&lt;pre&gt;&lt;code&gt;n = Rpush::Gcm::Notification.new
n.app = Rpush::Gcm::App.find_by_name("android_app")
n.registration_ids = ["token", "..."]
n.data = { message: "hi mom!" }
n.save!
&lt;/code&gt;&lt;/pre&gt;
&lt;p&gt;I am new to rails so where exactly should i write this could and how to run it and connect it with the Android clients.&lt;/p&gt;</t>
  </si>
  <si>
    <t>2015-02-20 08:57:24.393000+00:00</t>
  </si>
  <si>
    <t>2015-05-14 09:11:17.363000+00:00</t>
  </si>
  <si>
    <t>android|ruby-on-rails|ruby|google-cloud-messaging|server-push</t>
  </si>
  <si>
    <t>WooCommerce Products Filter (WOOF) �� Price filter by regular price</t>
  </si>
  <si>
    <t>&lt;p&gt;Would you please tell me how to solve the issue?
Each product have price (on sale) and regular price. Sometimes I need to disable discounts. I create hook which hide price on sale on category page and product page, but on price range filter shows price on sale. What i should do to WOOF work by regular price?&lt;/p&gt;
&lt;p&gt;ps. i have theme flag which means hides discounts or shows&lt;/p&gt;
&lt;pre&gt;&lt;code&gt;global $theme;
$disable_discounts = $theme-&amp;gt;get('disable_discounts');
&lt;/code&gt;&lt;/pre&gt;</t>
  </si>
  <si>
    <t>2018-09-24 15:25:51.847000+00:00</t>
  </si>
  <si>
    <t>What's the best way to keep track of ActiveRecord's i18n validation messages?</t>
  </si>
  <si>
    <t>&lt;p&gt;I'm constantly forgetting to translate things like &lt;code&gt;activerecord.errors.models.user.attributes.name.blank&lt;/code&gt; in all my app's languages. Does anyone have any advice for keeping track of where translations are missing?&lt;/p&gt;</t>
  </si>
  <si>
    <t>2011-06-30 22:57:43.280000+00:00</t>
  </si>
  <si>
    <t>2011-07-27 22:29:31.307000+00:00</t>
  </si>
  <si>
    <t>ruby-on-rails|activerecord|internationalization</t>
  </si>
  <si>
    <t>.NET remoting threading model</t>
  </si>
  <si>
    <t>&lt;p&gt;I would like to know how threads are handled on the server side using MarshalByRef objects.&lt;/p&gt;
&lt;p&gt;Given my remoted MarshalByRef class:&lt;/p&gt;
&lt;pre&gt;&lt;code&gt;public class MyRemotedClass : MarshalByRef
{
  public int MyInt;
  public string MyString;
}
&lt;/code&gt;&lt;/pre&gt;
&lt;p&gt;Client code (single threaded):&lt;/p&gt;
&lt;pre&gt;&lt;code&gt;MyRemotedClass m = GetSomehowMyRemotedClass(); 
m.MyInt = 5; // Write operation 1
m.MyString = "Hello World"; // Write operation 2
&lt;/code&gt;&lt;/pre&gt;
&lt;p&gt;On the server side, we have the two write operations. I assume that the thread is from the ThreadPool. However, since the class is MarshalByRef, both opeations are separate remote procedure calls. Are they going to run on separate thread? If yes, can it occur that operation 2 is going to be executed before operation 1 finishes?&lt;/p&gt;
&lt;p&gt;PS: Making MyRemotedClass MarshalByRef is BAD decision. But I am not allowed to change that, so please do not propose that.&lt;/p&gt;</t>
  </si>
  <si>
    <t>2009-02-08 08:44:04.540000+00:00</t>
  </si>
  <si>
    <t>2009-02-08 09:24:18.250000+00:00</t>
  </si>
  <si>
    <t>Mr. Lame</t>
  </si>
  <si>
    <t>.net|multithreading|remoting|marshalbyrefobject</t>
  </si>
  <si>
    <t>Using Watin in web app does not work on Server</t>
  </si>
  <si>
    <t>&lt;p&gt;I am trying to webscrap neteller account balance from web app ASP.NET MVC, IIS 7.5 on Windows Server 2008 using WatiN's IE instance. My app works fine on local Windows 7, IIS, IE11, but on server 2008 with IE10, it seems that it can't type text in form and/or click on submit, when site is https.
When testing http site, typing search string and clicking on submit button works fine.
App pool identity is set to Local System, by experimenting. I disabled IE enhanced security, but with no luck. Any help would be appreciated, because I'm finished with ideas. Only workaround I thought about is script in powershell, running periodically and writing balance somewhere to database, and web app which will get balance from database.&lt;/p&gt;</t>
  </si>
  <si>
    <t>2014-11-20 00:42:56.243000+00:00</t>
  </si>
  <si>
    <t>2015-04-30 19:11:34.250000+00:00</t>
  </si>
  <si>
    <t>2014-11-20 23:07:21.100000+00:00</t>
  </si>
  <si>
    <t>c#|asp.net-mvc|watin</t>
  </si>
  <si>
    <t>JQuery File upload 400 POST bad request</t>
  </si>
  <si>
    <t>&lt;p&gt;I keep running into a brick wall 400 POST error when trying to upload to my Flask server.  I understand this may mean the response my server is receiving is not compatible.  Any insights on how to make this work would be awesome.&lt;/p&gt;
&lt;p&gt;Flask:&lt;/p&gt;
&lt;pre&gt;&lt;code&gt;@app.route('/uploads', methods=['GET','POST'])
def uploads():
     if request.method == 'POST':
        files = []
        file = request.files['files[]']
        # if file and allowed_file(file.filename):
        if file:
            print 'its allowed'
            filename = (file.filename)
            file.save(os.path.join(DefaultConfig.UPLOAD_PATH, filename))
            f = {
                'name': filename
            }
            files.append(f)
            return jsonify(files=files)
          #  return jsonify({'status': 'success'}), 201
     pass
&lt;/code&gt;&lt;/pre&gt;
&lt;p&gt;JQuery:&lt;/p&gt;
&lt;pre&gt;&lt;code&gt;        &amp;lt;script&amp;gt;
    $(document).ready(function($) {
        // Initialize the jQuery File Upload widget
        $('#fileupload').fileupload({
          url: 'https://1d805e8f.ngrok.io/uploads',
            done: function (e, data) {
                $.each(data.result.files, function (index, file) {
                    var message = 'Upload complete: ' + file.name + ' (' +
                        file.size + ' bytes)';
                    $('&amp;lt;p/&amp;gt;').text(message).appendTo(document.body);
                    console.log(message);
                });
            }
        });
        // setup videojs-record
        var player = videojs('myVideo',
        {
            controls: true,
            width: 600,
            height: 300,
            plugins: {
                record: {
                    audio: true,
                    video: true,
                    maxLength: 20,
                    debug: true
                }
            }
        });
        // player error handling
        player.on('deviceError', function()
        {
            console.warn('device error:', player.deviceErrorCode);
        });
        player.on('error', function(error)
        {
            console.log('error:', error);
        });
        // data is available
        player.on('finishRecord', function()
        {
            // the blob object contains the audio data
            var audioFile = player.recordedData;
            console.log('finished recording: ', audioFile);
            // upload data to server
            var filesList = [audioFile];
            $('#fileupload').fileupload('add', {files: filesList});
        });
    });
&lt;/code&gt;&lt;/pre&gt;
&lt;p&gt;HTML&lt;/p&gt;
&lt;pre&gt;&lt;code&gt;    &amp;lt;input id="fileupload" type="file" name="files[]" multiple&amp;gt;
&lt;/code&gt;&lt;/pre&gt;</t>
  </si>
  <si>
    <t>2017-02-08 06:44:23.313000+00:00</t>
  </si>
  <si>
    <t>jquery|file-upload|flask|jquery-file-upload|blueimp</t>
  </si>
  <si>
    <t>Jquery get browser console log</t>
  </si>
  <si>
    <t>&lt;p&gt;It is possible to get with JQuery the browser console log. &lt;/p&gt;
&lt;p&gt;I want to save it like error log to view user actions if have errors.. I try some solutions finded in search engines but does not have effect.&lt;/p&gt;</t>
  </si>
  <si>
    <t>2015-11-08 06:49:12.370000+00:00</t>
  </si>
  <si>
    <t>2015-11-10 08:11:41.077000+00:00</t>
  </si>
  <si>
    <t>jquery|logging|console</t>
  </si>
  <si>
    <t>Laravel Blade, Yield a default partial appears to have stopped working properly</t>
  </si>
  <si>
    <t>&lt;p&gt;This has been working fine before, but I just updated all my composer files and now I'm having a bit of an issue with Laravel Blade. Laravel version is &lt;code&gt;5.4.28&lt;/code&gt;.&lt;/p&gt;
&lt;p&gt;I have this partial (&lt;code&gt;calculator/leopardgeckos/partials/ogtags.blade.php&lt;/code&gt;):&lt;/p&gt;
&lt;pre&gt;&lt;code&gt;&amp;lt;link rel="canonical" href="https://reptimatecalculator.com" /&amp;gt;
&amp;lt;meta property="fb:app_id" content="1795251550755689"&amp;gt;
&amp;lt;meta property="og:url" content="https://reptimatecalculator.com" /&amp;gt;
&amp;lt;meta property="og:type" content="website" /&amp;gt;
&amp;lt;meta property="og:locale" content="en_GB" /&amp;gt;
&amp;lt;meta property="og:title" content="ReptiMate - Leopard Gecko &amp;amp;amp; African Fat Tail Gecko Genetics Calculator" /&amp;gt;
&amp;lt;meta property="og:description" content="ReptiMate Calculator was built from the ground up to create an accurate genetics calculator for Leopard Geckos &amp;amp; African Fat Tailed Geckos. You'll get a list of outcomes including percentage chance of recessive genes being carried over, a punnet square of genetics and also a percentage table denoting likelihood of certain combos hatching." /&amp;gt;
&amp;lt;meta property="og:image" content="{{ url('images/reptimate-og-image.jpg') }}" /&amp;gt;
&lt;/code&gt;&lt;/pre&gt;
&lt;p&gt;And I'm trying to call it in my layout file like so:&lt;/p&gt;
&lt;pre&gt;&lt;code&gt;@yield('ogtags', View::make('calculator.leopardgeckos.partials.ogtags'))
&lt;/code&gt;&lt;/pre&gt;
&lt;p&gt;So if nothing is set in the &lt;code&gt;ogtags&lt;/code&gt; section in other template files, it defaults to this partial.&lt;/p&gt;
&lt;p&gt;However, what it's actually doing is printing this to the screen:&lt;/p&gt;
&lt;p&gt;&lt;a href="https://i.stack.imgur.com/7wUa0.png" rel="nofollow noreferrer"&gt;&lt;img src="https://i.stack.imgur.com/7wUa0.png" alt="enter image description here"&gt;&lt;/a&gt;&lt;/p&gt;
&lt;p&gt;I can't work out what's causing my error, this has been working fine for a while now. Has anyone else come across this at all?&lt;/p&gt;</t>
  </si>
  <si>
    <t>2017-07-11 15:59:16.867000+00:00</t>
  </si>
  <si>
    <t>2018-07-11 09:12:56.960000+00:00</t>
  </si>
  <si>
    <t>php|laravel|laravel-5|laravel-5.4</t>
  </si>
  <si>
    <t>Get Server side values to Client side</t>
  </si>
  <si>
    <t>&lt;p&gt;Here i'm going to get Server side values to client side.&lt;/p&gt;
&lt;p&gt;aspx&lt;/p&gt;
&lt;pre&gt;&lt;code&gt;&amp;lt;a href="#" class="alert-link"&amp;gt;Welcome &amp;lt;%=GetUserName();%&amp;gt;&amp;lt;/a&amp;gt; &amp;lt;-- problem in here
&lt;/code&gt;&lt;/pre&gt;
&lt;p&gt;aspx.cs&lt;/p&gt;
&lt;pre&gt;&lt;code&gt;public string GetUserName()
{
    string name;
    MembershipUser usr = Membership.GetUser();
    name = usr.UserName; //&amp;lt;-- Correct names come to here
    return name;
}
&lt;/code&gt;&lt;/pre&gt;</t>
  </si>
  <si>
    <t>2014-04-09 15:15:21.343000+00:00</t>
  </si>
  <si>
    <t>2014-04-09 15:30:57.083000+00:00</t>
  </si>
  <si>
    <t>2014-04-09 15:17:48.957000+00:00</t>
  </si>
  <si>
    <t>cloudfront securing files in amazon s3?</t>
  </si>
  <si>
    <t>&lt;p&gt;I have uploaded my file to amazon s3 bucket.
on clicking the uploaded file in s3 it gives me the properties of the uploaded file and the link for the uploaded file.When i copy paste the link in a browzer the file gets downloaded.&lt;/p&gt;
&lt;p&gt;my bucket policy is as below.&lt;/p&gt;
&lt;pre&gt;&lt;code&gt;{
    "Version": "2008-10-17",
    "Statement": [
        {
            "Sid": "1",
            "Effect": "Allow",
            "Principal": {
                "AWS": "*"
            },
            "Action": "s3:GetObject",
            "Resource": "arn:aws:s3:::my-bucket-name/*"
        }
    ]
}
&lt;/code&gt;&lt;/pre&gt;
&lt;p&gt;But i donot want my audio/video/image files to get downloaded when we copy paste the link in a browzer..Instead the audio/video/image file to be displayed only through my website.
To achieve this i have used ,&lt;/p&gt;
&lt;pre&gt;&lt;code&gt;npm aws-cloudfront-sign 
cfUtil = require(aws-cloudfront-sign )
&lt;/code&gt;&lt;/pre&gt;
&lt;p&gt;i have created a signed url using the above npm module:&lt;/p&gt;
&lt;pre&gt;&lt;code&gt;var cfKeypairId = 'AJDS2LD3KSD5SJSDKJSA(sample key pair)';
var cfURL = 'http://my_domain_name'+file_path;  
//my domain name is something that starts with smb...cloudfront.net  
var signedUrl = cfUtil.getSignedUrl(cfURL, {
  keypairId: cfKeypairId,
  expireTime: Date.now() + 60000,
  privateKeyString: ???
});
&lt;/code&gt;&lt;/pre&gt;
&lt;p&gt;what should i give in private key string????
what should be my bucket policy?
what should i do with CName's?
can somebody tell this in brief?&lt;/p&gt;</t>
  </si>
  <si>
    <t>2017-08-25 06:16:48.143000+00:00</t>
  </si>
  <si>
    <t>2017-08-29 06:14:34.817000+00:00</t>
  </si>
  <si>
    <t>node.js|amazon-s3|amazon-cloudfront</t>
  </si>
  <si>
    <t>Oracle SQL - Listagg with Rtrim and Regexp - Duplicates still present</t>
  </si>
  <si>
    <t>&lt;p&gt;I am using LISTAGG with RTRIM and REGEXP_REPLACE to create a comma delimited list of Test Scores but remove duplicates.&lt;/p&gt;
&lt;p&gt;The problem is that there are still duplicates.  &lt;/p&gt;
&lt;p&gt;The data given below is directly from the SORTEST table. (SELECT * FROM SORTEST WHERE SORTEST_PIDM = '260670')  I did eliminate the columns I am not using.&lt;/p&gt;
&lt;p&gt;&lt;strong&gt;Q1: Why are there duplicates?&lt;/strong&gt;&lt;/p&gt;
&lt;p&gt;&lt;strong&gt;Q2: How can they be eliminated?&lt;/strong&gt;&lt;/p&gt;
&lt;p&gt;I think it may have to do with there being two sets of A01-A05 scores.  It only happens on persons with more than one set of A scores.  This does not make sense to me though since I am looking for scores LIKE 'A%B'  &lt;/p&gt;
&lt;p&gt;&lt;strong&gt;CODE:&lt;/strong&gt;&lt;/p&gt;
&lt;pre&gt;&lt;code&gt;SELECT DISTINCT 
SP.SPRIDEN_ID AS "STUDENT_ID",
t2.sortest_pidm, 
SP.SPRIDEN_LAST_NAME AS "LAST",
SP.SPRIDEN_FIRST_NAME AS "FIRST",
RTRIM(
REGEXP_REPLACE(
(
listagg ((T2.SORTEST_TESC_CODE || '-' || T2.SORTEST_TEST_SCORE), ', ')
WITHIN GROUP (ORDER BY  SP.SPRIDEN_ID) 
OVER (PARTITION BY SP.SPRIDEN_ID)),
           '([^-]*)(-\1)+($|-)', 
           '\1\3'),
         '-') TEST
FROM 
SPRIDEN SP
left outer join SPBPERS B on SP.spriden_pidm = b.spbpers_pidm
JOIN SORTEST T2 ON T2.SORTEST_PIDM = SP.SPRIDEN_PIDM 
WHERE
SP.SPRIDEN_CHANGE_IND IS NULL
AND B.SPBPERS_DEAD_IND IS NULL
AND B.SPBPERS_CONFID_IND &amp;lt;&amp;gt; 'Y'
AND T2.SORTEST_TADM_CODE IS NULL
AND 
T2.SORTEST_TESC_CODE IN ('CM1B', 'CM2B', 'CR1B', 'CW1B', 'A01B', 'A02B', 'A03B', 'A04B', 
                        'A05B', 'S01B', 'S02B', 'S95B', 'DSPW', 'DSPR', 'DSPM') 
                        AND sP.spriden_change_ind is null 
AND SP.SPRIDEN_ID IN ( 'A00154876')
&lt;/code&gt;&lt;/pre&gt;
&lt;p&gt;&lt;strong&gt;Data&lt;/strong&gt; 
Please note that SORTEST_PIDM = SPRIDEN_PIDM.  I did not include the SPRIDEN ID or name because I wanted to simplify the data section.&lt;br&gt;&lt;/p&gt;
&lt;pre&gt;
+--------------+-------------------+-------------------+--------------------+
| SORTEST_PIDM | SORTEST_TESC_CODE | SORTEST_TEST_DATE | SORTEST_TEST_SCORE |
+--------------+-------------------+-------------------+--------------------+
|              |                   |                   |                    |
|       260670 | A01               | 1-Mar-12          |                 20 |
|       260670 | A01               | 1-Oct-12          |                 22 |
|       260670 | A01B              | 9-Jan-13          |                 22 |
|       260670 | A02               | 1-Mar-12          |                 19 |
|       260670 | A02               | 1-Oct-12          |                 19 |
|       260670 | A02B              | 5-Jun-12          |                 19 |
|       260670 | A03               | 1-Mar-12          |                 21 |
|       260670 | A03               | 1-Oct-12          |                 19 |
|       260670 | A03B              | 5-Jun-12          |                 21 |
|       260670 | A04               | 1-Mar-12          |                 23 |
|       260670 | A04               | 1-Oct-12          |                 22 |
|       260670 | A04B              | 5-Jun-12          |                 23 |
|       260670 | A05               | 1-Mar-12          |                 21 |
|       260670 | A05               | 1-Oct-12          |                 21 |
|       260670 | A05B              | 5-Jun-12          |                 21 |
|       260670 | DSPM              | 5-Jun-12          |                  4 |
|       260670 | DSPR              | 5-Jun-12          |                  4 |
|       260670 | DSPW              | 5-Jun-12          |                  4 |
+--------------+-------------------+-------------------+--------------------+
&lt;/pre&gt;
&lt;p&gt;&lt;strong&gt;Results:&lt;/strong&gt;&lt;/p&gt;
&lt;pre&gt;
+------------+--------------+--------+--------+------------------------------------------------+
| STUDENT_ID | SORTEST_PIDM |  LAST  | FIRST  |                    TEST                        |
+------------+--------------+--------+--------+------------------------------------------------+
| A00154876  | 260670       | Fowler | Martin | A01B-22, A02B-19, A03B-21, A04B-23, A05B-21,   |
|            |              |        |        | DSPM-4, DSPR-4, DSPW-4,                        |
|            |              |        |        | A01B-22, A02B-19, A03B-21, A04B-23, A05B-21,   |
|            |              |        |        | DSPM-4, DSPR-4, DSPW-4                         |
+------------+--------------+--------+--------+------------------------------------------------+
&lt;/pre&gt;
&lt;p&gt;These are my Desired Results:&lt;/p&gt;
&lt;pre&gt;
+------------+--------------+--------+--------+--------------------------------------------+
| STUDENT_ID | SORTEST_PIDM |  LAST  | FIRST  |                    TEST                    |
+------------+--------------+--------+--------+--------------------------------------------+
| A00249466  |       260670 | Fowler | Martin | A01B-22, A02B-19, A03B-21,A04B-23, A05B-21,|
|            |              |        |        | DSPM-4, DSPR-4, DSPW-4                     |
+------------+--------------+--------+--------+--------------------------------------------+
&lt;/pre&gt;</t>
  </si>
  <si>
    <t>2016-02-03 22:13:53.640000+00:00</t>
  </si>
  <si>
    <t>2016-02-03 22:59:32.573000+00:00</t>
  </si>
  <si>
    <t>sql|regex|oracle|listagg</t>
  </si>
  <si>
    <t>Possible to return linked object with Stored Procedure</t>
  </si>
  <si>
    <t>&lt;p&gt;I have two tables, Customers and Orders. 1 customer can have multiple orders. There is a link between the two tables.&lt;/p&gt;
&lt;p&gt;Currently using Linq to SQL to get the data and display it. The database has grown and results were displaying pretty slow. &lt;/p&gt;
&lt;p&gt;After some reading I added a Stored Procedure (Added the SP to the dbml file which returns ISingleResult so created a new method where i iterated through the SP data and added it to my Customers object list). I did this to speed up in obtaining and displaying the data. So far this worked well.&lt;/p&gt;
&lt;p&gt;The problem is when I used to get order details by a customer, I used to write this&lt;/p&gt;
&lt;pre&gt;&lt;code&gt;foreach (Customer c in Customer)
{
 foreach (Order o in c.Orders)
  {
    // other logic here
  }
}
&lt;/code&gt;&lt;/pre&gt;
&lt;p&gt;Using the Stored Procedure method c.Orders was null so I added the relevant relation to the SP but Orders is always null - the only thing that has changed is the number of rows returned which is the same as the number of orders the customer has placed, however I cant iterate through the orders like I did prior to adding the SP?&lt;/p&gt;
&lt;p&gt;Any thoughts on where ive gone wrong or what to do?&lt;/p&gt;
&lt;p&gt;My Stored Procedure:&lt;/p&gt;
&lt;pre&gt;&lt;code&gt;Select Customers.*, Orders.ID 
FROM            
Customers INNER JOIN Orders ON Customers.Ordersid = Orders.Ordersid
&lt;/code&gt;&lt;/pre&gt;
&lt;p&gt;In code I have &lt;/p&gt;
&lt;pre&gt;&lt;code&gt;public List&amp;lt;Customer&amp;gt; GetCustomers
{
    ISingleResult&amp;lt;StoredProcedureName&amp;gt; AllCustomers = myDC.StoreProcedureName;
    List&amp;lt;Customer&amp;gt; Customers = new List&amp;lt;Customer&amp;gt;();
    foreach (var c in AllCustomers)
    {
       //Add each property from SP into List properties and return List
    }
//....
}
&lt;/code&gt;&lt;/pre&gt;</t>
  </si>
  <si>
    <t>2016-07-28 15:24:55.987000+00:00</t>
  </si>
  <si>
    <t>2016-07-29 16:04:43.330000+00:00</t>
  </si>
  <si>
    <t>c#|.net|linq|stored-procedures|linq-to-sql</t>
  </si>
  <si>
    <t>Lightbox thumbnail issue: header width becoming extended when viewing image</t>
  </si>
  <si>
    <t>&lt;p&gt;Having a weird issue that I'm not exactly sure how to fix.&lt;/p&gt;
&lt;p&gt;I am using a jQuery lightbox gallery called "Fancy Gallery" for my portfolio images (found here: &lt;a href="http://codecanyon.net/item/fancy-gallery-jquery-plugin/157532?ref=radykal&amp;amp;ref=radykal&amp;amp;clickthrough_id=643194202&amp;amp;redirect_back=true" rel="nofollow"&gt;http://codecanyon.net/item/fancy-gallery-jquery-plugin/157532?ref=radykal&amp;amp;ref=radykal&amp;amp;clickthrough_id=643194202&amp;amp;redirect_back=true&lt;/a&gt; )&lt;/p&gt;
&lt;p&gt;The issue I'm having is when the website is viewed on tablet or smart phone sizes.&lt;/p&gt;
&lt;p&gt;When the user goes to the "Portfolio" section and clicks on one of the thumbsnails while the width of the page is say 500px, the header extends causing a shift in the site.&lt;/p&gt;
&lt;p&gt;You can see this by looking at the following link: &lt;a href="http://www.colorthegrayscale.com/CTG%20Developer/index" rel="nofollow"&gt;http://www.colorthegrayscale.com/CTG%20Developer/index&lt;/a&gt;&lt;/p&gt;
&lt;p&gt;Any help with this weird glitch would be greatly appreciated!  &lt;/p&gt;</t>
  </si>
  <si>
    <t>2016-02-17 21:07:05.747000+00:00</t>
  </si>
  <si>
    <t>2016-02-17 22:03:18.403000+00:00</t>
  </si>
  <si>
    <t>The name of the pattern that deals with "Switchlike" checkboxes</t>
  </si>
  <si>
    <t>&lt;p&gt;I'm trying to deal with a problem whose name I can't quite place (and hence have trouble googling).&lt;/p&gt;
&lt;p&gt;It deals with a set of 'switch'-like checkboxes.&lt;/p&gt;
&lt;p&gt;Here are &lt;strong&gt;the specifics&lt;/strong&gt;:&lt;/p&gt;
&lt;ul&gt;
&lt;li&gt;I am using the &lt;a href="http://www.outsharked.com/imagemapster/examples/usa.html" rel="nofollow"&gt;image mapster plugin&lt;/a&gt; with a checkbox setup similar to that demo.&lt;/li&gt;
&lt;li&gt;Checkboxes are generated from state names and clicking them calls mapster to turn on/off the states.&lt;/li&gt;
&lt;li&gt;I am using an additional set of checkboxes called "Northeast USA", "Southeast USA" and so on.&lt;/li&gt;
&lt;li&gt;Clicking on "Northeast" must turn on all the states in that region. Clicking again should turn it off. Simple enough.&lt;/li&gt;
&lt;/ul&gt;
&lt;p&gt;&lt;strong&gt;Complications&lt;/strong&gt;:&lt;/p&gt;
&lt;ul&gt;
&lt;li&gt;There are overlapping states between the regions.&lt;/li&gt;
&lt;li&gt;Clicking on Northeast US, then turning off one of the states, and then clicking on Southeast, etc., confuses my simple straightforward logic right now.&lt;/li&gt;
&lt;/ul&gt;
&lt;p&gt;&lt;strong&gt;Possible solution&lt;/strong&gt;:&lt;/p&gt;
&lt;ul&gt;
&lt;li&gt;I need these third-level checkboxes to act as 'switches', tracking the &lt;em&gt;state&lt;/em&gt; of the checkboxes and the mapster areas.&lt;/li&gt;
&lt;li&gt;Northeast must be intelligent enough to switch itself off when one of
the checkboxes is manually clicked.&lt;/li&gt;
&lt;li&gt;Clicking Southeast mustn't confuse the &lt;em&gt;data state&lt;/em&gt; of NE because of overlapping states... and so on.&lt;/li&gt;
&lt;/ul&gt;
&lt;p&gt;I am looking for a design pattern that has dealt with this kind of problem before. If someone knows a solution pattern that doesn't really have a name, that knowledge is also most welcome.&lt;/p&gt;
&lt;p&gt;Thanks for reading!&lt;/p&gt;</t>
  </si>
  <si>
    <t>2013-04-14 06:58:59.520000+00:00</t>
  </si>
  <si>
    <t>2017-02-09 20:40:53.153000+00:00</t>
  </si>
  <si>
    <t>javascript|jquery|algorithm|design-patterns|imagemapster</t>
  </si>
  <si>
    <t>finding path from directory present in jar</t>
  </si>
  <si>
    <t>&lt;p&gt;I am trying to use a jar file which itself is a web application in another web project. In my jar which i have created using eclipse's export to jar functionality, I have stored a directory.To access the files the from that directory i am using&lt;/p&gt;
&lt;pre&gt;&lt;code&gt;BufferdReader tempDir = new BufferedReader(new InputStreamReader(getClass().getResourceAsStream(myDirPath),"UTF-8"));
// Then i iterate on tempDir
String line;
ArrayList&amp;lt;File&amp;gt; tempDirList = new ArrayList&amp;lt;File&amp;gt;(); 
int c = 0;
try {
    while((line = tempDir.readLine())!= null)
    {
       File f = new File(line);
       tempDirList.add(f);
           c++;
        }
     } catch (IOException e) 
    {
    e.printStackTrace();
    } 
&lt;/code&gt;&lt;/pre&gt;
&lt;p&gt;Now on itrating on tempDirList when i try to read the file i need file path from  which    i get file but I did not get file path.
So i want to know that how i get file path?&lt;/p&gt;</t>
  </si>
  <si>
    <t>2013-01-31 07:15:37.080000+00:00</t>
  </si>
  <si>
    <t>2013-01-31 09:27:07.060000+00:00</t>
  </si>
  <si>
    <t>2013-01-31 07:33:51.140000+00:00</t>
  </si>
  <si>
    <t>java|file</t>
  </si>
  <si>
    <t>Mpeg-dash playback</t>
  </si>
  <si>
    <t>&lt;p&gt;I've been trying to figure out how to playback an mpeg-dash xml file directly in chrome (Version 30.0.1599.69 m) with the html5 video element. Something like &lt;/p&gt;
&lt;p&gt;the mpd file has been created with mp4box and the video codec is MP4.&lt;/p&gt;
&lt;p&gt;But this is obviously not the correct method. I'm aware of the "dash.js" project - but why cant the browser handle all the details, when they've added support for mpeg-dash playback?&lt;/p&gt;
&lt;p&gt;Is there any way to play an mpeg-dash without any use of javascript?&lt;/p&gt;
&lt;p&gt;Is there an open source flash player for mpeg-dash? (with support for live streams, file streams, multiple audio tracks and sub titling)&lt;/p&gt;
&lt;p&gt;We are planning a project for OTT streaming of live tv and VOD and would prefere to use MPEG-dash, but it looks like its not a complete design yet, and we are also thinking of using HLS with some kind of flash player for browsers without HLS support. Is HLS an better choise, even its not an ISO standard?&lt;/p&gt;</t>
  </si>
  <si>
    <t>2013-10-15 12:42:25.627000+00:00</t>
  </si>
  <si>
    <t>2018-08-06 19:53:59.757000+00:00</t>
  </si>
  <si>
    <t>2014-11-03 22:47:06.363000+00:00</t>
  </si>
  <si>
    <t>hls|mpeg-dash|ott</t>
  </si>
  <si>
    <t>C++ Templates and a Linker Error</t>
  </si>
  <si>
    <t>&lt;p&gt;Please consider the following C++ program:&lt;/p&gt;
&lt;pre&gt;&lt;code&gt;#include &amp;lt;iostream&amp;gt;
using namespace std;
template &amp;lt;class T&amp;gt; class Array
{
    T *pType;
    int itsSize;
public:
    // template &amp;lt;class T&amp;gt;
    friend ostream &amp;amp;operator&amp;lt;&amp;lt; (ostream &amp;amp;, Array&amp;lt;T&amp;gt; &amp;amp; );
};
template &amp;lt;class T&amp;gt;
ostream &amp;amp;operator&amp;lt;&amp;lt;  (ostream &amp;amp;output, Array&amp;lt;T&amp;gt; &amp;amp;theArray)
  {
    return (output);
  }
ostream &amp;amp;operator&amp;lt;&amp;lt; (ostream &amp;amp;, Array&amp;lt;int&amp;gt; &amp;amp;);
int main ()
{
    Array&amp;lt;int&amp;gt; theArray;
    cout &amp;lt;&amp;lt; theArray &amp;lt;&amp;lt; endl;
    return 0;
}
&lt;/code&gt;&lt;/pre&gt;
&lt;p&gt;The above code compiles but the linker gives the following error:&lt;/p&gt;
&lt;p&gt;undefined symbol `operator&amp;lt;&amp;lt;(std::ostream&amp;amp;, Array&amp;amp;)'&lt;/p&gt;
&lt;p&gt;I believe I need to tell the compiler to instantiate a function for the operator &amp;lt;&amp;lt; but I do not know how to do that.&lt;/p&gt;
&lt;p&gt;Bob&lt;/p&gt;</t>
  </si>
  <si>
    <t>2016-10-05 14:15:17.540000+00:00</t>
  </si>
  <si>
    <t>2016-10-05 16:32:44.853000+00:00</t>
  </si>
  <si>
    <t>integer pointer is not initialized</t>
  </si>
  <si>
    <t>&lt;p&gt;I just installed visual studio 2013 and gonna try a simple code. So I write this one:&lt;/p&gt;
&lt;pre&gt;&lt;code&gt;int main(void) {
    int length = 0;
    int *array ;
    printf("Enter the number of input: ");
    scanf_s("%d", &amp;amp;length);
    printf("%d", length);
    for (int i = 0; i &amp;lt; length; i++){
        scanf_s("%d", array + i);
    }
    printf("shoting ........ ");
    getc;
    return 0;
}
&lt;/code&gt;&lt;/pre&gt;
&lt;p&gt;When I compile this code, it says local variable "array" is not initialized .
Am I missing something ?  &lt;/p&gt;</t>
  </si>
  <si>
    <t>2015-02-22 07:03:09.717000+00:00</t>
  </si>
  <si>
    <t>2015-02-22 16:33:00.570000+00:00</t>
  </si>
  <si>
    <t>c|pointers</t>
  </si>
  <si>
    <t>Change the background of the buttons "+", "-", "/", "*" when the button is pressed (clear and equal). (IOS)</t>
  </si>
  <si>
    <t>&lt;p&gt;How can I make it so that when I press the button (clear and equal), the background "+", "-", "/", "*" changes to gray, as it was before pressing.&lt;/p&gt;
&lt;p&gt;&lt;a href="https://i.stack.imgur.com/whYCh.png" rel="nofollow noreferrer"&gt;&lt;img src="https://i.stack.imgur.com/whYCh.png" alt="enter image description here"&gt;&lt;/a&gt;&lt;/p&gt;
&lt;pre&gt;&lt;code&gt; @IBAction func AnAnimate(_ sender: UIButton) {
    if sender.currentBackgroundImage == #imageLiteral(resourceName: "image_off") {
        sender.setBackgroundImage(#imageLiteral(resourceName: "Image_on"), for: .normal)
    } else {
        sender.setBackgroundImage(#imageLiteral(resourceName: "image_off"), for: .normal)
    }
    if (previousButton !== sender) {
        previousButton.setBackgroundImage(#imageLiteral(resourceName: "image_off"), for: .normal)
        previousButton = sender
    }
}
&lt;/code&gt;&lt;/pre&gt;</t>
  </si>
  <si>
    <t>2017-08-05 19:49:44.490000+00:00</t>
  </si>
  <si>
    <t>2017-08-06 01:05:24.603000+00:00</t>
  </si>
  <si>
    <t>ios|swift3|xcode8|calculator</t>
  </si>
  <si>
    <t>Set System Property With Spring Configuration File</t>
  </si>
  <si>
    <t>&lt;p&gt;&lt;strong&gt;Configuration&lt;/strong&gt;:&lt;br&gt;
Spring 2.5, Junit 4, Log4j&lt;br&gt;
The log4j file location is specified from a system property&lt;/p&gt;
&lt;pre&gt;&lt;code&gt;${log.location}
&lt;/code&gt;&lt;/pre&gt;
&lt;p&gt;At runtime, system property set with -D java option.  All is well.&lt;/p&gt;
&lt;p&gt;&lt;strong&gt;Problem / What I Need:&lt;/strong&gt;&lt;br&gt;
At unit test time, system property not set, and file location not resolved. &lt;br&gt;
App uses Spring, would like to simply configure Spring to &lt;strong&gt;set&lt;/strong&gt; the system property.&lt;/p&gt;
&lt;p&gt;&lt;strong&gt;More Info:&lt;/strong&gt;&lt;br&gt;
Requirement is for configuration only.  Can't introduce new Java code, or entries into IDE.  Ideally, one of Spring's property configuration implementations could handle this--I just haven't been able to find the right combination.&lt;/p&gt;
&lt;p&gt;This idea is close, but needs to add Java code:&lt;br&gt;
&lt;a href="http://rolfje.wordpress.com/2008/07/23/spring-systempropertyinitilizingbean" rel="noreferrer"&gt;Spring SystemPropertyInitializingBean&lt;/a&gt;&lt;/p&gt;
&lt;p&gt;Any help out there?  Any ideas are appreciated.&lt;/p&gt;</t>
  </si>
  <si>
    <t>2010-07-26 23:33:46.550000+00:00</t>
  </si>
  <si>
    <t>2018-04-05 11:48:21.673000+00:00</t>
  </si>
  <si>
    <t>2012-08-16 03:03:08.953000+00:00</t>
  </si>
  <si>
    <t>java|spring|junit|log4j</t>
  </si>
  <si>
    <t>Reload / Refresh tab bar items in a ViewController ?</t>
  </si>
  <si>
    <t>&lt;p&gt;I am trying to change images of my tabbar in a ViewController, but to display the new images, I must click on each tab bar item.&lt;/p&gt;
&lt;pre&gt;&lt;code&gt;for (CustomTabBarItem *myItem in self.tabBarController.tabBar.items){
        myItem.enabled = YES; 
        myItem.badgeValue = @"1"; 
        UIImage *myImage =  [[UIImage alloc] initWithContentsOfFile:[[DesignManager sharedManager] getPathOfFile:@"test.png"]];
        *myItem.imageSelect= *myImage; // change images of each item. don't appear if I dont click on the item
}
&lt;/code&gt;&lt;/pre&gt;
&lt;p&gt;Anyone know How can I can display directly these images?
Thanks&lt;/p&gt;</t>
  </si>
  <si>
    <t>2010-11-18 15:04:45.350000+00:00</t>
  </si>
  <si>
    <t>2015-03-12 04:28:31.283000+00:00</t>
  </si>
  <si>
    <t>2013-06-20 04:04:15.060000+00:00</t>
  </si>
  <si>
    <t>iphone|icons|uitabbarcontroller|uitabbar|uitabbaritem</t>
  </si>
  <si>
    <t>Play 2.6 indicates to use a deprecated Slick class</t>
  </si>
  <si>
    <t>&lt;p&gt;According to &lt;a href="https://www.playframework.com/documentation/2.6.x/PlaySlick#usage" rel="nofollow noreferrer"&gt;Play 2.6 documentation&lt;/a&gt;, Play-Slick should be used as follows:&lt;/p&gt;
&lt;pre&gt;&lt;code&gt;import slick.driver.JdbcProfile
class Application @Inject() (
  protected val dbConfigProvider: DatabaseConfigProvider,
  cc: ControllerComponents
)(implicit ec: ExecutionContext)
    extends AbstractController(cc) with HasDatabaseConfigProvider[JdbcProfile] { 
&lt;/code&gt;&lt;/pre&gt;
&lt;p&gt;Problem is that &lt;code&gt;JdbcProfile&lt;/code&gt; is deprecated in Slick 3.2.x, any ideas how to deal with this? Note that I'm migrating from Play 2.5 to 2.6.&lt;/p&gt;</t>
  </si>
  <si>
    <t>2018-07-19 14:39:45.483000+00:00</t>
  </si>
  <si>
    <t>2018-07-19 18:03:52.010000+00:00</t>
  </si>
  <si>
    <t>2018-07-19 14:48:15.583000+00:00</t>
  </si>
  <si>
    <t>scala|playframework|slick|playframework-2.6|play-slick</t>
  </si>
  <si>
    <t>magento - get attribute option label by store view</t>
  </si>
  <si>
    <t>&lt;p&gt;Like the title, how can I get the attribute option value of a specific store view instead of the current store view ? &lt;/p&gt;
&lt;p&gt;What I am trying to implement is something like this : &lt;/p&gt;
&lt;p&gt;&lt;code&gt;public function getAttributeOptionValue($attributeCode, $attributeOptionLabel, $storeView)&lt;/code&gt;&lt;/p&gt;
&lt;p&gt;The attributeOptionLabel is the current attribute option label.&lt;/p&gt;</t>
  </si>
  <si>
    <t>2012-12-03 12:34:39.037000+00:00</t>
  </si>
  <si>
    <t>2012-12-03 14:05:42.413000+00:00</t>
  </si>
  <si>
    <t>magento|magento-1.7</t>
  </si>
  <si>
    <t>PDO Set Query Table variable</t>
  </si>
  <si>
    <t>&lt;p&gt;Is it possible to query using PDO and assigning the table as a variable?&lt;/p&gt;
&lt;p&gt;ex:&lt;/p&gt;
&lt;pre&gt;&lt;code&gt;        $db = new PDO($this-&amp;gt;driver . ":server={$this-&amp;gt;host};Database={$this-&amp;gt;database_name};", $this-&amp;gt;username, $this-&amp;gt;password);
        $db-&amp;gt;setAttribute( PDO::ATTR_ERRMODE, PDO::ERRMODE_EXCEPTION );
        $db-&amp;gt;setAttribute( PDO::SQLSRV_ATTR_QUERY_TIMEOUT, 200 );
        $query = 'SELECT top 10 * FROM ' . $this-&amp;gt;table . ' ' . $query;
        $stmt = $db-&amp;gt;prepare($query);
        $stmt-&amp;gt;execute();
        return $stmt-&amp;gt;fetchAll();
&lt;/code&gt;&lt;/pre&gt;
&lt;p&gt;I need to be able to pass the Table name as an argument. I have tried many things, but nothing seems to work. I have also tried &lt;code&gt;sqlsrv_query&lt;/code&gt;&lt;/p&gt;
&lt;p&gt;I'm using lumen as my framework. not sure if there is anything I can use to do this.&lt;/p&gt;</t>
  </si>
  <si>
    <t>2018-09-22 05:02:20.433000+00:00</t>
  </si>
  <si>
    <t>2018-09-22 05:32:42.033000+00:00</t>
  </si>
  <si>
    <t>php|sql-server|pdo|lumen</t>
  </si>
  <si>
    <t>DataSet created in code not Binding to ListView</t>
  </si>
  <si>
    <t>&lt;p&gt;I have a WPF User Control with a ListView in it that is created based on the DataSet that is passed to it:&lt;/p&gt;
&lt;pre&gt;&lt;code&gt;public void PopulateList(DataSet ds) {
        listView.View = CreateGridViewColumns(ds.Tables[0]);
        listData.DataContext = ds.Tables[0];
}
private GridView CreateGridViewColumns(DataTable dt) {
        // Create the GridView
        var gv = new GridView {AllowsColumnReorder = true};
        // Create the GridView Columns
        foreach (DataColumn item in dt.Columns) {
            var gvc = new GridViewColumn
                          {
                              DisplayMemberBinding = new Binding(item.ColumnName),
                              Header = item.ColumnName,
                              Width = Double.NaN
                          };
            gv.Columns.Add(gvc);
        }
        return gv;
    }
&lt;/code&gt;&lt;/pre&gt;
&lt;p&gt;Now I create the user control in code and call it's PopulateList with the appropriate dataset and this is where the problems are starting:&lt;/p&gt;
&lt;p&gt;If I pass in a dataset that was created from a call to the database the list view shows all the data but if i pass in a DataSet that i created in code the ListView shows the Columns but will not show the data&lt;/p&gt;
&lt;pre&gt;&lt;code&gt;//This is a function that hides the DB call return type is DataSet    
var dsPatientSmokingStatusHistory = DataRepository.PatientSmokingStatusProvider.GetHistory(PatientId);
        //radGridViewPatientSmokingStatus.DataSource = dsPatientSmokingStatusHistory.Tables[0];
        var dt = new DataTable();
        string c1 = "Date".PadLeft(23).PadRight(23);
        string c2 = "Status".PadLeft(20).PadRight(50);
        dt.Columns.Add(c1);
        dt.Columns.Add(c2);
        int i = 0;
        foreach (DataRow row in dsPatientSmokingStatusHistory.Tables[0].Rows) {
            var dataRow = dt.NewRow();
            dataRow[c1] = ((DateTime)row["Date"]).ToString("MM/dd/yyyy");
            dataRow[c2] = row["Status"].ToString();
            dt.Rows.Add(dataRow);
            dt.Rows[i].AcceptChanges();
            i++;
        }
        DataSet ds = new DataSet();
        dt.TableName = "Table";
        ds.Tables.Add(dt);
        ds.AcceptChanges();
        smokingStatusGrid.GridWidth = 455;
        smokingStatusGrid.GridHight = 97;
        //This line does not show data
        smokingStatusGrid.PopulateGrid(ds);
        //This line will show data
        smokingStatusGrid.PopulateGrid(dsPatientSmokingStatusHistory);
&lt;/code&gt;&lt;/pre&gt;
&lt;p&gt;Is there a difference between these two datasets that i don't know about that is preventing me from databinding to it?&lt;/p&gt;
&lt;p&gt;Also the user control is being used as an ElementHost in a WinForms application (not sure if this makes a difference)&lt;/p&gt;</t>
  </si>
  <si>
    <t>2011-03-29 17:50:40.870000+00:00</t>
  </si>
  <si>
    <t>2011-03-29 19:21:46.400000+00:00</t>
  </si>
  <si>
    <t>wpf|listview|dataset|binding</t>
  </si>
  <si>
    <t>Sending a String result to a website</t>
  </si>
  <si>
    <t>&lt;p&gt;I'm rather new to Android Dev and I'm stuck at the very last part of my app. I've made a barcode scanning app (thanks Zxing) and would like to search the result on a website.&lt;/p&gt;
&lt;p&gt;So for example if I wanted to search my result on www.trademe.co.nz how would I go about doing this?&lt;/p&gt;
&lt;p&gt;So far I've gotten the String and opened the browser I just don't know how to import the text into the right textbox and search it.&lt;/p&gt;
&lt;p&gt;The web part of my code.&lt;/p&gt;
&lt;pre&gt;&lt;code&gt;private void openBrowser(String contents, String format) {
        Intent i = new Intent(Intent.ACTION_VIEW, 
                Uri.parse("http://www.trademe.co.nz"));
        startActivity(i);       
}
&lt;/code&gt;&lt;/pre&gt;
&lt;p&gt;Sorry if I've done something wrong, this is my first post!&lt;/p&gt;
&lt;p&gt;Thanks is advanced for any help :)&lt;/p&gt;</t>
  </si>
  <si>
    <t>2012-09-12 09:40:25.180000+00:00</t>
  </si>
  <si>
    <t>2012-09-12 09:46:06.133000+00:00</t>
  </si>
  <si>
    <t>C++ Curl file download - error check</t>
  </si>
  <si>
    <t>&lt;p&gt;I'm using the following function to download files from a server.&lt;/p&gt;
&lt;pre&gt;&lt;code&gt;void downloadFile(const char* url, const char* fname) {
    CURL *curl;
    FILE *fp;
    CURLcode res;
    curl = curl_easy_init();
    if (curl){
        fp = fopen(fname, "wb");
        curl_easy_setopt(curl, CURLOPT_URL, url);
        curl_easy_setopt(curl, CURLOPT_WRITEFUNCTION, write_data);
        curl_easy_setopt(curl, CURLOPT_WRITEDATA, fp);
        res = curl_easy_perform(curl);
        curl_easy_cleanup(curl);
        fclose(fp);
    }
}
&lt;/code&gt;&lt;/pre&gt;
&lt;p&gt;Which is used like this:&lt;/p&gt;
&lt;pre&gt;&lt;code&gt;downloadFile("http://servera.com/filea.tar.gz","filea.tar.gz");
&lt;/code&gt;&lt;/pre&gt;
&lt;p&gt;How do I add error checking into this, so if &lt;code&gt;filea.tar.gz&lt;/code&gt; isn't available or &lt;code&gt;servera.com&lt;/code&gt; can't be reached, I can display my chosen error messages.&lt;/p&gt;
&lt;p&gt;&lt;strong&gt;UPDATE&lt;/strong&gt;
I've added:&lt;/p&gt;
&lt;p&gt;&lt;code&gt;cout &amp;lt;&amp;lt; res;&lt;/code&gt; to the code, but this always returns &lt;code&gt;0&lt;/code&gt;&lt;/p&gt;
&lt;p&gt;The server returns a 'file not found' message and that is being downloaded. Anyway around this? I want to get an error if the specified file is not found or not reachable.. Thanks&lt;/p&gt;
&lt;p&gt;&lt;strong&gt;UPDATE&lt;/strong&gt;
The following is now showing a human readable error message:&lt;/p&gt;
&lt;pre&gt;&lt;code&gt;void downloadFile(const char* url, const char* fname) {
    CURL *curl;
    FILE *fp;
    CURLcode res;
    curl = curl_easy_init();
    if (curl){
        fp = fopen(fname, "wb");
        curl_easy_setopt(curl, CURLOPT_URL, url);
        curl_easy_setopt(curl, CURLOPT_WRITEFUNCTION, write_data);
        curl_easy_setopt(curl, CURLOPT_WRITEDATA, fp);
        curl_easy_setopt(curl, CURLOPT_FAILONERROR, true);
        res = curl_easy_perform(curl);
        cout &amp;lt;&amp;lt; curl_easy_strerror(res);
        curl_easy_cleanup(curl);
        fclose(fp);
    }
}
&lt;/code&gt;&lt;/pre&gt;
&lt;p&gt;Now I can get the error code, I should be able to trap this better. Thanks to @YSC &amp;amp; @Daniel Stenberg&lt;/p&gt;</t>
  </si>
  <si>
    <t>2016-02-23 11:50:29.160000+00:00</t>
  </si>
  <si>
    <t>2016-02-24 09:06:40.303000+00:00</t>
  </si>
  <si>
    <t>2016-02-24 08:50:33.577000+00:00</t>
  </si>
  <si>
    <t>c++|curl|libcurl</t>
  </si>
  <si>
    <t>Create zoomable view in IOS</t>
  </si>
  <si>
    <t>&lt;p&gt;I would like to create a zoomable/scrollable flowchart in iOS.  I would like the user to be able to click on any item in the flowchart to take them to other parts of the app.  Does anyone have any good suggestions on how I could create an interactive zoomable view in iOS?&lt;/p&gt;</t>
  </si>
  <si>
    <t>2015-06-20 20:32:33.553000+00:00</t>
  </si>
  <si>
    <t>2015-06-20 21:42:32.783000+00:00</t>
  </si>
  <si>
    <t>Ember createRecord error</t>
  </si>
  <si>
    <t>&lt;p&gt;I'm trying to follow the &lt;a href="http://emberjs.com/guides/getting-started/" rel="nofollow"&gt;Ember getting started guide&lt;/a&gt;, but with a couple differences. Most notably, I'm using precompiled templates. Here's what I've got, without the dirty template code:&lt;/p&gt;
&lt;pre&gt;&lt;code&gt;window.App = Ember.Application.create({
    LOG_TRANSITIONS: true,
    VERSION: '1.0.0',
    ready: function () {
        console.log('App version: ' + App.VERSION + ' is ready.');
    }
});
App.Store = DS.Store.extend({
    //Use fixtures - I've tried this without the extend too
    adapter : DS.FixtureAdapter.extend()
});
App.Router.map(function() {
    this.route("todos", { path: "/" });
});
App.TodosRoute = Ember.Route.extend({
    model: function() {
        return this.store.find('todo');
    },
    renderTemplate: function() {
        this.render('todos', {outlet:'main'});
    }
});
App.Todo = DS.Model.extend({
    title: DS.attr('string'),
    isCompleted: DS.attr('boolean')
});
App.Todo.FIXTURES = [
{
    id: 1,
    title: 'Learn Ember.js',
    isCompleted: true
},
{
    id: 2,
    title: '...',
    isCompleted: false
},
{
    id: 3,
    title: 'Profit!',
    isCompleted: false
}];
App.TodosController = Ember.ArrayController.extend({
    actions: {
        createTodo: function() {
            // Get the todo title set by the "New Todo" text field
            var title = this.get('newTitle');
            if (!title) { return false; }
            if (!title.trim()) { return; }
            // Create the new Todo model
            var todo = this.store.createRecord('todo', {
                title: title,
                isCompleted: false
            });
            // Clear the "New Todo" text field
            this.set('newTitle', '');
            // Save the new model
            todo.save();
        }
    }
});
&lt;/code&gt;&lt;/pre&gt;
&lt;p&gt;As you can see, the todos route renders the &lt;code&gt;todos&lt;/code&gt; template into the &lt;code&gt;main&lt;/code&gt; outlet. All of that works perfectly. However, the trouble I'm having now is with &lt;code&gt;this.store.createRecord&lt;/code&gt; in the &lt;code&gt;TodosController&lt;/code&gt;. Every time it is called (by me pressing enter in the input field of the app), I get a &lt;code&gt;Uncaught TypeError: undefined is not a function&lt;/code&gt;. I know the function is being called, because I can log console output right before the call to &lt;code&gt;this.store.createRecord&lt;/code&gt;.  I'm on version 1.6.1 of ember, and 0.14 of ember-data, if that helps.&lt;/p&gt;
&lt;p&gt;If anyone has any ideas as to why this could be happening, I'd appreciate it.&lt;/p&gt;</t>
  </si>
  <si>
    <t>2014-08-01 00:37:49.287000+00:00</t>
  </si>
  <si>
    <t>2014-08-01 23:40:49+00:00</t>
  </si>
  <si>
    <t>2014-08-01 01:49:24.407000+00:00</t>
  </si>
  <si>
    <t>javascript|web|ember.js</t>
  </si>
  <si>
    <t>Multiple sorting in Python</t>
  </si>
  <si>
    <t>&lt;p&gt;I have an array with these datas:&lt;/p&gt;
&lt;pre&gt;&lt;code&gt;[['1', '7', '14'], ['1', '1', '3'], ['1', '12', '3'], ['2', '3', '1'], ['1', '4', '9']]
&lt;/code&gt;&lt;/pre&gt;
&lt;p&gt;I like to sort it (multiple):&lt;/p&gt;
&lt;pre&gt;&lt;code&gt;&amp;gt;&amp;gt;&amp;gt; sorted(datas,key=lambda x:(x[0], x[1]))
[['1', '1', '3'], ['1', '12', '3'], ['1', '4', '9'], ['1', '7', '14'], ['2', '3', '1']]    
&lt;/code&gt;&lt;/pre&gt;
&lt;p&gt;but after sorted as it seems the 12 &amp;lt; 4. It should be:&lt;/p&gt;
&lt;pre&gt;&lt;code&gt;[['1', '1', '3'], ['1', '4', '9'], ['1', '7', '14'], ['1', '12', '3'], ['2', '3', '1']]
&lt;/code&gt;&lt;/pre&gt;
&lt;p&gt;Any idea? I need not natural sorting.&lt;/p&gt;</t>
  </si>
  <si>
    <t>2015-03-27 16:56:51.440000+00:00</t>
  </si>
  <si>
    <t>2015-03-27 19:32:47.247000+00:00</t>
  </si>
  <si>
    <t>Emails sent through smtp.gmail.com marked as spam by Gmail</t>
  </si>
  <si>
    <t>&lt;p&gt;I'm using PHP Mailer to send mail from my webserver to users, but my messages are marked consistently as spam. I've done my research, and fixed all the obvious issues: we pass DKIM, have a working SPF, the email text isn't spammy, and we're sending through TLS.&lt;/p&gt;
&lt;p&gt;Here's the header of an email that gets marked as spam by gmail:&lt;/p&gt;
&lt;pre&gt;&lt;code&gt;Delivered-To: test.bar.002@gmail.com
Received: by 10.181.12.40 with SMTP id en8csp116861wid;
        Fri, 9 May 2014 18:46:55 -0700 (PDT)
X-Received: by 10.224.6.10 with SMTP id 10mr19706177qax.45.1399686414997;
        Fri, 09 May 2014 18:46:54 -0700 (PDT)
Return-Path: &amp;lt;mailer@mysite.io&amp;gt;
Received: from mail-qg0-x241.google.com (mail-qg0-x241.google.com [2607:f8b0:400d:c04::241])
        by mx.google.com with ESMTPS id v7si2881235qge.66.2014.05.09.18.46.54
        for &amp;lt;test.bar.002@gmail.com&amp;gt;
        (version=TLSv1 cipher=ECDHE-RSA-RC4-SHA bits=128/128);
        Fri, 09 May 2014 18:46:54 -0700 (PDT)
Received-SPF: pass (google.com: domain of mailer@mysite.io designates 2607:f8b0:400d:c04::241 as permitted sender) client-ip=2607:f8b0:400d:c04::241;
Authentication-Results: mx.google.com;
       spf=pass (google.com: domain of mailer@mysite.io designates 2607:f8b0:400d:c04::241 as permitted sender) smtp.mail=mailer@mysite.io;
       dkim=pass header.i=@mysite.io
Received: by mail-qg0-x241.google.com with SMTP id i50so1732747qgf.8
        for &amp;lt;test.bar.002@gmail.com&amp;gt;; Fri, 09 May 2014 18:46:54 -0700 (PDT)
DKIM-Signature: v=1; a=rsa-sha256; c=relaxed/relaxed;
        d=mysite.io; s=google;
        h=date:to:from:reply-to:subject:message-id:mime-version:content-type
         :content-transfer-encoding;
        bh=n6hX3e1GZ+Q/POR+xMHxvjDK/1rDVqzc9ou8V6y9ytw=;
        b=UwZR6ZGo9UvrlFi7dEvc79EvBcD05JuSiYzKJFmvB/7UDxmavBlFLXamKTnnQjUFOq
         kHL9T/o7nLh19mcZQLRZ+MxRbz4YMEtLnWmWS4H2b+J6LIJprEa5q8lf5dnDtLQkBMB5
         sUG8jxH5JDvGgNZTAszesbzbnFNRYROtNztWM=
X-Google-DKIM-Signature: v=1; a=rsa-sha256; c=relaxed/relaxed;
        d=1e100.net; s=20130820;
        h=x-gm-message-state:date:to:from:reply-to:subject:message-id
         :mime-version:content-type:content-transfer-encoding;
        bh=n6hX3e1GZ+Q/POR+xMHxvjDK/1rDVqzc9ou8V6y9ytw=;
        b=hjzBYoeDiPsFfb51gYZy40dfC00g7GkutZ3eLVPl/MVGlmInAAn08wmvjziZBu0x6W
         cZsuvX+Lmvo0CS8xfA7c7WvKEajz8drtfY/4KRdCst4NJAUbygvwtbM+BjlTReYDRs7w
         iG49tFYOGeVtiPDjpmFIiNpTdSqtmigVic5l1MuOzWQvxN2bIHKpu7EBWTmcDpwOQwO6
         wZjTQPp34pRJTVCmI9LxjraoQPEDcF65eQePnw09WwqXB6f4rIhTTdSrqfj7bz0nnC6Y
         1ffFtBxIOlacX4MkeaunqxtrlkrE1/PWiS3TBAtOHGG5WcTbBR6vyYIbc03jNh76jM9Q
         JBWQ==
X-Gm-Message-State: ALoCoQlsyfeiWIDN4lXUnaoJrzWGVWYxtpyEiArI04f/0C180ysTVHSZPeM7kNG0/gv4guEkE0SP
X-Received: by 10.140.28.198 with SMTP id 64mr18697366qgz.49.1399686414621;
        Fri, 09 May 2014 18:46:54 -0700 (PDT)
Return-Path: &amp;lt;mailer@mysite.io&amp;gt;
Received: from mysite.io (iad1-vshost51.dreamhost.com. [208.113.210.253])
        by mx.google.com with ESMTPSA id q8sm9340911qas.5.2014.05.09.18.46.54
        for &amp;lt;test.bar.002@gmail.com&amp;gt;
        (version=TLSv1 cipher=RC4-SHA bits=128/128);
        Fri, 09 May 2014 18:46:54 -0700 (PDT)
Date: Fri, 9 May 2014 18:46:54 -0700
To: test.bar.002@gmail.com
From: Burn After Reading Mailer &amp;lt;mailer@mysite.io&amp;gt;
Reply-To: mailer@mysite.io
Subject: Here's a test subject. 
Message-ID: &amp;lt;110ee4e3922d30540207be948c995d93@mysite.io&amp;gt;
X-Priority: 3
X-Mailer: PHPMailer 5.2.7 (https://github.com/PHPMailer/PHPMailer/)
MIME-Version: 1.0
Content-Type: text/plain; charset=iso-8859-1
Content-Transfer-Encoding: 8bit
Here's a message with innocuous copy.
&lt;/code&gt;&lt;/pre&gt;
&lt;p&gt;I have a running support ticket with Google, and they haven't been able to figure it out either. I'm connecting to stmp.gmail.com with port 465 through SSL:&lt;/p&gt;
&lt;pre&gt;&lt;code&gt;$mail = new PHPMailer();
$mail-&amp;gt;IsSMTP();                                    
$mail-&amp;gt;Host = "smtp.gmail.com";
$mail-&amp;gt;SMTPSecure = 'tls';
$mail-&amp;gt;SMTPAuth = true;
$mail-&amp;gt;Username = "myGmailAccount@gmail.com";       
$mail-&amp;gt;Password = "myGmailAccountPassword";  
&lt;/code&gt;&lt;/pre&gt;
&lt;p&gt;Here's the SPF we have running on dreamhost:&lt;/p&gt;
&lt;pre&gt;&lt;code&gt;v=spf1 ip4:208.113.210.253 include:_spf.google.com ~all
&lt;/code&gt;&lt;/pre&gt;
&lt;p&gt;That's the same IP that's seen in the header:&lt;/p&gt;
&lt;pre&gt;&lt;code&gt;Received: from mysite.io (iad1-vshost51.dreamhost.com. [208.113.210.253])
&lt;/code&gt;&lt;/pre&gt;
&lt;p&gt;I don't know what I'm missing here. Is there a chance that we've tested this so many times that we've actually trained Gmail to think the messages are spam, just because we haven't marked them as 'not spam'?&lt;/p&gt;</t>
  </si>
  <si>
    <t>2014-05-10 02:05:29.237000+00:00</t>
  </si>
  <si>
    <t>2014-05-10 02:13:54.260000+00:00</t>
  </si>
  <si>
    <t>php|email|gmail|phpmailer|spam</t>
  </si>
  <si>
    <t>Xlib Fatal IO Error: 11 (resource temporarily unavailable)</t>
  </si>
  <si>
    <t>&lt;p&gt;I'm using X11 and when I run my program the window displays fine, but when I quit the following error is outputted in the console:&lt;/p&gt;
&lt;blockquote&gt;
  &lt;p&gt;XIO:  fatal IO error 11 (Resource temporarily unavailable) on X server
  ":0.0" after 58 requests (58 known processed) with 0 events remaining.&lt;/p&gt;
&lt;/blockquote&gt;
&lt;p&gt;I have looked in the documentation but I can't find out anything on what this actually means.&lt;/p&gt;</t>
  </si>
  <si>
    <t>2011-04-06 00:26:57.977000+00:00</t>
  </si>
  <si>
    <t>2018-10-10 07:34:37.467000+00:00</t>
  </si>
  <si>
    <t>c++|opengl|xlib</t>
  </si>
  <si>
    <t>Show two hidden view with follow finger ios</t>
  </si>
  <si>
    <t>&lt;p&gt;Hi I'm developing an app for iPhone and I'm having trouble to show 2 hidden view.
I post here my storyboard: &lt;a href="http://postimg.org/image/v6nhepqqd/" rel="nofollow"&gt;http://postimg.org/image/v6nhepqqd/&lt;/a&gt;
I wanted to show the View - All Show when I swipe a finger from left to right, then I want to show the View - About when I swipe a finger from right to left. The swipe gesture must be similar to the youtube menu.
I'm using just one ViewController and I will post here my code:&lt;/p&gt;
&lt;p&gt;&lt;strong&gt;ViewController.h&lt;/strong&gt;&lt;/p&gt;
&lt;pre&gt;&lt;code&gt;#import &amp;lt;UIKit/UIKit.h&amp;gt;
@interface ViewController : UIViewController &amp;lt;UIScrollViewDelegate&amp;gt;
@property (weak, nonatomic) IBOutlet UIView *viewAllShow;
@property (weak, nonatomic) IBOutlet UIView *viewMain;
@property (weak, nonatomic) IBOutlet UIView *viewAbout;
- (IBAction)buttonAllShow:(id)sender;
- (IBAction)buttonInfo:(id)sender;
@end
&lt;/code&gt;&lt;/pre&gt;
&lt;p&gt;&lt;strong&gt;ViewController.m&lt;/strong&gt;&lt;/p&gt;
&lt;pre&gt;&lt;code&gt;#import "ViewController.h"
@interface ViewController ()
@property BOOL viewMainShowed;
@end
@implementation ViewController
- (void)viewDidLoad
{
    [super viewDidLoad];
//    self.viewScroll.contentSize = self.viewAbout.frame.size;
    self.viewMainShowed = YES;
}
- (void)didReceiveMemoryWarning
{
    [super didReceiveMemoryWarning];
    // Dispose of any resources that can be recreated.
}
- (void)viewDidAppear:(BOOL)animated {
}
#pragma mark - actions -
- (IBAction)buttonAllShow:(id)sender {
    // Controllo se la vista nascosta non �� gi�� visibile
    if (self.viewMain.frame.origin.x == 0) {
        // Chiamata alla funzione per la visualizzazione della vista nascosta
        [self showAllShowView];
    } else {
        // Chiamata alla funzione per nascondere la vista nascosta
        [self hideAllShowView];
    }
}
- (IBAction)buttonInfo:(id)sender {
    if (self.viewMain.frame.origin.x == 0) {
        [self showAboutView];
    } else {
        [self hideAboutView];
    }
}
#pragma mark - animations -
- (void)showAllShowView {
    // Faccio partire l'animazione
    [UIView animateWithDuration:0.5
                     animations:^{
                         [self.viewMain setFrame:CGRectMake(self.viewAllShow.frame.size.width, self.viewMain.frame.origin.y, self.viewMain.frame.size.width, self.viewMain.frame.size.height)];
                     }
     ];
    self.viewMainShowed = NO;
}
- (void)hideAllShowView {
    [UIView animateWithDuration:0.5
                     animations:^ {
                         [self.viewMain setFrame:CGRectMake(0, self.viewMain.frame.origin.y, self.viewMain.frame.size.width, self.viewMain.frame.size.height)];
                     }
     ];
    self.viewMainShowed = YES;
}
- (void)showAboutView {
    [UIView animateWithDuration:0.5
                     animations:^{
                         [self.viewMain setFrame:CGRectMake(-self.viewAbout.frame.size.width, self.viewMain.frame.origin.y, self.viewMain.frame.size.width, self.viewMain.frame.size.height)];
                     }
     ];
    [UIView animateWithDuration:0.5
                     animations:^{
                         [self.viewAllShow setFrame:CGRectOffset(self.viewAllShow.frame, -270, 0)];
                     }];
    self.viewMainShowed = NO;
}
- (void)hideAboutView {
    [UIView animateWithDuration:0.5
                     animations:^{
                         [self.viewMain setFrame:CGRectMake(0, self.viewMain.frame.origin.y, self.viewMain.frame.size.width, self.viewMain.frame.size.height)];
                     }
     ];
    [UIView animateWithDuration:0.5
                     animations:^{
                         [self.viewAllShow setFrame:CGRectOffset(self.viewAllShow.frame, 270, 0)];
                     }];
    self.viewMainShowed = YES;
}
#pragma mark - touch event -
float difference;
- (void)touchesBegan:(NSSet *)touches withEvent:(UIEvent *)event {
    CGPoint mainTouchPoint = [[touches anyObject] locationInView:self.viewMain];
    difference = mainTouchPoint.x;
}
- (void)touchesMoved:(NSSet *)touches withEvent:(UIEvent *)event {
    CGPoint pointInView = [[touches anyObject] locationInView:self.view];
    float xTarget = pointInView.x - difference;
    if (xTarget &amp;gt; self.viewAllShow.frame.size.width) {
        xTarget = self.viewAllShow.frame.size.width;
    } else if (xTarget &amp;lt; 0) {
        if (!self.viewMainShowed) {
            xTarget = 0;
            [UIView animateWithDuration:0.5
                             animations:^{
                                 [self.viewAllShow setFrame:CGRectOffset(self.viewAllShow.frame, 270, 0)];
                             }
             ];
            [UIView animateWithDuration:0.5
                             animations:^{
                                 [self.viewMain setFrame:CGRectMake(xTarget, self.viewMain.frame.origin.y, self.viewMain.frame.size.width, self.viewMain.frame.size.height)];
                             }
             ];
            self.viewMainShowed = YES;
        }
        else {
            xTarget = self.viewAbout.frame.size.width * -1;
            [UIView animateWithDuration:0.5
                             animations:^{
                                 [self.viewAllShow setFrame:CGRectOffset(self.viewAllShow.frame, -270, 0)];
                             }
             ];
            [UIView animateWithDuration:0.5
                             animations:^{
                                 [self.viewMain setFrame:CGRectMake(xTarget, self.viewMain.frame.origin.y, self.viewMain.frame.size.width, self.viewMain.frame.size.height)];
                             }
             ];
            self.viewMainShowed = NO;
        }
    } else if (xTarget &amp;gt; 0 &amp;amp;&amp;amp; xTarget &amp;lt; self.viewAllShow.frame.size.width) {
        xTarget = self.viewAllShow.frame.size.width;
        self.viewMainShowed = NO;
        [UIView animateWithDuration:0.5
                         animations:^{
                             [self.viewMain setFrame:CGRectMake(xTarget, self.viewMain.frame.origin.y, self.viewMain.frame.size.width, self.viewMain.frame.size.height)];
                         }
         ];
    }
//    [UIView animateWithDuration:0.5
//                     animations:^{
//                         [self.viewMain setFrame:CGRectMake(xTarget, self.viewMain.frame.origin.y, self.viewMain.frame.size.width, self.viewMain.frame.size.height)];
//                     }
//     ];
    //self.viewMainShowed = NO;
}
- (void)touchesEnded:(NSSet *)touches withEvent:(UIEvent *)event {
    CGPoint endPoint = [[touches anyObject]locationInView:self.view];
    float xTarget = endPoint.x - difference;
    if (xTarget &amp;lt; self.viewAllShow.frame.size.width/2) {
        if (!self.viewMainShowed) {
            xTarget = 0;
            [UIView animateWithDuration:0.5
                             animations:^{
                                 [self.viewAllShow setFrame:CGRectOffset(self.viewAllShow.frame, 270, 0)];
                             }
             ];
        } else {
            xTarget = self.viewAbout.frame.size.width * -1;
            [UIView animateWithDuration:0.5
                             animations:^{
                                 [self.viewAllShow setFrame:CGRectOffset(self.viewAllShow.frame, -270, 0)];
                             }
             ];
            self.viewMainShowed = NO;
        }
    } //else
    if (xTarget &amp;gt; 0 &amp;amp;&amp;amp; xTarget &amp;lt; self.viewAllShow.frame.size.width){
        xTarget = self.viewAllShow.frame.size.width;
        [UIView animateWithDuration:0.5
                         animations:^{
                             [self.viewMain setFrame:CGRectMake(xTarget, self.viewMain.frame.origin.y, self.viewMain.frame.size.width, self.viewMain.frame.size.height)];
                         }
         ];
        self.viewMainShowed = NO;
    }
    if (xTarget &amp;lt; 0) {
        xTarget = 0;
        [UIView animateWithDuration:0.5
                         animations:^{
                             [self.viewMain setFrame:CGRectMake(xTarget, self.viewMain.frame.origin.y, self.viewMain.frame.size.width, self.viewMain.frame.size.height)];
                         }
         ];
        self.viewMainShowed = YES;
    }
//    [UIView animateWithDuration:0.5
//                     animations:^{
//                         [self.viewMain setFrame:CGRectMake(xTarget, self.viewMain.frame.origin.y, self.viewMain.frame.size.width, self.viewMain.frame.size.height)];
//                     }
//     ];
    //self.viewMainShowed = NO;
}
@end
&lt;/code&gt;&lt;/pre&gt;
&lt;p&gt;I used a BOOL variable to check if the main view is active or not. I founded the code to move and detect a touch on this site: &lt;a href="http://divcode.blogspot.it/2012/09/hidden-menu-part-2-following-finger.html" rel="nofollow"&gt;http://divcode.blogspot.it/2012/09/hidden-menu-part-2-following-finger.html&lt;/a&gt;
Other people said me to use UIPanGestureRecognizer, but if I want to use the method i post here what I should do? My problem is that when I try to make some gesture on my simulator/real iPhone it shows me the wrong view or it moves view that should be fixed for the gesture i made.
How I can solve this problem? Can you help me with a code snipped?
Thank you&lt;/p&gt;</t>
  </si>
  <si>
    <t>2013-06-12 15:25:40.890000+00:00</t>
  </si>
  <si>
    <t>2013-06-13 14:08:57.837000+00:00</t>
  </si>
  <si>
    <t>user2478615</t>
  </si>
  <si>
    <t>ios|objective-c|gesture|touch-event</t>
  </si>
  <si>
    <t>Ant build task: how to change the basedir for an ant command (e.g. how to do a "cd") with grails 2.5</t>
  </si>
  <si>
    <t>&lt;p&gt;The below ant snippet from a target specified in grails "Scripts" dir, creates a single file with the checksums of all classes, so they can be checked on the target servers.&lt;/p&gt;
&lt;p&gt;The output of the ant is a file like this:&lt;/p&gt;
&lt;pre&gt;&lt;code&gt;c9b1c71b31e53e99ff31b4be0a1284558aa019ec target/classes/bo/ApiRequestFilters$_closure1.class
ff936fddc1b99ba323493b131d271ca4feb0f5dd target/classes/bo/ApiRequestFilters.class
df7a12fe1182b5fc10177a2559a3a0cbb0709e29 target/classes/com/xxx/yyy/apiConstants.class
&lt;/code&gt;&lt;/pre&gt;
&lt;p&gt;The problem is the word "target" in the file path.  When the app is deployed to tomcat under webapp, there is no target.&lt;/p&gt;
&lt;p&gt;How can this be avoided?  E.g. if the ant.concat function took a basedir:"target", if if you could do ant.cd("target") or similar it would solve the issue, or if you could specify a basedir per target, but this does not seem possible?&lt;/p&gt;
&lt;p&gt;Source:&lt;/p&gt;
&lt;pre&gt;&lt;code&gt;ant.checksum(fileext:".sha1", algorithm: "SHA", forceoverwrite: "yes", pattern: "{0} {3}") {
    fileset(dir: "target/classes") {
        include(name:"**/*.class")
    }
}
ant.concat(destfile:"target/classes.sha1") {
   fileset(dir: "target/classes") {
       include(name:"**/*.sha1")
   }
}
&lt;/code&gt;&lt;/pre&gt;
&lt;p&gt;I found one hacky way - to remove the "target/" from the sha1 file after using:&lt;/p&gt;
&lt;pre&gt;&lt;code&gt;ant.replace(file:"target/classes.sha1", token:" target/", value: " ")
&lt;/code&gt;&lt;/pre&gt;
&lt;p&gt;Is there a better way?&lt;/p&gt;</t>
  </si>
  <si>
    <t>2016-01-06 18:03:57.073000+00:00</t>
  </si>
  <si>
    <t>2016-01-07 18:02:37.567000+00:00</t>
  </si>
  <si>
    <t>2016-01-06 18:46:48.363000+00:00</t>
  </si>
  <si>
    <t>grails|ant|cd</t>
  </si>
  <si>
    <t>DirectoryIndex ignored by Django Webapplication</t>
  </si>
  <si>
    <t>&lt;p&gt;Hey there,
i'm using an Q+A script that is build with python and django. My problem is that i want to serve some static files i placed in a certain directory. That works basically. My problem is if someone calls &lt;a href="http://domains.com/static/sub1/" rel="nofollow"&gt;http://domains.com/static/sub1/&lt;/a&gt; the content of this directory is shown as a list. I want that if you type this URL the index.html is serverd automatically. For that purpose i edited my .htaccess file and used the DirectoryIndex option. Seems like Django is ignoring that totally. Can anyone help?&lt;/p&gt;</t>
  </si>
  <si>
    <t>2011-05-17 11:27:04.447000+00:00</t>
  </si>
  <si>
    <t>2011-05-17 15:50:59.140000+00:00</t>
  </si>
  <si>
    <t>python|django|static-files</t>
  </si>
  <si>
    <t>Bootstrap panel tab with dropdown</t>
  </si>
  <si>
    <t>&lt;p&gt;Heres an example of a panel with tabs and a dropdown:
&lt;a href="http://bootsnipp.com/snippets/featured/panels-with-nav-tabs" rel="nofollow"&gt;http://bootsnipp.com/snippets/featured/panels-with-nav-tabs&lt;/a&gt;&lt;/p&gt;
&lt;p&gt;Is there a way to make the dropdown button act as a tab itself, and the dropdown only appear if you click on that particular part of the tab (only if you click on the arrow, not the rest of the tab).&lt;/p&gt;</t>
  </si>
  <si>
    <t>2015-11-28 22:59:18.897000+00:00</t>
  </si>
  <si>
    <t>2015-11-29 01:39:28.670000+00:00</t>
  </si>
  <si>
    <t>css|twitter-bootstrap|twitter-bootstrap-3</t>
  </si>
  <si>
    <t>Global Variables within wordpress action when including the file.</t>
  </si>
  <si>
    <t>&lt;p&gt;I have a problem with variable scope. I am trying to include global variable from function_processor.php to function_function.php within my theme. &lt;/p&gt;
&lt;p&gt;Contents of form_processor.php &lt;/p&gt;
&lt;pre&gt;&lt;code&gt;$variable = ['value1', 'value2'];
&lt;/code&gt;&lt;/pre&gt;
&lt;p&gt;Contents of form_functions.php&lt;/p&gt;
&lt;pre&gt;&lt;code&gt;include('form_processor.php');
global $variable;
print_r($variable);
&lt;/code&gt;&lt;/pre&gt;
&lt;p&gt;if I use function.php and just do a standard include('form_function.php'); everything works but if I try to do the same via wordpress action it fails to retrieve global variable.&lt;/p&gt;
&lt;p&gt;Example when it fails&lt;/p&gt;
&lt;pre&gt;&lt;code&gt;function contact_form_deps()
{
    require_once('form_functions.php');
}
add_action('init', 'contact_form_deps');
&lt;/code&gt;&lt;/pre&gt;</t>
  </si>
  <si>
    <t>2015-05-27 13:03:29.777000+00:00</t>
  </si>
  <si>
    <t>2015-05-27 13:28:47.137000+00:00</t>
  </si>
  <si>
    <t>Why do we use private object with lock statement?</t>
  </si>
  <si>
    <t>&lt;p&gt;Why we need &lt;code&gt;private obj&lt;/code&gt;? or any kind of object? What's purpose of parameter of lock?&lt;/p&gt;
&lt;pre&gt;&lt;code&gt;       private static object obj = new object();
        static void Print() {
            lock (obj)
            {
                Console.WriteLine("Start");
                Thread.Sleep(100);
                Console.WriteLine("End");
            }
        }
&lt;/code&gt;&lt;/pre&gt;
&lt;p&gt;And how to work this code behind?&lt;/p&gt;</t>
  </si>
  <si>
    <t>2014-12-07 11:40:13.267000+00:00</t>
  </si>
  <si>
    <t>2014-12-07 11:51:17.277000+00:00</t>
  </si>
  <si>
    <t>c#|locking</t>
  </si>
  <si>
    <t>Hide Windows context menu for one specific file extension</t>
  </si>
  <si>
    <t>&lt;p&gt;I have a Qt Installer Framework project for a Windows application. I added an entry to HKCR to create a context menu for all file extensions, but I want to add one exception, and hide this menu to a specific file extension (e.g. option unavailable to .zip files). I��m not sure if this is possible and can��t find any answer in Internet. I think maybe you can add some key to ignore this entry for a certain extension or overwrite the behavior for the extension. Has somebody faced this problem before?
This is the whay I add the registry with QtIF installscript:&lt;/p&gt;
&lt;pre&gt;&lt;code&gt;component.addOperation("Execute",
                        reg, "add", "HKCR\\*\\shell\\MyApp\\command", "/ve", "/d", appMyCommand, "/f");
component.addOperation("Execute",
                        reg, "add", "HKCR\\*\\shell\\MyApp", "/ve", "/d", "Menu message", "/f");
component.addOperation("Execute",
                        reg, "add", "HKCR\\*\\shell\\MyApp", "/v", "Icon", "/d", myIcon, "/f");
component.addOperation("Execute", reg, "/?", "UNDOEXECUTE",
                        reg, "delete", "HKCR\\*\\shell\\MyApp", "/f"); 
&lt;/code&gt;&lt;/pre&gt;</t>
  </si>
  <si>
    <t>2018-07-16 16:08:21.887000+00:00</t>
  </si>
  <si>
    <t>2018-07-16 18:20:55.793000+00:00</t>
  </si>
  <si>
    <t>windows|qt|registry</t>
  </si>
  <si>
    <t>Filtering for UI developed using GWT</t>
  </si>
  <si>
    <t>&lt;p&gt;I am developing an application using GWT as the front end technology stack. Backend stack is Struts, Spring, mybatis&lt;/p&gt;
&lt;p&gt;We have a requirement to support column level filtering. for instance, if the client enters 'am', all words containing 'am' are filtering in the column. For GWT, to support filtering, what is the recommended approach: do we do the filtering in the front end using GWT or we develop the filtering logic in the backend and everytime the user tries to filter in the front end, we make a call to the backeng logic. Please explain pros and cons as this is a major functionality that cascades all screens.&lt;/p&gt;
&lt;p&gt;Regards&lt;/p&gt;</t>
  </si>
  <si>
    <t>2015-05-05 04:23:42.527000+00:00</t>
  </si>
  <si>
    <t>2015-05-05 05:32:03.373000+00:00</t>
  </si>
  <si>
    <t>java|java-ee|gwt|filtering</t>
  </si>
  <si>
    <t>So, I'm fetching my data from phpMyAdmin MySQL to the chart.js, but I need it with AJAX, but how AJAX works with Chart.js?</t>
  </si>
  <si>
    <t>&lt;p&gt;How to put AJAX on the Chart.js? Here's my code&lt;/p&gt;
&lt;pre&gt;&lt;code&gt; // Chart
var ctx = document.getElementById("AreaChart");
var myLineChart = new Chart(ctx, {
    type: 'line',
    update: ({
        duration: 200,
        easing: 'easeOutBounce'
    }),
    data: {
        labels: ["Jan", "Feb", "Mar", "Apr", "May"],
        datasets: [{
            label: "Harvested",
            lineTension: 0.3,
            backgroundColor: "rgba(2,117,216,0.2)",
            borderColor: "rgba(2,117,216,1)",
            pointRadius: 6,
            pointBackgroundColor: "rgba(2,117,216,1)",
            pointBorderColor: "rgba(255,255,255,0.8)",
            pointHoverRadius: 8,
            pointHoverBackgroundColor: "rgba(2,117,216,1)",
            pointHitRadius: 20,
            pointBorderWidth: 2,
            data: [&amp;lt;?php while($energy = mysqli_fetch_assoc($energy_set)) { echo h($energy['energyPercent'] . ','); } ?&amp;gt;],
        }],
    },
&lt;/code&gt;&lt;/pre&gt;
&lt;p&gt;So on the &lt;code&gt;data: [&amp;lt;?php while($energy = mysqli_fetch_assoc($energy_set)) { echo h($energy['energyPercent'] . ','); } ?&amp;gt;&lt;/code&gt;]. Here is I can perfectly fetch the data from the MySQL but the problem is it needs to be refreshed to fetch new data. How to put AJAX there?&lt;/p&gt;
&lt;p&gt;I watched and read some tutorials in AJAX but in my case, it's kinda hard especially im new to AJAX.&lt;/p&gt;
&lt;p&gt;Here's my function ajax(), and I will call it on the HTML ( body onload=ajax())
but where will I put the &lt;code&gt;document.getElementById("myChart")&lt;/code&gt; if Im using the &lt;code&gt;&amp;lt;canvas id="myChart" width="100" height="40"&amp;gt;&amp;lt;/canvas&amp;gt;&lt;/code&gt;&lt;/p&gt;
&lt;p&gt;Thanks in advance everyone!&lt;/p&gt;</t>
  </si>
  <si>
    <t>2018-03-02 16:09:22.970000+00:00</t>
  </si>
  <si>
    <t>2018-03-03 01:52:46.023000+00:00</t>
  </si>
  <si>
    <t>2018-03-02 16:14:13.213000+00:00</t>
  </si>
  <si>
    <t>javascript|php|ajax|chart.js</t>
  </si>
  <si>
    <t>How to scroll a web page with fixed navigation bar just before arrive to a section or div?</t>
  </si>
  <si>
    <t>&lt;p&gt;I think the title is enough to understanding my problem.&lt;/p&gt;
&lt;p&gt;I'm working on a one page HTML template with fixed navigation bar. When I scroll down, it comes over my section title. I've coded like this:&lt;/p&gt;
&lt;pre&gt;&lt;code&gt;&amp;lt;a href="#service"&amp;gt;&amp;lt;/a&amp;gt;
&amp;lt;section id="services"&amp;gt;&amp;lt;/section&amp;gt;
&lt;/code&gt;&lt;/pre&gt;
&lt;p&gt;I want to scroll down just a little before top of my section.&lt;/p&gt;
&lt;p&gt;Thank you.&lt;/p&gt;</t>
  </si>
  <si>
    <t>2014-12-30 20:03:07.343000+00:00</t>
  </si>
  <si>
    <t>2014-12-30 20:13:35.400000+00:00</t>
  </si>
  <si>
    <t>2014-12-30 20:03:34.027000+00:00</t>
  </si>
  <si>
    <t>user1406448</t>
  </si>
  <si>
    <t>jquery|html|css</t>
  </si>
  <si>
    <t>Toggle CheckBox Cell in DataGridView Programmatically</t>
  </si>
  <si>
    <t>&lt;p&gt;When user unchecks the checkbox for the datagridview row, messagebox displayed, if the user answers yes the row is deleted, if the user answers no then I need to re-check the check box. however it doesn't actually check unless i click anywhere on the datagridview afterwards. Any ideas to get the dgv to updated?&lt;/p&gt;
&lt;pre&gt;&lt;code&gt;Private Sub DataGridView2_CellValueChanged(sender As Object, e As DataGridViewCellEventArgs) Handles DataGridView2.CellValueChanged
  If e.RowIndex &amp;lt;&amp;gt; -1 Then
    Dim row As DataGridViewRow = DataGridView2.Rows(e.RowIndex)
    If e.ColumnIndex = 0 Then
      If row.Cells(0).Value = False Then
        If MessageBox.Show("Delete view from database.", "Delete", MessageBoxButtons.YesNo) = DialogResult.Yes Then
          DataGridView2.Rows.RemoveAt(e.RowIndex)
        Else
          row.Cells(0).Value = True
          DataGridView2.Invalidate()
        End If
      End If
    End If
  End If
End Sub
Private Sub DataGridView2_CurrentCellDirtyStateChanged(sender As Object, e As EventArgs) Handles DataGridView2.CurrentCellDirtyStateChanged
  If DataGridView2.IsCurrentCellDirty Then
    DataGridView2.CommitEdit(DataGridViewDataErrorContexts.Commit)
  End If
End Sub
&lt;/code&gt;&lt;/pre&gt;</t>
  </si>
  <si>
    <t>2012-06-05 17:12:51.090000+00:00</t>
  </si>
  <si>
    <t>2012-06-06 08:48:18.437000+00:00</t>
  </si>
  <si>
    <t>Webpack and Bootstrap with variable path</t>
  </si>
  <si>
    <t>&lt;p&gt;Migrating to Webpack I had some issues with import sass or css.&lt;/p&gt;
&lt;p&gt;I have Bootstrap installed in my node_modules and inside my file structure I' trying to do this:&lt;/p&gt;
&lt;pre&gt;&lt;code&gt;// folder scss
- vendor
   - bootstrap
   - pickadate
- views
- components
- base
&lt;/code&gt;&lt;/pre&gt;
&lt;p&gt;Inside the bootstrap scss, I have the import for bootstrap files and since the path is big, I'm trying to use a variable to reuse:&lt;/p&gt;
&lt;pre&gt;&lt;code&gt;$path: '../../../node_modules/bootstrap-sass/assets/stylesheets/bootstrap/';
@import '#{$path}variables';
@import '#{$path}grid';
@import '#{$path}responsive-utilities';
&lt;/code&gt;&lt;/pre&gt;
&lt;p&gt;With the code above I'm getting this error:&lt;/p&gt;
&lt;pre&gt;&lt;code&gt;Module build failed:
@import '#{$path}';
^
      File to import not found or unreadable: #{$path}.
&lt;/code&gt;&lt;/pre&gt;
&lt;p&gt;Anyone knows why?&lt;/p&gt;
&lt;p&gt;Thanks :)&lt;/p&gt;</t>
  </si>
  <si>
    <t>2017-06-06 16:51:05.910000+00:00</t>
  </si>
  <si>
    <t>2017-06-07 07:06:33.693000+00:00</t>
  </si>
  <si>
    <t>javascript|css|twitter-bootstrap|webpack|sass</t>
  </si>
  <si>
    <t>xCode / Objective-C Anatomy Analogies - Help a Noob Get It</t>
  </si>
  <si>
    <t>&lt;p&gt;OK so I'm trying to get started with Xcode and I have some experience with OOP in general but mostly I'm used to scripting. Anyhoo, I'm trying to get a handle on some concepts in objective C and xcode and I'm having some problems putting everything together. &lt;/p&gt;
&lt;p&gt;For starters, I'm having trouble understanding what delegates and protocols do. I think it would be useful if someone could explain this with a simple analogy of a postman, or a teacher, or a factory or something. I don't understand the difference between a method in a delegate and a regular class methods. &lt;/p&gt;
&lt;p&gt;Say I have a Class Postman. Now postman has methods sortMail() and deleteMail(). What's an example of a delegate method. And if a delegate is used, where is the data returned? Inside the delegate? Do I have to instantiate the delegate and then read results from it or does the delegate kinda give the results back to the calling object? Where do protocols come in...&lt;/p&gt;
&lt;p&gt;Simple examples please :) Baby steps.&lt;/p&gt;</t>
  </si>
  <si>
    <t>2012-03-22 18:43:11.877000+00:00</t>
  </si>
  <si>
    <t>2012-03-22 19:00:41.730000+00:00</t>
  </si>
  <si>
    <t>2012-03-22 18:53:29.713000+00:00</t>
  </si>
  <si>
    <t>objective-c|xcode|oop|delegates</t>
  </si>
  <si>
    <t>How to generate C++ Code from UML Diagrams in VIsual Studio 2013</t>
  </si>
  <si>
    <t>&lt;p&gt;I've drawn UML Class Diagrams in Visual Studio, but when I generate code and select class template, it generates C# codes, how can I generate C++ Codes and put them right in my project directory? Because my code project and modeling project are under the same solution.&lt;/p&gt;</t>
  </si>
  <si>
    <t>2014-11-23 06:19:50.293000+00:00</t>
  </si>
  <si>
    <t>2014-11-23 06:25:38.547000+00:00</t>
  </si>
  <si>
    <t>c++|visual-studio|visual-studio-2012|visual-studio-2013</t>
  </si>
  <si>
    <t>Trouble setting up reliable DMA transfer between 2 TSI148 VMEbus controllers</t>
  </si>
  <si>
    <t>&lt;p&gt;I am seeking help, most importantly from VMEbus experts.&lt;/p&gt;
&lt;p&gt;I am working on a project that aims to setup a communication channel from a real-time powerpc controller (Emerson MVME4100), running vxWorks 6.8, to a Linux Intel computer (Xembedded XVME6300), running Debian 6 with kernel 2.6.32.
This channel runs over VME bus; both computers are in a VME enclosure and both use the Tundra Tsi148 chipset. The Intel computer is explicitly configured as the system controller, the real-time computer is explicitly not.&lt;/p&gt;
&lt;p&gt;Setup:
For the Intel computer I wrote a custom driver that creates a 4MB kernel buffer, and shares it over the VME bus by means of a slave window;
For the real-time computer I setup a DMA transfer to repeatedly forward blocks of exactly 48640 bytes; filled with bytes of test data (zeros, ones, twos, etc), in quick succession (once every 32 milliseconds, if possible)
For the Intel computer I read the kernel buffer from the driver, to see whether the data arrives correctly, with a hand-started Python program.&lt;/p&gt;
&lt;p&gt;Expectation:
I am expecting to see the same data (zeros, ones etc) from the Python program.
I am expecting transmission times roughly corresponding to the chosen bus speed (typically 290 us or 145 us, depending on bus speed), plus a reasonable DMA setup overhead (up to 10us? I am willing to accept larger numbers, say hundreds of usecs, if that is what the bus &lt;em&gt;normally&lt;/em&gt; needs)&lt;/p&gt;
&lt;p&gt;Result:&lt;/p&gt;
&lt;ul&gt;
&lt;li&gt;Sometimes data does not arrive at all, and "transmission" time is ~2000 us &lt;/li&gt;
&lt;li&gt;Sometimes data arrives reliably, but transmission time is ~98270us, or 98470us, depending on the chosen bus speed.&lt;/li&gt;
&lt;/ul&gt;
&lt;p&gt;Questions:
How could I make the transmission reliable and bring down these aweful latencies?
What general direction should I search next?&lt;/p&gt;
&lt;p&gt;(I would like to tag with VMEbus if I could)&lt;/p&gt;
&lt;p&gt;Many thanks&lt;/p&gt;</t>
  </si>
  <si>
    <t>2012-09-07 09:28:56.240000+00:00</t>
  </si>
  <si>
    <t>2012-09-19 10:56:48.357000+00:00</t>
  </si>
  <si>
    <t>2012-09-07 10:44:31.100000+00:00</t>
  </si>
  <si>
    <t>linux|linux-device-driver|vxworks|dma</t>
  </si>
  <si>
    <t>How can I change the top border of my UITabBar?</t>
  </si>
  <si>
    <t>&lt;p&gt;I'd like the UITabBar to have a top border of width 5.0. The border should be yellow color.
I don't want any left/bottom/right borders.&lt;/p&gt;
&lt;p&gt;The Tab Bar border should be flat (no shadows or anything like that).&lt;/p&gt;
&lt;p&gt;How can I remove shadow (image) line?&lt;/p&gt;</t>
  </si>
  <si>
    <t>2015-09-01 05:10:38.823000+00:00</t>
  </si>
  <si>
    <t>2017-12-20 15:57:58.833000+00:00</t>
  </si>
  <si>
    <t>2017-10-30 07:51:12.633000+00:00</t>
  </si>
  <si>
    <t>ios|swift|uitabbarcontroller|uitabbar</t>
  </si>
  <si>
    <t>Additive operator used with char values produces different results</t>
  </si>
  <si>
    <t>&lt;p&gt;I am getting a strange return for the below block of code (sets of integer values):&lt;/p&gt;
&lt;pre&gt;&lt;code&gt;public String doubleChar(String str) {
String answer = "";
for (int i = 0; i &amp;lt; str.length(); i++) {
answer = answer + (str.charAt(i) + str.charAt(i));
}
return answer;
}
&lt;/code&gt;&lt;/pre&gt;
&lt;p&gt;Opposed to the correct output value (a duplication of the strings chars) when I remove the parentheses enclosing the str.chatAt method calls in the first statement line of the loop:&lt;/p&gt;
&lt;pre&gt;&lt;code&gt;answer = answer + str.charAt(i) + str.charAt(i);
&lt;/code&gt;&lt;/pre&gt;
&lt;p&gt;Any help is appreciated, could not track down online.&lt;/p&gt;
&lt;p&gt;Thanks &lt;/p&gt;</t>
  </si>
  <si>
    <t>2015-10-21 01:06:49.273000+00:00</t>
  </si>
  <si>
    <t>2015-10-21 01:22:02.777000+00:00</t>
  </si>
  <si>
    <t>java|charat</t>
  </si>
  <si>
    <t>no show query in php with msg :mysqli_fetch_array() expects parameter 1 to be mysqli_result, boolean</t>
  </si>
  <si>
    <t>&lt;h1&gt;no show query in php&lt;/h1&gt;
&lt;p&gt;its code for show query :&lt;/p&gt;
&lt;pre&gt;&lt;code&gt;$query = "SELECT input,idcode,code,org_promision,your_persent,persent,family,name,id FROM student WHERE level LIKE '{$level}'"
&lt;/code&gt;&lt;/pre&gt;
&lt;p&gt;$level getstring input .i give print and show $level.but not work in query.&lt;/p&gt;
&lt;p&gt;i show all code about this page in below :&lt;/p&gt;
&lt;pre&gt;&lt;code&gt;&amp;lt;?php
    if (isset($_POST["submit"])){
        $level=trim($_POST["level"]);
        echo "&amp;lt;br&amp;gt;&amp;lt;h3 style='color: white;direction: rtl;font-family: IranNastaliq'&amp;gt;".$level."&amp;lt;/h3&amp;gt;";
    $query = "SELECT input,idcode,code,org_promision,your_persent,persent,family,name,id FROM student WHERE level LIKE ".$level;
    $results = mysqli_query($mysqli, $query);
    $bfi = "";
    while ($row = mysqli_fetch_array($results) ) {
        {
            echo "&amp;lt;tr style='font-family: sobhanfont,serif'&amp;gt;";
            foreach ($row as $field) {
              if ($field == $bfi) {
                    echo '&amp;lt;td style="text-align: center"&amp;gt; sa' . htmlspecialchars($field) . '&amp;lt;/td&amp;gt;';
                    $bfi = $field;
               // }
            }
            echo '&amp;lt;/tr&amp;gt;';
        }
    }
    }
    ?&amp;gt;
&lt;/code&gt;&lt;/pre&gt;
&lt;blockquote&gt;
  &lt;p&gt;php show me : mysqli_fetch_array() expects parameter 1 to be
  mysqli_result, boolean&lt;/p&gt;
&lt;/blockquote&gt;</t>
  </si>
  <si>
    <t>2017-03-13 14:23:08.743000+00:00</t>
  </si>
  <si>
    <t>2017-03-13 14:28:50.790000+00:00</t>
  </si>
  <si>
    <t>php|sql|mysqli</t>
  </si>
  <si>
    <t>Error:non static method 'edit' cannot be referenced in static context</t>
  </si>
  <si>
    <t>&lt;pre&gt;&lt;code&gt;public class NavigationDrawerFragment extends Fragment {
    public static final String PREF_FILE_NAME="testpref";
    private ActionBarDrawerToggle mDrawerToggle;
    private DrawerLayout mDrawerLyout;
    private boolean mUserLearnedDrawer;
    private boolean mFromSavedInstanceState;
    public NavigationDrawerFragment() {
    // Required empty public constructor
}
@Override
public View onCreateView(LayoutInflater inflater, ViewGroup container,
                         Bundle savedInstanceState) {
    // Inflate the layout for this fragment
    return inflater.inflate(R.layout.fragment_navigation_drawer, container, false);
}
public void setUp(DrawerLayout drawerLayout,Toolbar toolbar) {
    mDrawerLyout=drawerLayout;
    mDrawerToggle=new ActionBarDrawerToggle(getActivity(),drawerLayout,toolbar,R.string.drawer_open,R.string.drawer_close){
        @Override
        public void onDrawerOpened(View drawerView) {
            super.onDrawerOpened(drawerView);
        }
        @Override
        public void onDrawerClosed(View drawerView) {
            super.onDrawerClosed(drawerView);
        }
    };
    mDrawerLyout.setDrawerListener(mDrawerToggle);
}
 public void saveToPreferences(Context context, String preferenceName, String preferenceValue)
 {
    SharedPreferences sharedPreferences =  context.getSharedPreferences(PREF_FILE_NAME, Context.MODE_PRIVATE);
    SharedPreferences.Editor editor=SharedPreferences.edit();
    editor.putString(preferenceName, preferenceValue);
    editor.commit();
}
&lt;/code&gt;&lt;/pre&gt;
&lt;p&gt;}&lt;/p&gt;
&lt;p&gt;So i am having error on the line,
SharedPreferences.Editor editor=SharedPreferences.&lt;strong&gt;&lt;em&gt;edit();&lt;/em&gt;&lt;/strong&gt;&lt;/p&gt;
&lt;blockquote&gt;
  &lt;p&gt;Error:non static method 'edit' cannot be referenced in static context&lt;/p&gt;
&lt;/blockquote&gt;</t>
  </si>
  <si>
    <t>2015-08-31 07:16:04.573000+00:00</t>
  </si>
  <si>
    <t>2015-08-31 07:32:04.900000+00:00</t>
  </si>
  <si>
    <t>2015-08-31 07:29:16.277000+00:00</t>
  </si>
  <si>
    <t>segmention fault using openMPI jobs with SLURM</t>
  </si>
  <si>
    <t>&lt;p&gt;I have a problem when trying tu use slurm SBATCH jobs or SRUN jobs with MPI over infiniband.&lt;/p&gt;
&lt;p&gt;OpenMPI is installed, and if I launch the following test program (called &lt;em&gt;hello&lt;/em&gt;) with &lt;code&gt;mpirun -n 30 ./hello&lt;/code&gt; it works. &lt;/p&gt;
&lt;pre&gt;&lt;code&gt;// compilation: mpicc -o helloMPI helloMPI.c
#include &amp;lt;mpi.h&amp;gt;
#include &amp;lt;stdio.h&amp;gt;
int main ( int argc, char * argv [] )
{
   int myrank, nproc;
   MPI_Init ( &amp;amp;argc, &amp;amp;argv );
   MPI_Comm_size ( MPI_COMM_WORLD, &amp;amp;nproc );
   MPI_Comm_rank ( MPI_COMM_WORLD, &amp;amp;myrank );
  printf ( "hello from rank %d of %d\n", myrank, nproc );
   MPI_Barrier ( MPI_COMM_WORLD );
   MPI_Finalize (); 
   return 0;
}
&lt;/code&gt;&lt;/pre&gt;
&lt;p&gt;so : &lt;/p&gt;
&lt;pre&gt;&lt;code&gt;user@master:~/hello$ mpicc -o hello hello.c
user@master:~/hello$ mpirun -n 30 ./hello
--------------------------------------------------------------------------
[[5627,1],2]: A high-performance Open MPI point-to-point messaging module
was unable to find any relevant network interfaces:
Module: usNIC
  Host: master
Another transport will be used instead, although this may result in
lower performance.
--------------------------------------------------------------------------
hello from rank 25 of 30
hello from rank 1 of 30
hello from rank 6 of 30
[...]
hello from rank 17 of 30
&lt;/code&gt;&lt;/pre&gt;
&lt;p&gt;When I try to launch it through SLURM I get segmentation faults like this: &lt;/p&gt;
&lt;pre&gt;&lt;code&gt;user@master:~/hello$ srun -n 20 ./hello
[node05:01937] *** Process received signal ***
[node05:01937] Signal: Segmentation fault (11)
[node05:01937] Signal code: Address not mapped (1)
[node05:01937] Failing at address: 0x30
[node05:01937] [ 0] /lib/x86_64-linux-gnu/libpthread.so.0(+0xfcb0)[0x7fcf6bf7ecb0]
[node05:01937] [ 1] /opt/cluster/spool/openMPI/1.8/gcc/lib/openmpi/mca_btl_openib.so(+0x244c6)[0x7fcf679b64c6]
[node05:01937] [ 2] /opt/cluster/spool/openMPI/1.8/gcc/lib/openmpi/mca_btl_openib.so(+0x254cb)[0x7fcf679b74cb]
[node05:01937] [ 3] /opt/cluster/spool/openMPI/1.8/gcc/lib/openmpi/mca_btl_openib.so(ompi_btl_openib_connect_base_select_for_local_port+0xb1)[0x7fcf679b2141]
[node05:01937] [ 4] /opt/cluster/spool/openMPI/1.8/gcc/lib/openmpi/mca_btl_openib.so(+0x10ad0)[0x7fcf679a2ad0]
[node05:01937] [ 5] /opt/cluster/spool/openMPI/1.8/gcc/lib/libmpi.so.1(mca_btl_base_select+0x114)[0x7fcf6c209b34]
[node05:01937] [ 6] /opt/cluster/spool/openMPI/1.8/gcc/lib/openmpi/mca_bml_r2.so(mca_bml_r2_component_init+0x12)[0x7fcf67bca652]
[node05:01937] [ 7] /opt/cluster/spool/openMPI/1.8/gcc/lib/libmpi.so.1(mca_bml_base_init+0x69)[0x7fcf6c209359]
[node05:01937] [ 8] /opt/cluster/spool/openMPI/1.8/gcc/lib/openmpi/mca_pml_ob1.so(+0x5975)[0x7fcf65d1b975]
[node05:01937] [ 9] /opt/cluster/spool/openMPI/1.8/gcc/lib/libmpi.so.1(mca_pml_base_select+0x35c)[0x7fcf6c21a0bc]
[node05:01937] [10] /opt/cluster/spool/openMPI/1.8/gcc/lib/libmpi.so.1(ompi_mpi_init+0x4ed)[0x7fcf6c1cb89d]
[node05:01937] [11] /opt/cluster/spool/openMPI/1.8/gcc/lib/libmpi.so.1(MPI_Init+0x16b)[0x7fcf6c1eb56b]
[node05:01937] [12] /home/user/hello/./hello[0x400826]
[node05:01937] [13] /lib/x86_64-linux-gnu/libc.so.6(__libc_start_main+0xed)[0x7fcf6bbd076d]
[node05:01937] [14] /home/user/hello/./hello[0x400749]
[node05:01937] *** End of error message ***
[node05:01938] *** Process received signal ***
[node05:01938] Signal: Segmentation fault (11)
[node05:01938] Signal code: Address not mapped (1)
[node05:01938] Failing at address: 0x30
[node05:01940] *** Process received signal ***
[node05:01940] Signal: Segmentation fault (11)
[node05:01940] Signal code: Address not mapped (1)
[node05:01940] Failing at address: 0x30
[node05:01938] [ 0] /lib/x86_64-linux-gnu/libpthread.so.0(+0xfcb0)[0x7f68b2e10cb0]
[node05:01938] [ 1] /opt/cluster/spool/openMPI/1.8/gcc/lib/openmpi/mca_btl_openib.so(+0x244c6)[0x7f68ae8484c6]
[node05:01938] [ 2] /opt/cluster/spool/openMPI/1.8/gcc/lib/openmpi/mca_btl_openib.so(+0x254cb)[0x7f68ae8494cb]
[node05:01940] [ 0] /lib/x86_64-linux-gnu/libpthread.so.0(+0xfcb0)[0x7f8af1d82cb0]
[node05:01940] [ 1] /opt/cluster/spool/openMPI/1.8/gcc/lib/openmpi/mca_btl_openib.so(+0x244c6)[0x7f8aed7ba4c6]
[node05:01940] [ 2] /opt/cluster/spool/openMPI/1.8/gcc/lib/openmpi/mca_btl_openib.so(+0x254cb)[0x7f8aed7bb4cb]
[node05:01940] [ 3] /opt/cluster/spool/openMPI/1.8/gcc/lib/openmpi/mca_btl_openib.so(ompi_btl_openib_connect_base_select_for_local_port+0xb1)[0x7f8aed7b6141]
[node05:01940] [ 4] /opt/cluster/spool/openMPI/1.8/gcc/lib/openmpi/mca_btl_openib.so(+0x10ad0)[0x7f8aed7a6ad0]
[node05:01938] [ 3] /opt/cluster/spool/openMPI/1.8/gcc/lib/openmpi/mca_btl_openib.so(ompi_btl_openib_connect_base_select_for_local_port+0xb1)[0x7f68ae844141]
[node05:01938] [ 4] /opt/cluster/spool/openMPI/1.8/gcc/lib/openmpi/mca_btl_openib.so(+0x10ad0)[0x7f68ae834ad0]
[node05:01938] [ 5] /opt/cluster/spool/openMPI/1.8/gcc/lib/libmpi.so.1(mca_btl_base_select+0x114)[0x7f68b309bb34]
[node05:01938] [ 6] /opt/cluster/spool/openMPI/1.8/gcc/lib/openmpi/mca_bml_r2.so(mca_bml_r2_component_init+0x12)[0x7f68aea5c652]
[node05:01940] [ 5] /opt/cluster/spool/openMPI/1.8/gcc/lib/libmpi.so.1(mca_btl_base_select+0x114)[0x7f8af200db34]
[node05:01940] [ 6] /opt/cluster/spool/openMPI/1.8/gcc/lib/openmpi/mca_bml_r2.so(mca_bml_r2_component_init+0x12)[0x7f8aed9ce652]
[node05:01938] [ 7] /opt/cluster/spool/openMPI/1.8/gcc/lib/libmpi.so.1(mca_bml_base_init+0x69)[0x7f68b309b359]
[node05:01938] [ 8] /opt/cluster/spool/openMPI/1.8/gcc/lib/openmpi/mca_pml_ob1.so(+0x5975)[0x7f68acbad975]
[node05:01940] [ 7] /opt/cluster/spool/openMPI/1.8/gcc/lib/libmpi.so.1(mca_bml_base_init+0x69)[0x7f8af200d359]
[node05:01940] [ 8] /opt/cluster/spool/openMPI/1.8/gcc/lib/openmpi/mca_pml_ob1.so(+0x5975)[0x7f8aebb1f975]
[node05:01940] [ 9] /opt/cluster/spool/openMPI/1.8/gcc/lib/libmpi.so.1(mca_pml_base_select+0x35c)[0x7f8af201e0bc]
[node05:01938] [ 9] /opt/cluster/spool/openMPI/1.8/gcc/lib/libmpi.so.1(mca_pml_base_select+0x35c)[0x7f68b30ac0bc]
[node05:01938] [10] /opt/cluster/spool/openMPI/1.8/gcc/lib/libmpi.so.1(ompi_mpi_init+0x4ed)[0x7f68b305d89d]
[node05:01940] [10] /opt/cluster/spool/openMPI/1.8/gcc/lib/libmpi.so.1(ompi_mpi_init+0x4ed)[0x7f8af1fcf89d]
[node05:01938] [11] /opt/cluster/spool/openMPI/1.8/gcc/lib/libmpi.so.1(MPI_Init+0x16b)[0x7f68b307d56b]
[node05:01938] [12] /home/user/hello/./hello[0x400826]
[node05:01940] [11] /opt/cluster/spool/openMPI/1.8/gcc/lib/libmpi.so.1(MPI_Init+0x16b)[0x7f8af1fef56b]
[node05:01940] [12] /home/user/hello/./hello[0x400826]
[node05:01938] [13] /lib/x86_64-linux-gnu/libc.so.6(__libc_start_main+0xed)[0x7f68b2a6276d]
[node05:01938] [14] /home/user/hello/./hello[0x400749]
[node05:01938] *** End of error message ***
[node05:01940] [13] /lib/x86_64-linux-gnu/libc.so.6(__libc_start_main+0xed)[0x7f8af19d476d]
[node05:01940] [14] /home/user/hello/./hello[0x400749]
[node05:01940] *** End of error message ***
[node05:01939] *** Process received signal ***
[node05:01939] Signal: Segmentation fault (11)
[node05:01939] Signal code: Address not mapped (1)
[node05:01939] Failing at address: 0x30
[...]etc
&lt;/code&gt;&lt;/pre&gt;
&lt;p&gt;Does anyone know what is the problem? I have built openMPI with Slurm support, and installed the same version of compilers and libs, in fact all the libs are in a NFS share which is mounted on each node.&lt;/p&gt;
&lt;p&gt;remarks:&lt;/p&gt;
&lt;p&gt;It should use infiniband, as it is installed. But when I lauch openmpi with &lt;em&gt;mpirun&lt;/em&gt; I notice the &lt;/p&gt;
&lt;pre&gt;&lt;code&gt;[[5627,1],2]: A high-performance Open MPI point-to-point messaging module
was unable to find any relevant network interfaces:
Module: usNIC
  Host: cluster
&lt;/code&gt;&lt;/pre&gt;
&lt;p&gt;which I guess means "not running through infiniband". I have installed infiniband drivers, and set up IP over Infiniband. Slurm is configured to run with infiniband IPs : is it a right configuration?&lt;/p&gt;
&lt;p&gt;Thanks in advance
Best regards&lt;/p&gt;
&lt;p&gt;EDIT :&lt;/p&gt;
&lt;p&gt;I have just tried to compile it with MPICH2 instead of openMPI and it work with SLURM. So the problem is probably related to openMPI and not Slurm configuration?&lt;/p&gt;
&lt;p&gt;EDIT 2:
Actually, I have seen that using openMPI 1.6.5 (instead of 1.8) with SBATCH command instead of SRUN my script is executed (i.e. it returns the thread number, rank and host. But it shows warnings related to the openfabric vendor and allocation of registered memory:&lt;/p&gt;
&lt;pre&gt;&lt;code&gt;The OpenFabrics (openib) BTL failed to initialize while trying to
allocate some locked memory.  This typically can indicate that the
memlock limits are set too low.  For most HPC installations, the
memlock limits should be set to "unlimited".  The failure occured
here:
  Local host:    node05
  OMPI source:   btl_openib_component.c:1216
  Function:      ompi_free_list_init_ex_new()
  Device:        mlx4_0
  Memlock limit: 65536
You may need to consult with your system administrator to get this
problem fixed.  This FAQ entry on the Open MPI web site may also be
helpful:
    http://www.open-mpi.org/faq/?category=openfabrics#ib-locked-pages
--------------------------------------------------------------------------
--------------------------------------------------------------------------
WARNING: There was an error initializing an OpenFabrics device.
  Local host:   node05
  Local device: mlx4_0
--------------------------------------------------------------------------
Hello world from process 025 out of 048, processor name node06
Hello world from process 030 out of 048, processor name node06
Hello world from process 032 out of 048, processor name node06
Hello world from process 046 out of 048, processor name node07
Hello world from process 031 out of 048, processor name node06
Hello world from process 041 out of 048, processor name node07
Hello world from process 034 out of 048, processor name node06
Hello world from process 044 out of 048, processor name node07
Hello world from process 033 out of 048, processor name node06
Hello world from process 045 out of 048, processor name node07
Hello world from process 026 out of 048, processor name node06
Hello world from process 043 out of 048, processor name node07
Hello world from process 024 out of 048, processor name node06
Hello world from process 038 out of 048, processor name node07
Hello world from process 014 out of 048, processor name node05
Hello world from process 027 out of 048, processor name node06
Hello world from process 036 out of 048, processor name node07
Hello world from process 019 out of 048, processor name node05
Hello world from process 028 out of 048, processor name node06
Hello world from process 040 out of 048, processor name node07
Hello world from process 023 out of 048, processor name node05
Hello world from process 042 out of 048, processor name node07
Hello world from process 018 out of 048, processor name node05
Hello world from process 039 out of 048, processor name node07
Hello world from process 021 out of 048, processor name node05
Hello world from process 047 out of 048, processor name node07
Hello world from process 037 out of 048, processor name node07
Hello world from process 015 out of 048, processor name node05
Hello world from process 035 out of 048, processor name node06
Hello world from process 020 out of 048, processor name node05
Hello world from process 029 out of 048, processor name node06
Hello world from process 016 out of 048, processor name node05
Hello world from process 017 out of 048, processor name node05
Hello world from process 022 out of 048, processor name node05
Hello world from process 012 out of 048, processor name node05
Hello world from process 013 out of 048, processor name node05
Hello world from process 000 out of 048, processor name node04
Hello world from process 001 out of 048, processor name node04
Hello world from process 002 out of 048, processor name node04
Hello world from process 003 out of 048, processor name node04
Hello world from process 006 out of 048, processor name node04
Hello world from process 009 out of 048, processor name node04
Hello world from process 011 out of 048, processor name node04
Hello world from process 004 out of 048, processor name node04
Hello world from process 007 out of 048, processor name node04
Hello world from process 008 out of 048, processor name node04
Hello world from process 010 out of 048, processor name node04
Hello world from process 005 out of 048, processor name node04
[node04:04390] 47 more processes have sent help message help-mpi-btl-openib.txt / init-fail-no-mem
[node04:04390] Set MCA parameter "orte_base_help_aggregate" to 0 to see all help / error messages
[node04:04390] 47 more processes have sent help message help-mpi-btl-openib.txt / error in device init
&lt;/code&gt;&lt;/pre&gt;
&lt;p&gt;What I understand from that, is that a) v.1.6.5 has a better error handling and b) I have to configure openMPI and/or infiniband drivers with more registered memory size. I see &lt;a href="http://www.open-mpi.org/faq/?category=openfabrics#ib-low-reg-mem" rel="nofollow"&gt;this page&lt;/a&gt; and apparently I only need to modify openMPI stuff? I have to test it...&lt;/p&gt;</t>
  </si>
  <si>
    <t>2014-04-18 14:51:09.203000+00:00</t>
  </si>
  <si>
    <t>2014-05-06 16:56:43.610000+00:00</t>
  </si>
  <si>
    <t>2014-04-23 07:36:52.473000+00:00</t>
  </si>
  <si>
    <t>segmentation-fault|cluster-computing|openmpi|infiniband|slurm</t>
  </si>
  <si>
    <t>How to export data programmatically to a lar file in liferay?</t>
  </si>
  <si>
    <t>&lt;p&gt;I am trying to export web content in liferay. The data is to be exported into a .lar file format.I tried with several methods like &lt;code&gt;exportData(),exportPortletInfoAsFile()&lt;/code&gt; but could not export. I searched a lot in the source code but could not achieve the result. So please suggest some more methods or the way which I should use in order to achieve the same? Thanx in advance..&lt;/p&gt;</t>
  </si>
  <si>
    <t>2016-10-10 09:38:04.740000+00:00</t>
  </si>
  <si>
    <t>user6821622</t>
  </si>
  <si>
    <t>liferay|liferay-6</t>
  </si>
  <si>
    <t>Delphi Package: Systools - I Need It!</t>
  </si>
  <si>
    <t>&lt;p&gt;Any chance someone out there still has SysTools 3 Components (S303_D60.bpl)
It's was supposedly used at some point on the project I'm working on, but I can't find locally or on the web.&lt;/p&gt;
&lt;p&gt;Thanks,
-nomad311&lt;/p&gt;</t>
  </si>
  <si>
    <t>2009-11-04 23:22:52.797000+00:00</t>
  </si>
  <si>
    <t>2014-06-28 22:54:29.667000+00:00</t>
  </si>
  <si>
    <t>delphi|components</t>
  </si>
  <si>
    <t>Redirecting node.js output to text file using shell script</t>
  </si>
  <si>
    <t>&lt;p&gt;I want to redirect the output of node.js to txt file.I am able to get the output in console for node.js.&lt;/p&gt;
&lt;p&gt;Please help me in this issue.&lt;/p&gt;
&lt;p&gt;This is the snippet:&lt;/p&gt;
&lt;pre&gt;&lt;code&gt;node.forEach(function(elem)
{
var toString=elem.path.toString;
console.log(toString);
}
&lt;/code&gt;&lt;/pre&gt;
&lt;p&gt;Output looks something like this&lt;/p&gt;
&lt;pre&gt;&lt;code&gt;ui.apps/src/main/content/jcr_root/components/content/smartcart/deviceselector/cq_editConfig.xml
ui.apps/src/main/content/jcr_root/components/content/smartcart/deviceselector/deviceselector.html
&lt;/code&gt;&lt;/pre&gt;</t>
  </si>
  <si>
    <t>2016-03-16 08:10:58.567000+00:00</t>
  </si>
  <si>
    <t>2016-03-16 08:32:39.467000+00:00</t>
  </si>
  <si>
    <t>node.js|shell</t>
  </si>
  <si>
    <t>How to pass data from one activity to other activity fragment in android?</t>
  </si>
  <si>
    <t>&lt;p&gt;I have passed some key and value data from one activity to another activity fragment so I have not get key and value to the last point in the fragment.
 I have passing data using bundle.&lt;/p&gt;</t>
  </si>
  <si>
    <t>2017-11-10 05:14:29.920000+00:00</t>
  </si>
  <si>
    <t>2018-04-02 17:05:05.963000+00:00</t>
  </si>
  <si>
    <t>jquery load order affects list</t>
  </si>
  <si>
    <t>&lt;p&gt;I have the following jQuery to load status to a profile page using a ul with li status items.
The each() takes items from a JSON callback and the load() is supposed to ensure that the image is available before the li is created:&lt;/p&gt;
&lt;p&gt;(showpic() gives me a well-formed url to use.)&lt;/p&gt;
&lt;pre&gt;&lt;code&gt;function showStatus(data){
var jsondata = $.parseJSON(data);
var testText = "";
$('#doNews').empty();
$('#doNews').append($('&amp;lt;ul/&amp;gt;', {"class": "newsList", id: "theNews"}));
$.each(jsondata, function(i, item){
    $('&amp;lt;img src="' + showpic(item[3]) + '" class="newsImage"&amp;gt;')
    .load(function(){
        $(this)
            .appendTo($('#theNews'))
            .wrap($('&amp;lt;li&amp;gt;', {"class": "newsItem"}))
            .closest('li')
            .append(item[5])
      });
});
$("#statustext").val('');
}
&lt;/code&gt;&lt;/pre&gt;
&lt;p&gt;the problem is that the status feed now seems to be written to the page in the order the images load. i.e., instead of being written according to the JSON item order, the li s are written in the order of loaded images (this has the effect of grouping status by user, not writing it out by date, as in the JSON).&lt;/p&gt;
&lt;p&gt;So...
how would I both write items in the JSON order and still wait for the img to load?&lt;/p&gt;
&lt;p&gt;By the way, I looked at this qn:
&lt;a href="https://stackoverflow.com/questions/10898365/jquery-each-and-load-ordering"&gt;jQuery each() and load() ordering&lt;/a&gt;&lt;/p&gt;
&lt;p&gt;and it seems to be on the right track, but when I tried using hide() and then show()inside the load() function, it never seemed to be called, and the img remained hidden. Please give me a simple example if this is the solution you suggest.&lt;/p&gt;
&lt;p&gt;Thanks!&lt;/p&gt;</t>
  </si>
  <si>
    <t>2013-07-28 02:23:54.073000+00:00</t>
  </si>
  <si>
    <t>2013-07-28 06:52:32.030000+00:00</t>
  </si>
  <si>
    <t>2017-05-23 12:29:19.693000+00:00</t>
  </si>
  <si>
    <t>ajax|image|jquery</t>
  </si>
  <si>
    <t>Textarea editor Redactor. Insert value with jQuery</t>
  </si>
  <si>
    <t>&lt;p&gt;Have field textarea &lt;code&gt;id="tr"&lt;/code&gt;
using HTML editor Redactor last version
trying to set value of the field exactly haw it is described in API Doc :&lt;/p&gt;
&lt;pre&gt;&lt;code&gt;$('#tr').redactor('insertText', 'text'); 
&lt;/code&gt;&lt;/pre&gt;
&lt;p&gt;or &lt;/p&gt;
&lt;pre&gt;&lt;code&gt;$('#tr').redactor('insertHtml', 'text');
&lt;/code&gt;&lt;/pre&gt;
&lt;p&gt;What am I doing wrong ?&lt;/p&gt;</t>
  </si>
  <si>
    <t>2013-10-25 12:47:02.597000+00:00</t>
  </si>
  <si>
    <t>2015-04-21 23:36:41.813000+00:00</t>
  </si>
  <si>
    <t>2013-10-25 12:59:52.267000+00:00</t>
  </si>
  <si>
    <t>jquery|redactor</t>
  </si>
  <si>
    <t>Logging into a server with cURL</t>
  </si>
  <si>
    <t>&lt;p&gt;I need to write parser. And I must login there:
&lt;a href="http://24travels.pl/web/export.pl?o=10004&amp;amp;co=imprezy" rel="nofollow"&gt;http://24travels.pl/web/export.pl?o=10004&amp;amp;co=imprezy&lt;/a&gt;&lt;/p&gt;
&lt;p&gt;But this is not POST form. This is a .htaccess server lock.
Anyone have idea to login there Using a curl or something?&lt;/p&gt;
&lt;p&gt;I need to do auto parser from this site, but first I must login there.&lt;/p&gt;</t>
  </si>
  <si>
    <t>2012-01-18 18:32:33.587000+00:00</t>
  </si>
  <si>
    <t>2012-01-18 18:40:56.180000+00:00</t>
  </si>
  <si>
    <t>2012-01-18 18:39:50.087000+00:00</t>
  </si>
  <si>
    <t>Get the frequency of values in a list of lists</t>
  </si>
  <si>
    <t>&lt;p&gt;l have the following input list composed of values which varies  from k=0 to 4:&lt;/p&gt;
&lt;pre&gt;&lt;code&gt;vector_input= [(3, 3, 3, 3, 3), (0, 0, 1), (3, 4, 3, 3, 4, 4), (1, 1, 1, 1), (1, 1, 1, 1, 1, 1, 1, 1, 1, 1, 1, 1, 1, 1, 1, 1), (1, 3, 3, 3, 1, 1, 3), (0, 0), (4, 4, 4, 4, 4), (1, 1), (3, 3), (1, 4, 3, 2), (3, 3, 4, 4, 4), (4, 4, 4, 4, 4), (3,), (2, 2), (2, 2, 2, 2, 2, 2), (0, 0, 0, 0, 1, 0), (1, 1, 1, 1, 1), (1, 1, 1, 1, 1), (0, 0, 0, 0, 0, 0, 1, 0, 0, 1)]
&lt;/code&gt;&lt;/pre&gt;
&lt;p&gt;l want to transform this list into a list of frequency output  of dimension of k (k=4) so that to get list output as follows :&lt;/p&gt;
&lt;pre&gt;&lt;code&gt;vector_output=[
[0,0,0,5,0],[2,1,0,0,0],[0,0,0,3,3],[0,4,0,0,0],[0,16,0,0,0], [0,3,0,4,0],
[2,0,0,0,0],[0,0,0,0,5],[0,0,0,3,0],[0,0,2,0,0],[0,0,6,0,0],[5,1,0,0,0],[0,5,0,0,0],[0,5,0,0,0],[8,2,0,0,0]]
&lt;/code&gt;&lt;/pre&gt;
&lt;p&gt;For instance : (3, 3, 3, 3, 3) becomes (0,0,0,5,0) because three is repeated five times and 0,1,2,4 zero times.&lt;/p&gt;</t>
  </si>
  <si>
    <t>2017-11-21 14:46:23.027000+00:00</t>
  </si>
  <si>
    <t>2017-11-21 15:36:45.367000+00:00</t>
  </si>
  <si>
    <t>2017-11-21 15:28:09.133000+00:00</t>
  </si>
  <si>
    <t>python|list|counter</t>
  </si>
  <si>
    <t>Windows Path Conversion</t>
  </si>
  <si>
    <t>&lt;p&gt;I want to convert &lt;code&gt;"C:\Program Files\x\y\z"&lt;/code&gt; to &lt;code&gt;"C:\%ProgramFiles%\x\y\z&lt;/code&gt; OR &lt;code&gt;"C:\Progra~1\x\y\z"&lt;/code&gt;(DOS short path). How to do this C#.Net?&lt;/p&gt;
&lt;p&gt;To convert long path to DOS short path I have tried solution &lt;a href="https://stackoverflow.com/questions/2585171/getshortpathnamea-not-working-in-c-sharp"&gt;posted here&lt;/a&gt; however on my Windows 10 it is not working. Any hints?&lt;/p&gt;
&lt;p&gt;Update - Please note, path may or may not exist physically on disk. I am looking a solution which can convert any arbitrary path string to above formats. The solution using GetShortPathName(...) works only if the LongPath is physically exist on disk.&lt;/p&gt;</t>
  </si>
  <si>
    <t>2018-11-26 09:20:16.017000+00:00</t>
  </si>
  <si>
    <t>2018-11-26 11:55:25.063000+00:00</t>
  </si>
  <si>
    <t>c#|.net|.net-3.5</t>
  </si>
  <si>
    <t>Unhandled Exception Handler in .NET 1.1</t>
  </si>
  <si>
    <t>&lt;p&gt;I'm maintaining a .NET 1.1 application and one of the things I've been tasked with is making sure the user doesn't see any unfriendly error notifications.&lt;/p&gt;
&lt;p&gt;I've added handlers to &lt;code&gt;Application.ThreadException&lt;/code&gt; and &lt;code&gt;AppDomain.CurrentDomain.UnhandledException&lt;/code&gt;, which do get called. My problem is that the standard CLR error dialog is still displayed (before the exception handler is called).&lt;/p&gt;
&lt;p&gt;Jeff talks about this problem on his blog &lt;a href="https://blog.codinghorror.com/console-apps-and-appdomain-currentdomain-unhandledexception/" rel="nofollow noreferrer"&gt;here&lt;/a&gt; and &lt;a href="https://blog.codinghorror.com/improved-unhandled-exception-behavior-in-net-20/" rel="nofollow noreferrer"&gt;here&lt;/a&gt;. But there's no solution. So what is the standard way in .NET 1.1 to handle uncaught exceptions and display a friendly dialog box?&lt;/p&gt;
&lt;p&gt;Jeff's response was marked as the correct answer, because the link he provided has the most complete information on how to do what's required.&lt;/p&gt;</t>
  </si>
  <si>
    <t>2008-08-04 01:15:38.067000+00:00</t>
  </si>
  <si>
    <t>2018-10-21 07:24:10.050000+00:00</t>
  </si>
  <si>
    <t>2018-10-21 07:21:38.900000+00:00</t>
  </si>
  <si>
    <t>Ray</t>
  </si>
  <si>
    <t>c#|.net|exception|exception-handling</t>
  </si>
  <si>
    <t>How do I call overloaded Java methods in Clojure</t>
  </si>
  <si>
    <t>&lt;p&gt;For this example Java class:&lt;/p&gt;
&lt;pre&gt;&lt;code&gt;package foo;
public class TestInterop
{   public String test(int i)
    { return "Test(int)"; }
    public String test(Object i)
    { return "Test(Object)"; }
}
&lt;/code&gt;&lt;/pre&gt;
&lt;p&gt;When I start Clojure and try to call the test(int) method, the test(Object) method is called instead, because Clojure automatically boxes the integer into a java.lang.Integer object.&lt;/p&gt;
&lt;p&gt;How do I force Clojure to call the test(int) method?&lt;/p&gt;
&lt;pre&gt;&lt;code&gt;user=&amp;gt; (.test (new foo.TestInterop) 10)
"Test(Object)"
&lt;/code&gt;&lt;/pre&gt;
&lt;p&gt;I want to call methods like &lt;code&gt;Component.add(Component comp, int index)&lt;/code&gt; in AWT, but instead keep calling &lt;code&gt;add(Component comp, Object constraints)&lt;/code&gt;, so the buttons on my toolbar always appear in the wrong order.&lt;/p&gt;</t>
  </si>
  <si>
    <t>2010-04-27 16:05:55.613000+00:00</t>
  </si>
  <si>
    <t>2010-04-28 03:53:21.723000+00:00</t>
  </si>
  <si>
    <t>2010-04-27 16:07:57.230000+00:00</t>
  </si>
  <si>
    <t>java|clojure|method-overloading</t>
  </si>
  <si>
    <t>I need to show error when user presses escape on prompt box , but code below doesnt seem to work, any answers?</t>
  </si>
  <si>
    <t>&lt;pre&gt;&lt;code&gt;function(catchError) {
    try {
       var firstname = prompt("please enter your first name");
}
    catch (error) {
       alert(error.message);
}} 
&lt;/code&gt;&lt;/pre&gt;
&lt;p&gt;1. how can I remove this problem&lt;/p&gt;
&lt;p&gt;2 also make this work in google chrome&lt;/p&gt;</t>
  </si>
  <si>
    <t>2013-06-19 17:15:19.280000+00:00</t>
  </si>
  <si>
    <t>2013-06-19 17:18:15.793000+00:00</t>
  </si>
  <si>
    <t>Old VB Script how to escape double quotes inside double quotes</t>
  </si>
  <si>
    <t>&lt;p&gt;I am trying to do something like this:&lt;/p&gt;
&lt;pre&gt;&lt;code&gt;&amp;lt;script&amp;gt;
   var comment = "&amp;lt;%=Server.HTMLEncode(rc("comment"))%&amp;gt;";
&amp;lt;/script&amp;gt;
&lt;/code&gt;&lt;/pre&gt;
&lt;p&gt;What I tried and it didn't work:&lt;/p&gt;
&lt;pre&gt;&lt;code&gt;var comment = "&amp;lt;%=Server.HTMLEncode(rc('comment'))%&amp;gt;";
var comment = "&amp;lt;%=Server.HTMLEncode(rc("""comment"""))%&amp;gt;";
var comment = "&amp;lt;%=Server.HTMLEncode(rc(" &amp;amp; chr(34) &amp;amp; "comment" &amp;amp; chr(34) &amp;amp; "))%&amp;gt;";
&lt;/code&gt;&lt;/pre&gt;
&lt;p&gt;Also &lt;code&gt;var comment = '&amp;lt;%=Server.HTMLEncode(rc("comment"))%&amp;gt;';&lt;/code&gt; doesn't work because the string that is returned might have ' in it and so the sentence breaks in the middle.&lt;/p&gt;</t>
  </si>
  <si>
    <t>2014-08-08 22:37:18.487000+00:00</t>
  </si>
  <si>
    <t>2014-08-08 22:44:21.650000+00:00</t>
  </si>
  <si>
    <t>SpringMVC with Oauth2 to Struts2 with Oauth2</t>
  </si>
  <si>
    <t>&lt;p&gt;What are the points that should be considered when moving Oauth2 configuration from a SpringMVC application to a Struts2 application ?&lt;/p&gt;
&lt;p&gt;I've been trying to implement Oauth2 in my Struts2 application following &lt;a href="https://github.com/spring-projects/spring-security-oauth" rel="nofollow"&gt;this SpringMVC application example&lt;/a&gt;. &lt;/p&gt;
&lt;p&gt;I've been removing code to get the example even more simpler, and now the only difference between them is the &lt;code&gt;org.springframework.web.servlet.DispatcherServlet&lt;/code&gt; in the example application.&lt;/p&gt;
&lt;p&gt;Besides both applications have the same Oauth configuration, my application keeps throwing the following exception: &lt;/p&gt;
&lt;blockquote&gt;
  &lt;p&gt;org.springframework.security.oauth2.client.resource.UserRedirectRequiredException:
  A redirect is required to get the users approval&lt;/p&gt;
&lt;/blockquote&gt;
&lt;p&gt;when example application works.&lt;/p&gt;</t>
  </si>
  <si>
    <t>2014-02-18 17:18:37.917000+00:00</t>
  </si>
  <si>
    <t>2014-02-19 14:12:51.250000+00:00</t>
  </si>
  <si>
    <t>java|struts2|spring-security|oauth-2.0|spring-security-oauth2</t>
  </si>
  <si>
    <t>Converting a number array toString() in javascript</t>
  </si>
  <si>
    <t>&lt;p&gt;Please don't barate me for asking an "dumb" question but I've been struggling over this for weeks! &lt;/p&gt;
&lt;p&gt;Why does this array leave off my leading zeros and convert the &lt;a href="http://www.w3schools.com/js/js_numbers.asp" rel="nofollow"&gt;numbers&lt;/a&gt; to a different format even after I've used toString() to convert the values to a string?&lt;/p&gt;
&lt;pre&gt;&lt;code&gt;var coords=new Array();
coords[0]=new Array(03336890,"SPOON RIVER NEAR ST. JOSEPH, IL");
coords[1]=new Array(03346500,"EMBARRAS RIVER AT LAWRENCEVILLE, IL");
coords[2]=new Array(03612600,"OHIO RIVER AT OLMSTED");
coords[3]=new Array(05543010,"ILLINOIS RIVER AT SENECA, IL");
coords[4]=new Array(05554300,"INDIAN CREEK NEAR FAIRBURY, IL");
coords[5]=new Array(05576100,"LICK CREEK NEAR WOODSIDE, IL");
coords[6]=new Array(05576195,"SUGAR CREEK NEAR CHATHAM, IL");
coords[7]=new Array(05586300,"ILLINOIS RIVER AT FLORENCE, IL");
coords[8]=new Array(05599490,"BIG MUDDY RIVER AT RTE 127 AT MURPHYSBORO, IL");
coords[9]=new Array(411955088280601,"HANSON GRAVEL PIT AT CULVERT NEAR MORRIS, IL");
for (i=0;i&amp;lt;coords.length;i++){
    coords[i][0].toString();
}
&lt;/code&gt;&lt;/pre&gt;
&lt;p&gt;Check out the result on &lt;a href="https://jsfiddle.net/1d1yf3pg/1/" rel="nofollow"&gt;jsfiddle&lt;/a&gt;&lt;/p&gt;</t>
  </si>
  <si>
    <t>2015-12-21 22:53:52.430000+00:00</t>
  </si>
  <si>
    <t>2015-12-21 23:10:30.197000+00:00</t>
  </si>
  <si>
    <t>2015-12-21 22:55:48.657000+00:00</t>
  </si>
  <si>
    <t>javascript|arrays|numbers|tostring</t>
  </si>
  <si>
    <t>dropping frame with number of occurrences less then pandas</t>
  </si>
  <si>
    <t>&lt;p&gt;This is the output of value counts of my &lt;code&gt;DataFrame&lt;/code&gt;&lt;/p&gt;
&lt;pre&gt;&lt;code&gt;df['name'].value_counts()
    A1   20000
    A2   15000
    A3   12000
    .
    .
    .
    A23  4
    A24  3
    A25  3
&lt;/code&gt;&lt;/pre&gt;
&lt;p&gt;Is it possible to remove all entries whose count is lesser than let's say 100?&lt;/p&gt;</t>
  </si>
  <si>
    <t>2017-12-27 04:05:52.027000+00:00</t>
  </si>
  <si>
    <t>2017-12-27 05:09:03.023000+00:00</t>
  </si>
  <si>
    <t>python|pandas|data-science</t>
  </si>
  <si>
    <t>How can I implement friction to movement of a object in a game</t>
  </si>
  <si>
    <t>&lt;p&gt;below is the code that I'm using for movement of a object:&lt;/p&gt;
&lt;pre&gt;&lt;code&gt;let XX = 0
let YY = 0
let maxSpeed = 100;
if(keyDown.w) {
    XX += Math.sin(angle*Math.PI/180)*moveSpeed;
    YY += -Math.cos(angle*Math.PI/180)*moveSpeed;
}
&lt;/code&gt;&lt;/pre&gt;
&lt;p&gt;I'm trying to implement friction in it when object starts moving. like when &lt;em&gt;key is down&lt;/em&gt;, speed starts to going up and it takes &lt;em&gt;n&lt;/em&gt; seconds until it reaches the &lt;code&gt;maxSpeed&lt;/code&gt;.&lt;br&gt;
How can I Do this?&lt;/p&gt;</t>
  </si>
  <si>
    <t>2018-08-31 15:29:26.007000+00:00</t>
  </si>
  <si>
    <t>2018-08-31 16:17:08.207000+00:00</t>
  </si>
  <si>
    <t>javascript|math|game-physics</t>
  </si>
  <si>
    <t>isBlankObject/isEmptyObject AngularJS</t>
  </si>
  <si>
    <t>&lt;p&gt;I am trying to get AngularJS to work with IE11. There seems to be a bug with the Foreach function. In it I keep getting the &lt;code&gt;Object Expected Error&lt;/code&gt;. Heres the code &lt;/p&gt;
&lt;pre&gt;&lt;code&gt;console.log("obj: " + obj);
console.log(typeof(obj));
console.log("isFunction(obj): " +isFunction(obj));
console.log("Object.prototype.toString.call(obj) === '[object Array]' ");
console.log( Object.prototype.toString.call(obj) === '[object Array]' );
// console.log(  Array.isArrayLike(obj));
console.log("obj.forEach and obj.forEach !== forEach: " );
console.log(  obj.forEach &amp;amp;&amp;amp; obj.forEach !== forEach);
console.log("isEmptyObject(obj): " );
console.log(  isEmptyObject(obj));
console.log("typeof Object.prototype.hasOwnProperty === 'function': " );
console.log(  typeof Object.prototype.hasOwnProperty === 'function');
&lt;/code&gt;&lt;/pre&gt;
&lt;p&gt;and the outputs are:&lt;/p&gt;
&lt;pre&gt;&lt;code&gt;obj: multiple,selected,checked,disabled,readOnly,required,open
object
isFunction(obj): false
Object.prototype.toString.call(obj) === '[object Array]' 
true
obj.forEach and obj.forEach !== forEach: 
undefined
isEmptyObject(obj): 
---- JS Exception from: IE test staging ----
Error: Object expected
Source: Microsoft JScript runtime error
Location: resources
Line: 131
&lt;/code&gt;&lt;/pre&gt;
&lt;p&gt;&lt;code&gt;typeof(obj)&lt;/code&gt; returns &lt;code&gt;object&lt;/code&gt;. So why am i still getting this error???
Please help. I'm desperate here. &lt;/p&gt;</t>
  </si>
  <si>
    <t>2015-12-08 06:54:02.497000+00:00</t>
  </si>
  <si>
    <t>javascript|jquery|angularjs|internet-explorer-11</t>
  </si>
  <si>
    <t>offsetHeight not working properly in chrome</t>
  </si>
  <si>
    <t>&lt;p&gt;I come across a funny problem. I don't know the what could be the reason. I tried to search on internet but no solutions I got. The problem is offsetWidth is working perfect in Chrome but offsetHeight is not working properly. Sometime it returns the value but sometime not. May I know is there any solution to sort out this issue. &lt;/p&gt;
&lt;p&gt;Note: I have tried to use id.height, id.clientHeight. But all are giving me the same problem. In my projects we use Prototype and JQuery also. &lt;/p&gt;
&lt;p&gt;I have used prototype getHeight() also.. but not working in Chrome. getWidth() is working perfect. But all these are working well in Firefox... :(&lt;/p&gt;
&lt;p&gt;&lt;strong&gt;This is the code block&lt;/strong&gt;&lt;/p&gt;
&lt;pre&gt;&lt;code&gt;$('leftImage_&amp;lt;?php echo $iExtLoop; ?&amp;gt;').style.position="relative";
$('leftImage_&amp;lt;?php echo $iExtLoop; ?&amp;gt;').style.left= ($('leftImageDiv').offsetWidth - $('leftImage_&amp;lt;?php echo $iExtLoop; ?&amp;gt;').offsetWidth)/2 + "px";
$('leftImage_&amp;lt;?php echo $iExtLoop; ?&amp;gt;').style.top= ($('leftImageDiv').offsetHeight - $('leftImage_&amp;lt;?php echo $iExtLoop; ?&amp;gt;').offsetHeight)/2 + "px";
if($('stripLeft_&amp;lt;?php echo $iExtLoop; ?&amp;gt;')){
    $('stripLeft_&amp;lt;?php echo $iExtLoop; ?&amp;gt;').style.position="relative";
    $('stripLeft_&amp;lt;?php echo $iExtLoop; ?&amp;gt;').style.left= ($('leftImageDiv').offsetWidth - $('stripLeft_&amp;lt;?php echo $iExtLoop; ?&amp;gt;').offsetWidth) + "px";
    $('stripLeft_&amp;lt;?php echo $iExtLoop; ?&amp;gt;').style.top= ($('leftImageDiv').offsetHeight - $('stripLeft_&amp;lt;?php echo $iExtLoop; ?&amp;gt;').offsetHeight) + "px";                                      
}
&lt;/code&gt;&lt;/pre&gt;
&lt;hr&gt;
&lt;p&gt;Refactored code, added by ��ime Vidas:&lt;/p&gt;
&lt;pre&gt;&lt;code&gt;var img = $( 'leftImage_&amp;lt;?php echo $iExtLoop; ?&amp;gt;' );
var div = $( 'leftImageDiv' );
var strip = $( 'stripLeft_&amp;lt;?php echo $iExtLoop; ?&amp;gt;' );
img.style.position = "relative";
img.style.left = ( div.offsetWidth - img.offsetWidth ) / 2 + "px";
img.style.top = ( div.offsetHeight - img.offsetHeight ) / 2 + "px";
if ( strip ) {
    strip.style.position = "relative";
    strip.style.left = ( div.offsetWidth - strip.offsetWidth ) + "px";
    strip.style.top= ( div.offsetHeight - strip.offsetHeight ) + "px";
}
&lt;/code&gt;&lt;/pre&gt;</t>
  </si>
  <si>
    <t>2012-05-28 12:13:21.550000+00:00</t>
  </si>
  <si>
    <t>2012-05-28 13:03:23.170000+00:00</t>
  </si>
  <si>
    <t>2012-05-28 12:41:29.677000+00:00</t>
  </si>
  <si>
    <t>javascript|google-chrome|height</t>
  </si>
  <si>
    <t>Two way binding of contenteditable item inside ng-list</t>
  </si>
  <si>
    <t>&lt;p&gt;I am looking to update Phone Name in a list of phones using contenteditable attribute. I have tried using ng-change but thats not getting fired. Is there any way I can do this?&lt;/p&gt;
&lt;p&gt;I have a list of &lt;code&gt;Store.Phones&lt;/code&gt;&lt;/p&gt;
&lt;pre&gt;&lt;code&gt;&amp;lt;ul class="store"&amp;gt;
  &amp;lt;li ng-repeat="Phone in Store.Phones"&amp;gt;
     &amp;lt;strong contenteditable&amp;gt; {{Phone.Name}}&amp;lt;/strong&amp;gt;
  &amp;lt;/li&amp;gt;
&amp;lt;ul&amp;gt;
&lt;/code&gt;&lt;/pre&gt;
&lt;p&gt;So now when I edit Phone name I need to get it updated in the list.&lt;/p&gt;
&lt;p&gt;I have tried something like this with model pointing to the element. This is not working.&lt;/p&gt;
&lt;pre&gt;&lt;code&gt;&amp;lt;strong ng-model='Store.Phones[$index].Name'&amp;gt; {{Phone.Name}}&amp;lt;/strong&amp;gt;
&lt;/code&gt;&lt;/pre&gt;
&lt;p&gt;Also&lt;/p&gt;
&lt;pre&gt;&lt;code&gt;&amp;lt;strong ng-model='PhoneName' ng-change='PhoneNameChanged()'&amp;gt; {{Phone.Name}}&amp;lt;/strong&amp;gt;
&lt;/code&gt;&lt;/pre&gt;
&lt;p&gt;but in this case the method is not getting fired.&lt;/p&gt;</t>
  </si>
  <si>
    <t>2013-02-27 09:35:04.413000+00:00</t>
  </si>
  <si>
    <t>2014-08-02 22:21:05.260000+00:00</t>
  </si>
  <si>
    <t>angularjs|contenteditable|angularjs-ng-repeat</t>
  </si>
  <si>
    <t>How to map C-a a to go to the beginning of a line in a nested tmux session using prefix C-a?</t>
  </si>
  <si>
    <t>&lt;p&gt;Right now I use the following settings (in my local ~/.tmux.conf file) which allow me to use C-Space as my prefix key in my local tmux sessions and C-a as my prefix in my nested tmux sessions (i.e. through ssh):&lt;/p&gt;
&lt;p&gt;Local .tmux.conf&lt;/p&gt;
&lt;pre&gt;&lt;code&gt;unbind-key C-b
set -g prefix C-Space
bind-key -n C-a send-prefix
&lt;/code&gt;&lt;/pre&gt;
&lt;p&gt;Remote .tmux.conf&lt;/p&gt;
&lt;pre&gt;&lt;code&gt;set -g prefix C-Space
&lt;/code&gt;&lt;/pre&gt;
&lt;p&gt;How can I map C-a+a in my nested session to go to the beginning of the line?&lt;/p&gt;</t>
  </si>
  <si>
    <t>2016-05-27 06:54:09.520000+00:00</t>
  </si>
  <si>
    <t>2016-10-06 04:08:33.470000+00:00</t>
  </si>
  <si>
    <t>tmux</t>
  </si>
  <si>
    <t>Maya (Python): Running condition command and scriptJob command from within a module</t>
  </si>
  <si>
    <t>&lt;p&gt;I'm creating a UI tool that loads during Maya's startup, and executes some modules AFTER VRay has initialized (otherwise an error is thrown).  &lt;/p&gt;
&lt;p&gt;A suggestion from my broader question &lt;a href="https://stackoverflow.com/questions/38601706/maya-defer-a-script-until-after-vray-is-registered"&gt;here&lt;/a&gt; has lead me to try out the condition and scriptJob commands.  &lt;/p&gt;
&lt;p&gt;The listener.py code below works when run from within Maya's script editor, but when I import the listener module and run it using the launcher.py code, I get this error:&lt;/p&gt;
&lt;pre&gt;&lt;code&gt;Error: line 1: name 'is_vray_loaded' is not defined
Traceback: (most recent call last):
    File "&amp;lt;maya console&amp;gt;", line 1, in &amp;lt;module&amp;gt;
NameError: name 'is_vray_loaded' is not defined
&lt;/code&gt;&lt;/pre&gt;
&lt;p&gt;&lt;strong&gt;Note&lt;/strong&gt; that the condition command requires a mel command syntax (seems to be a bug), so just calling the normal function doesn't work and gives an error that procedure cannot be found).&lt;/p&gt;
&lt;p&gt;Here's the listener:&lt;/p&gt;
&lt;pre&gt;&lt;code&gt;# vray_listener.py
import os
import maya.cmds as mc
import maya.mel as mel
vray_plugin_path_2016   = os.path.join('C:', os.sep, 'Program Files', 'Autodesk', 'Maya2016', 'vray', 'plug-ins', 'vrayformaya.mll')
#-----------------------------------------------------------------------
def is_vray_loaded():
    return mc.pluginInfo(vray_plugin_path_2016, q=1, l=True)
#-----------------------------------------------------------------------
def hey():
    print 'hey'
mc.condition('vray_initialized', initialize=True, d='idle', s='python("is_vray_loaded()");')
mc.scriptJob(ct=['vray_initialized', 'hey()'])
&lt;/code&gt;&lt;/pre&gt;
&lt;p&gt;Here's the launcher:&lt;/p&gt;
&lt;pre&gt;&lt;code&gt;# launcher.py
import sys
vray_listener_path = 'S:/path/to/module'
if vray_listener_path not in sys.path:
    sys.path.append(vray_listener_path)
import vray_listener
reload(vray_listener)
&lt;/code&gt;&lt;/pre&gt;</t>
  </si>
  <si>
    <t>2016-08-31 14:42:11.977000+00:00</t>
  </si>
  <si>
    <t>2016-08-31 15:22:01.377000+00:00</t>
  </si>
  <si>
    <t>2017-05-23 11:51:41.777000+00:00</t>
  </si>
  <si>
    <t>python|condition|maya</t>
  </si>
  <si>
    <t>Notification isn't removed after it's clicked</t>
  </si>
  <si>
    <t>&lt;p&gt;I have a notification. Everything works correctly except the notification isn't removed from status bar. &lt;/p&gt;
&lt;p&gt;I have setAutoCancel(true), setOngoing(false), setContentIntent and still nothing. I have the issue on API 27 in emulator but also on physical device S8+.&lt;/p&gt;
&lt;p&gt;Any idea how to remove the notification after clicking ?&lt;/p&gt;
&lt;pre&gt;&lt;code&gt; public static void CreateNotification(Context Context) {
  String notificationChannelID = "1.com.1";
  String notificationChannelName = "Permissions";
  NotificationChannel notificationChannel = null;
  NotificationManager notificationManager;
  if (Build.VERSION.SDK_INT &amp;gt;= Build.VERSION_CODES.O) {
   notificationChannel = new NotificationChannel(notificationChannelID, notificationChannelName, IMPORTANCE_LOW);
   notificationChannel.setLockscreenVisibility(Notification.VISIBILITY_PUBLIC);
   notificationManager = (NotificationManager)Context.getSystemService(NOTIFICATION_SERVICE);
   notificationManager.createNotificationChannel(notificationChannel);
  }
  else { notificationManager = (NotificationManager)Context.getSystemService(NOTIFICATION_SERVICE); }
  Notification.Builder notificationBuilder = new Notification.Builder(Context);
  if (Build.VERSION.SDK_INT &amp;gt;= Build.VERSION_CODES.O) { notificationBuilder.setChannelId(notificationChannelID); }
  Intent notificationIntent = new Intent(Context.getApplicationContext(), PermissionsActivity.class);
  notificationIntent.setFlags(Intent.FLAG_ACTIVITY_CLEAR_TOP | Intent.FLAG_ACTIVITY_SINGLE_TOP);
  Notification notification = notificationBuilder
    .setContentTitle("Title")
    .setContentText("Text")
    .setContentIntent(PendingIntent.getActivity(Context.getApplicationContext(), 0, notificationIntent, 0))
    .setSmallIcon(R.mipmap.ic_app_icon)
    .setLargeIcon(BitmapFactory.decodeResource(Context.getResources(), R.mipmap.ic_app_icon))
    .setAutoCancel(true)
    .setOngoing(false)
    .build();
  //notification.flags |= Notification.FLAG_AUTO_CANCEL; // Doesn't help too
  int notificationID = 1;
  notificationManager.notify(notificationID, notification);
 }
&lt;/code&gt;&lt;/pre&gt;</t>
  </si>
  <si>
    <t>2018-02-05 19:36:29.093000+00:00</t>
  </si>
  <si>
    <t>2018-02-05 19:47:23.503000+00:00</t>
  </si>
  <si>
    <t>Eclipse exitcode=1</t>
  </si>
  <si>
    <t>&lt;p&gt;I was trying to get Eclipse to run on arch linux. Though when I try to open it, it displays this error message which I have no clue of what it means.
Does Eclipse recognize my jre correctly?&lt;/p&gt;
&lt;p&gt;Thanks&lt;/p&gt;
&lt;p&gt;&lt;a href="https://i.stack.imgur.com/FugKl.png" rel="nofollow noreferrer"&gt;&lt;img src="https://i.stack.imgur.com/FugKl.png" alt="fail to start"&gt;&lt;/a&gt;&lt;/p&gt;</t>
  </si>
  <si>
    <t>2017-11-28 13:06:13.097000+00:00</t>
  </si>
  <si>
    <t>java|linux|eclipse|arch</t>
  </si>
  <si>
    <t>Why does tempfile seem to delete itself within a with statement?</t>
  </si>
  <si>
    <t>&lt;p&gt;This program is a browser that is designed to circumvent proxy settings. As you can see when the data is processed it is put into a file and opened in the default browser. However when I open it in chrome (I don't know if that is significant), it says: &lt;/p&gt;
&lt;p&gt;&lt;code&gt;This web page has not been found&lt;/code&gt;&lt;/p&gt;
&lt;p&gt;&lt;code&gt;No web page was found for the web address:&lt;/code&gt; &lt;code&gt;file:///C:/Users/Thornton/appdata/local/temp/tmpreb9zp.html&lt;/code&gt;&lt;/p&gt;
&lt;p&gt;&lt;code&gt;Error code: ERR_FILE_NOT_FOUND&lt;/code&gt;&lt;/p&gt;
&lt;p&gt;Here is the code:&lt;/p&gt;
&lt;pre&gt;&lt;code&gt;import urllib.request
import webbrowser
import tempfile
from tkinter import *
class Browser:
    def __init__(self, master):
        global e1
        self.proxy_handler = urllib.request.ProxyHandler(proxies=None)
        self.opener = urllib.request.build_opener(self.proxy_handler)
        Label(master, text='Full Path').grid(row=0)
        e1 = Entry(master)
        e1.grid(row=0, column=1)
        Button(master, text='Go', command=self.browse).grid(row=0, column=2)
        root.bind('&amp;lt;Return&amp;gt;', self.browse)
    @staticmethod
    def parsed(data):
        initial = str(data)[2:-1]
        lines = initial.split('\\n')
        return lines
    def navigate(self, query):
        response = self.opener.open(query)
        html = self.parsed(response.read())
        return html
    def browse(self):
        raw_data = self.navigate(e1.get())
        clean_data = self.parsed(raw_data)
        with tempfile.NamedTemporaryFile(suffix='.html') as cache:
            cache.writelines(line.encode('UTF-8') for line in clean_data)
            webbrowser.open_new_tab(cache.name)
root = Tk()
root.wm_attributes('-topmost', 1)
app = Browser(root)
root.mainloop()
&lt;/code&gt;&lt;/pre&gt;</t>
  </si>
  <si>
    <t>2014-02-19 11:20:45.033000+00:00</t>
  </si>
  <si>
    <t>2014-02-22 15:45:27.830000+00:00</t>
  </si>
  <si>
    <t>python|filesystems|browser|temporary-files</t>
  </si>
  <si>
    <t>Application1 has stopped working</t>
  </si>
  <si>
    <t>&lt;p&gt;I have developed a program that contains a keyboard hook (is in this &lt;a href="http://sim0n.wordpress.com/2009/03/28/vbnet-keyboard-hook-class/" rel="nofollow"&gt;webpage&lt;/a&gt;) and it plays a sound when the user press a key.&lt;/p&gt;
&lt;p&gt;When I debug it, it works perfectly, except sometimes this error appears:&lt;/p&gt;
&lt;pre&gt;&lt;code&gt;No se control�� System.InvalidOperationException
HResult=-2146233079
Message=Error al crear el formulario. Consulte Exception.InnerException para obtener m��s detalles. Error: Could not set keyboard hook
Source=CBAS
StackTrace:
en CBAS.My.MyProject.MyForms.Create__Instance__[T](T Instance) en 17d14f5c-a337-4978-8281-53493378c1071.vb:l��nea 190
en CBAS.My.MyProject.MyForms.get_Form1()
en CBAS.My.MyApplication.OnCreateMainForm() en C:\Users\win8\Desktop\CBAS\CBAS\My Project\Application.Designer.vb:l��nea 35
en Microsoft.VisualBasic.ApplicationServices.WindowsF ormsApplicationBase.OnRun()
en Microsoft.VisualBasic.ApplicationServices.WindowsF ormsApplicationBase.DoApplicationModel()
en Microsoft.VisualBasic.ApplicationServices.WindowsF ormsApplicationBase.Run(String[] commandLine)
en CBAS.My.MyApplication.Main(String[] Args) en 17d14f5c-a337-4978-8281-53493378c1071.vb:l��nea 81
en System.AppDomain._nExecuteAssembly(RuntimeAssembly assembly, String[] args)
en System.AppDomain.ExecuteAssembly(String assemblyFile, Evidence assemblySecurity, String[] args)
en Microsoft.VisualStudio.HostingProcess.HostProc.Run UsersAssembly()
en System.Threading.ThreadHelper.ThreadStart_Context( Object state)
en System.Threading.ExecutionContext.RunInternal(Exec utionContext executionContext, ContextCallback callback, Object state, Boolean preserveSyncCtx)
en System.Threading.ExecutionContext.Run(ExecutionCon text executionContext, ContextCallback callback, Object state, Boolean preserveSyncCtx)
en System.Threading.ExecutionContext.Run(ExecutionCon text executionContext, ContextCallback callback, Object state)
en System.Threading.ThreadHelper.ThreadStart()
InnerException: 
HResult=-2146233088
Message=Could not set keyboard hook
Source=CBAS
StackTrace:
en CBAS.KeyboardHook..ctor() en C:\Users\win8\Desktop\CBAS\CBAS\KeyboardHook.vb:l�� nea 57
en CBAS.Form1..ctor() en C:\Users\win8\Desktop\CBAS\CBAS\Form1.vb:l��nea 8
InnerException: )
&lt;/code&gt;&lt;/pre&gt;
&lt;p&gt;But when I publish it, execute it and I press a key, this error always appear:&lt;/p&gt;
&lt;blockquote&gt;
  &lt;p&gt;"Application1 has stopped working, Windows is collecting more information about the problem..."&lt;/p&gt;
&lt;/blockquote&gt;
&lt;p&gt;I don't know why.&lt;/p&gt;
&lt;p&gt;&lt;strong&gt;How can I fix it?&lt;/strong&gt;&lt;/p&gt;
&lt;p&gt;In the &lt;code&gt;WER&lt;/code&gt; (windows error reporting) file, this appears (it's in Spanish because I'm Spanish)&lt;/p&gt;
&lt;pre&gt;&lt;code&gt;Version=1
EventType=CLR20r3
EventTime=130379893951236939
ReportType=2
Consent=1
UploadTime=130379893952509742
ReportIdentifier=de74a3fd-9fc5-11e3-bf5a-2016d88a811a
IntegratorReportIdentifier=de74a3fc-9fc5-11e3-bf5a-2016d88a811a
WOW64=1
NsAppName=Application1.exe
Response.BucketId=40a1e70aa352cd3ac6cc9fb760f9bba0
Response.BucketTable=5
Response.LegacyBucketId=94505433654
Response.type=4
Response.CabId=94493168456
Sig[0].Name=Firma del problema 01
Sig[0].Value=application1.exe
Sig[1].Name=Firma del problema 02
Sig[1].Value=1.0.0.0
Sig[2].Name=Firma del problema 03
Sig[2].Value=530f5ce4
Sig[3].Name=Firma del problema 04
Sig[3].Value=System
Sig[4].Name=Firma del problema 05
Sig[4].Value=4.0.30319.18045
Sig[5].Name=Firma del problema 06
Sig[5].Value=5126f9e5
Sig[6].Name=Firma del problema 07
Sig[6].Value=1312
Sig[7].Name=Firma del problema 08
Sig[7].Value=43
Sig[8].Name=Firma del problema 09
Sig[8].Value=System.IO.FileNotFoundException
DynamicSig[1].Name=Versi��n del sistema operativo
DynamicSig[1].Value=6.2.9200.2.0.0.768.101
DynamicSig[2].Name=Id. de configuraci��n regional
DynamicSig[2].Value=3082
DynamicSig[22].Name=Informaci��n adicional 1
DynamicSig[22].Value=ad52
DynamicSig[23].Name=Informaci��n adicional 2
DynamicSig[23].Value=ad5243c3e40479b968754b46da71fc1d
DynamicSig[24].Name=Informaci��n adicional 3
DynamicSig[24].Value=cb3a
DynamicSig[25].Name=Informaci��n adicional 4
DynamicSig[25].Value=cb3ad7e6b5724be9ade53a06384fee8d
UI[2]=C:\Users\yo\Desktop\publish\Application Files\Application1_1_0_0_12\Application1.exe
UI[3]=Application1 dej�� de funcionar
UI[4]=Windows puede buscar una soluci��n en l��nea al problema.
UI[5]=Buscar una soluci��n en l��nea y cerrar el programa
UI[6]=Buscar una soluci��n en l��nea m��s tarde y cerrar el programa
UI[7]=Cerrar el programa
LoadedModule[0]=C:\Users\yo\Desktop\publish\Application Files\Application1_1_0_0_12\Application1.exe
LoadedModule[1]=C:\windows\SYSTEM32\ntdll.dll
LoadedModule[2]=C:\windows\SYSTEM32\MSCOREE.DLL
LoadedModule[3]=C:\windows\SYSTEM32\KERNEL32.dll
LoadedModule[4]=C:\windows\SYSTEM32\KERNELBASE.dll
LoadedModule[5]=C:\windows\system32\apphelp.dll
LoadedModule[6]=C:\windows\SYSTEM32\ADVAPI32.dll
LoadedModule[7]=C:\windows\SYSTEM32\msvcrt.dll
LoadedModule[8]=C:\windows\SYSTEM32\sechost.dll
LoadedModule[9]=C:\windows\SYSTEM32\RPCRT4.dll
LoadedModule[10]=C:\windows\SYSTEM32\SspiCli.dll
LoadedModule[11]=C:\windows\SYSTEM32\CRYPTBASE.dll
LoadedModule[12]=C:\windows\SYSTEM32\bcryptPrimitives.dll
LoadedModule[13]=C:\Windows\Microsoft.NET\Framework\v4.0.30319\msc oreei.dll
LoadedModule[14]=C:\windows\SYSTEM32\SHLWAPI.dll
LoadedModule[15]=C:\windows\SYSTEM32\USER32.dll
LoadedModule[16]=C:\windows\SYSTEM32\GDI32.dll
LoadedModule[17]=C:\windows\system32\IMM32.DLL
LoadedModule[18]=C:\windows\SYSTEM32\MSCTF.dll
LoadedModule[19]=C:\Windows\Microsoft.NET\Framework\v4.0.30319\clr .dll
LoadedModule[20]=C:\windows\SYSTEM32\MSVCR110_CLR0400.dll
LoadedModule[21]=C:\windows\assembly\NativeImages_v4.0.30319_32\ms corlib\391541c89ed7585fc7e8936c43cee387\mscorlib.n i.dll
LoadedModule[22]=C:\windows\SYSTEM32\ole32.dll
LoadedModule[23]=C:\windows\SYSTEM32\combase.dll
LoadedModule[24]=C:\windows\system32\uxtheme.dll
LoadedModule[25]=C:\windows\assembly\NativeImages_v4.0.30319_32\Sy stem\f0602360211041a6be208f0b4138dddd\System.ni.dl l
LoadedModule[26]=C:\windows\assembly\NativeImages_v4.0.30319_32\Sy stem.Core\bca236f576ea12db3a9191f4586a445a\System. Core.ni.dll
LoadedModule[27]=C:\windows\assembly\NativeImages_v4.0.30319_32\Mi crosoft.V9921e851#\544c2dc6a8eccbe94917fa495786d22 8\Microsoft.VisualBasic.ni.dll
LoadedModule[28]=C:\Windows\Microsoft.NET\Framework\v4.0.30319\clr jit.dll
LoadedModule[29]=C:\windows\SYSTEM32\OLEAUT32.dll
LoadedModule[30]=C:\windows\assembly\NativeImages_v4.0.30319_32\Sy stem.Drawing\61be23d6a688188e3419a1eb46fc9d9d\Syst em.Drawing.ni.dll
LoadedModule[31]=C:\windows\assembly\NativeImages_v4.0.30319_32\Sy stem.Windows.Forms\11b4af16e791a6b0ada4a97d3e64e27 a\System.Windows.Forms.ni.dll
LoadedModule[32]=C:\windows\WinSxS\x86_microsoft.windows.common-controls_6595b64144ccf1df_5.82.9200.16658_none_bf1 359a245f1cd12\comctl32.dll
LoadedModule[33]=C:\windows\SYSTEM32\dwmapi.dll
LoadedModule[34]=C:\windows\assembly\NativeImages_v4.0.30319_32\Sy stem.Runt73a1fc9d#\3ca3214971476bd8dfa50fb1ad771f6 9\System.Runtime.Remoting.ni.dll
LoadedModule[35]=C:\windows\WinSxS\x86_microsoft.windows.gdiplus_6 595b64144ccf1df_1.1.9200.16518_none_ba1cf6b7e09f19 18\gdiplus.dll
LoadedModule[36]=C:\windows\SYSTEM32\DWrite.dll
LoadedModule[37]=C:\windows\WinSxS\x86_microsoft.windows.common-controls_6595b64144ccf1df_6.0.9200.16579_none_8937 eec6860750f5\comctl32.dll
LoadedModule[38]=C:\windows\SYSTEM32\winmm.dll
LoadedModule[39]=C:\windows\SYSTEM32\WINMMBASE.dll
LoadedModule[40]=C:\windows\SYSTEM32\cfgmgr32.dll
LoadedModule[41]=C:\windows\SYSTEM32\DEVOBJ.dll
LoadedModule[42]=C:\windows\SYSTEM32\CRYPTSP.dll
LoadedModule[43]=C:\windows\system32\rsaenh.dll
LoadedModule[44]=C:\windows\SYSTEM32\VERSION.dll
LoadedModule[45]=C:\Windows\Microsoft.NET\Framework\v4.0.30319\dia symreader.dll
State[0].Key=Transport.DoneStage1
State[0].Value=1
File[0].CabName=WERInternalMetadata.xml
File[0].Path=WER3909.tmp.WERInternalMetadata.xml
File[0].Flags=851971
File[0].Type=5
File[0].Original.Path=C:\Users\win8\AppData\Local\temp\WE R3909.tmp.WERInternalMetadata.xml
File[1].CabName=triagedump.dmp
File[1].Path=WER44E2.tmp.dmp
File[1].Flags=2949123
File[1].Type=6
File[1].Original.Path=C:\Users\win8\AppData\Local\temp\WE R44E2.tmp.dmp
File[2].CabName=Report.cab
File[2].Path=Report.cab
File[2].Flags=196608
File[2].Type=9
File[2].Original.Path=Report.cab
FriendlyEventName=Dej�� de funcionar
ConsentKey=CLR20r3
AppName=Application1
AppPath=C:\Users\yo\Desktop\publish\Application Files\Application1_1_0_0_12\Application1.exe
NsPartner=windows
NsGroup=windows8
&lt;/code&gt;&lt;/pre&gt;
&lt;p&gt;In the form1 I have this code:&lt;/p&gt;
&lt;pre&gt;&lt;code&gt;Imports System.Threading
Public Class Form1
    Dim iresult As Long
    Dim ResourceFilePathPrefix As String
    Private Declare Function mciSendString Lib "winmm.dll" Alias "mciSendStringA" (ByVal lpstrCommand As String, ByVal lpstrReturnString As String, ByVal uReturnLength As Long, ByVal hwndCallback As Long) As Long
    Private Declare Function mciExecute Lib "winmm.dll" (ByVal lpstrCommand As String) As Long
    Private WithEvents kbHook As New KeyboardHook
    Private Declare Function GetAsyncKeyState Lib "user32" (ByVal vKey As Long) As Integer
    Private Sub Form1_Load(ByVal sender As Object, ByVal e As EventArgs) Handles MyBase.Load
        If System.Diagnostics.Debugger.IsAttached() Then
            ResourceFilePathPrefix = System.IO.Path.GetFullPath(Application.StartupPath &amp;amp; "\..\..\resources\")
        Else
            ResourceFilePathPrefix = Application.StartupPath &amp;amp; "\resources\"
        End If
    End Sub
    Private Sub kbHook_KeyDown(ByVal Key As System.Windows.Forms.Keys) Handles kbHook.KeyDown
        Select Case Key
            Case Keys.A
                My.Computer.Audio.Play(ResourceFilePathPrefix &amp;amp; "Sound1.wav")
            Case Keys.B
                My.Computer.Audio.Play(ResourceFilePathPrefix &amp;amp; "Sound2.wav")
            Case Keys.C
                My.Computer.Audio.Play(ResourceFilePathPrefix &amp;amp; "Sound3.wav")
        End Select
    End Sub
End Class
&lt;/code&gt;&lt;/pre&gt;
&lt;p&gt;And this is the code from the web:&lt;/p&gt;
&lt;pre&gt;&lt;code&gt;Imports System.Runtime.InteropServices
Public Class KeyboardHook
    &amp;lt;DllImport("User32.dll", CharSet:=CharSet.Auto, CallingConvention:=CallingConvention.StdCall)&amp;gt; _
    Private Overloads Shared Function SetWindowsHookEx(ByVal idHook As Integer, ByVal HookProc As KBDLLHookProc, ByVal hInstance As IntPtr, ByVal wParam As Integer) As Integer
    End Function
    &amp;lt;DllImport("User32.dll", CharSet:=CharSet.Auto, CallingConvention:=CallingConvention.StdCall)&amp;gt; _
    Private Overloads Shared Function CallNextHookEx(ByVal idHook As Integer, ByVal nCode As Integer, ByVal wParam As IntPtr, ByVal lParam As IntPtr) As Integer
    End Function
    &amp;lt;DllImport("User32.dll", CharSet:=CharSet.Auto, CallingConvention:=CallingConvention.StdCall)&amp;gt; _
    Private Overloads Shared Function UnhookWindowsHookEx(ByVal idHook As Integer) As Boolean
    End Function
    &amp;lt;StructLayout(LayoutKind.Sequential)&amp;gt; _
    Private Structure KBDLLHOOKSTRUCT
        Public vkCode As UInt32
        Public scanCode As UInt32
        Public flags As KBDLLHOOKSTRUCTFlags
        Public time As UInt32
        Public dwExtraInfo As UIntPtr
    End Structure
    &amp;lt;Flags()&amp;gt; _
    Private Enum KBDLLHOOKSTRUCTFlags As UInt32
        LLKHF_EXTENDED = &amp;amp;H1
        LLKHF_INJECTED = &amp;amp;H10
        LLKHF_ALTDOWN = &amp;amp;H20
        LLKHF_UP = &amp;amp;H80
    End Enum
    Public Shared Event KeyDown(ByVal Key As Keys)
    Public Shared Event KeyUp(ByVal Key As Keys)
    Private Const WH_KEYBOARD_LL As Integer = 13
    Private Const HC_ACTION As Integer = 0
    Private Const WM_KEYDOWN = &amp;amp;H100
    Private Const WM_KEYUP = &amp;amp;H101
    Private Const WM_SYSKEYDOWN = &amp;amp;H104
    Private Const WM_SYSKEYUP = &amp;amp;H105
    Private Delegate Function KBDLLHookProc(ByVal nCode As Integer, ByVal wParam As IntPtr, ByVal lParam As IntPtr) As Integer
    Private KBDLLHookProcDelegate As KBDLLHookProc = New KBDLLHookProc(AddressOf KeyboardProc)
    Private HHookID As IntPtr = IntPtr.Zero
    Private Function KeyboardProc(ByVal nCode As Integer, ByVal wParam As IntPtr, ByVal lParam As IntPtr) As Integer
        If (nCode = HC_ACTION) Then
            Dim struct As KBDLLHOOKSTRUCT
            Select Case wParam
                Case WM_KEYDOWN, WM_SYSKEYDOWN
                    RaiseEvent KeyDown(CType(CType(Marshal.PtrToStructure(lParam, struct.GetType()), KBDLLHOOKSTRUCT).vkCode, Keys))
                Case WM_KEYUP, WM_SYSKEYUP
                    RaiseEvent KeyUp(CType(CType(Marshal.PtrToStructure(lParam, struct.GetType()), KBDLLHOOKSTRUCT).vkCode, Keys))
            End Select
        End If
        Return CallNextHookEx(IntPtr.Zero, nCode, wParam, lParam)
    End Function
    Public Sub New()
        HHookID = SetWindowsHookEx(WH_KEYBOARD_LL, KBDLLHookProcDelegate, System.Runtime.InteropServices.Marshal.GetHINSTANCE(System.Reflection.Assembly.GetExecutingAssembly.GetModules()(0)).ToInt32, 0)
        If HHookID = IntPtr.Zero Then
            Throw New Exception("Could not set keyboard hook")
        End If
    End Sub
    Protected Overrides Sub Finalize()
        If Not HHookID = IntPtr.Zero Then
            UnhookWindowsHookEx(HHookID)
        End If
        MyBase.Finalize()
    End Sub
End Class
&lt;/code&gt;&lt;/pre&gt;
&lt;p&gt;With Windbg appeared this code(only the error part):&lt;/p&gt;
&lt;pre&gt;&lt;code&gt;(17cc.1810): CLR exception - code e0434352 (first chance)
(17cc.1810): Unknown exception - code c000041d (!!! second chance !!!)
eax=0118ed58 ebx=00000005 ecx=00000005 edx=00000000 esi=0118ee24 edi=00000001
eip=77504b32 esp=0118ed58 ebp=0118edb4 iopl=0         nv up ei pl nz ac po nc
cs=0023  ss=002b  ds=002b  es=002b  fs=0053  gs=002b             efl=00000212
KERNELBASE!RaiseException+0x6c:
77504b32 8b4c2454        mov     ecx,dword ptr [esp+54h] ss:002b:0118edac=d57192f5
*** WARNING: Unable to verify checksum for C:\windows\assembly\NativeImages_v4.0.30319_32\System\f0602360211041a6be208f0b4138dddd\System.ni.dll
*** WARNING: Unable to verify checksum for C:\windows\assembly\NativeImages_v4.0.30319_32\Microsoft.V9921e851#\544c2dc6a8eccbe94917fa495786d228\Microsoft.VisualBasic.ni.dll
*** WARNING: Unable to verify checksum for C:\windows\assembly\NativeImages_v4.0.30319_32\System.Windows.Forms\11b4af16e791a6b0ada4a97d3e64e27a\System.Windows.Forms.ni.dll
0:000&amp;gt; gn
eax=00000000 ebx=00000000 ecx=00000000 edx=00000000 esi=00000002 edi=0143a8f8
eip=77e2f6b4 esp=054af7f8 ebp=054af990 iopl=0         nv up ei pl nz na po nc
cs=0023  ss=002b  ds=002b  es=002b  fs=0053  gs=002b             efl=00000202
ntdll!NtWaitForWorkViaWorkerFactory+0xc:
77e2f6b4 c21000          ret     10h
&lt;/code&gt;&lt;/pre&gt;</t>
  </si>
  <si>
    <t>2014-03-02 19:45:50.107000+00:00</t>
  </si>
  <si>
    <t>2014-03-04 09:17:52.530000+00:00</t>
  </si>
  <si>
    <t>2014-03-04 00:58:22.180000+00:00</t>
  </si>
  <si>
    <t>vb.net|windows|keyboard|hook|windows-error-reporting</t>
  </si>
  <si>
    <t>How integrate Bluemix Public Accounts/User in LDAP?</t>
  </si>
  <si>
    <t>&lt;p&gt;Is it possible to integrate &lt;strong&gt;Bluemix Public Accounts/User&lt;/strong&gt; (means &lt;strong&gt;IBM IDs&lt;/strong&gt;) in a &lt;strong&gt;LDAP&lt;/strong&gt; of Company User Management?&lt;/p&gt;
&lt;p&gt;Reason the ensure on-boarding and off-boarding can be done on a central place inside a company.&lt;/p&gt;
&lt;p&gt;Is this topic related to a ibm market place integration possibility?
&lt;a href="https://www.ibm.com/support/knowledgecenter/en/SSZPE3_9.1.1/Platform/LDAP/LDAP_AD_integration_features.html" rel="nofollow noreferrer"&gt;https://www.ibm.com/support/knowledgecenter/en/SSZPE3_9.1.1/Platform/LDAP/LDAP_AD_integration_features.html&lt;/a&gt;&lt;/p&gt;</t>
  </si>
  <si>
    <t>2017-08-11 07:08:24.150000+00:00</t>
  </si>
  <si>
    <t>2017-08-11 15:03:31.660000+00:00</t>
  </si>
  <si>
    <t>ldap|ibm-cloud</t>
  </si>
  <si>
    <t>store additional data in QAction menu item - python</t>
  </si>
  <si>
    <t>&lt;p&gt;I've got a dynamic qmenu which is generated via a for-loop. I've broken this down to its most basic properties possible. What I'm wondering, is it possible for me to create a custom QMenuItem so i can store an actual object inside each menu item? Currently it only supports just string which is used as the name. &lt;/p&gt;
&lt;p&gt;How can I store additional data/information in a Menu Item?&lt;/p&gt;
&lt;p&gt;I want to set the display text, like normal and then additionally in the for loop, add a class object, or data of some sort, to each item as well. I placed pseudo code in the for-loop but it's commented out..&lt;/p&gt;
&lt;p&gt;I thought i was close by creating a custom QAction item and inheriting from QAction but that didn't appear to work when trying to use this...&lt;/p&gt;
&lt;pre&gt;&lt;code&gt;class ActionObject( QtGui.QAction ):
    def __init__( self, text="", parent=None ):
        super( ActionObject, self ).__init__( parent )
        self.data = None
&lt;/code&gt;&lt;/pre&gt;
&lt;p&gt;&lt;a href="https://i.stack.imgur.com/FpYfW.png" rel="nofollow noreferrer"&gt;&lt;img src="https://i.stack.imgur.com/FpYfW.png" alt="enter image description here"&gt;&lt;/a&gt;&lt;/p&gt;
&lt;pre&gt;&lt;code&gt;#!/usr/bin/python
# -*- coding: utf-8 -*-
# Imports
# ------------------------------------------------------------------------------
import sys
from PySide import QtGui, QtCore
class Person():
    def __init__(self, name="", age=None):
        self.name = name
        self.age = age
# Main Widget
# ------------------------------------------------------------------------------
class ExampleWidget(QtGui.QWidget):
    def __init__(self,):
        super(ExampleWidget, self).__init__()
        self.initUI()
    def initUI(self):
        # formatting
        self.setWindowTitle("Example")
        # context menu
        self.main_menu = QtGui.QMenu()
        self.sub_menu = QtGui.QMenu("Great")
        self.main_menu.addMenu(self.sub_menu)
        names = ["Joe","Kevin","Amy","Doug","Jenny"]
        # sub-menu
        for x in xrange(len(names)):
            name = str(x) + " - " + names[x]
            action = self.sub_menu.addAction( name )
            # action.data = Person()
            action.triggered.connect(self.menu_action)
        # widgets        
        self.factionsList = QtGui.QListWidget()
        # signal
        self.factionsList.setContextMenuPolicy(QtCore.Qt.CustomContextMenu)
        self.factionsList.customContextMenuRequested.connect(self.on_context_menu_factions)
        # layout
        self.mainLayout = QtGui.QGridLayout(self)
        self.mainLayout.addWidget(self.factionsList, 1, 0)
        self.show()
    def menu_action(self):
        print "testing"
    def on_context_menu_factions(self, pos):
        self.main_menu.exec_( QtGui.QCursor.pos() )
# Main
# ------------------------------------------------------------------------------
if __name__ == "__main__":
    app = QtGui.QApplication(sys.argv)
    ex = ExampleWidget()
    res = app.exec_()
    sys.exit(res)
&lt;/code&gt;&lt;/pre&gt;</t>
  </si>
  <si>
    <t>2015-12-10 21:20:07.243000+00:00</t>
  </si>
  <si>
    <t>2015-12-10 23:01:13.163000+00:00</t>
  </si>
  <si>
    <t>python|pyside</t>
  </si>
  <si>
    <t>perform operations on excel data sheet using java</t>
  </si>
  <si>
    <t>&lt;p&gt;there are four columns in excel sheet&lt;/p&gt;
&lt;ol&gt;
&lt;li&gt;I need to perform operations on three columns and display the result on the fourth one.&lt;/li&gt;
&lt;li&gt;&lt;a href="https://i.stack.imgur.com/xBE2h.png" rel="nofollow noreferrer"&gt;Image with data in excel&lt;/a&gt;&lt;/li&gt;
&lt;li&gt;If I perform B9-D9 then the result is equal to C9.&lt;/li&gt;
&lt;li&gt;when this happens the output should be as "matched".&lt;/li&gt;
&lt;li&gt;&lt;p&gt;i need to know how to  access each row and column and perform the  necessary operation on it.
See if you can help me and let me know if any additional details are required.&lt;/p&gt;
&lt;pre&gt;&lt;code&gt;package com.infy;
import java.io.File;
import java.io.FileInputStream;
import java.io.FileNotFoundException;
import java.io.IOException;
import java.util.Iterator;
import org.apache.poi.ss.usermodel.Cell;
import org.apache.poi.ss.usermodel.Row;
import org.apache.poi.ss.usermodel.Sheet;
import org.apache.poi.ss.usermodel.Workbook;
import org.apache.poi.xssf.usermodel.XSSFWorkbook;
public class ReconMatch {
    public static void main(String[] args) throws IOException, 
FileNotFoundException{
        // TODO Auto-generated method stub
        String excelFilePath ="C:/Users/akshay.kuchankar/Documents/demo.xlsx";
        FileInputStream inputStream = new FileInputStream(new 
File(excelFilePath));
        Workbook workbook = new XSSFWorkbook(inputStream);
        Sheet firstSheet = workbook.getSheetAt(0);
        Iterator&amp;lt;Row&amp;gt; iterator = firstSheet.iterator();
        while (iterator.hasNext()) {
            Row nextRow = iterator.next();
            Iterator&amp;lt;Cell&amp;gt; cellIterator = nextRow.cellIterator();
             while (cellIterator.hasNext()) {
                 Cell cell = cellIterator.next();
                 //what should be the basic approach or the syntax to perform the operaiton??
             }
             System.out.println();
          }
          workbook.close();
          inputStream.close();
        }
    }
&lt;/code&gt;&lt;/pre&gt;
&lt;hr&gt;
&lt;pre&gt;&lt;code&gt; for(int i= 0; i&amp;lt;firstSheet.getRow(0).getCell(0).getNumericCellValue(); i++)
            {
                FGAmount = firstSheet.getRow(1).getCell(1).getNumericCellValue();
                //  System.out.println(FGAmount);
                difference = firstSheet.getRow(1).getCell(3).getNumericCellValue();
                value = FGAmount + difference;
            }
                    alconAmount = firstSheet.getRow(1).getCell(2).getNumericCellValue();
       //           result = firstSheet.getRow(1).getCell(4).getStringCellValue();
        }               
    }
    try {
        if(value== alconAmount){
            firstSheet.getRow(1).getCell(4).setCellValue("Manual Matched");
            System.out.println("matched");
        }                       
    } catch (Exception e) {
        e.printStackTrace();
        System.out.println(e);
    }
    // System.out.println(result);
     workbook.close();
     inputStream.close();
&lt;/code&gt;&lt;/pre&gt;&lt;/li&gt;
&lt;/ol&gt;</t>
  </si>
  <si>
    <t>2017-05-25 06:54:49.100000+00:00</t>
  </si>
  <si>
    <t>2017-08-03 01:44:39.767000+00:00</t>
  </si>
  <si>
    <t>java|excel</t>
  </si>
  <si>
    <t>SimpleSamlPHP - Generating SP metadata</t>
  </si>
  <si>
    <t>&lt;p&gt;I am using SimpleSamlPHP library to implement SAML 2.0 SSO for my client. My client has already shared their IdP metadata and I have implemented that on my end. Now they need (off course) the SP metadata from me.&lt;/p&gt;
&lt;p&gt;SimpleSamlPHP provides a very user friendly converter (find the converter in simplesamlphp/www/admin/metadata-converter.php) that you can use to convert the IdP metadata XML into metadata (PHP) array that you would use in saml20-idp-remote configuration. &lt;/p&gt;
&lt;p&gt;&lt;strong&gt;I am looking for&lt;/strong&gt; a similar utility that would take details about my assertion url, single logout url etc and would generate the SP metadata file for my client. &lt;strong&gt;If there is no such utility&lt;/strong&gt;, can someone please give me a hint on how can I go about generating the SP metadata for my client. I off course don't expect anyone to give me the full solution, just a push in the right direction is all I need. &lt;/p&gt;
&lt;p&gt;Thanks all.&lt;/p&gt;
&lt;p&gt;UPDATE: I am looking for the standard XML attributes that the SP metadata XML should have. &lt;/p&gt;</t>
  </si>
  <si>
    <t>2014-06-04 16:41:56.327000+00:00</t>
  </si>
  <si>
    <t>2017-04-07 01:59:48.717000+00:00</t>
  </si>
  <si>
    <t>php|saml-2.0|simplesamlphp</t>
  </si>
  <si>
    <t>How to pass data backwards to a view controller after passing forward?</t>
  </si>
  <si>
    <t>&lt;p&gt;Im developing a quiz app and there is a  second view controller that appears after the initial view controller where you are asked to answer a question. On the second view controller you the user must press a button to return to the initial view controller to be asked another question. However when I segue back from the second view controller I believe a new instance of the initial view controller is being created and the user is asked questions they have already answered. The code in the swift file for my initial view controller is constructed that when once a user is asked a question once that question is removed from an array by it's index. How could I make it to where a new instance of the initial view controller isn't created from segueing from the second view controller? Or is there a way the second view controller can access the same methods as the initial view controller?&lt;/p&gt;
&lt;p&gt;Here is my code for the initial view controller: &lt;/p&gt;
&lt;pre&gt;&lt;code&gt;import UIKit
class ViewController: UIViewController {
var questionList = [String]()
func updateCounter() {
    counter -= 1
    questionTimer.text = String(counter)
    if counter == 0 {
        timer.invalidate()
        wrongSeg()
        counter = 15
    }
}
func randomQuestion() {
    //random question
    if questionList.isEmpty {
        questionList = Array(QADictionary.keys)
        questionTimer.text = String(counter)
    }
    let rand = Int(arc4random_uniform(UInt32(questionList.count)))
    questionLabel.text = questionList[rand]
    //matching answer values to go with question keys
    var choices = QADictionary[questionList[rand]]!
      questionList.remove(at: rand)
    //create button
        var button:UIButton = UIButton()
    //variables
    var x = 1
    rightAnswerBox = arc4random_uniform(4)+1
        for index in 1...4
        {
            button = view.viewWithTag(index) as! UIButton
            if (index == Int(rightAnswerBox))
            {
                button.setTitle(choices[0], for: .normal)
            }
            else {
                button.setTitle(choices[x], for: .normal)
                x += 1
            }
            randomImage()
        }
    }
let QADictionary = ["Who is Thor's brother?" : ["Atum", "Loki", "Red Norvell", "Kevin Masterson"], "What is the name of Thor's hammer?" : ["Mjolinr", "Uru", "Stormbreaker", "Thundara"], "Who is the father of Thor?" : ["Odin", "Sif", "Heimdall", "Balder"]]
//wrong view segue
func wrongSeg() {
   performSegue(withIdentifier: "incorrectSeg", sender: self)
}
//proceed screen
func rightSeg() {
    performSegue(withIdentifier: "correctSeg", sender: self)
}
//variables
var rightAnswerBox:UInt32 = 0
var index = 0
//Question Label
@IBOutlet weak var questionLabel: UILabel!
//Answer Button
@IBAction func buttonAction(_ sender: AnyObject) {
if (sender.tag == Int(rightAnswerBox))
{
    rightSeg()
    print ("Correct!")
}
    if counter != 0 {
        counter = 15
        questionTimer.text = String(counter)
    }
else if (sender.tag != Int(rightAnswerBox)) {
    wrongSeg()
print ("Wrong!")
    timer.invalidate()
    questionList = []
    }
   randomQuestion()
}
override func viewDidAppear(_ animated: Bool)
 {
randomQuestion()
}
//variables
var counter = 15
var timer = Timer()
@IBOutlet weak var questionTimer: UILabel!
override func viewDidLoad() {
    super.viewDidLoad()
    // Do any additional setup after loading the view, typically from a nib.
    timer = Timer.scheduledTimer(timeInterval: 1, target:self, selector: #selector(ViewController.updateCounter), userInfo: nil, repeats: true)
}
&lt;/code&gt;&lt;/pre&gt;
&lt;p&gt;Here's the code to the second view controller:&lt;/p&gt;
&lt;pre&gt;&lt;code&gt;import UIKit
 class ContinueScreen: UIViewController {
//correct answer label
@IBOutlet weak var correctLbl: UILabel!
//background photo
@IBOutlet weak var backgroundImage: UIImageView!
func backToQuiz() {
    if let nav = self.navigationController {
        nav.popViewController(animated: true)
        }
    else {
        self.dismiss(animated: true, completion: nil)
        }
    }
@IBAction func `continue`(_ sender: Any) {
    backToQuiz()
}
&lt;/code&gt;&lt;/pre&gt;</t>
  </si>
  <si>
    <t>2017-07-25 19:06:15.893000+00:00</t>
  </si>
  <si>
    <t>2017-07-25 21:48:28.837000+00:00</t>
  </si>
  <si>
    <t>swift|delegates|segue|viewcontroller|navigationcontroller</t>
  </si>
  <si>
    <t>changing background opacity (alpha level) sequentially android</t>
  </si>
  <si>
    <t>&lt;pre&gt;&lt;code&gt;private void zoomImageFromThumb(final View thumbView, int imageResId){
    // If there's an animation in progress, cancel it
    // immediately and proceed with this one.
    if (mCurrentAnimator != null) {
        mCurrentAnimator.cancel();
    }
    Drawable expanded_image_background=getResources().getDrawable(R.drawable.background_expanded_image);
    // Load the high-resolution "zoomed-in" image.
    final ImageView expandedImageView = (ImageView) findViewById(R.id.expanded_image);
    expandedImageView.setImageResource(imageResId);
    expandedImageView.bringToFront();
    // Calculate the starting and ending bounds for the zoomed-in image.
    // This step involves lots of math. Yay, math.
    final Rect startBounds = new Rect();
    final Rect finalBounds = new Rect();
    final Point globalOffset = new Point();
    // The start bounds are the global visible rectangle of the thumbnail,
    // and the final bounds are the global visible rectangle of the container
    // view. Also set the container view's offset as the origin for the
    // bounds, since that's the origin for the positioning animation
    // properties (X, Y).
    thumbView.getGlobalVisibleRect(startBounds);
    findViewById(R.id.container).getGlobalVisibleRect(finalBounds, globalOffset);
    startBounds.offset(-globalOffset.x, -globalOffset.y);
    finalBounds.offset(-globalOffset.x, -globalOffset.y);
    // Adjust the start bounds to be the same aspect ratio as the final
    // bounds using the "center crop" technique. This prevents undesirable
    // stretching during the animation. Also calculate the start scaling
    // factor (the end scaling factor is always 1.0).
    float startScale;
    if ((float) finalBounds.width() / finalBounds.height()
            &amp;gt; (float) startBounds.width() / startBounds.height()) {
        // Extend start bounds horizontally
        startScale = (float) startBounds.height() / finalBounds.height();
        float startWidth = startScale * finalBounds.width();
        float deltaWidth = (startWidth - startBounds.width()) / 2;
        startBounds.left -= deltaWidth;
        startBounds.right += deltaWidth;
    } else {
        // Extend start bounds vertically
        startScale = (float) startBounds.width() / finalBounds.width();
        float startHeight = startScale * finalBounds.height();
        float deltaHeight = (startHeight - startBounds.height()) / 2;
        startBounds.top -= deltaHeight;
        startBounds.bottom += deltaHeight;
    }
    // Hide the thumbnail and show the zoomed-in view. When the animation
    // begins, it will position the zoomed-in view in the place of the
    // thumbnail.
    thumbView.setAlpha(0f);
    expandedImageView.setVisibility(View.VISIBLE);
    // Set the pivot point for SCALE_X and SCALE_Y transformations
    // to the top-left corner of the zoomed-in view (the default
    // is the center of the view).
    expandedImageView.setPivotX(0f);
    expandedImageView.setPivotY(0f);
    // Construct and run the parallel animation of the four translation and
    // scale properties (X, Y, SCALE_X, and SCALE_Y).
    AnimatorSet set = new AnimatorSet();
    set.play(ObjectAnimator.ofFloat(expandedImageView, View.X, startBounds.left, finalBounds.left))
            .with(ObjectAnimator.ofFloat(expandedImageView, View.Y, startBounds.top, finalBounds.top))
            .with(ObjectAnimator.ofFloat(expandedImageView, View.SCALE_X,
                    startScale, 1f)).with(ObjectAnimator.ofFloat(expandedImageView,
            View.SCALE_Y, startScale, 1f));
    set.setDuration(mShortAnimationDuration);
    set.setInterpolator(new DecelerateInterpolator());
    set.addListener(new AnimatorListenerAdapter() {
        @Override
        public void onAnimationEnd(Animator animation) {
            mCurrentAnimator = null;
        }
        @Override
        public void onAnimationCancel(Animator animation) {
            mCurrentAnimator = null;
        }
    });
    set.start();
    mCurrentAnimator = set;
    // Upon clicking the zoomed-in image, it should zoom back down
    // to the original bounds and show the thumbnail instead of
    // the expanded image.
    final float startScaleFinal = startScale;
    expandedImageView.setOnClickListener(new View.OnClickListener() {
        @Override
        public void onClick(View view) {
            if (mCurrentAnimator != null) {
                mCurrentAnimator.cancel();
            }
            // Animate the four positioning/sizing properties in parallel,
            // back to their original values.
            AnimatorSet set = new AnimatorSet();
            set.play(ObjectAnimator
                    .ofFloat(expandedImageView, View.X, startBounds.left))
                    .with(ObjectAnimator
                            .ofFloat(expandedImageView,
                                    View.Y,startBounds.top))
                    .with(ObjectAnimator
                            .ofFloat(expandedImageView,
                                    View.SCALE_X, startScaleFinal))
                    .with(ObjectAnimator
                            .ofFloat(expandedImageView,
                                    View.SCALE_Y, startScaleFinal));
            set.setDuration(mShortAnimationDuration);
            set.setInterpolator(new DecelerateInterpolator());
            set.addListener(new AnimatorListenerAdapter() {
                @Override
                public void onAnimationEnd(Animator animation) {
                    thumbView.setAlpha(1f);
                    expandedImageView.setVisibility(View.GONE);
                    mCurrentAnimator = null;
                }
                @Override
                public void onAnimationCancel(Animator animation) {
                    thumbView.setAlpha(1f);
                    expandedImageView.setVisibility(View.GONE);
                    mCurrentAnimator = null;
                }
            });
            set.start();
            mCurrentAnimator = set;
        }
    });
}
&lt;/code&gt;&lt;/pre&gt;
&lt;p&gt;currently I am working on animations, and I have an image on imageview and if I click it, it is zoomed out (filled in screen), next it is zoomed in. &lt;/p&gt;
&lt;p&gt;I used &lt;a href="https://developer.android.com/training/animation/zoom.html" rel="nofollow"&gt; this function &lt;/a&gt; to create an animation. But I also have background(drawable folder) of imageview and I want it to increase (and decrease) its opacity while zoomed out and in. I know that I have to use setAlpha(), but I cannot figure out where to put it. Please help...&lt;/p&gt;</t>
  </si>
  <si>
    <t>2016-07-05 10:38:55.553000+00:00</t>
  </si>
  <si>
    <t>2016-07-06 18:35:12.770000+00:00</t>
  </si>
  <si>
    <t>2016-07-05 11:28:03.727000+00:00</t>
  </si>
  <si>
    <t>android|android-animation|opacity</t>
  </si>
  <si>
    <t>Getting this Exception while deploying war file in tomcat server</t>
  </si>
  <si>
    <t>&lt;p&gt;I'm doing web project in tapestry by using jetty server in Eclipse.&lt;/p&gt;
&lt;p&gt;It works fine while running in eclipse. but when i deployed the war file in Tomcat server. 
I'm getting the below Stack Trace. please help me&lt;/p&gt;
&lt;pre&gt;&lt;code&gt;org.apache.tapestry5.ioc.internal.OperationException
java.lang.ClassNotFoundException: caught an exception while obtaining a class file for net.video.pages.Index
trace
Constructing instance of page class net.video.pages.Index
Creating ComponentAssembler for net.video.pages.Index
java.lang.ClassNotFoundException
caught an exception while obtaining a class file for net.video.pages.Index
exception
org.apache.tapestry5.ioc.internal.OperationException: javassist.NotFoundException: org.json.JSONException
org.apache.tapestry5.ioc.internal.OperationException
javassist.NotFoundException: org.json.JSONException
trace
Constructing instance of page class net.video.pages.Index
Creating ComponentAssembler for net.video.pages.Index
Transforming component class net.video.pages.Index
javassist.NotFoundException
org.json.JSONException
javassist.ClassPool.get(ClassPool.java:436)
javassist.ClassPool.get(ClassPool.java:655)
javassist.CtBehavior.getExceptionTypes(CtBehavior.java:335)
    org.apache.tapestry5.internal.services.InternalClassTransformationImpl.toMethodSignature(InternalClassTransformationImpl.java:1595)
    org.apache.tapestry5.internal.services.InternalClassTransformationImpl.access$000(InternalClassTransformationImpl.java:54)
    org.apache.tapestry5.internal.services.InternalClassTransformationImpl$TransformMethodImpl.&amp;lt;init&amp;gt;(InternalClassTransformationImpl.java:107)
    org.apache.tapestry5.internal.services.InternalClassTransformationImpl.recordMethod(InternalClassTransformationImpl.java:1143)
    org.apache.tapestry5.internal.services.InternalClassTransformationImpl.preloadMethods(InternalClassTransformationImpl.java:894)
    org.apache.tapestry5.internal.services.InternalClassTransformationImpl.preloadMembers(InternalClassTransformationImpl.java:887)
    org.apache.tapestry5.internal.services.InternalClassTransformationImpl.&amp;lt;init&amp;gt;(InternalClassTransformationImpl.java:805)
    org.apache.tapestry5.internal.services.ComponentClassTransformerImpl$1.run(ComponentClassTransformerImpl.java:186)
    org.apache.tapestry5.ioc.internal.OperationTrackerImpl$1.invoke(OperationTrackerImpl.java:50)
    org.apache.tapestry5.ioc.internal.OperationTrackerImpl$1.invoke(OperationTrackerImpl.java:47)
    org.apache.tapestry5.ioc.internal.OperationTrackerImpl.invoke(OperationTrackerImpl.java:65)
    org.apache.tapestry5.ioc.internal.OperationTrackerImpl.run(OperationTrackerImpl.java:46)
    org.apache.tapestry5.ioc.internal.PerThreadOperationTracker.run(PerThreadOperationTracker.java:56)
    org.apache.tapestry5.ioc.internal.RegistryImpl.run(RegistryImpl.java:1058)
    org.apache.tapestry5.internal.services.ComponentClassTransformerImpl.transformComponentClass(ComponentClassTransformerImpl.java:111)
    org.apache.tapestry5.internal.services.ComponentInstantiatorSourceImpl.onLoad(ComponentInstantiatorSourceImpl.java:212)
    javassist.Loader.findClass(Loader.java:340)
    org.apache.tapestry5.internal.services.ComponentInstantiatorSourceImpl$PackageAwareLoader.findClass(ComponentInstantiatorSourceImpl.java:102)
    javassist.Loader.loadClass(Loader.java:311)
    java.lang.ClassLoader.loadClass(ClassLoader.java:266)
    org.apache.tapestry5.internal.services.ComponentInstantiatorSourceImpl.findClass(ComponentInstantiatorSourceImpl.java:305)
    org.apache.tapestry5.internal.services.ComponentInstantiatorSourceImpl.getInstantiator(ComponentInstantiatorSourceImpl.java:285)
    org.apache.tapestry5.internal.pageload.PageLoaderImpl$4.invoke(PageLoaderImpl.java:222)
    org.apache.tapestry5.internal.pageload.PageLoaderImpl$4.invoke(PageLoaderImpl.java:219)
    org.apache.tapestry5.ioc.internal.OperationTrackerImpl.invoke(OperationTrackerImpl.java:65)
    org.apache.tapestry5.ioc.internal.PerThreadOperationTracker.invoke(PerThreadOperationTracker.java:68)
    org.apache.tapestry5.ioc.internal.RegistryImpl.invoke(RegistryImpl.java:1063)
    org.apache.tapestry5.internal.pageload.PageLoaderImpl.createAssembler(PageLoaderImpl.java:218)
    org.apache.tapestry5.internal.pageload.PageLoaderImpl.getAssembler(PageLoaderImpl.java:208)
    org.apache.tapestry5.internal.pageload.PageLoaderImpl$3.invoke(PageLoaderImpl.java:180)
    org.apache.tapestry5.internal.pageload.PageLoaderImpl$3.invoke(PageLoaderImpl.java:174)
    org.apache.tapestry5.ioc.internal.OperationTrackerImpl.invoke(OperationTrackerImpl.java:65)
    org.apache.tapestry5.ioc.internal.PerThreadOperationTracker.invoke(PerThreadOperationTracker.java:68)
    org.apache.tapestry5.ioc.internal.RegistryImpl.invoke(RegistryImpl.java:1063)
    org.apache.tapestry5.internal.pageload.PageLoaderImpl.loadPage(PageLoaderImpl.java:173)
    org.apache.tapestry5.internal.services.PageSourceImpl.getPage(PageSourceImpl.java:81)
    org.apache.tapestry5.internal.services.NonPoolingRequestPageCacheImpl.get(NonPoolingRequestPageCacheImpl.java:74)
    org.apache.tapestry5.internal.services.PageRenderRequestHandlerImpl.handle(PageRenderRequestHandlerImpl.java:55)
    org.apache.tapestry5.services.TapestryModule$36.handle(TapestryModule.java:2326)
    org.apache.tapestry5.internal.services.ComponentRequestHandlerTerminator.handlePageRender(ComponentRequestHandlerTerminator.java:48)
    org.apache.tapestry5.services.InitializeActivePageName.handlePageRender(InitializeActivePageName.java:47)
    org.apache.tapestry5.internal.services.PageRenderDispatcher.dispatch(PageRenderDispatcher.java:45)
    org.apache.tapestry5.services.TapestryModule$RequestHandlerTerminator.service(TapestryModule.java:321)
    net.snovabits.services.AppModule$1.service(AppModule.java:90)
    org.apache.tapestry5.internal.services.RequestErrorFilter.service(RequestErrorFilter.java:26)
    org.apache.tapestry5.services.TapestryModule$4.service(TapestryModule.java:984)
    org.apache.tapestry5.services.TapestryModule$3.service(TapestryModule.java:974)
    org.apache.tapestry5.internal.services.StaticFilesFilter.service(StaticFilesFilter.java:90)
    org.apache.tapestry5.internal.services.CheckForUpdatesFilter$2.invoke(CheckForUpdatesFilter.java:90)
    org.apache.tapestry5.internal.services.CheckForUpdatesFilter$2.invoke(CheckForUpdatesFilter.java:80)
    org.apache.tapestry5.ioc.internal.util.ConcurrentBarrier.withRead(ConcurrentBarrier.java:85)
    org.apache.tapestry5.internal.services.CheckForUpdatesFilter.service(CheckForUpdatesFilter.java:103)
    org.apache.tapestry5.services.TapestryModule$HttpServletRequestHandlerTerminator.service(TapestryModule.java:272)
    org.apache.tapestry5.internal.gzip.GZipFilter.service(GZipFilter.java:53)
    org.apache.tapestry5.internal.services.IgnoredPathsFilter.service(IgnoredPathsFilter.java:62)
    org.apache.tapestry5.services.TapestryModule$2.service(TapestryModule.java:928)
    org.apache.tapestry5.TapestryFilter.doFilter(TapestryFilter.java:147) 
&lt;/code&gt;&lt;/pre&gt;</t>
  </si>
  <si>
    <t>2012-01-24 11:41:00.717000+00:00</t>
  </si>
  <si>
    <t>2017-02-17 20:34:01.963000+00:00</t>
  </si>
  <si>
    <t>java|tapestry</t>
  </si>
  <si>
    <t>Asp.Net MVC 3 formcollection losing data after submit</t>
  </si>
  <si>
    <t>&lt;p&gt;I have a Asp.Net MVC 3 app and after I click on my submit button I want to validate the info passed in the formcollection argument.. and if it's not valid I return a jSon.. but after that my formcollection always returns null&lt;/p&gt;
&lt;p&gt;this happens in chrome and FFox.. in IE it works fine&lt;/p&gt;
&lt;p&gt;my view:&lt;/p&gt;
&lt;pre&gt;&lt;code&gt;&amp;lt;li id="opc-register" class="section allow"&amp;gt;
    &amp;lt;div id="checkout-step-register" class="step a-item" style="display: none;"&amp;gt;
        &amp;lt;form id="co-register-form" action=""&amp;gt;
        &amp;lt;div id="checkout-register-load"&amp;gt;
            @Html.Action("OpcRegisterForm", "Checkout")
        &amp;lt;/div&amp;gt;
        &amp;lt;/form&amp;gt;
        &amp;lt;script type="text/javascript"&amp;gt;
            Register.init('#co-register-form', '@(storeLocation)checkout/OpcSaveRegister/'); 
        &amp;lt;/script&amp;gt;
        &amp;lt;div class="buttons" id="register-buttons-container"&amp;gt;                           
            &amp;lt;button type="button" class="paymentmethodnextstepbutton" onclick="Register.save()"&amp;gt;
                &amp;lt;span&amp;gt;@T("Common.Continue")&amp;lt;/span&amp;gt;
            &amp;lt;/button&amp;gt;
            &amp;lt;span class="please-wait" id="register-please-wait" style="display: none;"&amp;gt;
                &amp;lt;img src="@Url.Content("~/Content/Images/ajax_loader_small.gif")"
    alt="@T("Common.LoadingNextStep")" title="@T("Common.LoadingNextStep")" /&amp;gt;
                @T("Common.LoadingNextStep")&amp;lt;/span&amp;gt;
        &amp;lt;/div&amp;gt;
    &amp;lt;/div&amp;gt;
&amp;lt;/li&amp;gt;
&lt;/code&gt;&lt;/pre&gt;
&lt;p&gt;my controller&lt;/p&gt;
&lt;pre&gt;&lt;code&gt;[HttpPost]
public ActionResult OpcSaveRegister(FormCollection form)
{
    var registerModel = PrepareRegisterModel();
    registerModel.Email = form["Email"];
    registerModel.FirstName = form["FirstName"];
    ...
    if (TryValidateModel(registerModel))
    {
       ....
    }
    //If we got this far, something failed, redisplay form
    return Json(new
    {
        update_section = new UpdateSectionJsonModel()
        {
            name = "register",
            html = RenderPartialViewToString("OpcRegister", registerModel)
        },
        goto_section = "register"
    });
}
&lt;/code&gt;&lt;/pre&gt;</t>
  </si>
  <si>
    <t>2012-04-24 16:57:21.023000+00:00</t>
  </si>
  <si>
    <t>2012-07-02 13:21:08.270000+00:00</t>
  </si>
  <si>
    <t>2012-04-24 17:00:16.790000+00:00</t>
  </si>
  <si>
    <t>javascript|asp.net|json|asp.net-mvc-3|formcollection</t>
  </si>
  <si>
    <t>Python routine runs much slower with multiprocessing.Pool</t>
  </si>
  <si>
    <t>&lt;p&gt;I have a subroutine of a Python application that takes a list of eight-character serial numbers and searches a set of directories for filenames containing those SNs with a range of possible extensions. The function that does it is as follows.&lt;/p&gt;
&lt;pre&gt;&lt;code&gt;def CompleteSN(SNorig, directories, exts, directoryContents=None):
    # Split SNorig into its directory path and basename
    directory, basename = os.path.split(SNorig)
    #Don't try to complete if it has a directory already
    if len(directory) &amp;gt; 0:
        return SNorig
    # Split the basename into extension (ext) and serial number (SN)
    SN = basename[:8].upper()
    #If we have a cache, check it
    if directoryContents is not None:
        if SN in directoryContents:
            return directoryContents[SN]
        else:
            return None
    possSNs = ['.'.join((SN, ext)) for ext in exts]
    for pSN in possSNs:
        for d in directories:
            dpath = os.path.join(d, pSN)
            if os.path.exists(dpath):
                return dpath
    return None
&lt;/code&gt;&lt;/pre&gt;
&lt;p&gt;SN is the serial number to turn into a complete path, directories is a list of directories to look for it in, exts is the list of possible extensions to try (with no leading dots), and directoryContents is either None or a large (hundreds of thousands of entries) dict mapping the serial numbers of files in the directories to search to their full names. My thought was that for large sets of serial numbers to complete, it would be faster to put all the serial numbers that could be found into a dictionary so they could be quickly looked up rather than making a system call for each one. For large numbers of SNs to complete, this would be worth the cost of making the dict.&lt;/p&gt;
&lt;p&gt;And it is much faster once directoryContents is populated, as I predicted. However, this is only the case when not using multiprocessing. I allow the user to toggle multiprocessing mode, which is faster as expected when directoryContents is None. (i.e. when we're finding the files by checking their existence with os.path.exists) However, when checking the dict for them, calling CompleteSN in a multiprocessing.Pool is bizarrely slow, on the order of fewer than 10 SNs/second. (Compared with thousands when not using multiprocessing) My best guess as to what is going on is that whatever mechanism Python uses to share data between pool workers (of which I think there are 8) is getting bogged down with such a large dict structure. Can anyone help me learn what is going on here?&lt;/p&gt;</t>
  </si>
  <si>
    <t>2012-08-02 18:51:46.093000+00:00</t>
  </si>
  <si>
    <t>2012-08-02 19:14:10.990000+00:00</t>
  </si>
  <si>
    <t>python|multiprocessing</t>
  </si>
  <si>
    <t>Passing closure in Swift</t>
  </si>
  <si>
    <t>&lt;p&gt;I have a function that I've been using in my code, but I need to pass a completion handler to it now (so I can exit a dispatch_group). I didn't want it to effect the rest of my code so I tried changing the namespace from this:&lt;/p&gt;
&lt;pre&gt;&lt;code&gt;func uploadRecordable&amp;lt;T: Recordable&amp;gt;(instanceConformingToRecordable: T, database: CKDatabase)
&lt;/code&gt;&lt;/pre&gt;
&lt;p&gt;to this:&lt;/p&gt;
&lt;pre&gt;&lt;code&gt;func uploadRecordable&amp;lt;T: Recordable&amp;gt;(instanceConformingToRecordable: T, database: CKDatabase, completionHandler: (())? = nil)
&lt;/code&gt;&lt;/pre&gt;
&lt;p&gt;When I go to pass a closure to it like so:&lt;/p&gt;
&lt;pre&gt;&lt;code&gt;cloud.uploadRecordable(testRecordable, database: database) {
        dispatch_group_leave(forCloudToBeClearOfTestRecord)
    }
&lt;/code&gt;&lt;/pre&gt;
&lt;p&gt;I get this error:&lt;/p&gt;
&lt;pre&gt;&lt;code&gt;Function produces expected type 'Void' (aka '()'); did you mean to call it with '()'?
&lt;/code&gt;&lt;/pre&gt;
&lt;p&gt;I think that because the &lt;code&gt;completionHandler: (())?&lt;/code&gt; argument has a default value of &lt;code&gt;nil&lt;/code&gt; the compiler is confused by the closure, but when I tried this I still get same error:&lt;/p&gt;
&lt;pre&gt;&lt;code&gt;    cloud.uploadRecordable(testRecordable, database: database, completionHandler: {
        dispatch_group_leave(forCloudToBeClearOfTestRecord)
    })
&lt;/code&gt;&lt;/pre&gt;
&lt;p&gt;I haven't passed a lot of closures, so I could be doing it wrong, but &lt;code&gt;(())?&lt;/code&gt; has worked for me in the past... Also, if it makes any difference this is being called in my tests not my regular code.&lt;/p&gt;
&lt;p&gt;Any help on what I'm missing here?&lt;/p&gt;
&lt;p&gt;&lt;strong&gt;-EDIT-&lt;/strong&gt;&lt;/p&gt;
&lt;p&gt;After changing the closure argument to &lt;code&gt;(() -&amp;gt; ())?&lt;/code&gt; I get this error:&lt;/p&gt;
&lt;pre&gt;&lt;code&gt;Cannot invoke `uploadRecordable` with an argument list of type '(MockRecordable?, database: CKDatabase, completionHandler: (() -&amp;gt; ())?)'
&lt;/code&gt;&lt;/pre&gt;
&lt;p&gt;The first two arguments have been working fine, but it doesn't like my closure still. Should I be putting something on the first line (e.g. &lt;code&gt;var in&lt;/code&gt;) even though I'm not giving it any variables. Thanks in advance.&lt;/p&gt;</t>
  </si>
  <si>
    <t>2016-08-06 17:27:56.017000+00:00</t>
  </si>
  <si>
    <t>2016-08-06 17:49:36.830000+00:00</t>
  </si>
  <si>
    <t>2016-08-06 17:43:18.873000+00:00</t>
  </si>
  <si>
    <t>swift|closures|completionhandler</t>
  </si>
  <si>
    <t>install Web Deploy tool using puppet</t>
  </si>
  <si>
    <t>&lt;p&gt;I am automating the deployment of our web application build using puppet.
I have added scripts for installing .Net and configuring IIS web server in the .pp file . I also need to install Microsoft WebDeployment tool 2.0 as the deployment command uses msdeploy. can you help me with the puppet script required to install Microsoft WebDeployment tool 2.0 &lt;/p&gt;</t>
  </si>
  <si>
    <t>2015-05-06 17:07:32.343000+00:00</t>
  </si>
  <si>
    <t>2015-05-06 23:44:04.563000+00:00</t>
  </si>
  <si>
    <t>puppet|puppet-enterprise</t>
  </si>
  <si>
    <t>Parsing CSV files in C#, with header</t>
  </si>
  <si>
    <t>&lt;p&gt;Is there a default/official/recommended way to parse CSV files in C#? I don't want to roll my own parser.&lt;/p&gt;
&lt;p&gt;Also, I've seen instances of people using ODBC/OLE DB to read CSV via the Text driver, and a lot of people discourage this due to its "drawbacks." What are these drawbacks?&lt;/p&gt;
&lt;p&gt;Ideally, I'm looking for a way through which I can read the CSV by column name, using the first record as the header / field names. Some of the answers given are correct but work to basically deserialize the file into classes.&lt;/p&gt;</t>
  </si>
  <si>
    <t>2010-01-17 15:21:16.420000+00:00</t>
  </si>
  <si>
    <t>2018-01-20 13:52:40.947000+00:00</t>
  </si>
  <si>
    <t>2016-03-17 15:15:14.317000+00:00</t>
  </si>
  <si>
    <t>c#|csv|file-io|io|header</t>
  </si>
  <si>
    <t>while loop calling setTimeout not working</t>
  </si>
  <si>
    <t>&lt;p&gt;I have a set of &lt;code&gt;&amp;lt;span&amp;gt;&lt;/code&gt; with numbered Ids, i want to add class to &lt;code&gt;&amp;lt;span&amp;gt;&lt;/code&gt; with &lt;code&gt;Id=1&lt;/code&gt; wait for 3 second remove class than add class to &lt;code&gt;&amp;lt;span id=2&amp;gt;&lt;/code&gt; and so and so forth...&lt;/p&gt;
&lt;p&gt;how to get this code work. &lt;code&gt;while&lt;/code&gt; loop is unable to call &lt;code&gt;setTimeout&lt;/code&gt; can any one help?&lt;/p&gt;
&lt;pre&gt;&lt;code&gt;var spanSet = 4;
var spanId = 1;
while (spanSet != 0) {
    changeClass();
    spanSet--;
}
function changeClass() {
    $('#' + spanId).addClass("hilite");
    setTimeout(remove, 1000);
    spanId++;
}
function remove() {
    alert('remove');
    $('#' + spanId).removeClass("hilite");
    return true;
}
&lt;/code&gt;&lt;/pre&gt;</t>
  </si>
  <si>
    <t>2012-07-22 14:32:31.547000+00:00</t>
  </si>
  <si>
    <t>2012-07-22 17:51:47.977000+00:00</t>
  </si>
  <si>
    <t>2012-07-22 17:33:18.397000+00:00</t>
  </si>
  <si>
    <t>HTTP Redirect to SOAP Webservice</t>
  </si>
  <si>
    <t>&lt;p&gt;I need to move several ASP.net SOAP web-services to a different server, but they are widely used, and we can't break client connectivity to their former location. the clients cannot be modified.&lt;/p&gt;
&lt;p&gt;I've established a HTTP redirect (302) to the new service location, but the SOAP client gets the redirect advertisement instead of the service response. &lt;/p&gt;
&lt;p&gt;I've seen some approaches to dealing with this problem but they all involve modifying the client code, which is not an option. The only idea I have left is to create a transparent proxy SOAP service that returns the desired response, but instead of loosening our coupling, we are actually tightening it another notch, which is both silly, and ugly to maintain.&lt;/p&gt;
&lt;p&gt;any better answers?&lt;/p&gt;</t>
  </si>
  <si>
    <t>2012-10-15 16:27:16.603000+00:00</t>
  </si>
  <si>
    <t>2012-10-15 17:19:38.047000+00:00</t>
  </si>
  <si>
    <t>2012-10-15 17:10:21.683000+00:00</t>
  </si>
  <si>
    <t>asp.net|web-services|soap|iis-7|http-redirect</t>
  </si>
  <si>
    <t>Reversi Algorithm Check</t>
  </si>
  <si>
    <t>&lt;p&gt;I am currently building a Reversi game where the board is a 8x8 series of integers (0 for empty space, 1 for white, and 2 for black). I have figured out how to get the vertical and horizontal to check the move and make the move, but cannot figure out how to get the diagonals working.&lt;/p&gt;
&lt;pre&gt;&lt;code&gt;package OthelloTesting;
public class OthelloGameHandler {
    private int[][] gameBoard = new int[8][8];
    public OthelloGameHandler() {
    }
    public void setBoard(int[][] newBoard) {
        gameBoard = newBoard;
    }
    public int[][] getBoard() {
        return gameBoard;
    }
    private final boolean inBounds(int row, int col) {
        return row &amp;gt;= 0 &amp;amp;&amp;amp; col &amp;gt;= 0 &amp;amp;&amp;amp; row &amp;lt; gameBoard.length &amp;amp;&amp;amp; col &amp;lt; gameBoard.length;
    }
    /*
     * Color is: 0 - Empty | 1 - White | 2 - Black Return Messages: 0 - Okay | 1
     * - Piece in Spot | 2 - Not Valid Placement
     */
    public int move(int color, int row, int col) {
        // Check if spot is full
        int oppColor = (color == 1) ? 2 : 1;
        int returnCode = 2;
        if (gameBoard[row][col] != 0) {
            returnCode = 1;
        }
        if (!inBounds(row, col)) {
            returnCode = 2;
        }
        // Check if move is Valid...
        // Check Right Horizontal
        if (col &amp;lt; 6 &amp;amp;&amp;amp; gameBoard[row][col + 1] != 0 &amp;amp;&amp;amp;
            gameBoard[row][col + 1] == oppColor) {
            for (int pos = col + 2; pos &amp;lt; 8; pos++) {
                if (gameBoard[row][pos] == 0) {
                    break;
                }
                if (gameBoard[row][pos] == color) {
                    fill(color, row, col, row, pos);
                    returnCode = 0;
                }
            }
        }
        // Check Left Horizontal
        if (col &amp;gt; 1 &amp;amp;&amp;amp; gameBoard[row][col - 1] != 0 &amp;amp;&amp;amp;
            gameBoard[row][col - 1] == oppColor) {
            for (int pos = col - 2; pos &amp;gt; -1; pos--) {
                if (gameBoard[row][pos] == 0) {
                    break;
                }
                if (gameBoard[row][pos] == color) {
                    fill(color, row, pos, row, col);
                    returnCode = 0;
                }
            }
        }
        // Check Bottom Vertical
        if (row &amp;lt; 6 &amp;amp;&amp;amp; gameBoard[row + 1][col] != 0 &amp;amp;&amp;amp; gameBoard[row + 1][col] == oppColor) {
            for (int pos = row + 2; pos &amp;lt; 8; pos++) {
                System.out.println("did");
                if (gameBoard[pos][col] == 0) {
                    break;
                }
                if (gameBoard[pos][col] == color) {
                    fill(color, row, col, pos, col);
                    returnCode = 0;
                }
            }
        }
        // Check Top Vertical
        if (row &amp;gt; 1 &amp;amp;&amp;amp; gameBoard[row - 1][col] != 0 &amp;amp;&amp;amp; gameBoard[row - 1][col] == oppColor) {
            for (int pos = row - 2; pos &amp;gt; -1; pos++) {
                System.out.println("did");
                if (gameBoard[pos][col] == 0) {
                    break;
                }
                if (gameBoard[pos][col] == color) {
                    fill(color, pos, col, row, col);
                    returnCode = 0;
                }
            }
        }
        // Check Upper Right Diagonal
        // Check Upper Left Diagonal
        // Check Lower Left Diagonal
        // Check Lower Right Diagonal
        return returnCode;
    }
    private void fill(int color, int r1, int c1, int r2, int c2) {
        // Horizontal Filling
        if (r1 == r2) {
            for (int pos = c1; pos &amp;lt;= c2; pos++) {
                gameBoard[r1][pos] = color;
            }
        }
        if (c1 == c2) {
            for (int pos = r1; pos &amp;lt;= r2; pos++) {
                gameBoard[pos][c1] = color;
            }
        }
    }
}
&lt;/code&gt;&lt;/pre&gt;</t>
  </si>
  <si>
    <t>2015-07-27 02:33:21.083000+00:00</t>
  </si>
  <si>
    <t>2017-03-31 08:42:26.137000+00:00</t>
  </si>
  <si>
    <t>java|algorithm|reversi</t>
  </si>
  <si>
    <t>Steps to configure ���App store distribution provision profile��� for Push Notification</t>
  </si>
  <si>
    <t>&lt;p&gt;The core feature of our app heavily relies on 'Apple Push Notification'. So far, our app works great with Ad-Hoc distribution provisioning profile. &lt;/p&gt;
&lt;p&gt;Now, we are in process of submitting our app to App store for review. &lt;/p&gt;
&lt;p&gt;My questions are &lt;/p&gt;
&lt;p&gt;1) Do i have to create 'App store distribution provisioning profile' for push notification ? ( I already have ���Ad-Hoc distribution provisioning profile��� )&lt;/p&gt;
&lt;p&gt;2) Do i need to create new App-ID or can i reuse App ID created for Ad-Hoc distribution ?&lt;/p&gt;
&lt;p&gt;3) Is it possible to test our app signed with 'App store distribution provisioning profile' on actual device to ensure push notification works ?&lt;/p&gt;
&lt;p&gt;Kindly help us! Any help is greatly appreciated. &lt;/p&gt;
&lt;p&gt;Thanks in advance,
--Prem&lt;/p&gt;</t>
  </si>
  <si>
    <t>2012-01-27 15:48:40.397000+00:00</t>
  </si>
  <si>
    <t>2012-01-27 16:36:50.850000+00:00</t>
  </si>
  <si>
    <t>iphone|ios</t>
  </si>
  <si>
    <t>Split sentence into words only using while loop</t>
  </si>
  <si>
    <t>&lt;p&gt;In C++, I can add a null character in the end to differentiate between words. But I do not how to in Ruby
I do not want to use splice method. Here is how I am proceeding forward with.&lt;/p&gt;
&lt;pre&gt;&lt;code&gt;i = 0
    split_array = []
    while (i&amp;lt;sentence.length)
        puts (sentence.length)
        if (i+1 == " ")
&lt;/code&gt;&lt;/pre&gt;</t>
  </si>
  <si>
    <t>2015-07-13 22:34:28.563000+00:00</t>
  </si>
  <si>
    <t>2015-07-14 00:21:27.047000+00:00</t>
  </si>
  <si>
    <t>2015-07-13 22:41:56.827000+00:00</t>
  </si>
  <si>
    <t>Why can't this std::find compare these objects</t>
  </si>
  <si>
    <t>&lt;p&gt;Usually when I do an std::find I'll put a predicate as the third argument, but this time I thought I'd do it differently, I don't understand why it doesn't work.&lt;/p&gt;
&lt;pre&gt;&lt;code&gt;#include &amp;lt;iostream&amp;gt;
#include &amp;lt;vector&amp;gt;
#include &amp;lt;algorithm&amp;gt;
struct RenderJob
{
    RenderJob() {};
    int renderJob_ID;
    bool operator==(RenderJob&amp;amp; rhs) { return rhs.renderJob_ID == this-&amp;gt;renderJob_ID; }
};
int main()
{
    RenderJob foo;
    RenderJob foo2;
    foo == foo2; // Works
    std::vector&amp;lt;RenderJob&amp;gt; renderJobs;
    std::find(renderJobs.begin(), renderJobs.end(), foo); // Doesn't work
}
&lt;/code&gt;&lt;/pre&gt;
&lt;blockquote&gt;
  &lt;p&gt;binary "==" no operator found  which takes a left-handed operand of
  type RenderJob (or there is no acceptable conversion)&lt;/p&gt;
&lt;/blockquote&gt;
&lt;p&gt;Edit:: Well thanks for the answers. Here are some examples of why it fails&lt;/p&gt;
&lt;pre&gt;&lt;code&gt;    RenderJob foo;
    RenderJob foo2;
    foo == foo2; // Works
    std::vector&amp;lt;RenderJob&amp;gt; renderJobs;
    std::vector&amp;lt;RenderJob&amp;gt;::const_iterator constit = renderJobs.begin();
    *constit == foo2;  // Doesn't work
&lt;/code&gt;&lt;/pre&gt;
&lt;p&gt;Even simpler as an illustration:&lt;/p&gt;
&lt;pre&gt;&lt;code&gt; const RenderJob* pToRenderJob;
*pToRenderJob == foo2;  // This fails because the pointed to 
                        // object is const, and cannot call the 
                        // operator== function because the actual function
                        // definition is not const. 
&lt;/code&gt;&lt;/pre&gt;
&lt;p&gt;If it were the other way around:&lt;/p&gt;
&lt;pre&gt;&lt;code&gt;foo2 == *pToRenderJob; // This would fail because the 
                        // operator==(RenderJob&amp;amp;) the actual argument 
                        // is not const. Very subtle rules
&lt;/code&gt;&lt;/pre&gt;</t>
  </si>
  <si>
    <t>2017-09-27 04:07:10.987000+00:00</t>
  </si>
  <si>
    <t>2017-09-27 04:59:51.970000+00:00</t>
  </si>
  <si>
    <t>2017-09-27 04:56:56.923000+00:00</t>
  </si>
  <si>
    <t>c++|c++11|std</t>
  </si>
  <si>
    <t>Code not showing record from other table</t>
  </si>
  <si>
    <t>&lt;p&gt;I created a detail page where I can filter persons by the filled in value how ever my table is not showing address and cv information. Those two are in seperate tables so I have address table and cv(a pdf file) table with their own values.&lt;/p&gt;
&lt;pre&gt;&lt;code&gt;&amp;lt;?php
if(isset($_POST['search']))
{
$valueToSearch = $_POST['valueToSearch'];
// search in all table columns
// using concat mysql function
$query = "SELECT person_id, person_firstname, person_lastname, 
             person_email, person_phonenumber,  
             address_street,address_housenumber, 
             address_city,address_state,address_zipcode,cv_path
      FROM person 
        inner join address on address.address_id = person.person_address 
        inner join cv on cv.cv_id = person.person_cv 
          WHERE CONCAT(`person_firstname`, `person_lastname`, `address_street`, `address_housenumber`, `address_zipcode`, `address_city`, `address_state`, `person_email`, `person_phonenumber` ) 
          LIKE '%".$valueToSearch."%'";
$search_result = filterTable($query);
}
else {
$query = "SELECT * FROM `person`";
$search_result = filterTable($query);
}
// function to connect and execute the query
function filterTable($query)
{
$connect = mysqli_connect("localhost", "root", "usbw", "persons");
$filter_Result = mysqli_query($connect, $query);
return $filter_Result;
}
?&amp;gt;
&amp;lt;!DOCTYPE html&amp;gt;
&amp;lt;html&amp;gt;
&amp;lt;head&amp;gt;
    &amp;lt;title&amp;gt;PHP HTML TABLE DATA SEARCH&amp;lt;/title&amp;gt;
    &amp;lt;style&amp;gt;
        table,tr,th,td
        {
            border: 1px solid black;
        }
    &amp;lt;/style&amp;gt;
&amp;lt;/head&amp;gt;
&amp;lt;body&amp;gt;
    &amp;lt;form action="testing.php" method="post"&amp;gt;
        &amp;lt;input type="text" name="valueToSearch" placeholder="Value To Search"&amp;gt;&amp;lt;br&amp;gt;&amp;lt;br&amp;gt;
        &amp;lt;input type="submit" name="search" value="Filter"&amp;gt;&amp;lt;br&amp;gt;&amp;lt;br&amp;gt;
        &amp;lt;table&amp;gt;
             &amp;lt;tr&amp;gt;
                &amp;lt;th&amp;gt;Voornaam&amp;lt;/th&amp;gt;
                &amp;lt;th&amp;gt;Achternaam&amp;lt;/th&amp;gt;
                &amp;lt;th&amp;gt;Straat&amp;lt;/th&amp;gt;
                &amp;lt;th&amp;gt;Huisnummer&amp;lt;/th&amp;gt;
                &amp;lt;th&amp;gt;Postcode&amp;lt;/th&amp;gt;
                &amp;lt;th&amp;gt;Stad&amp;lt;/th&amp;gt;
                &amp;lt;th&amp;gt;Provincie&amp;lt;/th&amp;gt;
                &amp;lt;th&amp;gt;Email&amp;lt;/th&amp;gt;
                &amp;lt;th&amp;gt;Mobiel&amp;lt;/th&amp;gt;
                &amp;lt;th&amp;gt;cv&amp;lt;/th&amp;gt;
                &amp;lt;th&amp;gt;delete&amp;lt;/th&amp;gt;
            &amp;lt;/tr&amp;gt;;
  &amp;lt;!-- populate table from mysql database --&amp;gt;
            &amp;lt;?php while($row = mysqli_fetch_array($search_result)):?&amp;gt;
            &amp;lt;tr&amp;gt;
                &amp;lt;td&amp;gt;&amp;lt;?php echo $row['person_firstname'];?&amp;gt;&amp;lt;/td&amp;gt;
                &amp;lt;td&amp;gt;&amp;lt;?php echo $row['person_lastname'];?&amp;gt;&amp;lt;/td&amp;gt;
                &amp;lt;td&amp;gt;&amp;lt;?php echo $row['address_street'];?&amp;gt;&amp;lt;/td&amp;gt;
                &amp;lt;td&amp;gt;&amp;lt;?php echo $row['address_housenumber'];?&amp;gt;&amp;lt;/td&amp;gt;
                &amp;lt;td&amp;gt;&amp;lt;?php echo $row['address_zipcode'];?&amp;gt;&amp;lt;/td&amp;gt;
                &amp;lt;td&amp;gt;&amp;lt;?php echo $row['address_city'];?&amp;gt;&amp;lt;/td&amp;gt;
                &amp;lt;td&amp;gt;&amp;lt;?php echo $row['address_state'];?&amp;gt;&amp;lt;/td&amp;gt;
                &amp;lt;td&amp;gt;&amp;lt;?php echo $row['person_email'];?&amp;gt;&amp;lt;/td&amp;gt;
                &amp;lt;td&amp;gt;&amp;lt;?php echo $row['person_phonenumber'];?&amp;gt;&amp;lt;/td&amp;gt;
                &amp;lt;td&amp;gt;&amp;lt;?php echo "&amp;lt;a href='http://localhost:8080/website/" . $row['cv_path'] . "'&amp;gt;cv file&amp;lt;/a&amp;gt;";?&amp;gt;&amp;lt;/td&amp;gt;
                &amp;lt;td&amp;gt;&amp;lt;?php echo "&amp;lt;a href='delete.php?person_id=" . $row['person_id'] . "'&amp;gt;delete&amp;lt;/a&amp;gt;";?&amp;gt;&amp;lt;/td&amp;gt;
            &amp;lt;/tr&amp;gt;
            &amp;lt;?php endwhile;?&amp;gt;
        &amp;lt;/table&amp;gt;
    &amp;lt;/form&amp;gt;
&amp;lt;/body&amp;gt;
&amp;lt;/html&amp;gt; 
&lt;/code&gt;&lt;/pre&gt;
&lt;p&gt;The strange thing of this all is when I go to the page it shows me a error: Notice: Undefined index: address_street in D:\Server\root\Website\testing.php on line xx ( for all address and cv fiels). BUT when I filter something it will show everything like it should be so address and cv is showing.&lt;/p&gt;
&lt;p&gt;UPDATE:&lt;/p&gt;
&lt;p&gt;&lt;img src="https://s12.postimg.org/s4yw0bqrx/2016_03_21_11_50_21_Detail.png" alt="1"&gt;&lt;/p&gt;
&lt;p&gt;UPDATE2:
Delete.php:&lt;/p&gt;
&lt;pre&gt;&lt;code&gt;&amp;lt;?php
$servername = "localhost";
$username = "root";
$password = "usbw";
$dbname = "persons";
// CREATE A CONNECTION WITH THE DATABASE
// CONNECTIE MAKEN MET DATABASE
$conn = new mysqli($servername, $username, $password, $dbname);
if ($conn-&amp;gt;connect_error) {
    die("Connection failed: " . $conn-&amp;gt;connect_error);
}
// GET ID FROM person_id
// PAK ID VAN person_id 
$id=$_GET['person_id']; 
// CREATE PREPARE STATMENT FOR DELETING RECORDS FROM person_id
// MAAK EEN STATEMENT OM WAARDES TE VERWIJDEREN VAN person_id
$stmt = $conn-&amp;gt;prepare('DELETE FROM person WHERE person_id = ?'); 
$stmt-&amp;gt;bind_param('s', $id);                                         
// EXECUTE STATEMENT AND IF RESULT IS FALSE SHOW ERROR
// VOER STATEMENT UIT EN ALS VALS IS GEEF ERROR AAN
$result = $stmt-&amp;gt;execute();    
if ($result === FALSE) {
    die("Error: " . $stmt-&amp;gt;error);
}
// AFTER CLICKING DELETE GO TO LINK
// NA HET DRUKKEN VAN DELETE GA NAAR LINK
header("Location: http://localhost:8080/Website/admin.php");
// CLOSE CONNECTION AND STATEMENT
// SLUIT CONNECTIE EN STATEMENT
$stmt-&amp;gt;close();
$conn-&amp;gt;close();
?&amp;gt;
&lt;/code&gt;&lt;/pre&gt;</t>
  </si>
  <si>
    <t>2016-03-21 10:33:45.247000+00:00</t>
  </si>
  <si>
    <t>2016-03-21 11:45:36.470000+00:00</t>
  </si>
  <si>
    <t>2017-02-08 15:09:07.567000+00:00</t>
  </si>
  <si>
    <t>How can I get the correct output using the Auto threshold imagej Plugin?</t>
  </si>
  <si>
    <t>&lt;p&gt;I have tried the following code, where I read an image from a directory and use ImageJ Auto Threshold plugin to segment my image. Any one can do that easily using imagej program as follow:&lt;/p&gt;
&lt;pre&gt;&lt;code&gt;1- Open an image.
2- Then Go to : image-&amp;gt;Adjust-&amp;gt;Auto Threshold.
3- From methods drop list: Select the mean method.
4- Pick the white object on the black background. 
&lt;/code&gt;&lt;/pre&gt;
&lt;p&gt;My problem is I can't call this plugin correctly from Matlab. My Matlab code as follows:&lt;/p&gt;
&lt;pre&gt;&lt;code&gt;javaaddpath 'C:\Program Files\MATLAB\R2013b\java\mij.jar'
javaaddpath 'C:\Program Files\MATLAB\R2013b\java\ij.jar'
MIJ.start
MIJ.run('Open...', 'path=[E:\\sun\\Endothelium Project\\Endothelium Code\\MIJ Code\\ENDOTHELIAL IMAGES\\12.bmp]');
MIJ.run('Threshold...','setAutoThreshold=mean');
MIJ.run('setOption=BlackBackground');
MIJ.run('Convert to Mask');    
SegmentedImage = (VorImage);
figure, imshow(SegmentedImage);
&lt;/code&gt;&lt;/pre&gt;</t>
  </si>
  <si>
    <t>2016-02-28 15:12:02.887000+00:00</t>
  </si>
  <si>
    <t>2016-03-01 18:59:44.757000+00:00</t>
  </si>
  <si>
    <t>image|matlab|image-processing|imagej</t>
  </si>
  <si>
    <t>Check if value exist in DBF database</t>
  </si>
  <si>
    <t>&lt;p&gt;I am trying to check if value "IAV-1419" exist in second column (&lt;code&gt;ColName&lt;/code&gt;) in database named &lt;code&gt;PROMGL.DBF&lt;/code&gt;.&lt;/p&gt;
&lt;p&gt;I get this error : No value give for one or more required parameters&lt;/p&gt;
&lt;pre&gt;&lt;code&gt;        Dim con As New OleDbConnection
    Dim cmd As New OleDbCommand
    Dim FilePath As String = "C:\"
    Dim DBF_File As String = "PROMGL"
    Dim ColName As String = "[NALOG,C,8]"
    con.ConnectionString = "Provider=Microsoft.Jet.OLEDB.4.0;Data Source=" &amp;amp; FilePath &amp;amp; _
    " ;Extended Properties=dBASE IV"
    cmd = New OleDbCommand("SELECT * FROM PROMGL WHERE [NALOG,C,8] = @NAL")
    cmd.Connection = con
    con.Open()
    cmd.Parameters.AddWithValue("@NAL", "IAV-1419")
    Using reader As OleDbDataReader = cmd.ExecuteReader()
        If reader.HasRows Then
            con.Close()
            Label6.Text = "EXIST"
            TextBox1.Text = ""
            TextBox1.Focus()
        Else
            Label6.Text = "DOESN'T EXIST"
        End If
    End Using
&lt;/code&gt;&lt;/pre&gt;
&lt;p&gt;I am stuck here, if anyone could please check this code for me. &lt;/p&gt;</t>
  </si>
  <si>
    <t>2014-04-08 13:17:11.323000+00:00</t>
  </si>
  <si>
    <t>2014-04-08 13:26:24.780000+00:00</t>
  </si>
  <si>
    <t>2014-04-08 13:20:50.153000+00:00</t>
  </si>
  <si>
    <t>vb.net|exists|dbf</t>
  </si>
  <si>
    <t>How to disable windows aunthentication pop up in port 80?</t>
  </si>
  <si>
    <t>&lt;p&gt;My website been having this issues this past few weeks. I have this authentication pop-up in browsers asking for username and password in port 80? and when I enter my FTP details it's goes through. What steps I should take to lift this off permanently?&lt;/p&gt;
&lt;p&gt;It's running on asp.net and php. I have filezilla opened as is.&lt;/p&gt;
&lt;pre&gt;&lt;code&gt;Athentication in http://example.net:80
&lt;/code&gt;&lt;/pre&gt;</t>
  </si>
  <si>
    <t>2013-10-31 06:37:26.787000+00:00</t>
  </si>
  <si>
    <t>2013-10-31 07:08:36.633000+00:00</t>
  </si>
  <si>
    <t>php|asp.net|database|windows|ftp</t>
  </si>
  <si>
    <t>Why cant I access non-static variables indirectly from non-static methods?</t>
  </si>
  <si>
    <t>&lt;pre&gt;&lt;code&gt;class C {
    static int b = 1;
    void f1() {
        System.out.println(C.b); // Access static variable indirectly
    }
}
class A {
    public static void main(String a[]) {
        C as = new C();
        as.f1();
    }
}
&lt;/code&gt;&lt;/pre&gt;
&lt;hr&gt;
&lt;pre&gt;&lt;code&gt;class C {
    int a = 0;
    void f1() {
        System.out.println(C.a); // Access non static variable indirectly
    }
}
class A {
    public static void main(String a[]) {
        C as = new C();
        as.f1();
    }
}
&lt;/code&gt;&lt;/pre&gt;
&lt;p&gt;The 2nd program works when we write &lt;code&gt;System.out.println(**a**)&lt;/code&gt; but why does it fail when we write &lt;code&gt;System.out.println(**C.a**)&lt;/code&gt; as opposed to the 1st program which works when we write &lt;code&gt;System.out.println(**C.b**)&lt;/code&gt;?&lt;/p&gt;</t>
  </si>
  <si>
    <t>2017-03-02 22:26:50.587000+00:00</t>
  </si>
  <si>
    <t>2017-03-03 02:36:35.413000+00:00</t>
  </si>
  <si>
    <t>java|static</t>
  </si>
  <si>
    <t>java.io.FileNotFoundException When trying to load a file I just saved</t>
  </si>
  <si>
    <t>&lt;p&gt;I'm trying to save and then load the files that I've just saved but I can't find it. &lt;/p&gt;
&lt;p&gt;I know it is being saved because I can look at the cache size under the Manage Application screen for the app and see that the size goes up when I save the image.&lt;/p&gt;
&lt;p&gt;This is the error I'm getting: &lt;code&gt;java.io.FileNotFoundException: /data/data/com.xxxxx/files/5ec2d71d-8a99-4258-a33a-91f6f99b8f0e.jpg&lt;/code&gt;&lt;/p&gt;
&lt;p&gt;Here is my code:&lt;/p&gt;
&lt;pre&gt;&lt;code&gt;imageDir = new File(context.getCacheDir().getAbsolutePath());
            String newName = UUID.randomUUID().toString() + ".jpg";
            Bitmap bmp = ImageLoader.getInstance().getBitmap(e.getUrl());
            Boolean r = imageDir.exists();
            Boolean c = imageDir.canWrite();
            String[] d = imageDir.list();
            BufferedOutputStream out = new BufferedOutputStream(new FileOutputStream(imageDir + "/" + newName));
            bmp.compress(CompressFormat.JPEG, 90, out);
            out.flush();
            out.close();
            d = imageDir.list();
            FileInputStream fis = new FileInputStream(imageDir + "/" + newName);
            ObjectInputStream ois = new ObjectInputStream(fis);
            Bitmap b = (Bitmap) ois.readObject();
&lt;/code&gt;&lt;/pre&gt;
&lt;p&gt;Ideas?&lt;/p&gt;</t>
  </si>
  <si>
    <t>2010-11-19 22:29:16.337000+00:00</t>
  </si>
  <si>
    <t>2010-11-19 23:24:46.073000+00:00</t>
  </si>
  <si>
    <t>css animation scale and rotate at same time</t>
  </si>
  <si>
    <t>&lt;p&gt;How to run two animations at same time on one element for scalling (like zoom in) and rotate simultaneously.&lt;/p&gt;
&lt;p&gt;I have tried that but not work&lt;/p&gt;
&lt;p&gt;&lt;div class="snippet" data-lang="js" data-hide="false" data-console="true" data-babel="false"&gt;_x000D_
&lt;div class="snippet-code"&gt;_x000D_
&lt;pre class="snippet-code-js lang-js prettyprint-override"&gt;&lt;code&gt;setTimeout(function(){_x000D_
    document.getElementById('container').style = '-webkit-transform:scale(0) rotate(0deg);';_x000D_
},1000);_x000D_
  _x000D_
//here I need to scale in and rotate at same time _x000D_
setTimeout(function(){_x000D_
_x000D_
//That I have tried intitially and not woking _x000D_
//document.getElementById('container').style = '-webkit-animation : kf_scale 1s, kf_rotate 1s';_x000D_
_x000D_
//As suggested by @Terry I have edited after to this but still not working_x000D_
    document.getElementById('container').style = '-webkit-animation : kf_scale 1s';_x000D_
},3000);&lt;/code&gt;&lt;/pre&gt;_x000D_
&lt;pre class="snippet-code-css lang-css prettyprint-override"&gt;&lt;code&gt;@-webkit-keyframes kf_scale {_x000D_
_x000D_
100% {_x000D_
 -webkit-transform:scale(1) rotate(360deg);_x000D_
}_x000D_
} _x000D_
@-webkit-keyframes kf_rotate {_x000D_
_x000D_
100% {_x000D_
 -webkit-transform:rotate(360deg);_x000D_
}_x000D_
}_x000D_
_x000D_
#container{_x000D_
width:100px;_x000D_
height:100px;_x000D_
border:solid 1px;_x000D_
-webkit-transition: all 1s;_x000D_
}&lt;/code&gt;&lt;/pre&gt;_x000D_
&lt;pre class="snippet-code-html lang-html prettyprint-override"&gt;&lt;code&gt;&amp;lt;div id="container"&amp;gt;_x000D_
    test animation scale + rotate_x000D_
&amp;lt;/div&amp;gt;&lt;/code&gt;&lt;/pre&gt;_x000D_
&lt;/div&gt;_x000D_
&lt;/div&gt;_x000D_
&lt;/p&gt;
&lt;pre&gt;&lt;code&gt;//That I have tried intitially and not woking 
&lt;/code&gt;&lt;/pre&gt;
&lt;p&gt;document.getElementById('container').style = '-webkit-animation : kf_scale 1s, kf_rotate 1s';&lt;/p&gt;
&lt;pre&gt;&lt;code&gt;//As suggested by @Terry I have edited after to this but still not working
&lt;/code&gt;&lt;/pre&gt;
&lt;p&gt;document.getElementById('container').style = '-webkit-animation : kf_scale 1s';
    },3000);&lt;/p&gt;</t>
  </si>
  <si>
    <t>2017-08-06 23:31:10.413000+00:00</t>
  </si>
  <si>
    <t>2017-08-07 00:05:22.613000+00:00</t>
  </si>
  <si>
    <t>2017-08-07 00:04:38.300000+00:00</t>
  </si>
  <si>
    <t>css|css-animations</t>
  </si>
  <si>
    <t>How can I get JSON response if I pass .json after URL in codeigniter?</t>
  </si>
  <si>
    <t>&lt;p&gt;I am stucked at one point in which I need to get JSON response if I pass .json behind the URL as below Example:&lt;/p&gt;
&lt;pre&gt;&lt;code&gt;http://www.urlabc.com/home.json
&lt;/code&gt;&lt;/pre&gt;
&lt;p&gt;The same way I need to get XML data like,&lt;/p&gt;
&lt;pre&gt;&lt;code&gt;http://www.urlabc.com/home.xml
&lt;/code&gt;&lt;/pre&gt;
&lt;p&gt;Please help me.&lt;/p&gt;</t>
  </si>
  <si>
    <t>2016-06-16 05:17:10.423000+00:00</t>
  </si>
  <si>
    <t>2016-06-17 06:51:50.677000+00:00</t>
  </si>
  <si>
    <t>Combining headerless .csv's by UIDs and removing duplicates within rows in PowerShell or RStudio</t>
  </si>
  <si>
    <t>&lt;p&gt;I have some large (300,000+ line) .csv's I've been working on; they're too big to import into Excel to filter / get unique values and have been taking several hours each to concatenate in PowerShell. I've been making progress on them but have run into two problems, one to do merging them and the second to do with removing duplicates within (independent) rows; any help with either would be great! I should say for anyone concerned, these are not confirmed side effects listed below, they may not even be related, but thought it'd be helpful to include them to fully illustrate the formatting.&lt;/p&gt;
&lt;p&gt;They're now in the format:&lt;/p&gt;
&lt;p&gt;&lt;strong&gt;drugs.csv&lt;/strong&gt;&lt;/p&gt;
&lt;pre&gt;&lt;code&gt;10005323,rituximab,rituximab,rituximab,tocilizumab,methotrexate,methotrexate,prednisone,abatacept,certolizumab pegol,etanercept
10005479,rituximab,tocilizumab
11848415,(1-43)-(18-2)-blood-coagulation factor viii (synthetic human) fusion protein with immunoglobulin g/1 (synthetic human fc domain fragment)?,(1-73)-(18-22)-blood-coagulation factor/viii (synthetic human) fusion protein with immunoglobulin g/1 (synthetic human fc domain fragment)?
&lt;/code&gt;&lt;/pre&gt;
&lt;p&gt;&lt;strong&gt;sideeffects.csv&lt;/strong&gt;&lt;/p&gt;
&lt;pre&gt;&lt;code&gt;10005323,asthenia,bronchitis,cholecystitis,cholelithiasis,gastroenteritis,hypertension,lung disorder,pterygium
10005513,dengue fever,feeling hot,headache,osteoarthritis,pain,pruritus,pyrexia,rash macular,weight increased,wrong technique in product usage process
10005479,chest pain,larynx irritation,urticaria
&lt;/code&gt;&lt;/pre&gt;
&lt;p&gt;&lt;strong&gt;Problem 1&lt;/strong&gt;, merging (combining) by unique identifier, without headers&lt;/p&gt;
&lt;p&gt;The number at the start of each line is a unique ID for each entry, followed by a list of drugs. They're "," delimited, but there are also quite a few other characters in there. There aren't any headers.&lt;/p&gt;
&lt;p&gt;The first problem is to do with merging the .csv's together; I need to tack the line of side effects from the second.csv onto the associated line of drugs. I've found lots of examples regarding how to do this but they all seem to relate to combining using header names. There aren't any headers present here and the length of each line varies from case to case. Is there a way to combine an entire row in PowerShell by specifying the first delimited value and then the rest of the line, rather than by specifying individual headers to match? E.g. tacking side effects of case 10005323 onto list of drugs 10005323 to give:&lt;/p&gt;
&lt;p&gt;&lt;strong&gt;Example output 1&lt;/strong&gt;&lt;/p&gt;
&lt;pre&gt;&lt;code&gt;10005323,rituximab,rituximab,rituximab,tocilizumab,methotrexate,methotrexate,prednisone,abatacept,certolizumab,pegol,etanercept,asthenia,bronchitis,cholecystitis,cholelithiasis,gastroenteritis,hypertension,lung disorder,pterygium
&lt;/code&gt;&lt;/pre&gt;
&lt;p&gt;&lt;strong&gt;Problem 2&lt;/strong&gt;, removing duplicates present in independent rows&lt;/p&gt;
&lt;p&gt;The second problem is each line currently isn't sorted and contains multiple entries; e.g. the line starting 10005323 contains rituximab a few times. &lt;/p&gt;
&lt;p&gt;Most of the similar solutions I've looked at will try removing duplicates from ALL lines simultaneously (e.g. they'd also remove rituximab from the second line; 10005479), or they are related to deleting entire rows, or require headers to be specified. But I only need to get the unique entries for each line, independently of the others. Retaining the unique ID, after the files are merged, is not entirely necessary, but it would be handy if it could be retained in the first position of each line. I think this will be a "sort | get-unique" operation but I can't figure out how to apply it line by line to give:&lt;/p&gt;
&lt;p&gt;&lt;strong&gt;Example output 2&lt;/strong&gt;&lt;/p&gt;
&lt;pre&gt;&lt;code&gt;10005323,abatacept,asthenia,bronchitis,certolizumab,cholecystitis,cholelithiasis,etanercept,gastroenteritis,hypertension,lung disorder,methotrexate,pegol,prednisone,pterygium,rituximab,tocilizumab
10005479,chest pain,larynx irritation,rituximab,tocilizumab,urticaria
&lt;/code&gt;&lt;/pre&gt;</t>
  </si>
  <si>
    <t>2016-11-12 21:11:09.947000+00:00</t>
  </si>
  <si>
    <t>2016-11-12 22:21:13.190000+00:00</t>
  </si>
  <si>
    <t>2016-11-12 21:15:06.713000+00:00</t>
  </si>
  <si>
    <t>r|powershell|csv|merge|duplicates</t>
  </si>
  <si>
    <t>Check if a directory exists in a shell script</t>
  </si>
  <si>
    <t>&lt;p&gt;What command can be used to check if a directory exists or not, within a shell script?&lt;/p&gt;</t>
  </si>
  <si>
    <t>2008-09-12 20:06:25.757000+00:00</t>
  </si>
  <si>
    <t>2018-07-18 15:18:44.217000+00:00</t>
  </si>
  <si>
    <t>2015-12-17 09:18:45.310000+00:00</t>
  </si>
  <si>
    <t>Grundlefleck</t>
  </si>
  <si>
    <t>shell|unix|posix</t>
  </si>
  <si>
    <t>display button in relativeout below relativelayout</t>
  </si>
  <si>
    <t>&lt;p&gt;My problem is i cannot show the two button in my layout under the listview. Below i have a listview within a relativelayout. i have a second relativelayout that contains 2 button. the buttons seem to show on top of the list whereas i would like them below the list.&lt;/p&gt;
&lt;p&gt;how can i do this?
i've tried setting the 'android:layout_below' in the second RRlayout giving the first layout as the anchor.&lt;/p&gt;
&lt;p&gt;Thanks in advance.&lt;/p&gt;
&lt;pre&gt;&lt;code&gt;&amp;lt;?xml version="1.0" encoding="utf-8"?&amp;gt;
&amp;lt;RelativeLayout xmlns:android="http://schemas.android.com/apk/res/android"
    android:layout_width="match_parent"
    android:layout_height="match_parent"
     &amp;gt;
    &amp;lt;TextView
        android:id="@+id/textviewcarername"
        android:layout_width="fill_parent"
        android:layout_height="wrap_content"
        android:background="@color/blue_alpha_background"
        android:gravity="center"
        android:text="Rota "
        android:textAppearance="?android:attr/textAppearanceLarge"
        android:textColor="#FFFFFF" /&amp;gt;
    &amp;lt;RelativeLayout
        xmlns:android="http://schemas.android.com/apk/res/android"
        android:id="@+id/carerdetailsfragrellayout"
        android:layout_width="wrap_content"
        android:layout_height="wrap_content"
        android:layout_below="@id/textviewcarername"
        android:background="@drawable/textviewbg"
        android:padding="10dp" &amp;gt;
        &amp;lt;ListView
            android:id="@+id/android:list"
            android:layout_width="wrap_content"
            android:layout_height="wrap_content"
            android:cacheColorHint="#0000"
            android:divider="#700000ff"
            android:dividerHeight="4px" &amp;gt;
        &amp;lt;/ListView&amp;gt;
    &amp;lt;/RelativeLayout&amp;gt;
    &amp;lt;RelativeLayout
        xmlns:android="http://schemas.android.com/apk/res/android"
        android:layout_width="match_parent"
        android:layout_height="wrap_content"
        android:layout_alignParentBottom="true"
         &amp;gt;
        &amp;lt;Button
            android:id="@+id/buttonprevious"
            android:layout_width="wrap_content"
            android:layout_height="wrap_content"
            android:layout_alignParentLeft="true"
            android:text="Previous" /&amp;gt;
        &amp;lt;Button
            android:id="@+id/buttonnext"
            android:layout_width="wrap_content"
            android:layout_height="wrap_content"
            android:layout_alignParentRight="true"
            android:text="Next" /&amp;gt;
    &amp;lt;/RelativeLayout&amp;gt;
&amp;lt;/RelativeLayout&amp;gt;
&lt;/code&gt;&lt;/pre&gt;</t>
  </si>
  <si>
    <t>2014-03-20 14:44:28.293000+00:00</t>
  </si>
  <si>
    <t>2014-03-20 15:57:50.903000+00:00</t>
  </si>
  <si>
    <t>android|view|relativelayout</t>
  </si>
  <si>
    <t>MySQL Syntax Error from PHP When Executing Multiple Queries</t>
  </si>
  <si>
    <t>&lt;p&gt;When I execute:&lt;/p&gt;
&lt;pre&gt;&lt;code&gt;mysql_query("SELECT * FROM people WHERE fname = '$fname'; INSERT INTO people (first_name) VALUES ('$fname')") or die(mysql_error());
&lt;/code&gt;&lt;/pre&gt;
&lt;p&gt;I receive this error: &lt;/p&gt;
&lt;pre&gt;&lt;code&gt;You have an error in your SQL syntax; check the manual that corresponds to your MySQL server version for the right syntax to use near 'INSERT INTO people (first_name) VALUES ('Draski')' at line 1
&lt;/code&gt;&lt;/pre&gt;
&lt;p&gt;Where is the syntax error?&lt;/p&gt;</t>
  </si>
  <si>
    <t>2013-12-18 02:00:33.050000+00:00</t>
  </si>
  <si>
    <t>2015-05-16 05:36:43.970000+00:00</t>
  </si>
  <si>
    <t>php|mysql|syntax</t>
  </si>
  <si>
    <t>Getting errno EACCES in Unix</t>
  </si>
  <si>
    <t>&lt;p&gt;I am writing a simplified HTTP server in C, and I am stuck at generating a 403 Forbidden error. For example, if I go into a directory named "docs", and the user is requesting the file "foo.html" file in it, the server should return a 403 error if the file has not read permissions on it. Here is my code to handle this:&lt;/p&gt;
&lt;pre&gt;&lt;code&gt;struct stat buf;
int error, status;
chdir("./docs/");
if(status = lstat(name, &amp;amp;buf) &amp;lt; 0) { //name == "foo.html"
   error = errno;   
}
chdir("..");
fprintf(stderr, "error: %s\n", strerror(errno)); //Prints "success" when it should be
                                                 //"Permission denied"
if(error == EACCES) {
   fprintf(stderr, "403 Forbidden");
}
&lt;/code&gt;&lt;/pre&gt;
&lt;p&gt;I get this issue despite running the command "chmod 000 foo.html" in the docs directory from the commandline. I have been baffled by this bug and can't find what a possible source could be. &lt;/p&gt;</t>
  </si>
  <si>
    <t>2014-03-16 07:49:09.470000+00:00</t>
  </si>
  <si>
    <t>2014-03-16 08:20:24.980000+00:00</t>
  </si>
  <si>
    <t>c|http|unix</t>
  </si>
  <si>
    <t>How to send cookie and phpssid with urllib2 in python?</t>
  </si>
  <si>
    <t>&lt;p&gt;I wonder how can I send cookie and phpssid with urllib2 in python?
Actually I want to read a page I've logged in with my browser, but when I try to read it with this script I encounter a text which seems to say that you've missed something.
My script :&lt;/p&gt;
&lt;pre&gt;&lt;code&gt;#!/usr/bin/python
import urllib2
f = urllib2.urlopen('http://mywebsite.com/sub/create.php?id=20')
content = f.read()
file = open('file.txt', 'w')
file.write(content)
file.close()
&lt;/code&gt;&lt;/pre&gt;
&lt;p&gt;The error message I save instead of the real page :&lt;/p&gt;
&lt;pre&gt;&lt;code&gt;Warning: session_start() [function.session-start]: Cannot send session cookie - headers already sent by (output started at /home/number/domains/1number.com/public_html/s4/app/mywidgets.php:1) in /home/number/domains/1number.com/public_html/s4/app/mywidgets.php on line 23
Warning: session_start() [function.session-start]: Cannot send session cache limiter - headers already sent (output started at /home/number/domains/1number.com/public_html/s4/app/mywidgets.php:1) in /home/number/domains/1number.com/public_html/s4/app/mywidgets.php on line 23
Warning: Cannot modify header information - headers already sent by (output started at /home/number/domains/1number.com/public_html/s4/app/mywidgets.php:1) in /home/number/domains/1number.com/public_html/s4/lib/webservice.php on line 0
&lt;/code&gt;&lt;/pre&gt;
&lt;p&gt;What is the exact problem?(Please give me a simple way to implement what I want)&lt;/p&gt;
&lt;p&gt;Thanks in advance&lt;/p&gt;</t>
  </si>
  <si>
    <t>2013-01-07 19:53:47.267000+00:00</t>
  </si>
  <si>
    <t>2014-01-12 14:31:33.383000+00:00</t>
  </si>
  <si>
    <t>2013-01-07 21:47:38.147000+00:00</t>
  </si>
  <si>
    <t>python|cookies</t>
  </si>
  <si>
    <t>How to have a button only for large devices on Android?</t>
  </si>
  <si>
    <t>&lt;p&gt;I know you can have different UI elements by declaring different &lt;code&gt;layout&lt;/code&gt; folders like &lt;code&gt;layout-large&lt;/code&gt; or &lt;code&gt;layout-xlarge&lt;/code&gt;. However, I don't want to have to update two separate files every single time I make a change to my apps interface.&lt;/p&gt;
&lt;p&gt;Is there any other way to have a button that only has &lt;code&gt;visibility="gone"&lt;/code&gt; on small screens and normal visibility on large screens?&lt;/p&gt;</t>
  </si>
  <si>
    <t>2013-03-26 22:32:58.280000+00:00</t>
  </si>
  <si>
    <t>2013-03-26 23:02:10.530000+00:00</t>
  </si>
  <si>
    <t>android|android-ui|resolution-independence</t>
  </si>
  <si>
    <t>data preprocessing tricks for auto-encoder</t>
  </si>
  <si>
    <t>&lt;p&gt;Recently, I try to use auto-encoder to find anomalies, but some of the input features are count data(e.g. number of clicks or number of shows). Do I need normalizing or scaling before training?&lt;/p&gt;</t>
  </si>
  <si>
    <t>2017-06-28 09:20:53.843000+00:00</t>
  </si>
  <si>
    <t>2017-06-29 07:07:20.390000+00:00</t>
  </si>
  <si>
    <t>machine-learning|data-processing|autoencoder</t>
  </si>
  <si>
    <t>VBA - Can't get Element by Tag Name</t>
  </si>
  <si>
    <t>&lt;p&gt;I've been playing around with some VBA for a while now, trying to check a specific instance of a tag name in an HTML document against an user inputted value. Basically, in the HTML doc I want to search out the 13th "label" tag and check if it matches the cell value in the excel doc. Here's the portion of the VBA...&lt;/p&gt;
&lt;pre&gt;&lt;code&gt;Do Until Not IE.Busy And IE.readyState = 4
    DoEvents
Loop
Dim promo As IHTMLElementCollection
Set promo = IE.Document.getElementsByTagName("label")(12)
If InStr(promo.innerText, Range("E5").Value) = 0 Then
    ActiveSheet.Range("D" &amp;amp; i) = "Yes"
Else
    ActiveSheet.Range("D" &amp;amp; i) = "No"
End If
&lt;/code&gt;&lt;/pre&gt;
&lt;p&gt;I keep getting an "Object variable or With block variable not set" error when I run the code. I've tried adjusting the promo object type and get the same error, tried to set the promo variable using different criteria (by classname, by ID, etc.) and I just cannot get past the errors. Here's a sample of the HTML, as you can see there are multiple "label" tags and I only need to compare against one in particular then move on... &lt;/p&gt;
&lt;pre&gt;&lt;code&gt;    &amp;lt;div id="formHeader"&amp;gt;Telephone:&amp;lt;/div&amp;gt;
    &amp;lt;div id="formContent"&amp;gt;Telephone Type: &amp;lt;br/&amp;gt;
    &amp;lt;label class="formResult"&amp;gt;HOME&amp;lt;/label&amp;gt; &amp;lt;br/&amp;gt;
    Telephone Consent: &amp;lt;br/&amp;gt;
    &amp;lt;label class="formResult"&amp;gt;Y&amp;lt;/label&amp;gt;&amp;lt;br/&amp;gt;
    Country Code: &amp;lt;br/&amp;gt;
    &amp;lt;label class="formResult"&amp;gt;1&amp;lt;/label&amp;gt; &amp;lt;br/&amp;gt;
    Telephone: &amp;lt;br/&amp;gt;
    &amp;lt;label class="formResult"&amp;gt;555 - 555-5555&amp;lt;/label&amp;gt; &amp;lt;br/&amp;gt;
    Extension: &amp;lt;br/&amp;gt;
    &amp;lt;label class="formResult"&amp;gt;&amp;lt;/label&amp;gt; &amp;lt;br/&amp;gt;
    &amp;lt;/div&amp;gt;
&lt;/code&gt;&lt;/pre&gt;
&lt;p&gt;I'm not so great with VBA so I imagine this is probably a pretty simple fix but I'm just stumped... any help would be very appreciated. Thank you. &lt;/p&gt;</t>
  </si>
  <si>
    <t>2017-08-04 14:09:35.173000+00:00</t>
  </si>
  <si>
    <t>2017-08-04 14:32:33.607000+00:00</t>
  </si>
  <si>
    <t>html|excel|vba|excel-vba</t>
  </si>
  <si>
    <t>RESTful set Pragma and Expires</t>
  </si>
  <si>
    <t>&lt;p&gt;How to set &lt;code&gt;"Pragma" = "no-cache"&lt;/code&gt; and &lt;code&gt;"Expires" = "0"&lt;/code&gt; using RESTful service?&lt;/p&gt;
&lt;p&gt;I have added the following &lt;/p&gt;
&lt;pre&gt;&lt;code&gt; CacheControl cc = new CacheControl();
 cc.setNoCache(true);
 cc.setNoStore(true);
 cc.setMustRevalidate(true);
 cc.setMaxAge(0);
&lt;/code&gt;&lt;/pre&gt;
&lt;p&gt;The above return the following headers&lt;/p&gt;
&lt;pre&gt;&lt;code&gt;HTTP/1.1 200 OK
Cache-Control: no-cache, no-store, no-transform, must-revalidate, max-age=0
Content-Type: application/json
Transfer-Encoding: chunked
&lt;/code&gt;&lt;/pre&gt;
&lt;p&gt;Not sure how to set &lt;code&gt;"Pragma" = "no-cache"&lt;/code&gt; and &lt;code&gt;"Expires" = "0"&lt;/code&gt;.&lt;/p&gt;
&lt;p&gt;Any help is highly appreciable.&lt;/p&gt;</t>
  </si>
  <si>
    <t>2013-12-03 15:52:38.010000+00:00</t>
  </si>
  <si>
    <t>2013-12-03 16:24:56.953000+00:00</t>
  </si>
  <si>
    <t>java|rest|caching|jersey|jax-rs</t>
  </si>
  <si>
    <t>JUnit 4.9 does not support assumption failure messages</t>
  </si>
  <si>
    <t>&lt;p&gt;Why junit5 (actually &gt; v4.9) does not support descriptions in Assumption class methods? It was very useful feature for fast debug. What is an idea of this removal?&lt;/p&gt;</t>
  </si>
  <si>
    <t>2016-07-26 13:11:02.510000+00:00</t>
  </si>
  <si>
    <t>2016-07-27 16:48:46.213000+00:00</t>
  </si>
  <si>
    <t>junit4|junit5</t>
  </si>
  <si>
    <t>Mojolicous: Limiting number of Promises / IOLoop-&gt;subprocess</t>
  </si>
  <si>
    <t>&lt;p&gt;I'm using Mojolicious non-blocking methods (Promises) to request data from external systems. 1) I'd like to notify the user immediately that the process has started; 2) I'd like to scale this program.&lt;/p&gt;
&lt;p&gt;The code below works for a small set of numbers (few hundreds), with more numbers, I get an error &lt;code&gt;[error] Can't create pipe: Too many open files at /path/lib/perl5/Mojo/IOLoop.pm line 156.&lt;/code&gt; &lt;em&gt;Question 1&lt;/em&gt;) How can I limit the number of Promises I spawn (&lt;code&gt;map&lt;/code&gt; in my code below):&lt;/p&gt;
&lt;pre class="lang-perl prettyprint-override"&gt;&lt;code&gt;#!/usr/bin/env perl
use Mojolicious::Lite;
use Mojolicious::Plugin::TtRenderer;
sub isPrime
{
    my ($n) = @_;
    my $e = sqrt($n);
    for (my $i=2; $i&amp;lt;$e; $i++) {
        return 0 if $n%$i==0;
    }
    return 1;
}
sub makeApromise
{
    my ($number) = @_;
    my $promise = Mojo::Promise-&amp;gt;new;
    Mojo::IOLoop-&amp;gt;subprocess(
    sub {  # first callback is executed in subprocess
        my %response;
        # Simulate a long computational process
        $response{'number'}  = $number;
        $response{'isPrime'} = isPrime($number);
        return \%response;
    },
        sub {  # second callback resolves promise with subprocess result
            my ($self, $err, @result) = @_;
            return $promise-&amp;gt;reject($err) if $err;
            $promise-&amp;gt;resolve(@result);
        },
    );
    return $promise;
}
plugin 'tt_renderer'; # automatically render *.html.tt templates
any '/' =&amp;gt; sub {
    my ($self) = @_;
    my $lines = $self-&amp;gt;param( 'textarea' );
    if ($lines) {
    my @numbers;
    foreach my $number (split(/\r?\n/, $lines)) {
        push(@numbers, $number) if $number =~ /^\d+$/;
    }
    if (@numbers) {
        ####################################
        ### This is the problem below... ###
        my @promises = map { makeApromise($_) } @numbers;
        ####################################
        # MojoPromise Wait
        Mojo::Promise-&amp;gt;all(@promises)
        -&amp;gt;then(sub {
            my @values = map { $_-&amp;gt;[0] } @_;
            foreach my $response (@values) {
            #print STDERR $response-&amp;gt;{'number'}, " =&amp;gt; ", $response-&amp;gt;{'isPrime'}, "\n";
            # Prepare email...
            }
            # Send an email...
               })
        #-&amp;gt;wait # Don't wait? I want to tell the user to wait for an email as quickly as possible...
        if @promises;
    }
    $self-&amp;gt;stash(done =&amp;gt; "1",);
    }
    $self-&amp;gt;render(template =&amp;gt; 'index', format =&amp;gt; 'html', handler =&amp;gt; 'tt');
};
app-&amp;gt;start;
__DATA__
@@ index.html.tt
&amp;lt;!DOCTYPE html&amp;gt;
&amp;lt;html lang="en"&amp;gt;
  &amp;lt;head&amp;gt;
    &amp;lt;title&amp;gt;Make A Promise&amp;lt;/title&amp;gt;
  &amp;lt;/head&amp;gt;
  &amp;lt;body&amp;gt;
    [% IF done %]
    &amp;lt;h3&amp;gt;Thank you! You will receive an email shortly with the results.&amp;lt;/h3&amp;gt;
    [% ELSE %]
    &amp;lt;h3&amp;gt;Enter numbers...&amp;lt;/h3&amp;gt;
    &amp;lt;form role="form" action="/" method="post"&amp;gt;
      &amp;lt;textarea name="textarea" rows="5" autofocus required&amp;gt;&amp;lt;/textarea&amp;gt;
      &amp;lt;button type="submit"&amp;gt;Submit&amp;lt;/button&amp;gt;
    &amp;lt;/form&amp;gt;
    [% END %]
  &amp;lt;/body&amp;gt;
&amp;lt;/html&amp;gt;
&lt;/code&gt;&lt;/pre&gt;
&lt;p&gt;I commented out the &lt;code&gt;wait&lt;/code&gt;; however, it appears the code is still blocking. &lt;em&gt;Question 2&lt;/em&gt;) How can I notify the user immediately that the process has already started? (i.e. when I &lt;code&gt;stash&lt;/code&gt; the &lt;code&gt;done&lt;/code&gt; variable)&lt;/p&gt;</t>
  </si>
  <si>
    <t>2018-09-18 19:23:18.107000+00:00</t>
  </si>
  <si>
    <t>2018-09-21 15:58:44.573000+00:00</t>
  </si>
  <si>
    <t>multithreading|perl|promise|subprocess|mojolicious</t>
  </si>
  <si>
    <t>Encrypt with CryptoJS and decrypt with PHP</t>
  </si>
  <si>
    <t>&lt;p&gt;On the client side (mobile device) I encrypt a users password with CryptoJS:&lt;/p&gt;
&lt;pre&gt;&lt;code&gt;var lib_crypt = require('aes');
$.loginButton.addEventListener('click', function(e){
var key = lib_crypt.CryptoJS.enc.Hex.parse('bcb04b7e103a0cd8b54763051cef08bc55abe029fdebae5e1d417e2ffb2a00a3');
var iv  = lib_crypt.CryptoJS.enc.Hex.parse('101112131415161718191a1b1c1d1e1f');
var encrypted = lib_crypt.CryptoJS.AES.encrypt($.passwordInput.value, key, { iv: iv });
var password_base64 = encrypted.ciphertext.toString(lib_crypt.CryptoJS.enc.Base64); 
return password_base64; 
});
&lt;/code&gt;&lt;/pre&gt;
&lt;p&gt;On the server side i want to decrypt it with mcrypt_decrypt:&lt;/p&gt;
&lt;pre&gt;&lt;code&gt;function decryptPassword($password)
{
    $key = pack('H*', "bcb04b7e103a0cd8b54763051cef08bc55abe029fdebae5e1d417e2ffb2a00a3");
    $ciphertext_dec = base64_decode($password);
    $iv_dec = "101112131415161718191a1b1c1d1e1f";
    $ciphertext_dec = substr($ciphertext_dec, 16);
    $decryptedPassword = mcrypt_decrypt(MCRYPT_RIJNDAEL_128, $key, $ciphertext_dec, MCRYPT_MODE_CBC, $iv_dec);
    return trim($decryptedPassword);
}
&lt;/code&gt;&lt;/pre&gt;
&lt;p&gt;I use the same key and IV, what do I do wrong?&lt;/p&gt;</t>
  </si>
  <si>
    <t>2015-04-08 08:45:26.623000+00:00</t>
  </si>
  <si>
    <t>2018-11-01 10:37:13.580000+00:00</t>
  </si>
  <si>
    <t>2015-04-08 09:44:57.610000+00:00</t>
  </si>
  <si>
    <t>javascript|php|encryption|mcrypt|cryptojs</t>
  </si>
  <si>
    <t>Hive Query Insert Issues</t>
  </si>
  <si>
    <t>&lt;p&gt;I am having trouble inserting data using Hive. Have listed python code that I'm currently using:&lt;/p&gt;
&lt;pre&gt;&lt;code&gt;query = "INSERT INTO twitter_leads."+str(screen_name)+" ("+int(user)+','+str(input1.text)+','+int(input1.id)+")"                    
curs.execute(query)
TypeError: cannot concatenate 'str' and 'int' objects
&lt;/code&gt;&lt;/pre&gt;
&lt;p&gt;I am iterating through for loops and printing this data with no problem on the terminal. Just cannot insert into table. I am sure that it is not an authentication or connectivity issue.&lt;/p&gt;</t>
  </si>
  <si>
    <t>2014-10-06 23:12:15.193000+00:00</t>
  </si>
  <si>
    <t>2014-10-07 01:57:57.713000+00:00</t>
  </si>
  <si>
    <t>python|hadoop|insert|hive</t>
  </si>
  <si>
    <t>AngularJs - resort array via a field</t>
  </si>
  <si>
    <t>&lt;p&gt;I have an array like this :&lt;/p&gt;
&lt;pre&gt;&lt;code&gt;[Object,Object,Object];
&lt;/code&gt;&lt;/pre&gt;
&lt;p&gt;Each Object has property which name is "rate". All I want is sorting this object with rate property.&lt;/p&gt;
&lt;p&gt;I have variable (&lt;code&gt;$scope.restaurants.data&lt;/code&gt;) in my JS. and this is structure of this variable:&lt;/p&gt;
&lt;pre&gt;&lt;code&gt;Array[3]
0:Object
  ID:3
  name:"bestRest"
  profile:"rest.png"
  rate:1
  restaurantCitySlug:"NY"
  slug:"foo"
  __proto__:Object
1:Object
  ID:7
  name:"bestRes3t"
  profile:"rest7.png"
  rate:0
  restaurantCitySlug:"NY"
  slug:"fo4o"
  __proto__:Object
2:Object
  ID:7
  name:"bestR242es3t"
  profile:"re3st7.png"
  rate:2
  restaurantCitySlug:"NY"
  slug:"fo244o"
  __proto__:Object
&lt;/code&gt;&lt;/pre&gt;
&lt;p&gt;And my exeption is :&lt;/p&gt;
&lt;pre&gt;&lt;code&gt;Array[3]
0:Object
  ID:7
  name:"bestRes3t"
  profile:"rest7.png"
  rate:0
  restaurantCitySlug:"NY"
  slug:"fo4o"
  __proto__:Object
1:Object
  ID:3
  name:"bestRest"
  profile:"rest.png"
  rate:1
  restaurantCitySlug:"NY"
  slug:"foo"
  __proto__:Object
2:Object
  ID:7
  name:"bestR242es3t"
  profile:"re3st7.png"
  rate:2
  restaurantCitySlug:"NY"
  slug:"fo244o"
  __proto__:Object
&lt;/code&gt;&lt;/pre&gt;</t>
  </si>
  <si>
    <t>2017-08-20 07:32:33.027000+00:00</t>
  </si>
  <si>
    <t>2017-08-20 07:45:19.313000+00:00</t>
  </si>
  <si>
    <t>Codeigniter save_queries showing queries only from default database group.How to show all queries from all database</t>
  </si>
  <si>
    <t>&lt;p&gt;&lt;strong&gt;this is my config in database.php along with other array values i enabled save_queries&lt;/strong&gt;&lt;/p&gt;
&lt;pre&gt;&lt;code&gt;$active_group   =   'mydb1';
$db['mydb1']    = array(
'save_queries' =&amp;gt; TRUE);
==========================
$db['mydb2'] = array(
'save_queries' =&amp;gt; TRUE
);
&lt;/code&gt;&lt;/pre&gt;
&lt;p&gt;&lt;strong&gt;this is my code to display.&lt;/strong&gt;&lt;/p&gt;
&lt;pre&gt;&lt;code&gt;$queries = $this-&amp;gt;db-&amp;gt;queries;
foreach ($queries as $query)
{
echo '&amp;lt;br&amp;gt;'.$query;
}
----------
$this-&amp;gt;db1   = $this-&amp;gt;load-&amp;gt;database('mydb2', TRUE);
$queries1 = $this-&amp;gt;db1-&amp;gt;queries;
foreach ($queries1 as $query1)
{
echo '&amp;lt;br&amp;gt;'.$query1;
}
&lt;/code&gt;&lt;/pre&gt;
&lt;p&gt;&lt;strong&gt;First foreach is working fine and displaying all queries from active group but second foreach is not showing any records.How to display all queries from all databases&lt;/strong&gt;&lt;/p&gt;</t>
  </si>
  <si>
    <t>2018-11-01 08:46:04.530000+00:00</t>
  </si>
  <si>
    <t>Convert NSString with other NSString</t>
  </si>
  <si>
    <t>&lt;p&gt;I've 3 &lt;code&gt;NSString&lt;/code&gt; and 1 NSArray with value, i try to convert all strings in one:&lt;/p&gt;
&lt;pre&gt;&lt;code&gt;string01 = [string01 stringByAppendingString:[numbersValue objectAtIndex:Value1 -1]];
string03 = [string02 stringByAppendingString:[numbersValue objectAtIndex:Value2 -1]];
string03 = [string03 stringByAppendingString:[numbersValue objectAtIndex:Value3 -1]];
//here i will to convert value of striing01 in to string02 and string02 in to string03 than take last string in my UITextView
resulteString = [resulteString stringByAppendingString:&amp;lt;what i can write here?&amp;gt;];
[myTextView setText:resulteString];
&lt;/code&gt;&lt;/pre&gt;
&lt;p&gt;Is Like a Enigma Machine, for example if you think a keyboard and press A,&lt;/p&gt;
&lt;pre&gt;&lt;code&gt;A pass inside a string01 and become B,
B pass inside a string02 and become C,
C pass inside string03 and become D
in my text view i need to see only D 
&lt;/code&gt;&lt;/pre&gt;</t>
  </si>
  <si>
    <t>2015-03-24 13:58:36.917000+00:00</t>
  </si>
  <si>
    <t>2015-03-24 17:27:16.607000+00:00</t>
  </si>
  <si>
    <t>2015-03-24 14:10:39.937000+00:00</t>
  </si>
  <si>
    <t>ios|objective-c|nsstring</t>
  </si>
  <si>
    <t>Apple Receipt Validation - Auto-Renewable Subscription Error 21004</t>
  </si>
  <si>
    <t>&lt;p&gt;So I am making the call to Apples sandbox receipt verification URL, with my JSON payload containing the receipt-data and the password (shared secret, generated on iTunes Connect).&lt;/p&gt;
&lt;p&gt;Every time I make the call I get an status of 21004 back. I have done this so many times now, and every time the same response. I have checked the shared secret key on iTunes Connect and it matches perfectly. I have even regenerated the shared secret and tried another purchase to validate this one, still getting the same response.&lt;/p&gt;
&lt;p&gt;Any help is appreciated.&lt;/p&gt;
&lt;p&gt;Adam&lt;/p&gt;</t>
  </si>
  <si>
    <t>2017-02-28 12:04:43.213000+00:00</t>
  </si>
  <si>
    <t>2017-04-21 07:09:11.327000+00:00</t>
  </si>
  <si>
    <t>2017-02-28 19:13:55.667000+00:00</t>
  </si>
  <si>
    <t>ios|in-app-purchase|receipt-validation</t>
  </si>
  <si>
    <t>Multi parameter response from Axis 2</t>
  </si>
  <si>
    <t>&lt;p&gt;I have a web service that returns multiple values. The current format of response looks like this&lt;/p&gt;
&lt;pre&gt;&lt;code&gt;&amp;lt;ns:return&amp;gt;
  String....
&amp;lt;/ns:return&amp;gt;
&lt;/code&gt;&lt;/pre&gt;
&lt;p&gt;I have to have more meaningful responses that just 'return'. How can I do this with Axis 2.&lt;/p&gt;</t>
  </si>
  <si>
    <t>2014-11-23 10:12:33.850000+00:00</t>
  </si>
  <si>
    <t>2014-11-26 05:45:24.637000+00:00</t>
  </si>
  <si>
    <t>web-services|axis2</t>
  </si>
  <si>
    <t>Python program doesn't run in shell script in docker container when i redirect the output</t>
  </si>
  <si>
    <t>&lt;p&gt;In the docker container I provide a shell script entry point which is as following&lt;/p&gt;
&lt;pre&gt;&lt;code&gt;#!/bin/bash
cat ./bot_domain.yml
cat ./first.yml
python -m rasa_core.train --domain ./domain.yml -s ./stories.md --out ./models &amp;amp;&amp;gt; output.txt
echo "done"
&lt;/code&gt;&lt;/pre&gt;
&lt;p&gt;I am training a model using shell in docker. The program takes around a minute to execute but when I redirect the output logs of training to &lt;/p&gt;
&lt;pre&gt;&lt;code&gt;output.txt 
&lt;/code&gt;&lt;/pre&gt;
&lt;p&gt;It doesn't seem to execute and goes to the next shell command immediately.
If I don't redirect output logs to txt file it seems to be working fine.
as below &lt;/p&gt;
&lt;pre&gt;&lt;code&gt;python -m rasa_core.train --domain ./domain.yml -s ./stories.md --out ./models
&lt;/code&gt;&lt;/pre&gt;
&lt;p&gt;I tried executing the same shell script on local machine without docker, it seems to be properly redirecting the output logs. Only in docker it doesn't seem to work.&lt;/p&gt;</t>
  </si>
  <si>
    <t>2018-10-01 12:17:00.013000+00:00</t>
  </si>
  <si>
    <t>2018-10-04 11:14:18.903000+00:00</t>
  </si>
  <si>
    <t>2018-10-01 13:53:43.143000+00:00</t>
  </si>
  <si>
    <t>python|linux|bash|docker|rasa-core</t>
  </si>
  <si>
    <t>git add can not work</t>
  </si>
  <si>
    <t>&lt;p&gt;Excuse I try to push my file to github but I found error
I will tell you about I did &lt;/p&gt;
&lt;p&gt;step 1 : I go to window 10 desktop and right click choose new folder and rename that folder is "python3"&lt;/p&gt;
&lt;p&gt;step 2 : I coding in notepad++ and save as name "connect.py" (I choose all file) and save&lt;/p&gt;
&lt;p&gt;step 3 : I open cmd &lt;/p&gt;
&lt;p&gt;step 4 : I use command "cd c:/users/xxxx/desktop/python3"&lt;/p&gt;
&lt;p&gt;step 5 : I use command "git init" and result is "Reinitialised existing Git repository in c:/users/xxxx/desktop/python3/.git "&lt;/p&gt;
&lt;p&gt;step 6 : I use command "git add ." and I got nothing . Normally the result will show file's name that add or show something that not error (I'm not sure since " Normally the result .... ")&lt;/p&gt;
&lt;p&gt;step 7 : I use command "git commit -m "first commit" " and the result is "On branch master    nothing to commit,working directory clean"&lt;/p&gt;
&lt;p&gt;I think the issue start at " git add . " 
but I don't know how to solve it.&lt;/p&gt;
&lt;p&gt;thank you for your answer&lt;/p&gt;
&lt;p&gt;Sorry about my english skill. &lt;/p&gt;</t>
  </si>
  <si>
    <t>2017-03-09 17:13:02.227000+00:00</t>
  </si>
  <si>
    <t>2017-03-10 19:51:40.890000+00:00</t>
  </si>
  <si>
    <t>2017-03-09 17:23:15.320000+00:00</t>
  </si>
  <si>
    <t>Adding 1 year to the sysdate</t>
  </si>
  <si>
    <t>&lt;p&gt;I am trying to write a stored procedure to print the last day of month exactly next year&lt;/p&gt;
&lt;p&gt;I am getting this years last date, but I want 30/8/2014&lt;/p&gt;
&lt;p&gt;I already tried the following:&lt;/p&gt;
&lt;pre&gt;&lt;code&gt;IF LAST_DAY( add_months( SYSDATE, 12 )-1)
&lt;/code&gt;&lt;/pre&gt;
&lt;p&gt;But it didn't give me any output.&lt;/p&gt;</t>
  </si>
  <si>
    <t>2013-08-22 07:56:41.727000+00:00</t>
  </si>
  <si>
    <t>2013-09-12 09:58:21.747000+00:00</t>
  </si>
  <si>
    <t>How to Authenticate a Django user from another application</t>
  </si>
  <si>
    <t>&lt;p&gt;I want to redirect a user from my Django application to another web application. Only permitted users can be allowed access to visit the other web application, this permission is set in the Django User model. I want that other web application to verify whether the visited user has permission by querying the Django application using API endpoint. &lt;/p&gt;
&lt;p&gt;But the other web application no longer has the request.user parameter or other way to authenticate the user based on Django User model (don't wan't him to login again). Is there any way like setting a cross-domain session cookie or something, i can achieve it?&lt;/p&gt;</t>
  </si>
  <si>
    <t>2017-05-31 19:31:34.653000+00:00</t>
  </si>
  <si>
    <t>2017-06-03 23:39:09.073000+00:00</t>
  </si>
  <si>
    <t>Yii1 single login in mutlilingual site ( two domaines)</t>
  </si>
  <si>
    <t>&lt;p&gt;I got two domains for a mutlilingual site :www.monsite.fr and www.mysite.com&lt;/p&gt;
&lt;p&gt;they use the same app and same databas.&lt;/p&gt;
&lt;p&gt;i made a htaccess redirection.&lt;/p&gt;
&lt;p&gt;But when you log yourself in the www.monsite.fr you aren't logged in www.mysite.com .&lt;/p&gt;
&lt;p&gt;How can i do to make the session cookie valid for both ?&lt;/p&gt;</t>
  </si>
  <si>
    <t>2016-10-13 12:35:26.740000+00:00</t>
  </si>
  <si>
    <t>2016-10-13 13:29:42.650000+00:00</t>
  </si>
  <si>
    <t>login|yii</t>
  </si>
  <si>
    <t>Prove that the subset sum with fixed size and number reusability is NP complete</t>
  </si>
  <si>
    <t>&lt;p&gt;I'm trying to solve the following problem:&lt;/p&gt;
&lt;p&gt;There are B (B is allowed to vary) lists of unspecified size containing integers. Pick a number from each list so that the sum of all the picks is exactly A. Prove that this problem is NP complete by reducing the known NP complete subset sum problem.&lt;/p&gt;
&lt;p&gt;My thinking on how to solve this: First one has to "limit" the normal subset sum problem by only making subsets of size B acceptable, so one has to start by reducing the common subset problem to a fixed size subset problem in polynomial time. I'm not quite sure how to do this tough.&lt;/p&gt;
&lt;p&gt;Secondly I was thinking that you could make all the lists in the problem copies of the set (e.g. if the set is {1,2,3,4,5}, all the lists will be {1,2,3,4,5}), so that each list pick represents a number in the set. The problem with this thinking is that there is nothing preventing you from picking the same number twice, while the normal subset sum problem only allows you to use the same number once. I also dont think that there is a way to arrange the lists so that this is impossible to do. Because of this, I'm not sure that I'm on the right track in my thinking. It is also possible that the subset sum problem can be reduced to allowing choosing the same number more than once, but I'm not sure how that can be done. Ideas?&lt;/p&gt;</t>
  </si>
  <si>
    <t>2014-11-19 07:09:34.460000+00:00</t>
  </si>
  <si>
    <t>2014-11-19 07:26:47.180000+00:00</t>
  </si>
  <si>
    <t>complexity-theory</t>
  </si>
  <si>
    <t>GSSException: Message stream modified (41)</t>
  </si>
  <si>
    <t>&lt;p&gt;I'm working with an LDAP in forest architecture (all servers and my server are windows). I'm binding to the AD using NTLM authentication.&lt;/p&gt;
&lt;p&gt;I have a JAVA code that perform the operations against the LDAP server.&lt;/p&gt;
&lt;p&gt;The code is wrapped as a tomcat servlet.&lt;/p&gt;
&lt;p&gt;When running the JAVA code directly (just executing the LDAP authentication code as an application), the bind works both against the local domain (local domain = I logged in to windows, and ran this process with a user of this domain) and foreign domains.&lt;/p&gt;
&lt;p&gt;When running the JAVA code as a servlet, the bind works and authenticates users from one domain but does not work if I'm trying to authenticate users from other domain, it won't work (it will work only if I'll restart tomcat).&lt;/p&gt;
&lt;p&gt;I'm getting an exception:&lt;/p&gt;
&lt;pre&gt;&lt;code&gt;GSS initiate failed [Caused by GSSException: No valid credentials provided (Mechanism level: Message stream modified (41))]]
&lt;/code&gt;&lt;/pre&gt;
&lt;p&gt;I'll mention that it is the same code, with the same configurations and the same krb5 file.&lt;/p&gt;
&lt;p&gt;&lt;strong&gt;Edit:&lt;/strong&gt;
More information:&lt;/p&gt;
&lt;p&gt;This is my code:&lt;/p&gt;
&lt;pre&gt;&lt;code&gt;public void func(String realm, String kdc) {
    try {
      URL configURL = getClass().getResource("jaas_ntlm_configuration.txt");
        System.setProperty("java.security.auth.login.config", configURL.toString());
            System.setProperty("java.security.krb5.realm", realm);
            System.setProperty("java.security.krb5.kdc",kdc);
        // If the application is run on NT rather than Unix, use this name
        String loginAppName = "MyConfig";
        // Create login context
        LoginContext lc = new LoginContext(loginAppName, new SampleCallbackHandler());
        // Retrieve the information on the logged-in user
        lc.login();
        // Get the authenticated subject
        Subject subject = lc.getSubject();
        System.out.println(subject.toString());
        Subject.doAs(subject, new JndiAction(new String[] { "" }));
    }
    catch (LoginException e) {
      e.printStackTrace();
    }
}
class JndiAction implements java.security.PrivilegedAction {
    private String[] args;
    public JndiAction(String[] origArgs) {
        this.args = (String[])origArgs.clone();
    }
    public Object run() {
        performJndiOperation(args);
        return null;
    }
    private static void performJndiOperation(String[] args) {
        // Set up environment for creating initial context
        Hashtable env = new Hashtable(11);
        env.put(Context.INITIAL_CONTEXT_FACTORY, "com.sun.jndi.ldap.LdapCtxFactory");
        // Must use fully qualified hostname
        env.put(Context.PROVIDER_URL, "ldap://server:389");
        // Request the use of the "GSSAPI" SASL mechanism
        // Authenticate by using already established Kerberos credentials
        env.put(Context.SECURITY_AUTHENTICATION, "GSSAPI");
        try {
            // Create the initial context
            DirContext ctx = new InitialLdapContext(env, null);
            // Close the context when we're done
            ctx.close();
        } catch (NamingException e) {
            e.printStackTrace();
        }
    }
}
&lt;/code&gt;&lt;/pre&gt;
&lt;p&gt;And my jaas_ntlm_configuration.txt file contains:&lt;/p&gt;
&lt;pre&gt;&lt;code&gt;MyConfig { com.sun.security.auth.module.Krb5LoginModule required
useTicketCache=true
doNotPrompt=false;
};
&lt;/code&gt;&lt;/pre&gt;
&lt;p&gt;My krb5.conf file is:&lt;/p&gt;
&lt;pre&gt;&lt;code&gt;# 
# All rights reserved.
#
#pragma ident   @(#)krb5.conf   1.1 00/12/08
[libdefaults]
    default_tkt_enctypes = des3-cbc-sha1 des-cbc-md5 des-cbc-crc
    default_tgs_enctypes = des3-cbc-sha1 des-cbc-md5 des-cbc-crc
    forwardable  = true
    renewable  = true
    noaddresses = true
    clockskew  = 300
[realms]
        SUB1.DOMAIN.COM = {
                kdc = DDC.SUB1.DOMAIN.COM
        default_domain=DOMAIN.COM
        }
    SUB2.DOMAIN.COM = {
                kdc = DDC.SUB.DOMAIN.COM
        default_domain=DOMAIN.COM
        }
    SUB3.DOMAIN.COM = {
                kdc = DDC.SUB3.DOMAIN.COM
        default_domain=DOMAIN.COM
        }
[domain_realm]
    .DOMAIN.COM = SUB1.DOMAIN.COM
    .DOMAIN.COM = SUB2.DOMAIN.COM
    .DOMAIN.COM = SUB3.DOMAIN.COM
[logging]
        default = FILE:/var/krb5/kdc.log
        kdc = FILE:/var/krb5/kdc.log
    kdc_rotate = {
# How often to rotate kdc.log. Logs will get rotated no more
# often than the period, and less often if the KDC is not used
# frequently.
        period = 1d
# how many versions of kdc.log to keep around (kdc.log.0, kdc.log.1, ...)
        versions = 10
    }
[appdefaults]   
    kinit = {
        renewable = true
        forwardable= true
    }
    rlogin = {
        forwardable= true
    }
    rsh = {
        forwardable= true
    }
    telnet = {
            autologin = true 
        forwardable= true
    }
&lt;/code&gt;&lt;/pre&gt;
&lt;p&gt;I added the following as java parameters:&lt;/p&gt;
&lt;pre&gt;&lt;code&gt;-Djavax.security.auth.useSubjectCredsOnly=false -Djava.security.krb5.conf="krb5.conf" -Dsun.security.krb5.debug=true
&lt;/code&gt;&lt;/pre&gt;
&lt;p&gt;If I call func("SUB*.DOMAIN.COM", "DDC.SUB*.DOMAIN.COM") always with the same subdomain - it will work, but if I'll call with one subdomain and then with another, the second will fail.&lt;/p&gt;
&lt;p&gt;&lt;strong&gt;More information:&lt;/strong&gt;&lt;/p&gt;
&lt;p&gt;Here is the output with krb5.debug=true:&lt;/p&gt;
&lt;pre&gt;&lt;code&gt;java -Xmx100m -cp gssapi_test.jar -Djavax.security.auth.useSubjectCredsOnly=false -Djava.security.krb5.conf="krb5.conf" -Dsun.security.krb5.debug=true  gssapitest.myTest my_config.txt
2 users provided. Performing authentication #1
Reading configuration file my_config.txt
kdc: DDC.SUB1.DOMAIN.COM, realm: SUB1.DOMAIN.COM
&amp;gt;&amp;gt;&amp;gt;KinitOptions cache name is C:\Users\user1\krb5cc_user1
&amp;gt;&amp;gt; Acquire default native Credentials
&amp;gt;&amp;gt;&amp;gt; Obtained TGT from LSA: Credentials:
client=user1@SUB1.DOMAIN.COM
server=krbtgt/SUB1.DOMAIN.COM@SUB1.DOMAIN.COM
authTime=20130422075139Z
startTime=20130422075139Z
endTime=20130422175139Z
renewTill=20130429075139Z
flags: FORWARDABLE;RENEWABLE;INITIAL;PRE-AUTHENT
EType (int): 23
Subject:
    Principal: user1@SUB1.DOMAIN.COM
    Private Credential: Ticket (hex) = 
.....
Client Principal = user1@SUB1.DOMAIN.COM
Server Principal = krbtgt/SUB1.DOMAIN.COM@SUB1.DOMAIN.COM
Session Key = EncryptionKey: keyType=23 keyBytes (hex dump)=
0000: 2B 8C 97 3C 8E 83 66 F1   6D 58 6C 37 20 0E 1F 53  +..&amp;lt;..f.mXl7 ..S
Forwardable Ticket true
Forwarded Ticket false
Proxiable Ticket false
Proxy Ticket false
Postdated Ticket false
Renewable Ticket true
Initial Ticket true
Auth Time = Mon Apr 22 15:51:39 2013
Start Time = Mon Apr 22 15:51:39 2013
End Time = Tue Apr 23 01:51:39 2013
Renew Till = Mon Apr 29 15:51:39 2013
Client Addresses  Null 
Connecting to LDAP
Config name: krb5.conf
Found ticket for user1@SUB1.DOMAIN.COM to go to krbtgt/SUB1.DOMAIN.COM@SUB1.DOMAIN.COM expiring on Tue Apr 23 01:51:39 2013
Entered Krb5Context.initSecContext with state=STATE_NEW
Service ticket not found in the subject
&amp;gt;&amp;gt;&amp;gt; Credentials acquireServiceCreds: same realm
default etypes for default_tgs_enctypes: 16 3 1.
&amp;gt;&amp;gt;&amp;gt; CksumType: sun.security.krb5.internal.crypto.RsaMd5CksumType
&amp;gt;&amp;gt;&amp;gt; EType: sun.security.krb5.internal.crypto.ArcFourHmacEType
&amp;gt;&amp;gt;&amp;gt; KdcAccessibility: reset
&amp;gt;&amp;gt;&amp;gt; KrbKdcReq send: kdc=DDC.SUB1.DOMAIN.COM UDP:88, timeout=30000, number of retries =3, #bytes=1554
&amp;gt;&amp;gt;&amp;gt; KDCCommunication: kdc=DDC.SUB1.DOMAIN.COM UDP:88, timeout=30000,Attempt =1, #bytes=1554
&amp;gt;&amp;gt;&amp;gt; KrbKdcReq send: #bytes read=107
&amp;gt;&amp;gt;&amp;gt; KrbKdcReq send: kdc=DDC.SUB1.DOMAIN.COM TCP:88, timeout=30000, number of retries =3, #bytes=1554
&amp;gt;&amp;gt;&amp;gt; KDCCommunication: kdc=DDC.SUB1.DOMAIN.COM TCP:88, timeout=30000,Attempt =1, #bytes=1554
&amp;gt;&amp;gt;&amp;gt;DEBUG: TCPClient reading 1497 bytes
&amp;gt;&amp;gt;&amp;gt; KrbKdcReq send: #bytes read=1497
&amp;gt;&amp;gt;&amp;gt; KdcAccessibility: remove DDC.SUB1.DOMAIN.COM
&amp;gt;&amp;gt;&amp;gt; EType: sun.security.krb5.internal.crypto.ArcFourHmacEType
&amp;gt;&amp;gt;&amp;gt; KrbApReq: APOptions are 00000000 00000000 00000000 00000000
&amp;gt;&amp;gt;&amp;gt; EType: sun.security.krb5.internal.crypto.DesCbcMd5EType
Krb5Context setting mySeqNumber to: 1005735013
Krb5Context setting peerSeqNumber to: 0
Created InitSecContextToken:
.....
Krb5Context.unwrap: token=[60 33 06 09 2a 86 48 86 f7 12 01 02 02 02 01 00 00 ff ff ff ff 94 52 14 5b f6 02 28 1c a4 3c c5 8f 03 9c a2 d6 e5 f6 f1 18 ed 6f 16 ab 07 a0 00 00 04 04 04 04 ]
Krb5Context.unwrap: data=[07 a0 00 00 ]
Krb5Context.wrap: data=[01 01 00 00 ]
Krb5Context.wrap: token=[60 33 06 09 2a 86 48 86 f7 12 01 02 02 02 01 00 00 ff ff ff ff 2d b6 92 0d d9 51 da aa ef 41 67 33 5c de b3 e6 ce 9a 46 31 a0 a8 0e 27 01 01 00 00 04 04 04 04 ]
Connected
Disconnected
#1: Done
Performing authentication #2
Reading configuration file my_config.txt
kdc: DDC.SUB2.DOMAIN.COM, realm: SUB2.DOMAIN.COM
&amp;gt;&amp;gt;&amp;gt;KinitOptions cache name is C:\Users\user1\krb5cc_user1
&amp;gt;&amp;gt; Acquire default native Credentials
&amp;gt;&amp;gt;&amp;gt; Obtained TGT from LSA: Credentials:
client=user1@SUB1.DOMAIN.COM
server=krbtgt/SUB1.DOMAIN.COM@SUB1.DOMAIN.COM
authTime=20130422075139Z
startTime=20130422075139Z
endTime=20130422175139Z
renewTill=20130429075139Z
flags: FORWARDABLE;RENEWABLE;INITIAL;PRE-AUTHENT
EType (int): 23
Subject:
    Principal: user1@SUB1.DOMAIN.COM
    Private Credential: Ticket (hex) = 
.....
Client Principal = user1@SUB1.DOMAIN.COM
Server Principal = krbtgt/SUB1.DOMAIN.COM@SUB1.DOMAIN.COM
Session Key = EncryptionKey: keyType=23 keyBytes (hex dump)=
0000: 2B 8C 97 3C 8E 83 66 F1   6D 58 6C 37 20 0E 1F 53  +..&amp;lt;..f.mXl7 ..S
Forwardable Ticket true
Forwarded Ticket false
Proxiable Ticket false
Proxy Ticket false
Postdated Ticket false
Renewable Ticket true
Initial Ticket true
Auth Time = Mon Apr 22 15:51:39 2013
Start Time = Mon Apr 22 15:51:39 2013
End Time = Tue Apr 23 01:51:39 2013
Renew Till = Mon Apr 29 15:51:39 2013
Client Addresses  Null 
Connecting to LDAP
Found ticket for user1@SUB1.DOMAIN.COM to go to krbtgt/SUB1.DOMAIN.COM@SUB1.DOMAIN.COM expiring on Tue Apr 23 01:51:39 2013
Entered Krb5Context.initSecContext with state=STATE_NEW
Service ticket not found in the subject
&amp;gt;&amp;gt;&amp;gt; Credentials acquireServiceCreds: same realm
default etypes for default_tgs_enctypes: 16 3 1.
&amp;gt;&amp;gt;&amp;gt; CksumType: sun.security.krb5.internal.crypto.RsaMd5CksumType
&amp;gt;&amp;gt;&amp;gt; EType: sun.security.krb5.internal.crypto.ArcFourHmacEType
&amp;gt;&amp;gt;&amp;gt; KrbKdcReq send: kdc=DDC.SUB1.DOMAIN.COM UDP:88, timeout=30000, number of retries =3, #bytes=1554
&amp;gt;&amp;gt;&amp;gt; KDCCommunication: kdc=DDC.SUB1.DOMAIN.COM UDP:88, timeout=30000,Attempt =1, #bytes=1554
&amp;gt;&amp;gt;&amp;gt; KrbKdcReq send: #bytes read=107
&amp;gt;&amp;gt;&amp;gt; KrbKdcReq send: kdc=DDC.SUB1.DOMAIN.COM TCP:88, timeout=30000, number of retries =3, #bytes=1554
&amp;gt;&amp;gt;&amp;gt; KDCCommunication: kdc=DDC.SUB1.DOMAIN.COM TCP:88, timeout=30000,Attempt =1, #bytes=1554
&amp;gt;&amp;gt;&amp;gt;DEBUG: TCPClient reading 1482 bytes
&amp;gt;&amp;gt;&amp;gt; KrbKdcReq send: #bytes read=1482
&amp;gt;&amp;gt;&amp;gt; KdcAccessibility: remove DDC.SUB1.DOMAIN.COM
&amp;gt;&amp;gt;&amp;gt; EType: sun.security.krb5.internal.crypto.ArcFourHmacEType
KrbException: Message stream modified (41)
    at sun.security.krb5.KrbKdcRep.check(Unknown Source)
    at sun.security.krb5.KrbTgsRep.&amp;lt;init&amp;gt;(Unknown Source)
    at sun.security.krb5.KrbTgsReq.getReply(Unknown Source)
    at sun.security.krb5.KrbTgsReq.sendAndGetCreds(Unknown Source)
    at sun.security.krb5.internal.CredentialsUtil.serviceCreds(Unknown Source)
    at sun.security.krb5.internal.CredentialsUtil.acquireServiceCreds(Unknown Source)
    at sun.security.krb5.Credentials.acquireServiceCreds(Unknown Source)
    at sun.security.jgss.krb5.Krb5Context.initSecContext(Unknown Source)
    at sun.security.jgss.GSSContextImpl.initSecContext(Unknown Source)
    at sun.security.jgss.GSSContextImpl.initSecContext(Unknown Source)
    at com.sun.security.sasl.gsskerb.GssKrb5Client.evaluateChallenge(Unknown Source)
    at com.sun.jndi.ldap.sasl.LdapSasl.saslBind(Unknown Source)
    at com.sun.jndi.ldap.LdapClient.authenticate(Unknown Source)
    at com.sun.jndi.ldap.LdapCtx.connect(Unknown Source)
    at com.sun.jndi.ldap.LdapCtx.&amp;lt;init&amp;gt;(Unknown Source)
    at com.sun.jndi.ldap.LdapCtxFactory.getUsingURL(Unknown Source)
    at com.sun.jndi.ldap.LdapCtxFactory.getUsingURLs(Unknown Source)
    at com.sun.jndi.ldap.LdapCtxFactory.getLdapCtxInstance(Unknown Source)
    at com.sun.jndi.ldap.LdapCtxFactory.getInitialContext(Unknown Source)
    at javax.naming.spi.NamingManager.getInitialContext(Unknown Source)
    at javax.naming.InitialContext.getDefaultInitCtx(Unknown Source)
    at javax.naming.InitialContext.init(Unknown Source)
    at javax.naming.ldap.InitialLdapContext.&amp;lt;init&amp;gt;(Unknown Source)
    at gssapitest.JndiAction.performJndiOperation(myTest.java:603)
    at gssapitest.JndiAction.run(myTest.java:577)
    at java.security.AccessController.doPrivileged(Native Method)
    at javax.security.auth.Subject.doAs(Unknown Source)
    at gssapitest.myTest.Do(myTest.java:59)
    at gssapitest.myTest.main(myTest.java:513)
javax.naming.AuthenticationException: GSSAPI [Root exception is javax.security.sasl.SaslException: GSS initiate failed [Caused by GSSException: No valid credentials provided (Mechanism level: Message stream modified (41))]]
    at com.sun.jndi.ldap.sasl.LdapSasl.saslBind(Unknown Source)
    at com.sun.jndi.ldap.LdapClient.authenticate(Unknown Source)
    at com.sun.jndi.ldap.LdapCtx.connect(Unknown Source)
    at com.sun.jndi.ldap.LdapCtx.&amp;lt;init&amp;gt;(Unknown Source)
    at com.sun.jndi.ldap.LdapCtxFactory.getUsingURL(Unknown Source)
    at com.sun.jndi.ldap.LdapCtxFactory.getUsingURLs(Unknown Source)
    at com.sun.jndi.ldap.LdapCtxFactory.getLdapCtxInstance(Unknown Source)
    at com.sun.jndi.ldap.LdapCtxFactory.getInitialContext(Unknown Source)
    at javax.naming.spi.NamingManager.getInitialContext(Unknown Source)
    at javax.naming.InitialContext.getDefaultInitCtx(Unknown Source)
    at javax.naming.InitialContext.init(Unknown Source)
    at javax.naming.ldap.InitialLdapContext.&amp;lt;init&amp;gt;(Unknown Source)
    at gssapitest.JndiAction.performJndiOperation(myTest.java:603)
    at gssapitest.JndiAction.run(myTest.java:577)
    at java.security.AccessController.doPrivileged(Native Method)
    at javax.security.auth.Subject.doAs(Unknown Source)
    at gssapitest.myTest.Do(myTest.java:59)
    at gssapitest.myTest.main(myTest.java:513)
Caused by: javax.security.sasl.SaslException: GSS initiate failed [Caused by GSSException: No valid credentials provided (Mechanism level: Message stream modified (41))]
    at com.sun.security.sasl.gsskerb.GssKrb5Client.evaluateChallenge(Unknown Source)
    ... 18 more
Caused by: GSSException: No valid credentials provided (Mechanism level: Message stream modified (41))
    at sun.security.jgss.krb5.Krb5Context.initSecContext(Unknown Source)
    at sun.security.jgss.GSSContextImpl.initSecContext(Unknown Source)
    at sun.security.jgss.GSSContextImpl.initSecContext(Unknown Source)
    ... 19 more
Caused by: KrbException: Message stream modified (41)
    at sun.security.krb5.KrbKdcRep.check(Unknown Source)
    at sun.security.krb5.KrbTgsRep.&amp;lt;init&amp;gt;(Unknown Source)
    at sun.security.krb5.KrbTgsReq.getReply(Unknown Source)
    at sun.security.krb5.KrbTgsReq.sendAndGetCreds(Unknown Source)
    at sun.security.krb5.internal.CredentialsUtil.serviceCreds(Unknown Source)
    at sun.security.krb5.internal.CredentialsUtil.acquireServiceCreds(Unknown Source)
    at sun.security.krb5.Credentials.acquireServiceCreds(Unknown Source)
    ... 22 more
FAILED
&lt;/code&gt;&lt;/pre&gt;
&lt;p&gt;What can I do? Am I doings something wrongs?&lt;/p&gt;
&lt;p&gt;Thanks.&lt;/p&gt;</t>
  </si>
  <si>
    <t>2013-04-10 17:18:26.130000+00:00</t>
  </si>
  <si>
    <t>2013-05-17 19:01:57.173000+00:00</t>
  </si>
  <si>
    <t>2013-05-12 08:52:00.667000+00:00</t>
  </si>
  <si>
    <t>java|security|kerberos|ntlm|gssapi</t>
  </si>
  <si>
    <t>Trying to connect to XMPP server using android Smack client library throws CertPathValidatorException</t>
  </si>
  <si>
    <t>&lt;p&gt;This is my piece of code:&lt;/p&gt;
&lt;pre&gt;&lt;code&gt;    XMPPTCPConnectionConfiguration.Builder connectionBuilder = 
    XMPPTCPConnectionConfiguration.builder();
    connectionBuilder
            .setHost(MY_HOST)
            .setServiceName(MY_SERVICE_NAME)
            .setSecurityMode(ConnectionConfiguration.SecurityMode.disabled)
            .setDebuggerEnabled(true);
    XMPPTCPConnection connection = new         XMPPTCPConnection(connectionBuilder.build());
    connection.connect();
&lt;/code&gt;&lt;/pre&gt;
&lt;p&gt;When running, I get this exception:&lt;/p&gt;
&lt;pre&gt;&lt;code&gt;W/System.err: org.jivesoftware.smack.SmackException: javax.net.ssl.SSLHandshakeException: java.security.cert.CertPathValidatorException: Trust anchor for certification path not found.
&lt;/code&gt;&lt;/pre&gt;
&lt;p&gt;Does anyone have any fast solution to overcome this issue? I am not interested in deep understanding of the SSL protocol etc. I also don't care about security on this stage of my project.&lt;/p&gt;
&lt;p&gt;I also want to mention that I succeeded connecting to the server using Swift application, so the issue is probably not on the server side. Thanks in advance.&lt;/p&gt;</t>
  </si>
  <si>
    <t>2017-05-26 11:56:07.890000+00:00</t>
  </si>
  <si>
    <t>2018-01-22 18:04:00.870000+00:00</t>
  </si>
  <si>
    <t>android|certificate|xmpp|anchor|smack</t>
  </si>
  <si>
    <t>Calculating percentages in an apply statement (R)</t>
  </si>
  <si>
    <t>&lt;p&gt;I'm struggling with something quite simple, but I'm going around in circles, and just don't see where I make an error. I really hope that someone could lend me a handy suggestion, so that I'm no longer stuck!&lt;/p&gt;
&lt;p&gt;&lt;strong&gt;My goal:&lt;/strong&gt; I want to calculate the percentage of instances in an data.frame which have a result higher than 0. I've tried this with the for loop, but to no avail. So, after some more searching I used the apply function to calculate various metrics as mean, sd, and min/max. This works great, but for calculating the percentage the apply function doesn't work, even when I make a custom function, and insert this into the apply function.&lt;/p&gt;
&lt;p&gt;This is the shortened version of my data.frame:&lt;/p&gt;
&lt;pre&gt;&lt;code&gt;     tradesList[c(1:5,10:15),c(1,7)]
   Instrument TradeResult.Currency.
1         JPM                    -3
2         JPM                   264
3         JPM                   284
4         JPM                    69
5         JPM                   283
10        JPM                  -294
11        KFT                    -8
12        KFT                   -48
13        KFT                   125
14        KFT                  -150
15        KFT                  -206
&lt;/code&gt;&lt;/pre&gt;
&lt;p&gt;I want to summarize this data.frame, for example by displaying the average TradeResult for each Instrument:&lt;/p&gt;
&lt;pre&gt;&lt;code&gt;&amp;gt; tapply(tradesList$TradeResult.Currency., tradesList$Instrument, mean)
 JPM  KFT 
42.3 14.6 
&lt;/code&gt;&lt;/pre&gt;
&lt;p&gt;However, I would also like to calculate the percentage of rows which have an TradeResult &gt; 0 per instrument. With the 'which' function checking for instances which are &gt; 0 does work, however, apply won't accept this function as an argument. &lt;/p&gt;
&lt;pre&gt;&lt;code&gt;&amp;gt; length(which(tradesList$TradeResult.Currency. &amp;gt; 0)) / length(tradesList$TradeResult.Currency.) * 100
[1] 50
&amp;gt; tapply(tradesList$TradeResult.Currency., tradesList$Instrument, (length(which(tradesList$TradeResult.Currency. &amp;gt; 0)) / length(tradesList$TradeResult.Currency.) * 100))
Error in match.fun(FUN) : 
  c("'(length(which(tradesList$TradeResult.Currency. &amp;gt; 0))/length(tradesList$TradeResult.Currency.) * ' is not a function, character or symbol", "'    100)' is not a function, character or symbol")
&amp;gt; 
&lt;/code&gt;&lt;/pre&gt;
&lt;p&gt;I searched in the help function for more information on this error, and tried various different ways of formulating the function (for example with brackets or quotes), but each way led to the same result.&lt;/p&gt;
&lt;p&gt;Does someone know a whay to calculate the percentage of instances which are greater than zero? Perhaps I'm missing something?&lt;/p&gt;
&lt;p&gt;Thanks alot in advance,&lt;/p&gt;
&lt;p&gt;Regards,&lt;/p&gt;
&lt;p&gt;&lt;strong&gt;Edit:&lt;/strong&gt;
Thanks alot for your quick comments G. Grothendieck, Gavin Simpson and DWin. Highly appreciated and quite helpful!&lt;/p&gt;
&lt;p&gt;&lt;strong&gt;Solved:&lt;/strong&gt;
Here's what I have now:&lt;/p&gt;
&lt;pre&gt;&lt;code&gt;&amp;gt; tmpData &amp;lt;- tradesList[c(1:5,10:15),c(1,7)]
&amp;gt; tmpData
   Instrument TradeResult.Currency.
1         JPM                    -3
2         JPM                   264
3         JPM                   284
4         JPM                    69
5         JPM                   283
10        JPM                  -294
11        KFT                    -8
12        KFT                   -48
13        KFT                   125
14        KFT                  -150
15        KFT                  -206
&amp;gt; 100*    # to get percentages
+ with( tmpData, 
+ tapply( (TradeResult.Currency. &amp;gt; 0) , Instrument, sum)/   # number GT 0
+        tapply( TradeResult.Currency., Instrument, length) ) # total number
     JPM      KFT 
66.66667 20.00000 
&amp;gt; 100 * tapply(tmpData$TradeResult.Currency. &amp;gt; 0, tmpData$Instrument, mean)
     JPM      KFT 
66.66667 20.00000 
&amp;gt; pcentFun &amp;lt;- function(x) {
+     res &amp;lt;- x &amp;gt; 0
+     100 * (sum(res) / length(res))
+ }
&amp;gt; 
&amp;gt; with(tmpData, tapply(TradeResult.Currency., Instrument, pcentFun))
     JPM      KFT 
66.66667 20.00000
&lt;/code&gt;&lt;/pre&gt;
&lt;p&gt;Thanks again!&lt;/p&gt;
&lt;p&gt;Regards,&lt;/p&gt;</t>
  </si>
  <si>
    <t>2010-12-05 15:48:22.977000+00:00</t>
  </si>
  <si>
    <t>2010-12-05 19:27:36.140000+00:00</t>
  </si>
  <si>
    <t>2010-12-05 16:49:59.237000+00:00</t>
  </si>
  <si>
    <t>r|apply</t>
  </si>
  <si>
    <t>Ajax event doesn't work when using grid layout in panelGrid</t>
  </si>
  <si>
    <t>&lt;p&gt;In the code bellow, when I define the attribute &lt;code&gt;layout="grid"&lt;/code&gt; for panelGrid, the ajax event of "periodo Letivo" doesn't work. It should load "cadeira" component. If I remove the layout attribute, It works fine, but I lost the responsiveness.&lt;/p&gt;
&lt;p&gt;If someone can help me, thanks.&lt;/p&gt;
&lt;pre&gt;&lt;code&gt;&amp;lt;p:panelGrid columns="2" layout="grid" style="border:0px !important; background:none;" styleClass="ui-panelgrid-blank ui-fluid"&amp;gt;
    &amp;lt;p:outputLabel for="periodoLetivo" value="Per��odo letivo" /&amp;gt;
    &amp;lt;p:selectOneMenu id="periodoLetivo"
        value="#{viewForm.periodoLetivo}"
        converter="#{genericConverter}" immediate="true"
        required="true"&amp;gt;
        &amp;lt;f:selectItem itemLabel="[-SELECIONE-]"
            noSelectionOption="true" /&amp;gt;
        &amp;lt;f:selectItems value="#{periodosLetivos}" var="periodoLetivo"
            itemLabel="#{periodoLetivo.nome}" itemValue="#{periodoLetivo}" /&amp;gt;
        &amp;lt;p:ajax event="change" update="cadeira" process="periodoLetivo" /&amp;gt;
    &amp;lt;/p:selectOneMenu&amp;gt;
    &amp;lt;p:outputLabel for="cadeira" value="Disciplina" /&amp;gt;
    &amp;lt;p:selectOneMenu id="cadeira" value="#{viewForm.cadeira}"
        converter="#{genericConverter}" required="true"&amp;gt;
        &amp;lt;f:selectItem itemLabel="[-SELECIONE-]"
            noSelectionOption="true" /&amp;gt;
        &amp;lt;f:selectItems value="#{viewForm.cadeiras}" /&amp;gt;
    &amp;lt;/p:selectOneMenu&amp;gt;
&amp;lt;/p:panelGrid&amp;gt;
&lt;/code&gt;&lt;/pre&gt;</t>
  </si>
  <si>
    <t>2016-03-10 15:08:33.913000+00:00</t>
  </si>
  <si>
    <t>2016-03-10 20:25:20.633000+00:00</t>
  </si>
  <si>
    <t>2016-03-10 19:12:11.830000+00:00</t>
  </si>
  <si>
    <t>jsf|primefaces|selectonemenu|responsiveness|panelgrid</t>
  </si>
  <si>
    <t>CS3016 - How do we get around this when working with Prism + MEF ExportModule?</t>
  </si>
  <si>
    <t>&lt;pre&gt;&lt;code&gt;[assembly: CLSCompliant(true)]
//CS3016: Arrays as attribute arguments is not CLS-compliant.
[ModuleExport(typeof(ModuleA), DependsOnModuleNames = new [] { "ModuleB" })]
public class ModuleA : IModule { }
&lt;/code&gt;&lt;/pre&gt;
&lt;hr&gt;
&lt;p&gt;The only thing I can think of is to mark the class as &lt;code&gt;[CLSCompliant(false)]&lt;/code&gt;, but I was wondering if there is a better way to get around this?&lt;/p&gt;</t>
  </si>
  <si>
    <t>2011-11-16 20:11:51+00:00</t>
  </si>
  <si>
    <t>2011-11-17 06:30:49.053000+00:00</t>
  </si>
  <si>
    <t>c#|attributes|prism|mef|cls-compliant</t>
  </si>
  <si>
    <t>Is it possible to define customised datestamp in MQFTE using Ant Script?</t>
  </si>
  <si>
    <t>&lt;p&gt;I need to create a custom stamp for the day of the week, which is to be appended to the filename.&lt;/p&gt;
&lt;p&gt;Suppose If it is sunday , the value of the stamp must be "1",
   same way if its monday the value of the stamp must be "2".&lt;/p&gt;
&lt;p&gt;Is this possible in MQFTE using Ant Script???&lt;/p&gt;</t>
  </si>
  <si>
    <t>2011-04-07 12:07:52.097000+00:00</t>
  </si>
  <si>
    <t>2011-04-07 15:01:26.457000+00:00</t>
  </si>
  <si>
    <t>scripting|ant|ibm-mq|websphere-mq-fte</t>
  </si>
  <si>
    <t>Im trying to get key input to work by getting and setting x/y values but it isnt working</t>
  </si>
  <si>
    <t>&lt;p&gt;I know that the the image is drawing constantly but the x/y coordinates arent changing which doesnt let the image move.. Why is this happening and what can i do to fix it&lt;/p&gt;
&lt;pre&gt;&lt;code&gt;import java.awt.*;
public class GameState extends State {
  private Player player;
  private int playerX = 1440/2 - 14, playerY = 810/2 - 14;
  public GameState(SuperHexagonGame game)
  {
    super(game);
    player = new Player(playerX, playerY);
  }
  public void tick()
  {
    player.tick();
  }
  public Player getPlayer()
  {
    return player;
  }
  public void render(Graphics g)
  {
    g.drawImage(Assets.bg1, 0, 0, null);
    player.render(g);
  }
}
&lt;/code&gt;&lt;/pre&gt;
&lt;p&gt;player class&lt;/p&gt;
&lt;pre&gt;&lt;code&gt;import java.awt.*;
public class Player extends Creature {
  public Player(int x, int y)
  {
    super(x, y);
  }
  public void tick()
  {
  }
  public int getX()
  {
    return x;
  }
  public int getY()
  {
    return y;
  }
  public void setX(int x)
  {
    this.x = x;
  }
  public void setY(int y)
  {
    this.y = y;
  }
  public void render(Graphics g)
  {
    System.out.println(y);
    g.drawImage(Assets.player1, x, y, null);
  }
}
&lt;/code&gt;&lt;/pre&gt;
&lt;p&gt;key input class that checks for key input. Im trying to get it to set the xy values in the player class by getting the current xy value and adding/subtracting 75&lt;/p&gt;
&lt;pre&gt;&lt;code&gt;import java.awt.event.*;
public class KeyInput extends KeyAdapter {
  private Player player = new Player(1440 / 2 - 14, 810/2 - 14);
 public void keyPressed(KeyEvent e)
 {
   int key = e.getKeyCode();
   System.out.println(key);
   if (key == KeyEvent.VK_UP)
   {
     //decrement y by 75
     player.setY(player.getY() - 75);
   }
   if (key == KeyEvent.VK_DOWN)
   {
     //increment y by 75
   }
   if (key == KeyEvent.VK_LEFT)
   {
     //decrement x by 75
   }   
   if (key == KeyEvent.VK_RIGHT)
   {
     //increment x by 75
   }
 }
}
&lt;/code&gt;&lt;/pre&gt;
&lt;p&gt;i know the program is getting keyboard input (arrow keys) because when pressing a key it displays the keycode into console it but it isn't setting the xy values to the new xy values for movement. I only have the code done for up arrow key because I wanted to make sure it worked before copy pasting.&lt;/p&gt;</t>
  </si>
  <si>
    <t>2016-05-18 00:06:01.650000+00:00</t>
  </si>
  <si>
    <t>2016-05-18 00:33:30.707000+00:00</t>
  </si>
  <si>
    <t>2016-05-18 00:11:58.900000+00:00</t>
  </si>
  <si>
    <t>How do you split user input?</t>
  </si>
  <si>
    <t>&lt;p&gt;So say I had the user input an IP address 182.39.175.223 how would I split this input to get 182, 39, 175, 223 into different registers?&lt;/p&gt;</t>
  </si>
  <si>
    <t>2017-11-11 22:48:20.813000+00:00</t>
  </si>
  <si>
    <t>mips</t>
  </si>
  <si>
    <t>how to append child to element using smooks groovy</t>
  </si>
  <si>
    <t>&lt;p&gt;I am trying to use &lt;a href="http://www.smooks.org/mediawiki/index.php?title=Main_Page" rel="nofollow"&gt;Smooks&lt;/a&gt; with Groovy to &lt;code&gt;appendChild()&lt;/code&gt; to elements. So far I've been unable to do so.&lt;/p&gt;
&lt;h1&gt;Sample input file&lt;/h1&gt;
&lt;pre&gt;&lt;code&gt;&amp;lt;?xml version="1.0"?&amp;gt;
&amp;lt;orders&amp;gt;
    &amp;lt;order res="0"&amp;gt;
        &amp;lt;header&amp;gt;
            &amp;lt;date&amp;gt;Wed Nov 27 13:45:28 EST 2013&amp;lt;/date&amp;gt;
            &amp;lt;customer number="9404089839"&amp;gt;Harish Nanda M&amp;lt;/customer&amp;gt;
        &amp;lt;/header&amp;gt;
        &amp;lt;orderitems&amp;gt;
            &amp;lt;orderitem&amp;gt;
                &amp;lt;product&amp;gt;007&amp;lt;/product&amp;gt;
                &amp;lt;quantity&amp;gt;7&amp;lt;/quantity&amp;gt;
                &amp;lt;price&amp;gt;7.90&amp;lt;/price&amp;gt;
            &amp;lt;/orderitem&amp;gt;
            &amp;lt;orderitem&amp;gt;
                &amp;lt;product&amp;gt;005&amp;lt;/product&amp;gt;
                &amp;lt;quantity&amp;gt;3&amp;lt;/quantity&amp;gt;
                &amp;lt;price&amp;gt;7.20&amp;lt;/price&amp;gt;
            &amp;lt;/orderitem&amp;gt;
        &amp;lt;/orderitems&amp;gt;
    &amp;lt;/order&amp;gt;
    &amp;lt;order res="0"&amp;gt;
        &amp;lt;header&amp;gt;
            &amp;lt;date&amp;gt;Wed Nov 27 13:45:28 EST 2013&amp;lt;/date&amp;gt;
            &amp;lt;customer number="2036139296"&amp;gt;Sandesh G&amp;lt;/customer&amp;gt;
        &amp;lt;/header&amp;gt;
        &amp;lt;orderitems&amp;gt;
            &amp;lt;orderitem&amp;gt;
                &amp;lt;product&amp;gt;0023&amp;lt;/product&amp;gt;
                &amp;lt;quantity&amp;gt;87&amp;lt;/quantity&amp;gt;
                &amp;lt;price&amp;gt;57.90&amp;lt;/price&amp;gt;
            &amp;lt;/orderitem&amp;gt;
            &amp;lt;orderitem&amp;gt;
                &amp;lt;product&amp;gt;005&amp;lt;/product&amp;gt;
                &amp;lt;quantity&amp;gt;3&amp;lt;/quantity&amp;gt;
                &amp;lt;price&amp;gt;7.20&amp;lt;/price&amp;gt;
            &amp;lt;/orderitem&amp;gt;
        &amp;lt;/orderitems&amp;gt;
    &amp;lt;/order&amp;gt;
&amp;lt;/orders&amp;gt;
&lt;/code&gt;&lt;/pre&gt;
&lt;h1&gt;Smooks config file&lt;/h1&gt;
&lt;pre&gt;&lt;code&gt;&amp;lt;?xml version="1.0"?&amp;gt;
&amp;lt;smooks-resource-list xmlns="http://www.milyn.org/xsd/smooks-1.1.xsd" xmlns:core="http://www.milyn.org/xsd/smooks/smooks-core-1.3.xsd" xmlns:g="http://www.milyn.org/xsd/smooks/groovy-1.1.xsd"&amp;gt;
    &amp;lt;core:filterSettings type="SAX"/&amp;gt;
    &amp;lt;g:groovy executeOnElement="order"&amp;gt;
        &amp;lt;g:imports&amp;gt;
            import org.milyn.xml.DomUtils;  
            import org.milyn.javabean.context.BeanContext;  
            import org.milyn.javabean.repository.BeanRepository;    
            import org.w3c.dom.*;
            import groovy.xml.dom.DOMCategory;  
            import groovy.xml.dom.DOMUtil;
            import groovy.xml.DOMBuilder;   
            import groovy.util.XmlSlurper;
        &amp;lt;/g:imports&amp;gt;
        &amp;lt;g:script&amp;gt;
            &amp;lt;!--    javax.xml.transform.dom.DOMSource source = new javax.xml.transform.dom.DOMSource(element); 
javax.xml.transform.Transformer transformer = javax.xml.transform.TransformerFactory.newInstance().newTransformer();
    javax.xml.transform.stream.StreamResult result = new
 javax.xml.transform.stream.StreamResult(new java.io.StringWriter()); 
    transformer.transform(source, result);  String ss = 
 result.getWriter().toString();     def ord = new
 XmlSlurper().parseText(ss)     //ord.xxxx = "2222";    println
 ord.orderitems.orderitem.product.text()*.toInteger().sum();
element.appendChild("res");     //element['@res'] = element.'@res'.toInteger() +    
 ord.orderitems.orderitem.product.text()*.toInteger().sum();
writeFragment(element);
--&amp;gt;
        &amp;lt;/g:script&amp;gt;
    &amp;lt;/g:groovy&amp;gt;
&amp;lt;/smooks-resource-list&amp;gt;
&lt;/code&gt;&lt;/pre&gt;</t>
  </si>
  <si>
    <t>2015-08-31 16:05:16.170000+00:00</t>
  </si>
  <si>
    <t>2015-08-31 19:21:57.687000+00:00</t>
  </si>
  <si>
    <t>groovy|smooks</t>
  </si>
  <si>
    <t>Django not installing in folder where I want</t>
  </si>
  <si>
    <t>&lt;p&gt;I am new to &lt;code&gt;python/django/pip&lt;/code&gt;. I created a &lt;code&gt;virtualenv&lt;/code&gt; and I was in the &lt;code&gt;bin&lt;/code&gt; dir when I did a &lt;code&gt;pip install django&lt;/code&gt;. It created the django files there which is not what I wanted. So I did &lt;code&gt;pip uninstall django&lt;/code&gt;. Then I created a folder called web in my virtualenv root and tried pip install again. This time it said loading from cache and installed django in bin folder again. So I deleted it and tried again with &lt;code&gt;--no-cache-dir&lt;/code&gt;. This downloaded django fresh, but I am still finding the installation in bin directory! This is driving me crazy, how can I get it to install in the web directory?&lt;/p&gt;
&lt;p&gt;Any help much appreciated.&lt;/p&gt;</t>
  </si>
  <si>
    <t>2017-11-18 19:52:36.013000+00:00</t>
  </si>
  <si>
    <t>2017-11-18 19:55:35.077000+00:00</t>
  </si>
  <si>
    <t>python|django|pip|virtualenv</t>
  </si>
  <si>
    <t>How to access json object in Ionic / Angular</t>
  </si>
  <si>
    <t>&lt;p&gt;I need to access the &lt;code&gt;firstBill&lt;/code&gt; value in this json:&lt;/p&gt;
&lt;pre&gt;&lt;code&gt;[{
    "companyName": "Madrid",
    "producCompanyId": 4,
    "productCompanyName": "Empresa1",
    "state": {
        "id": 5,
        "description": "Completada sin precios"
    },
    "message": "\nHay otra empresa igual en ACTIVO                                              "
}, {
    "companyName": "Barcelona",
    "producCompanyId": 10,
    "productCompanyName": "Empresa2",
    "companyResultId": "889",
    "state": {
        "id": 4,
        "description": "Completada con precios"
    },
    "prices": {
        "priceList": [{
            "priceId": 699614,
            "companyPriceId": "1091931204",
            "firstBill": 281.96,
            "issuable": true
        }, {
            "priceId": 699609,
            "companyPriceId": "1091931204",
            "firstBill": 251.64,
            "issuable": true
        }, {
            "priceId": 699611,
            "companyPriceId": "1091931204",
            "firstBill": 302.6,
            "issuable": true
        }]
    },
    "message": ""
}]
&lt;/code&gt;&lt;/pre&gt;
&lt;p&gt;Now I have this code but with errors because of undefined &lt;code&gt;prices&lt;/code&gt; jsonarray in other (the first one of the previous json) objects:&lt;/p&gt;
&lt;pre&gt;&lt;code&gt;&amp;lt;ion-content class="home"&amp;gt;
  &amp;lt;ion-list&amp;gt;
    &amp;lt;ion-item *ngFor="let oferta of ofertas"&amp;gt;
      &amp;lt;h2&amp;gt;{{oferta.companyName}}&amp;lt;/h2&amp;gt;
      &amp;lt;pre&amp;gt;{{ oferta.prices.priceList[0] ? oferta.prices.priceList[0] | json }}&amp;lt;/pre&amp;gt;
    &amp;lt;/ion-item&amp;gt;
  &amp;lt;/ion-list&amp;gt;
&amp;lt;/ion-content&amp;gt;
&lt;/code&gt;&lt;/pre&gt;</t>
  </si>
  <si>
    <t>2017-03-23 18:35:22.043000+00:00</t>
  </si>
  <si>
    <t>2017-03-24 09:16:17.427000+00:00</t>
  </si>
  <si>
    <t>javascript|angularjs|json|ionic-framework</t>
  </si>
  <si>
    <t>How to perform --include-css when using the Jekyll stylus plugin</t>
  </si>
  <si>
    <t>&lt;p&gt;I've just started using Jekyll and the stylus plugin provided here:
&lt;a href="https://gist.github.com/adamjspooner/988201" rel="nofollow"&gt;https://gist.github.com/adamjspooner/988201&lt;/a&gt;&lt;/p&gt;
&lt;p&gt;I have some import statements in my stylus files like the following:&lt;/p&gt;
&lt;pre&gt;&lt;code&gt;@import 'normalize.css'
&lt;/code&gt;&lt;/pre&gt;
&lt;p&gt;The stylus plugin converts the stylus files correctly to css, but keeps the import statements in the generated css file. I would like to have the import statement to include the content of the css file when the css is generated. When using the command line for compiling stylus you can use the --include-css option to perform this task. How would one go about doing this when using the stylus plugin in Jekyll?&lt;/p&gt;</t>
  </si>
  <si>
    <t>2015-03-05 21:03:33.343000+00:00</t>
  </si>
  <si>
    <t>2015-03-06 17:26:29.530000+00:00</t>
  </si>
  <si>
    <t>css|jekyll|stylus|jekyll-extensions</t>
  </si>
  <si>
    <t>How to get list of branch heads in Git?</t>
  </si>
  <si>
    <t>&lt;p&gt;I am trying to get a list of branch heads in Git. So far I have found &lt;code&gt;git log --simplify-by-decoration&lt;/code&gt; which seems to include all branches and show the heads, but it also shows one extra commit which is useless for me. Is there an even better way to do this or is that what I should use?&lt;/p&gt;
&lt;p&gt;So to make it clear: I want to have an output that gives me the head of all branches in my local repository. Basically, I just need the hash of each of the heads, but I can just regex it from whatever output I get.&lt;/p&gt;</t>
  </si>
  <si>
    <t>2011-11-20 13:22:42.100000+00:00</t>
  </si>
  <si>
    <t>2011-11-20 13:42:54.193000+00:00</t>
  </si>
  <si>
    <t>Using collections and crashing Mac 2016 Excel</t>
  </si>
  <si>
    <t>&lt;p&gt;I'm using a VBA script to automate deleting rows of different datasets in Excel based on whether a cell in a certain column matches a predefined list of strings (names of manufacturers).  The number of datasets can differ each time and the columns to check will be different in each dataset.  There is a settings page where the user defines the worksheets that include the datasets, the first cell in the column to check in each dataset and also the list of strings to check against and these are all called as defined named ranges.&lt;/p&gt;
&lt;p&gt;My Macro seems to work but eventually crashes Excel.  I haven't done any VBA programming for 5 years or so. Any help would be appreciated!&lt;/p&gt;
&lt;pre&gt;&lt;code&gt;Private Sub RemoveManufacturers()
Application.Calculation = xlCalculationManual
Dim source As New Collection
Dim manufacturer As New Collection
Dim manufacturer_col As New Collection
Dim key As Variant
Dim i As Integer
Dim j As Integer
Dim flg As Boolean
ActiveWorkbook.Sheets("settings").Activate
'Add Manufacturer Names to Collection
For Each key In Range("manufacturers").Cells
   manufacturer.Add key.Value
Next
'Add Manufacturer Column Refs to manufacturer_col Collection
For Each key In Range("manufacturer_cols").Cells
    manufacturer_col.Add key.Value
Next
'Add User Defined sheetnames to source Collection
For Each key In Range("source").Cells
    source.Add key.Value       
Next
'Define number of iterations based on raw datasets
i = source.Count
'Loop through Raw Data Sheets
Do Until i = 0
    'Add use sheet names to navigate to relevant worksheets
    ActiveWorkbook.Sheets(source(i)).Activate
    Application.ScreenUpdating = False
        'Select column with data in
        Range(manufacturer_col(i)).Select
        'Loop through column until a blank cell is found
        Do Until ActiveCell.Value = ""
            'Define number of iterations based on no. of manufacturers
            j = manufacturer.Count
            flg = False
            'Loop through each Manufacturer name
            Do Until j = 0
               'If match found set Flag to True
               If InStr(ActiveCell.Value, UCase(manufacturer(j))) &amp;lt;&amp;gt; 0 Then
                    flg = True
                    'Get out of loop
                    GoTo IgnoreOrDelete
               End If
               'increment counter
               j = j - 1
            Loop
IgnoreOrDelete:
            'If Flag has been set
           If flg = True Then
               ActiveCell.Offset(rowOffset:=1).Activate
           Else
               ActiveCell.EntireRow.Delete
           End If
       Loop
    i = i - 1
    Application.ScreenUpdating = True
Loop
End Sub
&lt;/code&gt;&lt;/pre&gt;</t>
  </si>
  <si>
    <t>2015-11-19 17:32:38.887000+00:00</t>
  </si>
  <si>
    <t>2015-11-19 18:06:18.207000+00:00</t>
  </si>
  <si>
    <t>Render non-uniform grid and mark maximum value's location in contour plot</t>
  </si>
  <si>
    <t>&lt;p&gt;I have two problems with the contour plot in &lt;code&gt;matplotlib&lt;/code&gt;:&lt;/p&gt;
&lt;ol&gt;
&lt;li&gt;How can I render an arbitrary meshgrid as a regular one? &lt;/li&gt;
&lt;/ol&gt;
&lt;p&gt;I would like the position of the ticks on both axes to be evenly distributed while still reflecting the position of my nodes.&lt;/p&gt;
&lt;ol start="2"&gt;
&lt;li&gt;How can I highlight the position of my data's highest value with a colored marker?&lt;/li&gt;
&lt;/ol&gt;
&lt;p&gt;&lt;img src="https://i.stack.imgur.com/YP5WX.png" alt="enter image description here"&gt;&lt;/p&gt;
&lt;p&gt;Here is my code:&lt;/p&gt;
&lt;pre&gt;&lt;code&gt;import numpy as np
import pylab as pl
def plot_s(data, xlist, ylist):
    pl.subplot(111)
    x = np.array(xlist)
    y = np.array(ylist)
    X, Y = np.meshgrid(x, y)
    CS = pl.contour(X, Y, data, colors='k')
    pl.clabel(CS, inline = 1, fontsize=10)
    pl.xlabel('x list')
    pl.ylabel('y list')
    pl.xticks(xlist)
    pl.yticks(ylist)
    pl.title('Contour plot')
    pl.show()
def main():
    data = np.array([[ 0.56555019,  0.57933922,  0.58266252,  0.58067285,  0.57660236, 0.57185625,  0.56711252,  0.55557035,  0.55027705,  0.54480605],
                     [ 0.55486559,  0.57349717,  0.57940478,  0.57843897,  0.57463271, 0.56963449,  0.5643922 ,  0.55095598,  0.54452534,  0.53762606],
                     [ 0.53529358,  0.56254991,  0.57328105,  0.57409218,  0.57066168, 0.5654082 ,  0.55956853,  0.5432474 ,  0.53501127,  0.52601203],
                     [ 0.50110483,  0.54004071,  0.55800178,  0.56173719,  0.55894846, 0.55328279,  0.54642887,  0.52598388,  0.51533094,  0.50354147]])
    xlist =  [10., 20., 30., 40., 50., 60., 70., 100., 120., 150.]
    ylist =  [50, 70, 90, 100]
    plot_s(data, xlist, ylist)
if __name__ == '__main__':
    main()
&lt;/code&gt;&lt;/pre&gt;</t>
  </si>
  <si>
    <t>2015-01-26 19:21:21.713000+00:00</t>
  </si>
  <si>
    <t>2015-02-03 20:48:31.720000+00:00</t>
  </si>
  <si>
    <t>2015-02-01 00:31:40.943000+00:00</t>
  </si>
  <si>
    <t>How many random requests do I need to make to a set of records to get 80% of the records?</t>
  </si>
  <si>
    <t>&lt;p&gt;Suppose I have an array of 100_000 records ( this is Ruby code, but any language will do) &lt;/p&gt;
&lt;pre&gt;&lt;code&gt;ary = ['apple','orange','dog','tomato', 12, 17,'cat','tiger' .... ]
results = []
&lt;/code&gt;&lt;/pre&gt;
&lt;p&gt;I can only make random calls to the array ( I cannot traverse it in any way)&lt;/p&gt;
&lt;pre&gt;&lt;code&gt;results &amp;lt;&amp;lt; ary.sample 
# in ruby this will pull a random record from the array, and 
# push into results array
&lt;/code&gt;&lt;/pre&gt;
&lt;p&gt;How many random calls like that, do I need to make, to get least 80% of records from &lt;code&gt;ary&lt;/code&gt;. Or expressed another way - what should be the size of &lt;code&gt;results&lt;/code&gt; so that &lt;code&gt;results.uniq&lt;/code&gt; will contain around 80_000 records from &lt;code&gt;ary&lt;/code&gt;. &lt;/p&gt;
&lt;p&gt;From my rusty memory of Stats class in college, I think it's needs to be 2*result set size = or around 160_000 requests ( assuming random function is random, and there is no some other underlying issue) .  My testing seems to confirm this. &lt;/p&gt;
&lt;pre&gt;&lt;code&gt;ary = [*1..100_000];
result = [];  
160_000.times{result &amp;lt;&amp;lt; ary.sample}; 
result.uniq.size # ~ 80k
&lt;/code&gt;&lt;/pre&gt;
&lt;p&gt;This is stats, so we are talking about probabilities, not guaranteed results. I just need a reasonable guess. &lt;/p&gt;
&lt;p&gt;So the question really, what's the formula to confirm this?&lt;/p&gt;</t>
  </si>
  <si>
    <t>2018-04-21 23:23:58.370000+00:00</t>
  </si>
  <si>
    <t>2018-04-23 05:52:49.120000+00:00</t>
  </si>
  <si>
    <t>arrays|random|statistics|number-theory</t>
  </si>
  <si>
    <t>How make JPA CommonRepository case senitive?</t>
  </si>
  <si>
    <t>&lt;p&gt;As JPA normally gives output by case sensitive
 but in my case findByUsername(String name) is ignoring case
How to make it case sensitive ?&lt;/p&gt;</t>
  </si>
  <si>
    <t>2018-04-26 08:31:15.143000+00:00</t>
  </si>
  <si>
    <t>spring-mvc|spring-boot|spring-data-jpa|jpql</t>
  </si>
  <si>
    <t>AngularJS $route.current is undefined</t>
  </si>
  <si>
    <t>&lt;p&gt;I try to put &lt;code&gt;action&lt;/code&gt; parameter in the &lt;code&gt;$routeProvider&lt;/code&gt;. The problem is, I get &lt;code&gt;$route.current is undefined&lt;/code&gt; error. Why ?&lt;/p&gt;
&lt;pre&gt;&lt;code&gt;myApp.config(['$routeProvider', function($routeProvider){
    $routeProvider.when('/abc', {
                      ...
                      action: 'X'
                  })
}]);
myApp.run(['$rootScope', '$route', '$location', 'authService',
    function ($rootScope, $location, $route, authService) {
        $rootScope.$on('$routeChangeSuccess', function (currentRoute, previousRoute) {
            if ($route.current.action) {
                $rootScope.action = $route.current.action;
            }
        });
   )]
&lt;/code&gt;&lt;/pre&gt;</t>
  </si>
  <si>
    <t>2014-11-27 12:00:35.463000+00:00</t>
  </si>
  <si>
    <t>2014-11-28 22:59:05.577000+00:00</t>
  </si>
  <si>
    <t>calculate the sum per 2 columns</t>
  </si>
  <si>
    <t>&lt;p&gt;I have the following data frame:&lt;/p&gt;
&lt;pre&gt;&lt;code&gt;all &amp;lt;- structure(list(counts = c(0L, 0L, 3L, 0L, 2L, 0L), counts = c(0L, 
2L, 1L, 0L, 5L, 1L), counts = c(1L, 9L, 17L, 0L, 7L, 2L), counts = c(2L, 
1L, 13L, 0L, 7L, 5L), counts = c(1L, 1L, 3L, 0L, 2L, 10L), counts = c(0L, 
2L, 2L, 0L, 8L, 9L), counts = c(0L, 4L, 4L, 0L, 4L, 0L), counts = c(0L, 
2L, 3L, 0L, 7L, 1L), counts = c(0L, 2L, 0L, 0L, 3L, 8L), counts = c(1L, 
3L, 3L, 0L, 4L, 13L), counts = c(0L, 6L, 12L, 0L, 3L, 2L), counts = c(0L, 
7L, 6L, 0L, 4L, 2L), counts = c(1L, 0L, 1L, 0L, 2L, 5L), counts = c(1L, 
1L, 2L, 0L, 3L, 6L), counts = c(0L, 2L, 1L, 1L, 2L, 0L), counts = c(0L, 
4L, 1L, 0L, 4L, 0L), counts = c(0L, 2L, 1L, 0L, 3L, 3L), counts = c(0L, 
1L, 1L, 0L, 2L, 1L), counts = c(0L, 3L, 1L, 0L, 5L, 0L), counts = c(0L, 
4L, 5L, 0L, 1L, 0L), counts = c(0L, 2L, 5L, 0L, 8L, 23L), counts = c(0L, 
0L, 2L, 0L, 1L, 7L), counts = c(1L, 0L, 0L, 0L, 1L, 2L), counts = c(0L, 
0L, 0L, 0L, 1L, 0L)), .Names = c("counts", "counts", "counts", 
"counts", "counts", "counts", "counts", "counts", "counts", "counts", 
"counts", "counts", "counts", "counts", "counts", "counts", "counts", 
"counts", "counts", "counts", "counts", "counts", "counts", "counts"
), row.names = c("1/2-SBSRNA4", "A1BG", "A1BG-AS1", "A1CF", "A2LD1", 
"A2M"), class = "data.frame")
&lt;/code&gt;&lt;/pre&gt;
&lt;p&gt;In this dataframe i need the sum of every 2 columns in the simplest form this can be done with: all[1] + all[2], all[3] + all[4] etc etc. then at the end i could cbind the new frames again but i now this can be done with something like aggregate or apply. Only i did not yet manage to succeed. My best try now is: &lt;code&gt;allfinal &amp;lt;-aggregate( all ,FUN = sum,by=[1:2] )&lt;/code&gt; I know this is not how it should work but cant figure out how to correctly use aggregate or (s)apply to do this. Any tips are appreciated!&lt;/p&gt;
&lt;p&gt;As output i want to have a dataframe that holds the sum of 2 columns per 1 columns. The data.frame now has 24 columns so at the end i need 12 columns.&lt;/p&gt;</t>
  </si>
  <si>
    <t>2014-05-06 13:52:48.080000+00:00</t>
  </si>
  <si>
    <t>2014-05-06 13:55:28.903000+00:00</t>
  </si>
  <si>
    <t>r|sum|aggregate</t>
  </si>
  <si>
    <t>MySQL: Insert data in different table but have same id</t>
  </si>
  <si>
    <t>&lt;p&gt;I have some question : "insert data in different table but have same id (auto_increment)"&lt;br /&gt;
This is my twice table &lt;br /&gt;&lt;/p&gt;
&lt;p&gt;student&lt;br/&gt;&lt;/p&gt;
&lt;blockquote&gt;
  &lt;p&gt;----------------------&lt;br/&gt; id  | name | class| &lt;br/&gt;
  ----------------------&lt;br/&gt;&lt;/p&gt;
&lt;/blockquote&gt;
&lt;p&gt;score&lt;br/&gt;&lt;/p&gt;
&lt;blockquote&gt;
  &lt;p&gt;---------------------------------------------&lt;br/&gt; id | math | english | physical | year |&lt;br/&gt;
  ---------------------------------------------&lt;br/&gt;&lt;/p&gt;
&lt;/blockquote&gt;
&lt;p&gt;I have some data  like:&lt;br/&gt;
John , A , 90 ,80 ,70 ,2015&lt;br/&gt;
John , A , 70 ,90 ,50 ,2016&lt;br/&gt;&lt;/p&gt;
&lt;p&gt;I want result Like:&lt;br/&gt;&lt;/p&gt;
&lt;p&gt;student&lt;br/&gt;&lt;/p&gt;
&lt;blockquote&gt;
  &lt;p&gt;----------------------&lt;br/&gt; id  | name | class| &lt;br/&gt;
  ----------------------&lt;br/&gt; 1   | John  |  A  |&lt;br/&gt;
  ----------------------&lt;br/&gt;&lt;/p&gt;
&lt;/blockquote&gt;
&lt;p&gt;score&lt;br/&gt;&lt;/p&gt;
&lt;blockquote&gt;
  &lt;p&gt;---------------------------------------------&lt;br/&gt; id | math | english | physical | year |&lt;br/&gt;
  ---------------------------------------------&lt;br/&gt;&lt;/p&gt;
  &lt;p&gt;1  | 90 | 80  | 70  |2015&lt;br/&gt; 1  | 70 | 90  | 50  |2016&lt;br/&gt;&lt;/p&gt;
&lt;/blockquote&gt;
&lt;p&gt;Because table of student's   "id"  use  Auto_increment &lt;/p&gt;
&lt;p&gt;If I want twice table have same id when I insert data &lt;br /&gt;&lt;/p&gt;
&lt;p&gt;What SQL can I use ??&lt;br /&gt;
(I think &lt;code&gt;mysql_insert_id()&lt;/code&gt; is Solution but not sure...) &lt;br/&gt; &lt;/p&gt;
&lt;p&gt;Thank help !!&lt;/p&gt;</t>
  </si>
  <si>
    <t>2016-01-02 14:13:56.280000+00:00</t>
  </si>
  <si>
    <t>2016-01-02 14:52:05.323000+00:00</t>
  </si>
  <si>
    <t>mysql|database</t>
  </si>
  <si>
    <t>Color circle at end of stem in stem plot depending on value</t>
  </si>
  <si>
    <t>&lt;p&gt;I have a script that plots a Fourier series using stem(). I know that I can fill the circle at the end of the stems with &lt;code&gt;stem( , 'fill')&lt;/code&gt;. However I would like it to only fill the circle if the magnitude is negative, or alternatively, fill all of them, but have an outer circle of another color on those that have a negative magnitude.&lt;/p&gt;
&lt;p&gt;I tried using a variable inside stem(), and also a full if-else statement, but both returned errors.&lt;/p&gt;
&lt;p&gt;Any way this can be done?&lt;/p&gt;</t>
  </si>
  <si>
    <t>2011-03-31 16:29:57.767000+00:00</t>
  </si>
  <si>
    <t>2011-03-31 16:35:18.430000+00:00</t>
  </si>
  <si>
    <t>Iteratively select a variable value in ansible dictionary</t>
  </si>
  <si>
    <t>&lt;p&gt;Considering i have an ansible dictionary :&lt;/p&gt;
&lt;pre&gt;&lt;code&gt;kubernetes_api_versions:
  base: # 1.8
   deployment: apps/v1beta2
   daemon_set: apps/v1beta2
   stateful_set: apps/v1beta2
  "1.9":    
   deployment: apps/v1
   daemon_set: apps/v1
  "1.10":    
   deployment: apps/v2
&lt;/code&gt;&lt;/pre&gt;
&lt;p&gt;and those variables those variable&lt;/p&gt;
&lt;pre&gt;&lt;code&gt;kube_1_9_version : 1.9
kube_1_10_version : 1.10
&lt;/code&gt;&lt;/pre&gt;
&lt;p&gt;How can i have implement a mecanism to assign the value on a variable by checking current version and if the value don't exist fallback to the value in the previous versions until base version defined in the dictionary ? 
So an exemple of result will be&lt;/p&gt;
&lt;pre&gt;&lt;code&gt;kube_1_9_deployment: apps/v1 # kubernetes_api_versions['1.9']['deployment']
kube_1_10_deployment:apps/v2 # kubernetes_api_versions['1.10']['deployment']
kube_1.10_daemon_set: apps/v1 # kubernetes_api_versions['1.9']['daemon_set']
kube_1_10_stateful_set:apps/v1beta2 # kubernetes_api_versions['base']['stateful_set']
&lt;/code&gt;&lt;/pre&gt;
&lt;p&gt;I use ansible 2.5.4&lt;/p&gt;</t>
  </si>
  <si>
    <t>2018-10-25 15:06:11.630000+00:00</t>
  </si>
  <si>
    <t>2018-10-25 17:50:18.950000+00:00</t>
  </si>
  <si>
    <t>ansible|ansible-2.x|ansible-template</t>
  </si>
  <si>
    <t>how to handle FATAL EXCEPTION IN SYSTEM PROCESS: ActivityManager and java.lang.OutOfMemoryError: [memory exhausted]</t>
  </si>
  <si>
    <t>&lt;p&gt;I have a device (samsung galaxy fit). When I turn on the device I can't go to the Homescreen and it just keeps loading. When i connect the device and see the logcat, my logcat error showed -&lt;/p&gt;
&lt;pre&gt;&lt;code&gt;"FATAL EXCEPTION IN SYSTEM PROCESS: ActivityManager and java.lang.OutOfMemoryError: [memory exhausted]"
&lt;/code&gt;&lt;/pre&gt;
&lt;p&gt;How to handle it?&lt;/p&gt;</t>
  </si>
  <si>
    <t>2012-11-05 04:53:39.387000+00:00</t>
  </si>
  <si>
    <t>2012-11-05 14:56:23.950000+00:00</t>
  </si>
  <si>
    <t>What get me this error?</t>
  </si>
  <si>
    <t>&lt;p&gt;This is the poker game from my school project. I have some exception that I cannot figure out. &lt;/p&gt;
&lt;p&gt;At the beginning, I defined the Card class. &lt;/p&gt;
&lt;pre&gt;&lt;code&gt;class Card {
/* constant suits and ranks */
static final String[] Suit = {"Clubs", "Diamonds", "Hearts", "Spades" };
static final String[] Rank = {"","A","2","3","4","5","6","7","8","9","10","J","Q","K"};
/* Data field of a card: rank and suit */
private int cardRank;  /* values: 1-13 (see Rank[] above) */
private int cardSuit;  /* values: 0-3  (see Suit[] above) */
/* Constructor to create a card */
/* throw MyPlayingCardException if rank or suit is invalid */
public Card(int rank, int suit) throws MyPlayingCardException { 
if ((rank &amp;lt; 1) || (rank &amp;gt; 13))
    throw new MyPlayingCardException("Invalid rank:"+rank);
else
        cardRank = rank;
if ((suit &amp;lt; 0) || (suit &amp;gt; 3))
    throw new MyPlayingCardException("Invalid suit:"+suit);
else
        cardSuit = suit;
}
/* Accessor and toString */
/* You may impelemnt equals(), but it will not be used */
public int getRank() { return cardRank; }
public int getSuit() { return cardSuit; }
public String toString() { return Rank[cardRank] + " " + Suit[cardSuit]; }
/* Few quick tests here */
public static void main(String args[])
{
try {
    Card c1 = new Card(1,3);    // A Spades
    System.out.println(c1);
    c1 = new Card(10,0);    // 10 Clubs
    System.out.println(c1);
    c1 = new Card(10,5);        // generate exception here
}
catch (MyPlayingCardException e)
{
    System.out.println("MyPlayingCardException: "+e.getMessage());
}
}
&lt;/code&gt;&lt;/pre&gt;
&lt;p&gt;}&lt;/p&gt;
&lt;p&gt;I created the Exception in this class. Then, in my Decks class, I keep on getting exception errors from the Deck constructor. &lt;/p&gt;
&lt;pre&gt;&lt;code&gt;class Decks {
/* this is used to keep track of original n*52 cards */
private List&amp;lt;Card&amp;gt; originalDecks;   
/* this starts with n*52 cards deck from original deck   */
/* it is used to keep track of remaining cards to deal */
/* see reset(): it resets dealDecks to a full deck      */
private List&amp;lt;Card&amp;gt; dealDecks;
/* number of decks in this object */
private int numberDecks;
/**
 * Constructor: Creates default one deck of 52 playing cards in originalDecks and
 *          copy them to dealDecks.
 *              initialize numberDecks=n
 * Note: You need to catch MyPlayingCardException from Card constructor
 *       Use ArrayList for both originalDecks &amp;amp; dealDecks
 */
public Decks()
{
    // implement this method!
    ArrayList&amp;lt;Card&amp;gt; originalDecks = new ArrayList&amp;lt;Card&amp;gt;(52);
    ArrayList&amp;lt;Card&amp;gt; dealDecks = new ArrayList&amp;lt;Card&amp;gt;(52); 
    for (int i=0; i&amp;lt;=3; i++)  {
        for (int j=0; j&amp;lt;= 13; j++)  {
                Card card = new Card(j,i);  
                originalDecks.add(card); 
            }               
        }
    dealDecks.addAll(originalDecks); 
}
&lt;/code&gt;&lt;/pre&gt;
&lt;p&gt;Why is it? If I use my instance card is from the for loop (which means they i&amp;lt;3, j&amp;lt;13), why do I still get the Exception error? &lt;/p&gt;
&lt;pre&gt;&lt;code&gt;unreported exception MyPlayingCardException; must be caught or declared to be thrown
                Card card = new Card(j,i);  
&lt;/code&gt;&lt;/pre&gt;</t>
  </si>
  <si>
    <t>2014-12-04 22:57:53.397000+00:00</t>
  </si>
  <si>
    <t>2014-12-04 23:03:35.420000+00:00</t>
  </si>
  <si>
    <t>How does Backbone send a PUT and PATH request to server</t>
  </si>
  <si>
    <t>&lt;p&gt;Regarding &lt;a href="https://stackoverflow.com/questions/1835711/how-do-i-send-a-put-delete-request-in-html"&gt;this&lt;/a&gt; question and also many documents have stated that sending a PUT request directly via form in browser is impossible due to security reason.&lt;/p&gt;
&lt;p&gt;However, What I am seeing in Backbone is that it could still send a direct PUT request via browser without a workaround like adding a hidden form field.&lt;/p&gt;
&lt;p&gt;And they're confusing to me. Is there anything that I'm missing here?&lt;/p&gt;</t>
  </si>
  <si>
    <t>2013-12-12 15:48:02.867000+00:00</t>
  </si>
  <si>
    <t>2013-12-12 17:06:49.103000+00:00</t>
  </si>
  <si>
    <t>2017-05-23 12:03:43.230000+00:00</t>
  </si>
  <si>
    <t>http|backbone.js</t>
  </si>
  <si>
    <t>Is there a way to make TFS linkable?</t>
  </si>
  <si>
    <t>&lt;p&gt;I'm a big fan of TFS, but unfortunately they seem to have omitted any sort of method of linking to individual items (be they work items, documents, or files under version control).  &lt;a href="http://blogs.msdn.com/buckh/archive/2007/11/30/team-system-web-access-2008-power-tool-is-now-available.aspx" rel="nofollow noreferrer"&gt;This blog post&lt;/a&gt; discusses using TSWA Power Tools to link directly to things (which is useful for building linkified notification emails), but that is not sufficient since I need for &lt;em&gt;any&lt;/em&gt; user to be able to easily copy/paste a link to send to someone else. Are there any frontends other than TSWA that provide good linking abilities?  &lt;/p&gt;
&lt;p&gt;How do you "get to" things on your Team Foundation Server, be they docs needing review, work items needing input, or files under source control using TFS?  Surely everyone isn't passing around 5-6 digit ID's?&lt;/p&gt;</t>
  </si>
  <si>
    <t>2008-10-17 17:31:12.350000+00:00</t>
  </si>
  <si>
    <t>2016-02-18 17:06:15.547000+00:00</t>
  </si>
  <si>
    <t>Luke</t>
  </si>
  <si>
    <t>How to fix Ransack undefined method ���_eq���, when using ActiveAdmin</t>
  </si>
  <si>
    <t>&lt;pre&gt;&lt;code&gt;NoMethodError in Admin::Transacoes#index
Showing /usr/local/rvm/gems/ruby-2.3.0/bundler/gems/activeadmin-0ac35b7ff052/app/views/active_admin/resource/index.html.arb where line #2 raised:
undefined method `cliente_id_eq' for #&amp;lt;Ransack::Search:0x00000004e964a8&amp;gt;
&lt;/code&gt;&lt;/pre&gt;
&lt;p&gt;There is a pattern "_eq" for each undefined method :&lt;/p&gt;
&lt;pre&gt;&lt;code&gt;class Cliente &amp;lt; ActiveRecord::Base
self.table_name = "cliente"
self.primary_key = 'Cod_Cliente'
has_many :transacao
end
class Transacao &amp;lt; ActiveRecord::Base
  self.table_name = "transacao"
  self.primary_key = 'Numero_Transacao'
  belongs_to :cliente
  belongs_to :funcionario
  belongs_to :aluguel
end
&lt;/code&gt;&lt;/pre&gt;
&lt;blockquote&gt;
  &lt;p&gt;I'm using rails with a ready-made database running in another (remote) application and fields are no default of rails&lt;/p&gt;
&lt;/blockquote&gt;
&lt;p&gt;any ideas?&lt;/p&gt;</t>
  </si>
  <si>
    <t>2016-12-31 01:20:29.673000+00:00</t>
  </si>
  <si>
    <t>ruby-on-rails|ruby|rubygems|activeadmin|ransack</t>
  </si>
  <si>
    <t>Render selected item outside of input box for multi select of react-select library</t>
  </si>
  <si>
    <t>&lt;p&gt;How can we display the selected value just below the input box.&lt;/p&gt;
&lt;p&gt;Use Case:&lt;/p&gt;
&lt;p&gt;We are using multiple select of react-select , when we select the value from the select box , it comes inside the input box as selected. Can we have a method or something to get the selected values outside the input box (just below it)&lt;/p&gt;
&lt;p&gt;Thanks in Advance!&lt;/p&gt;</t>
  </si>
  <si>
    <t>2016-07-07 11:06:33.287000+00:00</t>
  </si>
  <si>
    <t>reactjs|react-select</t>
  </si>
  <si>
    <t>XCTest failed with all green checks</t>
  </si>
  <si>
    <t>&lt;p&gt;I'm writing objective-c code that micmic account transactions. And I'm using XCTest framework to test my code. Although I have all green checks without single red cross, Xcode prompts that the test failed. I couldn't find what causing this so I comment out all my test code except this assertion line which always evaluates to true - "XCTAssertEqual(1, 1, @"Test Failed: Result isn't equal to expected value"). Even after that, the test still failed. Here's the output&lt;/p&gt;
&lt;blockquote&gt;
  &lt;p&gt;Test Suite 'All tests' started at 2014-02-05 02:07:24 +0000 &lt;br&gt;
  Test Suite 'Test.xctest' started at 2014-02-05 02:07:24 +0000 &lt;br&gt;
  Test Suite 'Test' started at 2014-02-05 02:07:24 +0000 &lt;br&gt;
  Test Case '-[Test testDeposit]' started. &lt;br&gt;
  Test Case '-[Test testDeposit]' passed (0.000 seconds). &lt;br&gt;
  Test Case '-[Test testExample]' started. &lt;br&gt;
  Test Case '-[Test testExample]' passed (0.000 seconds). &lt;br&gt;
  Test Suite 'Test' finished at 2014-02-05 02:07:24 +0000. &lt;br&gt;
  Executed 2 tests, with 0 failures (0 unexpected) in 0.000 (0.000) seconds &lt;br&gt;
  Test Suite 'Test.xctest' finished at 2014-02-05 02:07:24 +0000. &lt;br&gt;
  Executed 2 tests, with 0 failures (0 unexpected) in 0.000 (0.000) seconds &lt;br&gt;
  Test Suite 'All tests' finished at 2014-02-05 02:07:24 +0000. &lt;br&gt;
  Executed 2 tests, with 0 failures (0 unexpected) in 0.000 (0.002) seconds &lt;br&gt;
  Program ended with exit code: 0 &lt;br&gt;&lt;/p&gt;
&lt;/blockquote&gt;
&lt;p&gt;Any idea what is going on here? &lt;/p&gt;</t>
  </si>
  <si>
    <t>2014-02-05 02:08:59.777000+00:00</t>
  </si>
  <si>
    <t>2014-02-05 02:45:41.857000+00:00</t>
  </si>
  <si>
    <t>iphone|objective-c|xcode</t>
  </si>
  <si>
    <t>It's possible to insert angular environment variable into scss?</t>
  </si>
  <si>
    <t>&lt;p&gt;I'm trying to find a way to change how my &lt;code&gt;scss&lt;/code&gt; is compiled based on a "profile" variable environment. 
My app will be installed on different locations, witch with different theme, but all the &lt;code&gt;css&lt;/code&gt; is the same. I just need to change what &lt;code&gt;color palette&lt;/code&gt; will be used, during compilation.
My app already have on the &lt;code&gt;environments.ts&lt;/code&gt; a &lt;code&gt;profile&lt;/code&gt; variable, that will be used for &lt;code&gt;brand image&lt;/code&gt;.&lt;/p&gt;
&lt;p&gt;I was thinking in something like:&lt;/p&gt;
&lt;pre&gt;&lt;code&gt;export const environment = {
  production: true,
  profile: 'appX'
  apiUrl: 'http://mydoainX.com/api/',
};
&lt;/code&gt;&lt;/pre&gt;
&lt;p&gt;and, on the &lt;code&gt;scss&lt;/code&gt;:&lt;/p&gt;
&lt;pre&gt;&lt;code&gt;$profile: environment.profile;
&lt;/code&gt;&lt;/pre&gt;
&lt;p&gt;It's possible to do something like this?&lt;/p&gt;
&lt;p&gt;Any thoughts?&lt;/p&gt;</t>
  </si>
  <si>
    <t>2017-10-20 15:35:56.647000+00:00</t>
  </si>
  <si>
    <t>2017-11-09 12:39:59.647000+00:00</t>
  </si>
  <si>
    <t>angular|sass|angular-cli</t>
  </si>
  <si>
    <t>How to create a function that will eventually return some data and caller must wait</t>
  </si>
  <si>
    <t>&lt;p&gt;This is actually a Swift Language type of question&lt;/p&gt;
&lt;p&gt;I am using &lt;a href="https://www.firebase.com/" rel="nofollow"&gt;Firebase&lt;/a&gt; to read/write data&lt;/p&gt;
&lt;p&gt;I would like to design a routine in swift that will return &lt;em&gt;eventually&lt;/em&gt;. The caller must wait for the routine to complete, so its not a asynchronous, background call actually. Ideally the caller should also be able to:&lt;/p&gt;
&lt;ol&gt;
&lt;li&gt;&lt;p&gt;Determine success or error returns and also process return values&lt;/p&gt;&lt;/li&gt;
&lt;li&gt;&lt;p&gt;Timeout on the wait if the calling function is taking too long&lt;/p&gt;&lt;/li&gt;
&lt;/ol&gt;
&lt;p&gt;Inside the function the hold-up is merely an event to Firebase . For example:&lt;/p&gt;
&lt;pre&gt;&lt;code&gt;func eventuallyReturnFirebase() {
//some stuff
someObj.observeEventType(.ChildAdded, withBlock: {
            snapshot in
            print("\(snapshot.key) -&amp;gt; \(snapshot.value)")
            if (snapshot.key == "foo") {
                // we found value for foo
            }
            if (snapshot.key == "bar") {
                // we found value for bar
            }
        })
//now we can return foo and bar back to caller or some error if we did not
}
&lt;/code&gt;&lt;/pre&gt;
&lt;p&gt;Can someone highlight what the Swift language offers in terms of designing such a function and how must the caller be used as well? Hopefully also addressing the 2 ideal conditions as well&lt;/p&gt;</t>
  </si>
  <si>
    <t>2016-01-20 20:04:59.363000+00:00</t>
  </si>
  <si>
    <t>2016-01-20 21:12:12.580000+00:00</t>
  </si>
  <si>
    <t>ios|swift|function|firebase</t>
  </si>
  <si>
    <t>Getting a portion of file as byte[] at a time</t>
  </si>
  <si>
    <t>&lt;p&gt;I'm trying to handle large files by 10MB byte arrays at a time.
I'm trying to get the byte arrays one at a time (not get entire byte array for the huge file and split the byte array, after all the problem was due to memory)&lt;/p&gt;
&lt;p&gt;This is what I have so far:&lt;/p&gt;
&lt;pre&gt;&lt;code&gt;private byte[] readFile(File file, int offset) throws IOException
{
    BufferedInputStream inStream = null;
    ByteArrayOutputStream outStream = null;
    byte[] buf = new byte[1048576];
    int read = 0;
    try
    {
        inStream = new BufferedInputStream(new FileInputStream(file));
        outStream = new ByteArrayOutputStream();
        long skipped = inStream.skip(offset);
        read = inStream.read(buf);
        if (read != -1)
        {
            outStream.write(buf, 0, read);
            return outStream.toByteArray();
        }
    }
    finally
    {
        if (inStream != null) {try {inStream.close();} catch (IOException e) {}}
        if (outStream != null) {try {outStream.close();} catch (IOException e) {}}
    }
    return null;
&lt;/code&gt;&lt;/pre&gt;
&lt;p&gt;the parameter &lt;code&gt;offset&lt;/code&gt; will be in 10MB increments as well.&lt;/p&gt;
&lt;p&gt;So the problem I'm having is that, even tho the &lt;code&gt;skipped&lt;/code&gt; long variable gives me 1048576 bytes skipped, the second 10MB i'm suppose to receive from calling &lt;code&gt;readFile(file, 1048576)&lt;/code&gt; is the same as the first byte array from the first 10MB. Thus it didn't really skip the first 10MB at all.&lt;/p&gt;
&lt;p&gt;What's the problem here? Is there another way of implementing this idea?&lt;/p&gt;</t>
  </si>
  <si>
    <t>2013-09-16 18:40:06.493000+00:00</t>
  </si>
  <si>
    <t>2013-09-24 14:15:39.803000+00:00</t>
  </si>
  <si>
    <t>java|android|file|stream|bytearray</t>
  </si>
  <si>
    <t>error with nested route ( react-router )</t>
  </si>
  <si>
    <t>&lt;p&gt;I have an issue with setState(). &lt;/p&gt;
&lt;p&gt;&lt;strong&gt;Here is my routes.tsx file&lt;/strong&gt;&lt;/p&gt;
&lt;pre&gt;&lt;code&gt;export const Routes = (props:any) =&amp;gt; (
&amp;lt;Router {...props}&amp;gt;
&amp;lt;Route path="/" component={Miramir}&amp;gt;
  &amp;lt;Route path="/profile"&amp;gt;
    &amp;lt;IndexRoute component={Profile} /&amp;gt;
    &amp;lt;Route path="/profile/update" component={ProfileUpdate} /&amp;gt;
  &amp;lt;/Route&amp;gt;
&amp;lt;/Route&amp;gt;
&lt;/code&gt;&lt;/pre&gt;
&lt;p&gt;&lt;/p&gt;
&lt;p&gt;So, when i trying to use &lt;code&gt;/profile/update&lt;/code&gt; route 
I have an warning and see that component which only for &lt;code&gt;/profile&lt;/code&gt; route exists on &lt;code&gt;/profile/update&lt;/code&gt;&lt;/p&gt;
&lt;p&gt;&lt;strong&gt;&lt;em&gt;This is an error&lt;/em&gt;&lt;/strong&gt;&lt;/p&gt;
&lt;pre&gt;&lt;code&gt;Warning: setState(...): Can only update a mounted or mounting component. This usually means you called setState() on an unmounted component. This is a no-op. Please check the code for the CountDown component.
&lt;/code&gt;&lt;/pre&gt;
&lt;p&gt;&lt;strong&gt;&lt;em&gt;Component CountDown&lt;/em&gt;&lt;/strong&gt;&lt;/p&gt;
&lt;pre&gt;&lt;code&gt;componentDidMount = () =&amp;gt; {
    let timeLeft = this.secondsToTime(this.state.date);
    this.setState({time: timeLeft});
  }
_countDown = () =&amp;gt; {
    this.setState({
      time: this.secondsToTime(this.state.date)
    })
  }
&lt;/code&gt;&lt;/pre&gt;
&lt;p&gt;Calling &lt;code&gt;_countDown&lt;/code&gt; every sec&lt;/p&gt;
&lt;p&gt;Hope your help! &lt;/p&gt;
&lt;p&gt;Thanks&lt;/p&gt;</t>
  </si>
  <si>
    <t>2017-01-20 12:01:59.753000+00:00</t>
  </si>
  <si>
    <t>2017-01-23 02:16:44.917000+00:00</t>
  </si>
  <si>
    <t>2017-01-20 12:49:27.020000+00:00</t>
  </si>
  <si>
    <t>javascript|reactjs|react-router</t>
  </si>
  <si>
    <t>Redirect to create page if CGridview is empty Yii</t>
  </si>
  <si>
    <t>&lt;p&gt;I want to redirect to create page if Yii CGridview has no data in Admin page o/w redirect show CGridview with content.&lt;/p&gt;
&lt;p&gt;Example: &lt;/p&gt;
&lt;p&gt;Yii CGridview shows &lt;em&gt;"emptyText"=&gt;"No data found"&lt;/em&gt; for empty records then I want to write simple script to redirect back to create page.&lt;/p&gt;
&lt;p&gt;How can I achieve this?&lt;/p&gt;</t>
  </si>
  <si>
    <t>2014-03-08 10:39:12.730000+00:00</t>
  </si>
  <si>
    <t>2014-03-08 11:53:43.607000+00:00</t>
  </si>
  <si>
    <t>php|yii</t>
  </si>
  <si>
    <t>How do I insert scanned urls into url table?</t>
  </si>
  <si>
    <t>&lt;p&gt;I am writing a web crawler and I am having some trouble. Here is some pseudo code of what I am trying to do:&lt;/p&gt;
&lt;pre&gt;&lt;code&gt;for every url in url-list {
    urlid = NextURLID;
    Insert urlid and url to their respective columns URL table
    NextURLID++;
}
&lt;/code&gt;&lt;/pre&gt;
&lt;p&gt;Here is what I have so far:&lt;/p&gt;
&lt;pre&gt;&lt;code&gt;void startCrawl() {
        int NextURLID = 0;
        int NextURLIDScanned = 0;
        try
        {
            openConnection(); //Open the database
        }
        catch (SQLException | IOException e)
        {
            e.printStackTrace();
        }
        String url = "http://jsoup.org";
        print("Fetching %s...", url);
        Document doc = Jsoup.connect(url).get();
        Elements links = doc.getElementsByTag("a");
        for (Element link : links) {
            urlID = NextURLID;
            //Code to insert (urlid, url)  to the URL table
            NextURLID++;
        }
}
&lt;/code&gt;&lt;/pre&gt;
&lt;p&gt;As you can see I do not have the code to insert the url into the table yet. I would think it would be something like this: &lt;/p&gt;
&lt;pre&gt;&lt;code&gt;stat.executeUpdate("INSERT INTO urls VALUES ('"+urlID+"','"+url+"')");
&lt;/code&gt;&lt;/pre&gt;
&lt;p&gt;But how do I overwrite the urlID and url variables with the new urls each loop iteration?
Thanks&lt;/p&gt;</t>
  </si>
  <si>
    <t>2014-04-09 00:23:04.880000+00:00</t>
  </si>
  <si>
    <t>2014-04-28 13:22:36.153000+00:00</t>
  </si>
  <si>
    <t>java|jsoup</t>
  </si>
  <si>
    <t>Update an html table from a session variable</t>
  </si>
  <si>
    <t>&lt;p&gt;I'm fairly new to JSP, jQuery and AJAX.  I have a JSP that uses a table that is populated based on values in a List variable in session.  Code here:&lt;/p&gt;
&lt;pre&gt;&lt;code&gt;&amp;lt;table id="someData" class="display" width="95%"&amp;gt;
&amp;lt;thead&amp;gt;
&amp;lt;tr&amp;gt;
&amp;lt;th&amp;gt;Column 1&amp;lt;/th&amp;gt;
&amp;lt;th&amp;gt;Column 2&amp;lt;/th&amp;gt;
&amp;lt;th&amp;gt;Column 3&amp;lt;/th&amp;gt;
&amp;lt;/tr&amp;gt;
&amp;lt;/thead&amp;gt;
&amp;lt;tbody&amp;gt;
&amp;lt;c:forEach var="var" items="${sessionVar}"&amp;gt;
&amp;lt;tr&amp;gt;
&amp;lt;td&amp;gt;&amp;lt;c:out value="${var.ID}" /&amp;gt;&amp;lt;/td&amp;gt;
&amp;lt;td&amp;gt;&amp;lt;c:out value="${var.name}" /&amp;gt;&amp;lt;/td&amp;gt;
&amp;lt;td&amp;gt;&amp;lt;c:if test="${var.gender=='M'}"&amp;gt;
&amp;lt;c:out value="Male" /&amp;gt;
&amp;lt;/c:if&amp;gt; &amp;lt;c:if test="${var.dispositionCD=='F'}"&amp;gt;
&amp;lt;c:out value="Female" /&amp;gt;
&amp;lt;/c:if&amp;gt;
&amp;lt;/td&amp;gt;
&amp;lt;/tr&amp;gt;
&amp;lt;/c:forEach&amp;gt;
&amp;lt;/tbody&amp;gt;
&amp;lt;/table&amp;gt;
&lt;/code&gt;&lt;/pre&gt;
&lt;p&gt;I call the controller using .ajax and that may result in changes to the sessionVar variable.  Additional people could be added, some could be removed, some names may change, or there could be no changes at all.  The controller would just refresh the List variable that is in session.  Here is my ajax call that runs when the user enters some data and presses a button:&lt;/p&gt;
&lt;pre&gt;&lt;code&gt;        $.ajax({
            type : "POST",
            url : urlText,
            data : 'testdata',
            dataType : 'json',
            success : function(data,textStatus) {
                $('#errormessage').text(data);
            },
            error : function() {
                $("#errormessage").text("Error while processing request..Please try again");
            }
        });
&lt;/code&gt;&lt;/pre&gt;
&lt;p&gt;So once the List variable in session is updated, how do I update the data in the html table?  I've been working on JSP and jQuery for about a month so go easy on me if this seems amateur hour.  :)&lt;/p&gt;</t>
  </si>
  <si>
    <t>2014-03-05 22:31:01.697000+00:00</t>
  </si>
  <si>
    <t>2014-03-06 18:44:27.043000+00:00</t>
  </si>
  <si>
    <t>jquery|html|ajax|jsp</t>
  </si>
  <si>
    <t>How to create 'Tree view inside a drop down box ' using angular directive</t>
  </si>
  <si>
    <t>&lt;p&gt;I created tree view structure and custom drop down using angular directive but i actually need   a drop-down box with tree structured view using angular directive.&lt;/p&gt;
&lt;p&gt;Am very new to this angular framework so please help-me to solve this problem.&lt;/p&gt;</t>
  </si>
  <si>
    <t>2014-06-23 16:08:20.023000+00:00</t>
  </si>
  <si>
    <t>2016-01-25 12:48:29.880000+00:00</t>
  </si>
  <si>
    <t>2014-06-23 16:55:59.293000+00:00</t>
  </si>
  <si>
    <t>angularjs|jquery-ui|jquery-plugins</t>
  </si>
  <si>
    <t>UILabel text overlapping with previous text</t>
  </si>
  <si>
    <t>&lt;p&gt;&lt;img src="https://i.stack.imgur.com/MO3UE.png" alt="enter image description here"&gt;&lt;img src="https://i.stack.imgur.com/pvFLm.png" alt="enter image description here"&gt;I am creating a UILabel programatically to display multiple comments. Comments count are not fixed so, I am creating the label using for loop according to number of comments. User can also add comments in the same view and the latest comment added should be displayed on top. But here I am getting issue that, the UILabel text is overlapping with the previous text. 
How should I  update the UILabel programatically.&lt;/p&gt;
&lt;p&gt;Please Help. Thanks. &lt;/p&gt;
&lt;p&gt;At first showComment is called from viewDidLoad to show initial comments list&lt;/p&gt;
&lt;pre&gt;&lt;code&gt;-(void)showComment{
  for(int i= 0 ;i &amp;gt;fetchCommentArray.count;i++){
   FetchComment *objComment = [fetchCommentArray objectAtIndex:i];
   commentLabel = [[UILabel alloc]initWithFrame:CFRectMake(20,moreY,200,100)];
   commentLabel.text = objComment.comment;
   moreY + = 40;
&lt;/code&gt;&lt;/pre&gt;
&lt;p&gt;}
    }&lt;/p&gt;
&lt;p&gt;Now I am calling the ShowComment method when a new comment is added to show new comments.&lt;/p&gt;</t>
  </si>
  <si>
    <t>2014-11-12 06:13:52.170000+00:00</t>
  </si>
  <si>
    <t>2014-11-12 13:09:20.350000+00:00</t>
  </si>
  <si>
    <t>2014-11-12 08:24:41.623000+00:00</t>
  </si>
  <si>
    <t>Codeigniter Query Builder Class</t>
  </si>
  <si>
    <t>&lt;p&gt;I am beginner in using codeigniter query builder class. and I got a problem in converting this query using query builder class.&lt;/p&gt;
&lt;pre&gt;&lt;code&gt;SELECT tb_country.`countryName`, COUNT(tb_country.countryId) AS totalCustomer FROM tb_customer 
    JOIN tb_city ON tb_city.`cityId` = tb_customer.`cityId`
    JOIN tb_state ON tb_state.`stateId` = tb_city.`stateId`
    JOIN tb_country ON tb_country.`countryId` = tb_state.`countryId`
GROUP BY tb_country.`countryName`
&lt;/code&gt;&lt;/pre&gt;
&lt;p&gt;any answers will be helpful to me, thanks in advance! &lt;/p&gt;</t>
  </si>
  <si>
    <t>2017-01-01 16:52:17.263000+00:00</t>
  </si>
  <si>
    <t>2017-01-01 17:26:20.100000+00:00</t>
  </si>
  <si>
    <t>mysql|sql|codeigniter</t>
  </si>
  <si>
    <t>last image in Camera Roll not shown when method called outside viewDidLoad</t>
  </si>
  <si>
    <t>&lt;p&gt;I'm using a code snippet to get the last image from Camera Roll. I've made a method and I'm calling it in &lt;code&gt;viewDidLoad&lt;/code&gt; method. I'm using this functionality to share the last image through Social Framework when I hit a button. That way everything works fine. &lt;/p&gt;
&lt;p&gt;The problem is when I try to replace my method from &lt;code&gt;viewDidLoad&lt;/code&gt; and put it inside &lt;code&gt;IBAction&lt;/code&gt;, the picture isn't rendered in social popup. Debugging shows my method returns what it should, an image, and it is fired on the touch of a button. Due to the fact there will be a change in the latest image while this viewController is loaded, calling it from &lt;code&gt;viewDidLoad&lt;/code&gt; is not an option. Here is the code.&lt;/p&gt;
&lt;p&gt;Method:&lt;/p&gt;
&lt;pre&gt;&lt;code&gt;- (void) LastPic
{
ALAssetsLibrary *library = [[ALAssetsLibrary alloc] init];
[library enumerateGroupsWithTypes:ALAssetsGroupSavedPhotos usingBlock:^(ALAssetsGroup *group, BOOL *stop) {
    [group setAssetsFilter:[ALAssetsFilter allPhotos]];
    [group enumerateAssetsWithOptions:NSEnumerationReverse usingBlock:^(ALAsset *alAsset, NSUInteger index, BOOL *innerStop) {
        if (alAsset) {
            ALAssetRepresentation *representation = [alAsset defaultRepresentation];
            UIImage *latestPhoto = [UIImage imageWithCGImage:[representation fullScreenImage]];
            *stop = YES; *innerStop = YES;
            self.imageToShare = latestPhoto;
        }
    }];
} failureBlock: ^(NSError *error) {
    NSLog(@"No groups");
}];}
&lt;/code&gt;&lt;/pre&gt;
&lt;p&gt;Action:&lt;/p&gt;
&lt;pre&gt;&lt;code&gt;- (IBAction)ShareT:(id)sender {
[self LastPic]; //when in viewDidLoad everything kk
if ([SLComposeViewController isAvailableForServiceType:SLServiceTypeTwitter]){
    self.slComposeViewController = [SLComposeViewController composeViewControllerForServiceType:SLServiceTypeTwitter];
    [self.slComposeViewController addImage:self.imageToShare];
    [self presentViewController:self.slComposeViewController animated:YES completion:NULL];
}
else
{}}
&lt;/code&gt;&lt;/pre&gt;
&lt;p&gt;I have all the necessary frameworks enabled and my h file looks like this. The same happens when I try to modify the code to pass the image as &lt;code&gt;NSData&lt;/code&gt;.&lt;/p&gt;
&lt;pre&gt;&lt;code&gt;@property (strong, nonatomic) UIImage *imageToShare;
&lt;/code&gt;&lt;/pre&gt;
&lt;p&gt;Thanks!&lt;/p&gt;</t>
  </si>
  <si>
    <t>2014-07-28 10:42:01.893000+00:00</t>
  </si>
  <si>
    <t>2014-07-28 14:25:16.327000+00:00</t>
  </si>
  <si>
    <t>ios|objective-c|xcode|ios7|xcode5</t>
  </si>
  <si>
    <t>Installing and configuring SQlite Browser on LINUX</t>
  </si>
  <si>
    <t>&lt;p&gt;I am new to Linux, and I don't know how to install sqlite-autoconf-3070400 and SQlite database browser in my Linux OS.
Please give step wise details. I want it for Android Development. So do I need some extra?&lt;/p&gt;
&lt;hr&gt;
&lt;p&gt;&lt;em&gt;This was the question about to view database. I asked this question because I had no idea how can I view db contents. I was aware and used other DB so was thinking that there might be a GUI for SQlite too. 
As I got my answer and added too for future. So be honest while downvoting this question.&lt;/em&gt;&lt;/p&gt;</t>
  </si>
  <si>
    <t>2011-01-06 06:18:15.427000+00:00</t>
  </si>
  <si>
    <t>2016-08-13 10:22:01.983000+00:00</t>
  </si>
  <si>
    <t>2014-05-08 10:27:47.720000+00:00</t>
  </si>
  <si>
    <t>android|sqlite3</t>
  </si>
  <si>
    <t>Elastic Search: Search for a field which match x % of input text with match_query</t>
  </si>
  <si>
    <t>&lt;p&gt;everyone.&lt;/p&gt;
&lt;p&gt;Currently, I'm working on with match_query ElasticSearch and Im facing a problem as described in the title.&lt;/p&gt;
&lt;p&gt;Field name:  &lt;code&gt;project.name&lt;/code&gt;&lt;/p&gt;
&lt;p&gt;Its mapping:&lt;/p&gt;
&lt;pre&gt;&lt;code&gt;    "project": {
        "properties": {
          "name": {
            "type": "string",
            "fields": {
              "raw": {
                "type": "string",
                "index": "not_analyzed"
              }
            }
          },
          "owner": {
            "type": "string",
            "index": "not_analyzed"
          }
        }
      }
&lt;/code&gt;&lt;/pre&gt;
&lt;ul&gt;
&lt;li&gt;&lt;p&gt;For example, the user wanna search for the project's name: &lt;code&gt;the ranger 1&lt;/code&gt;&lt;/p&gt;&lt;/li&gt;
&lt;li&gt;&lt;p&gt;In the database only have &lt;code&gt;project.name&lt;/code&gt; = &lt;code&gt;the ranger&lt;/code&gt;&lt;/p&gt;&lt;/li&gt;
&lt;li&gt;&lt;p&gt;&lt;code&gt;project.name&lt;/code&gt; only matches 2 terms ( &lt;code&gt;the&lt;/code&gt;, &lt;code&gt;ranger&lt;/code&gt;) out of 3 terms ( &lt;code&gt;the&lt;/code&gt;, &lt;code&gt;ranger&lt;/code&gt; and &lt;code&gt;1&lt;/code&gt;)&lt;/p&gt;&lt;/li&gt;
&lt;/ul&gt;
&lt;p&gt;So Is there any way to search all documents which has the &lt;code&gt;project.name&lt;/code&gt; field matches at least 60% terms of query string. &lt;/p&gt;
&lt;p&gt;Thanks in advanced.&lt;/p&gt;</t>
  </si>
  <si>
    <t>2018-04-19 05:05:04.780000+00:00</t>
  </si>
  <si>
    <t>2018-04-19 10:35:42.197000+00:00</t>
  </si>
  <si>
    <t>2018-04-19 07:37:50.833000+00:00</t>
  </si>
  <si>
    <t>java|scala|elasticsearch|elasticsearch-5</t>
  </si>
  <si>
    <t>R data.table: Filter for rows by condition in multiple variables</t>
  </si>
  <si>
    <t>&lt;p&gt;I have a filter problem with the following data.table and really hope that someone can help me with that. I am not sure if there is an easy way of doing that and hope that it is not too much to ask for. So this is my problem:&lt;/p&gt;
&lt;pre&gt;&lt;code&gt;A   B   C   Area
aa  M+H 1   127427
aa  M+H 2   204051.5
aa  M+Na    1   6855539.48777
aa  M+Na    2   6469689
bb  M+H 1   15330650
bb  M+H 2   214221
bb  M+H 3   11357158
bb  M+K 1   2140221
bb  M+K 2   61715568
&lt;/code&gt;&lt;/pre&gt;
&lt;p&gt;For each group A B (aa M+H, aa M+Na, bb M+H, bb M+K) all rows with a value C &gt; 1 should be filtered out if their Area value is higher than in the row with the same A B combination and a C value 1 (each A B C combination exists only once in the table). After that step the following rows should be left:&lt;/p&gt;
&lt;pre&gt;&lt;code&gt;A   B   C   Area
aa  M+H 1   127427
aa  M+Na    1   6855539.48777
aa  M+Na    2   6469689
bb  M+H 1   15330650
bb  M+H 2   214221
bb  M+H 3   11357158
bb  M+K 1   2140221
&lt;/code&gt;&lt;/pre&gt;
&lt;p&gt;and after that i would like to filter out all rows which are in the same A C group (aa 1, aa 2, bb 1, bb2) but with a higher Area value than in the row with an "M+H" as B value. So this should be left:&lt;/p&gt;
&lt;pre&gt;&lt;code&gt;A   B   C   Area
aa  M+H 1   127427
aa  M+Na    2   6469689
bb  M+H 1   15330650
bb  M+H 2   214221
bb  M+H 3   11357158
bb  M+K 1   2140221
&lt;/code&gt;&lt;/pre&gt;
&lt;p&gt;And in the end get rid of all A B groups (aa M+H, aa M+Na, bb M+H, bb M+K) that do not one row with a value of 1 in C left. So there should only be:&lt;/p&gt;
&lt;pre&gt;&lt;code&gt;A   B   C   Area
aa  M+H 1   127427
bb  M+H 1   15330650
bb  M+H 2   214221
bb  M+H 3   11357158
bb  M+K 1   2140221
&lt;/code&gt;&lt;/pre&gt;
&lt;p&gt;I was trying to get it done using data.table but if someone tells me that dplyr is much better for it I would also be happy for a solution there. Anyway thank you a lot for your time and effort!&lt;/p&gt;
&lt;p&gt;Yasel&lt;/p&gt;</t>
  </si>
  <si>
    <t>2018-11-20 18:22:23.500000+00:00</t>
  </si>
  <si>
    <t>2018-11-21 08:06:54.363000+00:00</t>
  </si>
  <si>
    <t>2018-11-20 22:26:04.893000+00:00</t>
  </si>
  <si>
    <t>r|data.table</t>
  </si>
  <si>
    <t>Expected bounds on universal hashing</t>
  </si>
  <si>
    <t>&lt;p&gt;I am sure this is a simple problem to work out, but I don't see an obvious solution... If I have a hash table with &lt;em&gt;m&lt;/em&gt; bins and hash into this &lt;em&gt;n&lt;/em&gt; &amp;lt; &lt;em&gt;m&lt;/em&gt; keys, what is the probability that no bin receives more than &lt;em&gt;k&lt;/em&gt; hash-keys. I'm trying to figure out how many rehash operations I should expect if I fill up a table to load &lt;em&gt;n&lt;/em&gt; / &lt;em&gt;m&lt;/em&gt; and then rehash until I see no more than &lt;em&gt;k&lt;/em&gt; collisions in any bin (obviously with &lt;em&gt;k&lt;/em&gt; &gt; &lt;em&gt;n&lt;/em&gt; / &lt;em&gt;m&lt;/em&gt;).&lt;/p&gt;</t>
  </si>
  <si>
    <t>2018-06-21 11:58:55.270000+00:00</t>
  </si>
  <si>
    <t>2018-06-22 13:48:45.900000+00:00</t>
  </si>
  <si>
    <t>hash|language-agnostic</t>
  </si>
  <si>
    <t>Meaning of = delete after function declaration</t>
  </si>
  <si>
    <t>&lt;pre&gt;&lt;code&gt;class my_class
{
    ...
    my_class(my_class const &amp;amp;) = delete;
    ...
};
&lt;/code&gt;&lt;/pre&gt;
&lt;p&gt;What does &lt;code&gt;= delete&lt;/code&gt; mean in that context?&lt;/p&gt;
&lt;p&gt;Are there any other "modifiers" (other than &lt;code&gt;= 0&lt;/code&gt; and &lt;code&gt;= delete&lt;/code&gt;)?&lt;/p&gt;</t>
  </si>
  <si>
    <t>2011-04-01 13:14:30.670000+00:00</t>
  </si>
  <si>
    <t>2018-09-18 23:19:44.333000+00:00</t>
  </si>
  <si>
    <t>2014-08-17 13:53:12.653000+00:00</t>
  </si>
  <si>
    <t>c++|function|c++11|declaration|delete-operator</t>
  </si>
  <si>
    <t>Asynchronously start only one Task to process a static Queue, stopping when it's done</t>
  </si>
  <si>
    <t>&lt;p&gt;Basically I have a static custom queue of objects I want to process. From multiple threads, I need to kick off a singular Task that will process the queued objects, stopping the task when all items are dequeued.&lt;/p&gt;
&lt;p&gt;Some psuedo code:&lt;/p&gt;
&lt;pre&gt;&lt;code&gt;static CustomQueue _customqueue;
static Task _processQueuedItems;
public static void EnqueueSomething(object something) {
    _customqueue.Enqueue(something);
    StartProcessingQueue();
}
static void StartProcessingQueue() {
   if(_processQueuedItems != null) {
      _processQueuedItems = new Task(() =&amp;gt; {
        while(_customqueue.Any()) {
            var stuffToDequeue = _customqueue.Dequeue();
            /* do stuff */
        }
      });
     _processQueuedItems.Start();
   }
   if(_processQueuedItems.Status != TaskStatus.Running) {
      _processQueuedItems.Start();
   }
}
&lt;/code&gt;&lt;/pre&gt;
&lt;p&gt;If it makes a difference my custom queue is a queue that essentially holds items until they reach a certain age, then allows them to dequeue. Everytime an item is touched its timer starts again. I know this piece works fine.&lt;/p&gt;
&lt;p&gt;The part I'm struggling with is the parallelism. (Clearly, I don't know what I'm doing here). &lt;strong&gt;What I want is to have one thread process the queue until it's complete, then go away. If another call comes in it doesn't start a new thread unless it has to.&lt;/strong&gt;&lt;/p&gt;
&lt;p&gt;I hope that explains my issue okay.&lt;/p&gt;</t>
  </si>
  <si>
    <t>2012-04-09 20:47:30.040000+00:00</t>
  </si>
  <si>
    <t>2012-04-09 21:00:05.480000+00:00</t>
  </si>
  <si>
    <t>.net-4.0|parallel-processing|task-parallel-library</t>
  </si>
  <si>
    <t>Why is sql command not properly ended being thrown?</t>
  </si>
  <si>
    <t>&lt;p&gt;I am running a query using SQL embedded in Java. I have three tables in my database, QUERY, G1, and G2. All of them have the same schema of (SETID, GENEID).&lt;/p&gt;
&lt;p&gt;The query I am running is as follows:&lt;/p&gt;
&lt;pre&gt;&lt;code&gt;SELECT q.SETID, COUNT(q.SETID), g1.SETID, COUNT(g1.SETID) 
FROM QUERY AS q 
INNER JOIN G1 AS g1 ON q.GENEID = g1.GENEID 
GROUP BY q.SETID, g1.SETID
&lt;/code&gt;&lt;/pre&gt;
&lt;p&gt;Partial code for execution:&lt;/p&gt;
&lt;pre&gt;&lt;code&gt;DriverManager.registerDriver(new oracle.jdbc.OracleDriver());
con = DriverManager.getConnection(url, user, password);
stmt = con.createStatement();
String sql = "SELECT q.SETID, COUNT(q.SETID) AS QSIZE, g1.SETID, COUNT(g1.SETID) AS GSIZE FROM QUERY AS q INNER JOIN G1 AS g1 ON q.GENEID = g1.GENEID GROUP BY q.SETID, g1.SETID";
rs = stmt.executeQuery(sql);
rsmd = rs.getMetaData();
&lt;/code&gt;&lt;/pre&gt;
&lt;p&gt;When I run this, it throws the following error:
ORA-00933: SQL command not properly ended. Could anyone please help me with this error?&lt;/p&gt;
&lt;p&gt;Thanks!&lt;/p&gt;</t>
  </si>
  <si>
    <t>2014-11-02 21:43:49.333000+00:00</t>
  </si>
  <si>
    <t>2014-11-03 05:49:50.587000+00:00</t>
  </si>
  <si>
    <t>2014-11-02 22:23:55.473000+00:00</t>
  </si>
  <si>
    <t>java|mysql|sql|command|syntax-error</t>
  </si>
  <si>
    <t>Difference between binary method and bitwise method</t>
  </si>
  <si>
    <t>&lt;p&gt;What is the main difference between binary method and bitwise method? &lt;/p&gt;
&lt;p&gt;I have already searched it, but nothing could help me to answer this question. Many sites make confusion between binary method and logical operation. Is binary method equal to logical operation?&lt;/p&gt;</t>
  </si>
  <si>
    <t>2018-07-04 02:40:13.453000+00:00</t>
  </si>
  <si>
    <t>binary|bit-manipulation|system|operation</t>
  </si>
  <si>
    <t>In R producing matrix of vectors and search for the optimum</t>
  </si>
  <si>
    <t>&lt;p&gt;An elementary question: I apologize for it.
In R I would like to produce a data structure &lt;code&gt;x&lt;/code&gt; with 2 indices, let us say &lt;code&gt;i&lt;/code&gt; and &lt;code&gt;j&lt;/code&gt;, s.t. (pseudocode)&lt;/p&gt;
&lt;pre&gt;&lt;code&gt;for (i in 1:10){
  for (j in 1:20){
    x[i,j] &amp;lt;- c(i+j,j-i^2)
  }
}
&lt;/code&gt;&lt;/pre&gt;
&lt;p&gt;i.e. each element of &lt;code&gt;x&lt;/code&gt; is a vector with 2-components. Moreover, I would like to search in &lt;code&gt;x&lt;/code&gt;
to find which pair &lt;code&gt;i,j&lt;/code&gt; gives the maximum value of &lt;code&gt;j-i^2&lt;/code&gt;; this should be accomplished in the above double &lt;code&gt;for&lt;/code&gt;. Could you please give me some hints? I thank you all.&lt;/p&gt;</t>
  </si>
  <si>
    <t>2013-09-02 09:33:05.493000+00:00</t>
  </si>
  <si>
    <t>2013-09-02 10:09:28.767000+00:00</t>
  </si>
  <si>
    <t>2013-09-02 09:38:53.480000+00:00</t>
  </si>
  <si>
    <t>r|data-structures|for-loop|mathematical-optimization</t>
  </si>
  <si>
    <t>How to connect to Azure using WinCE 2013</t>
  </si>
  <si>
    <t>&lt;p&gt;I want to establish a connection over mqtt protocol using tls on Windows Compact Embedded 2013 OS with azure IoTHub. My device supports .net 3.9 compact framework. Im open to both C# as well as C/C++ code. If anyone has worked on WinCE2013 to connect to azure over mqtt protocol please let me know..I have given many attempts but couldnt do so..&lt;/p&gt;</t>
  </si>
  <si>
    <t>2017-08-30 12:08:13.970000+00:00</t>
  </si>
  <si>
    <t>2017-08-31 10:24:11.300000+00:00</t>
  </si>
  <si>
    <t>azure|compact-framework|mqtt|windows-embedded-compact</t>
  </si>
  <si>
    <t>Using Perfmon for measuring performance</t>
  </si>
  <si>
    <t>&lt;p&gt;While doing performance testing on windows, i usually use perfmon. But when i put load, the CPU % is varying too much if i set the interval in perfmon as 1 sec and its not varying too much if i set the interval in perfmon as 15 sec(default one). Which interval is best to measure CPU performance for an application in windows? If perfmon is bad, are there any other tools which can give better results?&lt;/p&gt;
&lt;p&gt;Thanks a lot&lt;/p&gt;
&lt;p&gt;--Ram&lt;/p&gt;</t>
  </si>
  <si>
    <t>2009-09-02 11:36:58.617000+00:00</t>
  </si>
  <si>
    <t>2009-09-13 05:25:41.293000+00:00</t>
  </si>
  <si>
    <t>performance</t>
  </si>
  <si>
    <t>Do I need an SSL certificate for www and non www?</t>
  </si>
  <si>
    <t>&lt;p&gt;If my server is set up to redirect users who type the non www URL, e.g. &lt;/p&gt;
&lt;pre&gt;&lt;code&gt;example.com -&amp;gt; www.example.com.
&lt;/code&gt;&lt;/pre&gt;
&lt;p&gt;Do I need to get a certificate for both domains:&lt;/p&gt;
&lt;pre&gt;&lt;code&gt;example.com, www.example.com
&lt;/code&gt;&lt;/pre&gt;</t>
  </si>
  <si>
    <t>2016-10-28 16:41:59.010000+00:00</t>
  </si>
  <si>
    <t>2016-10-28 16:45:48.407000+00:00</t>
  </si>
  <si>
    <t>ssl|ssl-certificate|lets-encrypt|certbot</t>
  </si>
  <si>
    <t>Windows Azure, OpenID Back Button Error</t>
  </si>
  <si>
    <t>&lt;p&gt;I am working on a website that uses OpenID for authentication.  Once linked a user need only click on the "Log In" button and they are allowed into the site.  However, after being allowed into the site, if the user clicks the back button, they are given the following error:&lt;/p&gt;
&lt;blockquote&gt;
  &lt;p&gt;An error occurred while processing your request.&lt;/p&gt;
  &lt;p&gt;HTTP Error Code:    403
  Message:    ACS30000: There was an error processing an OpenID sign-in response.
  Inner Message:  ACS30001: Unable to verify the OpenID response signature.
  Inner Message:  ACS50006: Signature verification failed.
  Trace ID:   13092d63-ea7a-4ed2-9321-5e9054321322
  Timestamp:  2012-06-29 19:48:06Z&lt;/p&gt;
&lt;/blockquote&gt;
&lt;p&gt;Please help me identify a cause and maybe a way to fix it.&lt;/p&gt;
&lt;p&gt;Thank you for your help,&lt;/p&gt;
&lt;p&gt;Aaron&lt;/p&gt;</t>
  </si>
  <si>
    <t>2012-06-29 20:04:46.343000+00:00</t>
  </si>
  <si>
    <t>2012-07-03 10:33:09.077000+00:00</t>
  </si>
  <si>
    <t>asp.net-mvc|azure|openid</t>
  </si>
  <si>
    <t>React-native: Android dependency has different version</t>
  </si>
  <si>
    <t>&lt;p&gt;I am getting the following error &lt;/p&gt;
&lt;blockquote&gt;
  &lt;p&gt;Android dependency 'com.android.support:appcompat-v7' has different version for the compile (25.3.1) and runtime (27.1.0) classpath. You should manually set the same version via DependencyResolution&lt;/p&gt;
&lt;/blockquote&gt;
&lt;p&gt;The following is my build.gradle file&lt;/p&gt;
&lt;pre&gt;&lt;code&gt;apply plugin: "com.android.application"
import com.android.build.OutputFile
project.ext.react = [
    entryFile: "index.js"
]
apply from: "../../node_modules/react-native/react.gradle"
def enableSeparateBuildPerCPUArchitecture = false
def enableProguardInReleaseBuilds = false
android {
    compileSdkVersion 27
    defaultConfig {
        applicationId "com.hauz"
        minSdkVersion 16
        targetSdkVersion 27
        versionCode 1
        versionName "1.0.1"
        ndk {
            abiFilters "armeabi-v7a", "x86"
        }
    }
    splits {
        abi {
            reset()
            enable enableSeparateBuildPerCPUArchitecture
            universalApk false  
            include "armeabi-v7a", "x86"
        }
    }
    buildTypes {
        release {
            minifyEnabled enableProguardInReleaseBuilds
            proguardFiles getDefaultProguardFile("proguard-android.txt"), "proguard-rules.pro"
        }
    }
    applicationVariants.all { variant -&amp;gt;
        variant.outputs.each { output -&amp;gt;
            def versionCodes = ["armeabi-v7a":1, "x86":2]
            def abi = output.getFilter(OutputFile.ABI)
            if (abi != null) {  // null for the universal-debug, universal-release variants
                output.versionCodeOverride =
                        versionCodes.get(abi) * 1048576 + defaultConfig.versionCode
            }
        }
    }
    lintOptions {
        abortOnError false
        disable 'MissingTranslation'
    }
    allprojects {
        repositories {
            // The order in which you list these repositories matter.
            google()
            jcenter()
        }
    }
    subprojects {
        project.configurations.all {
            resolutionStrategy.eachDependency { details -&amp;gt;
                if (details.requested.group == 'com.android.support:appcompat-v7'
                        &amp;amp;&amp;amp; !details.requested.name.contains('multidex') ) {
                    details.useVersion "27.0.1"
                }
            }
        }
    }
}
dependencies {
    implementation project(':react-native-share')
    implementation project(':react-native-svg')
    implementation project(':react-native-navigation')
    implementation fileTree(dir: "libs", include: ["*.jar"])
    implementation "com.android.support:appcompat-v7"
    implementation "com.facebook.react:react-native"
    implementation fileTree(dir: "libs", include: ["*.jar"])
    implementation "com.facebook.react:react-native"
    implementation project(':react-native-navigation')}
task copyDownloadableDepsToLibs(type: Copy) {
    from configurations.compile
    into 'libs'
}
&lt;/code&gt;&lt;/pre&gt;</t>
  </si>
  <si>
    <t>2018-08-19 16:42:25.610000+00:00</t>
  </si>
  <si>
    <t>2018-08-22 17:19:52.983000+00:00</t>
  </si>
  <si>
    <t>android|react-native|dependencies</t>
  </si>
  <si>
    <t>Get Base64 String from form with file_field</t>
  </si>
  <si>
    <t>&lt;p&gt;I have the following Form in Ruby:&lt;/p&gt;
&lt;pre&gt;&lt;code&gt;&amp;lt;%= form_for @user, html: {role: "form"} do |f| %&amp;gt;
  &amp;lt;div class="form-group"&amp;gt;
    &amp;lt;%= f.label :name %&amp;gt;
    &amp;lt;%= f.text_field :name, :class =&amp;gt; "form-control" %&amp;gt;
  &amp;lt;/div&amp;gt;
  &amp;lt;div class="form-group"&amp;gt;
    &amp;lt;%= f.label :picture, "Picture" %&amp;gt;
    &amp;lt;%= f.file_field :picture, :class =&amp;gt; "form-control" %&amp;gt;
  &amp;lt;/div&amp;gt;
  &amp;lt;%= f.button "Save Changes", class: "btn btn-primary" %&amp;gt;
&amp;lt;% end %&amp;gt;
&lt;/code&gt;&lt;/pre&gt;
&lt;p&gt;What I want is the Base64 String of the chosen picture in the form to save it in the database.&lt;/p&gt;
&lt;p&gt;When I choose something and send it to the controller, it gives me something like this:&lt;/p&gt;
&lt;pre&gt;&lt;code&gt;#&amp;lt;ActionDispatch::Http::UploadedFile:0x0000000517a570&amp;gt;
&lt;/code&gt;&lt;/pre&gt;
&lt;p&gt;I don't want to use plugins to save the picture on the server or something because it's just a little system.&lt;/p&gt;
&lt;p&gt;Does anyone have an idea what to do in the controller?&lt;/p&gt;
&lt;p&gt;Thanks.&lt;/p&gt;</t>
  </si>
  <si>
    <t>2014-05-20 14:01:47.300000+00:00</t>
  </si>
  <si>
    <t>2014-05-21 14:34:20.630000+00:00</t>
  </si>
  <si>
    <t>2014-05-20 14:32:09.540000+00:00</t>
  </si>
  <si>
    <t>ruby-on-rails|base64</t>
  </si>
  <si>
    <t>where is the Source code of adadelta in Tensorflow���</t>
  </si>
  <si>
    <t>&lt;p&gt;recently I have some confusion about adadelta in &lt;code&gt;TensorFlow&lt;/code&gt;���I want to modify it rules of learning-rate ���but i not know how to do it.
i think i have to modify the source code :
because the rules is encapsulated in &lt;code&gt;train.AdadeltaOpertimizer&lt;/code&gt;���and the class not
return learning-rate,it only has a initially learning-rate:&lt;/p&gt;
&lt;p&gt;def &lt;strong&gt;init&lt;/strong&gt;(self, learning_rate=0.001, rho=0.95, epsilon=1e-8,
               use_locking=False, name="Adadelta"):&lt;/p&gt;
&lt;p&gt;where is the source code of adadelta in Tensorflow���&lt;/p&gt;</t>
  </si>
  <si>
    <t>2017-07-08 07:38:05.957000+00:00</t>
  </si>
  <si>
    <t>2017-07-10 07:26:17.340000+00:00</t>
  </si>
  <si>
    <t>python|optimization|tensorflow</t>
  </si>
  <si>
    <t>how to access variables in xsl file from an xsl:template in another xsl file</t>
  </si>
  <si>
    <t>&lt;p&gt;in home.xsl&lt;/p&gt;
&lt;pre&gt;&lt;code&gt;&amp;lt;xsl:template match="/Screen"&amp;gt;
        &amp;lt;xsl:variable name="field" select="ListOfNames[@group='1']/*[name() != 'StaticLabel']"/&amp;gt;
.....
    &amp;lt;xsl:call-template name="SecondaryTemplate"&amp;gt;
                    &amp;lt;xsl:with-param name="radiofield" select="$field"/&amp;gt;
    &amp;lt;/xsl:call-template&amp;gt; 
&lt;/code&gt;&lt;/pre&gt;
&lt;p&gt;in another file: base.xsl&lt;/p&gt;
&lt;pre&gt;&lt;code&gt;&amp;lt;xsl:template name="SecondaryTemplate"&amp;gt;
    &amp;lt;xsl:param name="radiofield"/&amp;gt;
    &amp;lt;xsl:for-each select="$radiofield"&amp;gt;
      &amp;lt;xsl:variable name="i" select="position()"/&amp;gt;
       &amp;lt;xsl:text&amp;gt;&amp;lt;xsl:copy-of select="@*"/&amp;gt;    &amp;lt;/xsl:text&amp;gt;
    &amp;lt;/xsl:for-each&amp;gt;
&amp;lt;/xsl:template&amp;gt;
&lt;/code&gt;&lt;/pre&gt;
&lt;p&gt;Is this the right way to access the &lt;code&gt;field&lt;/code&gt; values defined in &lt;code&gt;home.xsl&lt;/code&gt; from &lt;code&gt;SecondaryTemplate&lt;/code&gt;? For some reason whenever the output of &lt;code&gt;xsl:text&lt;/code&gt; keeps coming up empty.&lt;/p&gt;
&lt;p&gt;However, when i do a 'xsl:text' in &lt;code&gt;home.xsl&lt;/code&gt;, i am able to get the contents of &lt;code&gt;field&lt;/code&gt;. I dont have direct access to the raw xml as thats confidential...just able to parse the contents and print them out.&lt;/p&gt;</t>
  </si>
  <si>
    <t>2012-08-08 15:59:47.577000+00:00</t>
  </si>
  <si>
    <t>Pyspark - FileInputDStream: Error finding new files</t>
  </si>
  <si>
    <t>&lt;p&gt;Hi I'm new to Python Spark and I'm trying out this example from Spark github in order to Counts words in new text files created in the given directory :&lt;/p&gt;
&lt;pre&gt;&lt;code&gt;import sys
from pyspark import SparkContext
from pyspark.streaming import StreamingContext
if __name__ == "__main__":
if len(sys.argv) != 2:
    print("Usage: hdfs_wordcount.py &amp;lt;directory&amp;gt;", file=sys.stderr)
    exit(-1)
sc = SparkContext(appName="PythonStreamingHDFSWordCount")
ssc = StreamingContext(sc, 1)
lines = ssc.textFileStream("hdfs:///home/my-logs/")
counts = lines.flatMap(lambda line: line.split(" "))\
              .map(lambda x: (x, 1))\
              .reduceByKey(lambda a, b: a+b)
counts.pprint()
ssc.start()
ssc.awaitTermination()
&lt;/code&gt;&lt;/pre&gt;
&lt;p&gt;And this is what I get : 
&lt;a href="https://i.stack.imgur.com/8DFcn.png" rel="nofollow noreferrer"&gt;a warning saying : WARN FileInputDStream: Error finding new files&lt;/a&gt;&lt;/p&gt;
&lt;p&gt;a warning message saying : &lt;code&gt;WARN FileInputDStream: Error finding new files&lt;/code&gt;.&lt;/p&gt;
&lt;p&gt;and I got empty results even i'm adding files in this dir :/&lt;/p&gt;
&lt;p&gt;Any suggested solution for this ?
thanks.&lt;/p&gt;</t>
  </si>
  <si>
    <t>2016-12-27 02:41:28.517000+00:00</t>
  </si>
  <si>
    <t>2018-11-04 04:39:40.597000+00:00</t>
  </si>
  <si>
    <t>2016-12-27 09:39:37.357000+00:00</t>
  </si>
  <si>
    <t>apache-spark|pyspark|spark-streaming</t>
  </si>
  <si>
    <t>SQL join with sum</t>
  </si>
  <si>
    <t>&lt;p&gt;Hello i've the following SQL Query which produces the following result&lt;/p&gt;
&lt;pre&gt;&lt;code&gt;SELECT * FROM
     (
     Select
        catalogid, numitems, allitems - numitems ignoreditems
     from
         ( 
             select
                 i.catalogid,
                 case
                     when Exists(select paymentodate from payentmethodvalidation q where q.paymentnoodate = o.ocardtype) AND NOT EXISTS(SELECT booked FROM bookedordersids m where CAST(m.booked AS int)=o.orderid) then sum(i.numitems)
                     when Exists(select paymentodate from payentmethodvalidation q where q.paymentodate = o.ocardtype) AND odate is not null AND NOT EXISTS(SELECT booked FROM bookedordersids m where CAST(m.booked AS int)=o.orderid) then sum(i.numitems)
                 else 0 end numitems,
                 sum(numitems) allitems 
             from 
                 "orders o
             inner join
                 "oitems i 
             on 
                 "i.orderid=o.orderid
             inner join
                 "products T1
             on 
                 "T1.catalogid = i.catalogid
             group by 
                 "i.catalogid, ocardtype, odate,o.orderid
         ) A
     ) B
     INNER JOIN
     (
         SELECT 
             catalogId, 
             ProcessedSucssessfully = 
                STUFF((SELECT ', ' + CAST( b.orderid as varchar(10))
                       FROM oitems b JOIN orders o ON b.orderid = o.orderid 
                       WHERE b.catalogId = a.catalogId 
                       AND  NOT EXISTS(SELECT booked FROM bookedordersids m where CAST(m.booked AS int)=o.orderid) AND (Exists(select paymentodate from payentmethodvalidation q where q.paymentnoodate = o.ocardtype) OR Exists(select paymentodate from payentmethodvalidation q where q.paymentodate = o.ocardtype) and o.odate is not null)
                       FOR XML PATH('')), 1, 2, ''), 
                           "NotProcessed = 
                 STUFF((SELECT ', ' + CAST( c.orderid as varchar(10))
                        FROM oitems c JOIN orders o ON c.orderId = o.orderid
                        WHERE c.catalogid = a.catalogid 
                        AND (o.ocardtype in ('mastercard') OR o.ocardtype is null) and o.odate is null
                        FOR XML PATH('')), 1, 2, '') 
         FROM 
             oitems a 
         GROUP BY 
             a.catalogid 
     )C
         ON 
             B.catalogid = C.catalogid 
&lt;/code&gt;&lt;/pre&gt;
&lt;p&gt;the the result of this query you can see in the following image
&lt;img src="https://i.stack.imgur.com/T9k80.png" alt="enter image description here"&gt;&lt;/p&gt;
&lt;p&gt;you see those 2 circled rows, i want them to be in a one row that will only sum the numitems, the processed successfully value and all other values will be always the same for the records the share catalogid so no problem with them.&lt;/p&gt;
&lt;p&gt;basicly the result row should have the sum of the numitem valuse in all rows that have the same catalogid&lt;/p&gt;
&lt;p&gt;so how can i solve this problem?&lt;/p&gt;</t>
  </si>
  <si>
    <t>2012-10-14 16:25:07.457000+00:00</t>
  </si>
  <si>
    <t>2012-10-14 16:27:44.267000+00:00</t>
  </si>
  <si>
    <t>sql|sql-server-2008-r2|sum</t>
  </si>
  <si>
    <t>How to create dynamic library for iPhone</t>
  </si>
  <si>
    <t>&lt;p&gt;I am aware of this question being raised, but my concern here is that my application is not going to app store, rather its just for in-house development. I want to create a dynamic library (not static library) for my project. The problem where I am having issues in creating static library is that, I am bundling two unity asset's into two different frameworks, however few contents of such framework is similar, and at the last compile time, I am getting many duplicates. I tried -all_load for other flags, but still no go.&lt;/p&gt;
&lt;p&gt;This is how my project is laid out:&lt;/p&gt;
&lt;pre&gt;&lt;code&gt;Project -&amp;gt; Frameworkone -&amp;gt; UnityAssetone
        -&amp;gt; Frameworktwo -&amp;gt; UnityAssettwo
&lt;/code&gt;&lt;/pre&gt;
&lt;p&gt;If I compile my project without any of any framework, it compiles fine, however if I put together, I am having issues of duplicate symbols. The concern is that in Unity assets, besides the "Data", there are subsets of the library that are dedicated to particular asset, and is not "Common" to any asset. Therefore, I thought if it would be possible to create dynamic sets of libraries to avoid duplicates, OR if there is any another approach to get rid of such duplicates, will really appreciate to know that.&lt;/p&gt;</t>
  </si>
  <si>
    <t>2011-05-19 13:00:39.213000+00:00</t>
  </si>
  <si>
    <t>2012-01-21 04:50:15.323000+00:00</t>
  </si>
  <si>
    <t>iphone|xcode|unity3d</t>
  </si>
  <si>
    <t>Custom Keyboard Replace default keyboard</t>
  </si>
  <si>
    <t>&lt;p&gt;I hava two EditText in a Scorllview���Using different Keyboard���a custom keyboard and a default keyboard.  like this (The pseudo-code)���&lt;/p&gt;
&lt;pre&gt;&lt;code&gt;&amp;lt;RelativeLayout&amp;gt;
&amp;lt;ScorllView 
   &amp;lt;EditText
   android:id="@+id/EditText1"/&amp;gt;
   &amp;lt;EditText
   android:id="@+id/EditText2"/&amp;gt;
&amp;lt;/ScorllView&amp;gt;
   &amp;lt;CustomKeyboardView/&amp;gt;
&amp;lt;/RelativeLayout&amp;gt;
&lt;/code&gt;&lt;/pre&gt;
&lt;p&gt;When default keyboard is showing , I click EditText2 ,set CustomKeyboardView visible and disable default keyboard. the CustomKeyboardView is above the default keyboard, then default keyboard quickly disappeared  and CustomKeyboardView go down. just like splash screen. And the scorllView can't be sliding. Please help me, thanks.&lt;/p&gt;</t>
  </si>
  <si>
    <t>2015-01-12 07:30:00.710000+00:00</t>
  </si>
  <si>
    <t>android|keyboard</t>
  </si>
  <si>
    <t>ShellExecuteEx 7z Delphi</t>
  </si>
  <si>
    <t>&lt;p&gt;So I'm trying to do a archive using delphi and ShellExecuteEx my code is : &lt;/p&gt;
&lt;pre&gt;&lt;code&gt; Result := False;
  DecodeDate(now,y,m,d);
  NumeFisier := dir+'\Export_'+IntToStr(y)+'.'+IntToStr(m)+'.'+IntToStr(d)+'.zip';
  FillChar(exInfo, SizeOf(exInfo), 0);
  with exInfo do
   begin
    cbSize := SizeOf(exInfo);
    fMask := SEE_MASK_NOCLOSEPROCESS or SEE_MASK_FLAG_DDEWAIT;
    Wnd := GetActiveWindow();
    exInfo.lpVerb := nil;
    exInfo.lpFile  := PAnsiChar('C:\Windows\System32\cmd.exe');
   exInfo.lpParameters := PAnsiChar('C:\Program Files\7-Zip\7z.exe ' +'a ' + NumeFisier + ' ' + dir);
    nShow := SW_SHOWNORMAL;
   end;
   if ShellExecuteEx(@exInfo) then
    Ph := exInfo.hProcess
    else
     begin
     ShowMessage(SysErrorMessage(GetLastError));
     Result := true;
     exit;
    end;
   while WaitForSingleObject(exInfo.hProcess, 50) &amp;lt;&amp;gt; WAIT_OBJECT_0 do
     Application.ProcessMessages;
   CloseHandle(Ph);
  Result := true;
&lt;/code&gt;&lt;/pre&gt;
&lt;p&gt;For some reason this only opens the Command Prompt and doesn't execute the archiving. How can I make it execute the 7z.exe file. &lt;/p&gt;
&lt;p&gt;I tried with ShellExecute and it works great, but I have to check then the process is finished, so I'm stuck with ShellExecuteEx&lt;/p&gt;</t>
  </si>
  <si>
    <t>2014-12-18 07:52:21.600000+00:00</t>
  </si>
  <si>
    <t>2014-12-18 09:20:35.320000+00:00</t>
  </si>
  <si>
    <t>delphi|shellexecuteex</t>
  </si>
  <si>
    <t>Python parse embedding in c</t>
  </si>
  <si>
    <t>&lt;p&gt;I'm trying to embedding two python functions in C code. My problem is that I can't parse None py object to NULL in C.&lt;/p&gt;
&lt;p&gt;I created a "check.py" file within it: &lt;/p&gt;
&lt;pre&gt;&lt;code&gt;def integer(s):
    a = input(s)
    try:
        a = int(a)
        return a
    except ValueError:
        print("Invalid input\n")
        return #NULL
def floating(s):
    a = input(s)
    try:
        a = float(a)
        return a
    except ValueError:
        print("Invalid input\n")
        return #NULL
&lt;/code&gt;&lt;/pre&gt;
&lt;p&gt;Here is the C code:&lt;/p&gt;
&lt;pre&gt;&lt;code&gt;#include &amp;lt;Python.h&amp;gt;
int inputInt() {
    PyObject *strret, *mymod, *strfunc, *strargs;
    int result;
    Py_Initialize();
    PyRun_SimpleString("import sys; sys.path.insert(0, '.')");
    mymod = PyImport_ImportModule("prova");
    strfunc = PyObject_GetAttrString(mymod, "integer");
    strargs = Py_BuildValue("(s)", "Insert an integer value: ");
    strret = PyEval_CallObject(strfunc, strargs);
    //next line is the problem (can't parse None py object to NULL)
    PyArg_Parse(strret, "l", &amp;amp;result);
    return result;
}
double inputDouble() {
    PyObject *strret, *mymod, *strfunc, *strargs;
    double result;
    Py_Initialize();
    PyRun_SimpleString("import sys; sys.path.insert(0, '.')");
    mymod = PyImport_ImportModule("prova");
    strfunc = PyObject_GetAttrString(mymod, "floating");
    strargs = Py_BuildValue("(s)", "Insert a floating point value: ");
    strret = PyEval_CallObject(strfunc, strargs);
    //next line is the problem (can't parse None py object to NULL)
    PyArg_Parse(strret, "d", &amp;amp;result);
    return result;
}
int main(int argc, char** argv) {
    long a = inputInt();
    printf("%ld\n", a);
    double b = inputDouble();
    printf("%.3f\n", b);
    return 0;
}
&lt;/code&gt;&lt;/pre&gt;
&lt;p&gt;The program compile correctly but how can I implement None object to NULL in C?&lt;/p&gt;</t>
  </si>
  <si>
    <t>2015-05-08 10:51:55.273000+00:00</t>
  </si>
  <si>
    <t>python|c|parsing|embedding</t>
  </si>
  <si>
    <t>Microsoft Ajax intellisense for visual studio 2012</t>
  </si>
  <si>
    <t>&lt;p&gt;I am having a hard time enabling intellisense, when using some Microsoft ajax global functions like $get. Is there a way to make it work in visual studio 2012. I tried using the reference below&lt;/p&gt;
&lt;pre&gt;&lt;code&gt;///&amp;lt;reference Name="MicrosoftAjax.js" /&amp;gt;
&lt;/code&gt;&lt;/pre&gt;
&lt;p&gt;Thanks&lt;/p&gt;</t>
  </si>
  <si>
    <t>2013-05-22 17:39:53.040000+00:00</t>
  </si>
  <si>
    <t>2015-10-29 07:05:59.207000+00:00</t>
  </si>
  <si>
    <t>javascript|ajax</t>
  </si>
  <si>
    <t>Strange behavior with Joda-Time in period calculation</t>
  </si>
  <si>
    <t>&lt;p&gt;About the February month, there is a strange behavior that you can see in the incorrect results with Joda-Time, you can look down here: &lt;/p&gt;
&lt;pre&gt;&lt;code&gt;DateTime date1 = new DateTime(2013, 4, 28, 0, 0, 0, 0);
DateTime date1PlusNineMonths = new DateTime(2014, 1, 28, 0, 0, 0, 0);
Period period1 = new Period(date1, date1PlusNineMonths);
//Correct result
System.out.print(date1.toString("dd/MM/YYYY") + ".plusMonths(9) = " + date1.plusMonths(9).toString("dd/MM/YYYY"));
System.out.print(period1.getYears() + "Years/" + period1.getMonths() + "Months/" + period1.getWeeks() + "Weeks/" + period1.getDays() + "Days");
DateTime date2 = new DateTime(2013, 4, 29, 0, 0, 0, 0);
DateTime date2PlusNineMonths = new DateTime(2014, 1, 28, 0, 0, 0, 0);
Period period2 = new Period(date2, date2PlusNineMonths);
//Correct result
System.out.print(date2.toString("dd/MM/YYYY") + ".plusMonths(9) = " + date2.plusMonths(9).toString("dd/MM/YYYY"));
System.out.print(period2.getYears() + "Years/" + period2.getMonths() + "Months/" + period2.getWeeks() + "Weeks/" + period2.getDays() + "Days");
DateTime date3 = new DateTime(2013, 5, 28, 0, 0, 0, 0);
DateTime date3PlusNineMonths = new DateTime(2014, 2, 28, 0, 0, 0, 0);
Period period3 = new Period(date3, date3PlusNineMonths);
//Correct result
System.out.print(date3.toString("dd/MM/YYYY") + ".plusMonths(9) = " + date3.plusMonths(9).toString("dd/MM/YYYY"));
System.out.print(period3.getYears() + "Years/" + period3.getMonths() + "Months/" + period3.getWeeks() + "Weeks/" + period3.getDays() + "Days");
DateTime date4 = new DateTime(2013, 5, 29, 0, 0, 0, 0);
DateTime date4PlusNineMonths = new DateTime(2014, 2, 28, 0, 0, 0, 0);
Period period4 = new Period(date4, date4PlusNineMonths);
//Incorrect result
System.out.print(date4.toString("dd/MM/YYYY") + ".plusMonths(9) = " + date4.plusMonths(9).toString("dd/MM/YYYY"));
System.out.print(period4.getYears() + "Years/" + period4.getMonths() + "Months/" + period4.getWeeks() + "Weeks/" + period4.getDays() + "Days");
DateTime date5 = new DateTime(2013, 5, 30, 0, 0, 0, 0);
DateTime date5PlusNineMonths = new DateTime(2014, 2, 28, 0, 0, 0, 0);
Period period5 = new Period(date5, date5PlusNineMonths);
//Incorrect result
System.out.print(date5.toString("dd/MM/YYYY") + ".plusMonths(9) = " + date5.plusMonths(9).toString("dd/MM/YYYY"));
System.out.print(period5.getYears() + "Years/" + period5.getMonths() + "Months/" + period5.getWeeks() + "Weeks/" + period5.getDays() + "Days");
DateTime date6 = new DateTime(2013, 5, 31, 0, 0, 0, 0);
DateTime date6PlusNineMonths = new DateTime(2014, 2, 28, 0, 0, 0, 0);
Period period6 = new Period(date6, date6PlusNineMonths);
//Incorrect result
System.out.print(date6.toString("dd/MM/YYYY") + ".plusMonths(9) = " + date6.plusMonths(9).toString("dd/MM/YYYY"));
System.out.print(period6.getYears() + "Years/" + period6.getMonths() + "Months/" + period6.getWeeks() + "Weeks/" + period6.getDays() + "Days");
DateTime date7 = new DateTime(2013, 6, 1, 0, 0, 0, 0);
DateTime date7PlusNineMonths = new DateTime(2014, 3, 1, 0, 0, 0, 0);
//Correct result
Period period7 = new Period(date7, date7PlusNineMonths);
System.out.print(date7.toString("dd/MM/YYYY") + ".plusMonths(9) = " + date7.plusMonths(9).toString("dd/MM/YYYY"));
System.out.print(period7.getYears() + "Years/" + period7.getMonths() + "Months/" + period7.getWeeks() + "Weeks/" + period7.getDays() + "Days");
&lt;/code&gt;&lt;/pre&gt;
&lt;p&gt;Normally in the test (period4, period5, period6) I should have days changing rather than showing 9month and 0days each time, is this normal, maybe I'm wrong in my use of the joda framework and the output becomes correct when I do an &lt;code&gt;.addMonth(9)&lt;/code&gt; on &lt;code&gt;01/06/2013&lt;/code&gt;.&lt;/p&gt;
&lt;p&gt;Output:&lt;/p&gt;
&lt;pre&gt;&lt;code&gt;28/04/2013.plusMonths(9) = 28/01/2014 //correct result
0Years/9Months/0Weeks/0Days //correct calculation
29/04/2013.plusMonths(9) = 29/01/2014 //correct result
0Years/8Months/4Weeks/2Days //correct calculation
28/05/2013.plusMonths(9) = 28/02/2014 //correct result
0Years/9Months/0Weeks/0Days //correct calculation
29/05/2013.plusMonths(9) = 28/02/2014 //incorrect result should be 29/02/2014
0Years/9Months/0Weeks/0Days //correct calculation
30/05/2013.plusMonths(9) = 28/02/2014 //incorrect result should be 01/03/2014
0Years/9Months/0Weeks/0Days //incorrect calculation, should be 0Years/8Months/4Weeks/2Days
31/05/2013.plusMonths(9) = 28/02/2014 //incorrect result should be 01/03/2014
0Years/9Months/0Weeks/0Days //incorrect calculation, should be 0Years/8Months/4Weeks/1Days
01/06/2013.plusMonths(9) = 01/03/2014 //correct result
0Years/9Months/0Weeks/0Days //correct calculation
&lt;/code&gt;&lt;/pre&gt;</t>
  </si>
  <si>
    <t>2013-06-11 13:23:15.193000+00:00</t>
  </si>
  <si>
    <t>2014-03-19 17:27:41.047000+00:00</t>
  </si>
  <si>
    <t>2014-01-29 21:09:48.783000+00:00</t>
  </si>
  <si>
    <t>java|jodatime|period|date-arithmetic</t>
  </si>
  <si>
    <t>How to auto-size a textarea in height?</t>
  </si>
  <si>
    <t>&lt;p&gt;I set the width of a textarea to 100%, but now I need to know how many characters can fit in one row.&lt;/p&gt;
&lt;p&gt;I'm trying to write a javascript function to auto-grow/shrink a textarea. I'm trying to keep from using jquery since I just need this one function.&lt;/p&gt;
&lt;p&gt;My logic is to &lt;code&gt;rows = textarea.value.split('\n')&lt;/code&gt;, iterate through &lt;code&gt;rows&lt;/code&gt; and &lt;code&gt;count += rows[i].length/textarea.cols&lt;/code&gt;, then &lt;code&gt;count += rows.length&lt;/code&gt;, and finally &lt;code&gt;textarea.rows = count&lt;/code&gt;. The only problem is that &lt;code&gt;count&lt;/code&gt; is too large because &lt;code&gt;textarea.cols&lt;/code&gt; is too small.&lt;/p&gt;</t>
  </si>
  <si>
    <t>2010-12-28 17:49:00.523000+00:00</t>
  </si>
  <si>
    <t>2013-12-01 14:52:46.983000+00:00</t>
  </si>
  <si>
    <t>javascript|html|textarea</t>
  </si>
  <si>
    <t>In D3 zoomable sunburst, how to show only one level of children</t>
  </si>
  <si>
    <t>&lt;p&gt;how can I show only one level of children in a zoomable sunburst.
I visualize a taxonomy with a zoomable sunburst. By showing only one level it will look less complex. That is what I am looking for.
Zooming, clicking on a child, should reveal the next level of children.
I can do this by splitting the data and load each node separately into d3 but is there a way in d3 to realize that with the complete set of data?&lt;/p&gt;</t>
  </si>
  <si>
    <t>2016-08-30 06:05:00.190000+00:00</t>
  </si>
  <si>
    <t>2017-07-28 06:48:31.617000+00:00</t>
  </si>
  <si>
    <t>javascript|d3.js|sunburst-diagram</t>
  </si>
  <si>
    <t>Postgres Index drop query performance</t>
  </si>
  <si>
    <t>&lt;pre&gt;&lt;code&gt;SELECT T.id_task,
        T.group,
        A.type
FROM TASK T
  JOIN ACTION A ON T.id_task = A.id_task
WHERE T.dt_inc BETWEEN 1511146800000 AND 1511492399999
  AND A.dt_scheduled BETWEEN 1511146800000 AND 1511492399999
  AND A.id_action &amp;gt; ( SELECT MIN(id_action) FROM ACTION WHERE T.id_task = id_task AND type &amp;lt;&amp;gt; 'TRANSFER' )
&lt;/code&gt;&lt;/pre&gt;
&lt;p&gt;The original query is much bigger,  but the problematic part is here.&lt;/p&gt;
&lt;p&gt;Its take one minute to finish, using only ( task.dt_inc, action.dt_scheduled ), BUT if i &lt;strong&gt;DROP INDEX action_dt_scheduled&lt;/strong&gt;, the execution time drops to one second with same results using only ( task.dt_inc, action.id_task ) indexes.&lt;/p&gt;
&lt;ul&gt;
&lt;li&gt;Why a index is performing so bad ?&lt;/li&gt;
&lt;li&gt;Can i ignore this index without droping it ?&lt;/li&gt;
&lt;/ul&gt;
&lt;p&gt;I recreated the index DROP &gt; CREATE, i make REINDEX wath should be the same than recreate, what can i do now ?&lt;/p&gt;
&lt;p&gt;&lt;strong&gt;EDIT:&lt;/strong&gt;&lt;/p&gt;
&lt;p&gt;I was trying to get the EXPLAIN of the slow query, but this is not slow anymore, the ANALYSE and REINDEX of the tables has solved the problem.&lt;/p&gt;</t>
  </si>
  <si>
    <t>2017-11-23 19:10:22.190000+00:00</t>
  </si>
  <si>
    <t>2017-11-29 19:28:33.980000+00:00</t>
  </si>
  <si>
    <t>sql|postgresql|performance</t>
  </si>
  <si>
    <t>mongoexport aggregate export to a csv file</t>
  </si>
  <si>
    <t>&lt;p&gt;I want to save the result from an aggregation into a csv file.&lt;/p&gt;
&lt;p&gt;Using the mongo cmd line tool I can do this to get the results I want:&lt;/p&gt;
&lt;pre&gt;&lt;code&gt;db.compras.aggregate({ $group : { _id : "$data.proponente", total : { $sum : "$price" } }}
&lt;/code&gt;&lt;/pre&gt;
&lt;p&gt;How would I translate this into a mongoexport command that saves results into a csv?&lt;/p&gt;</t>
  </si>
  <si>
    <t>2013-05-09 18:28:14.610000+00:00</t>
  </si>
  <si>
    <t>2018-02-22 13:42:46.810000+00:00</t>
  </si>
  <si>
    <t>mongodb|mongoexport</t>
  </si>
  <si>
    <t>migrating a linux driver to Android</t>
  </si>
  <si>
    <t>&lt;p&gt;I'm porting a 3G modem written for Linux for laptops to an embedded android (Gingerbread) device with an ARM processor. I already got the device driver compiled (C code) as a module (.ko file) and installed. I see it when I boot the kernel and it runs well. It hooks up to the USB port as intended. It's happy ready to be talked to.  &lt;/p&gt;
&lt;p&gt;The next required piece is the "connection manager" written in C++. This is where I have a problem. This doesn't run in Kernel space but it is not a regular Android application with a user interface. This is a "task" running in background that should be started from the "init.rc" file at boot time. The makefile provided with the source code is good to set the dependencies but it is useless as far as the platform I want to target. I'm using the toolchain provided with the Android source code "arm-eabi-*" (runs off of a Ubuntu machine) that I used to compile Android and the kernel. I got lots of compile errors primary because it uses the standard "libc" libraries which doesn't exist in Android. I replaced it by the "bionic libc" which is a light weight subset version of linux libc for android. On top of it, it looks for "crt0.o" which is the start-up code a statically linked program in a linux environment(and several other OS). In Android it is dynamically linked at run time, therefor uses something else than crt0.o.&lt;/p&gt;
&lt;p&gt;There is tons of information on Android app programming on the web but, very little on that kind of low level stuff.  If anybody has a working makefile for building that kind of C++ code to run as a background task under Android ARM, I would very appreciate to have a look at it or if there is any information that could help me find a way to do that.  Or if anyone has done something like that could give me some clues on how to achieve this.&lt;/p&gt;</t>
  </si>
  <si>
    <t>2011-11-02 14:52:27.523000+00:00</t>
  </si>
  <si>
    <t>2018-09-27 18:17:17.013000+00:00</t>
  </si>
  <si>
    <t>android|makefile|kernel|device-driver</t>
  </si>
  <si>
    <t>Spark streaming cluster mode in Mesos : java.lang.RuntimeException: Stream jar not found</t>
  </si>
  <si>
    <t>&lt;h1&gt;Goal :&lt;/h1&gt;
&lt;p&gt;Running spark streaming applications in cluster mode on mesos, using hdfs and checkpoints.&lt;/p&gt;
&lt;h1&gt;Cluster :&lt;/h1&gt;
&lt;ul&gt;
&lt;li&gt;Mesos cluster with 3 slaves. &lt;/li&gt;
&lt;li&gt;One dispatcher connecting to the
cluster.&lt;/li&gt;
&lt;li&gt;One external hdfs and all binaries installed on each slaves.&lt;/li&gt;
&lt;/ul&gt;
&lt;p&gt;&lt;strong&gt;Versions :&lt;/strong&gt;
Mesos 1.2.0
spark 2.0.1
hdfs 2.7&lt;/p&gt;
&lt;p&gt;&lt;strong&gt;Application sources :&lt;/strong&gt;
application.jar, checkpoints and spark binaries stored on hdfs.&lt;/p&gt;
&lt;h1&gt;Context:&lt;/h1&gt;
&lt;p&gt;Launching an application with these configuration :&lt;/p&gt;
&lt;ul&gt;
&lt;li&gt;"SPARK_EXECUTOR_URI" : "hdfs://&lt;em&gt;hdfsHost&lt;/em&gt;/spark.tgz&lt;/li&gt;
&lt;li&gt;"spark.submit.deployMode" : "cluster"&lt;/li&gt;
&lt;li&gt;"spark.master" : "spark://&lt;em&gt;dispatcherHost&lt;/em&gt;"&lt;/li&gt;
&lt;li&gt;"spark.mesos.coarse" :"true"&lt;/li&gt;
&lt;li&gt;mainClass : "enterprise.com.Class"&lt;/li&gt;
&lt;li&gt;jar : "hdfs://&lt;em&gt;hdfsHost&lt;/em&gt;/application.jar"&lt;/li&gt;
&lt;/ul&gt;
&lt;p&gt;&lt;strong&gt;First launch (no checkpoint data) : working&lt;/strong&gt;&lt;/p&gt;
&lt;ul&gt;
&lt;li&gt;One driver is starting with a new mesos framework ID with the name of the application.&lt;/li&gt;
&lt;li&gt;One task (or more) are running on another or same slave.&lt;/li&gt;
&lt;li&gt;checkpoint has been correctly created in hdfs.&lt;/li&gt;
&lt;/ul&gt;
&lt;p&gt;&lt;strong&gt;Second launch (with checkpoint data) : not working&lt;/strong&gt;&lt;/p&gt;
&lt;ul&gt;
&lt;li&gt;One driver is starting with a new mesos framework ID with the name of the application.&lt;/li&gt;
&lt;li&gt;One task (or more) are running on another or same slave.&lt;/li&gt;
&lt;li&gt;In case of the driver does not start on the same slave machine as the stored chekpoint, we get the following exception :&lt;/li&gt;
&lt;/ul&gt;
&lt;h1&gt;Error message:&lt;/h1&gt;
&lt;pre&gt;&lt;code&gt;java.lang.RuntimeException: Stream '/jars/application.jar' was not found.
at org.apache.spark.network.client.TransportResponseHandler.handle(TransportResponseHandler.java:222)
...
&lt;/code&gt;&lt;/pre&gt;
&lt;p&gt;This error occurs because the Driver that is in charge of exposing application jar to the executors, is trying to expose it from the jar path stored by the checkpoint (loaded from hdfs and stored in mesos workdir path = sandbox) that does not exist in the current node.&lt;/p&gt;
&lt;pre&gt;&lt;code&gt;Downloading resource with Hadoop client from 'hdfs://*hdfsHost*/application.jar' to '/var/lib/mesos/slaves/&amp;lt;ID&amp;gt;/frameworks/&amp;lt;frameworkID&amp;gt;/executors/&amp;lt;driverID&amp;gt;/runs/&amp;lt;runID&amp;gt;/application.jar'
...
INFO SparkContext: Added JAR file:/var/lib/mesos/slaves/&amp;lt;checkpointedID&amp;gt;/frameworks/&amp;lt;checkpointedFrameworkID&amp;gt;/executors/&amp;lt;checkpointedDriverID&amp;gt;/runs/&amp;lt;runID&amp;gt;/spark/../application.jar at spark://&amp;lt;driverHost&amp;gt;/jars/application.jar with timestamp 1498051933921
&lt;/code&gt;&lt;/pre&gt;
&lt;p&gt;I'm confused by the behaviour.&lt;/p&gt;
&lt;h1&gt;Question&lt;/h1&gt;
&lt;ul&gt;
&lt;li&gt;&lt;strong&gt;A)&lt;/strong&gt; Why spark is using a rpc interface to expose application jar to executors when using hdfs, instead of executors are loading directly from source ?&lt;/li&gt;
&lt;li&gt;&lt;strong&gt;B)&lt;/strong&gt; Why checkpoints store mesos application framework path and try to recover it ?&lt;/li&gt;
&lt;li&gt;&lt;strong&gt;C)&lt;/strong&gt; How to fix this issue and run a streaming application on mesos with hdfs and checkpoint on &lt;strong&gt;multiple&lt;/strong&gt; slaves ?&lt;/li&gt;
&lt;/ul&gt;</t>
  </si>
  <si>
    <t>2017-06-22 15:27:13.603000+00:00</t>
  </si>
  <si>
    <t>2017-06-23 13:52:44.740000+00:00</t>
  </si>
  <si>
    <t>apache-spark|hdfs|spark-streaming|mesos|checkpoint</t>
  </si>
  <si>
    <t>Some organisation's GitHub repositories are missing for continuous deployment on Azure</t>
  </si>
  <si>
    <t>&lt;p&gt;&lt;strong&gt;Context&lt;/strong&gt;&lt;/p&gt;
&lt;p&gt;We use the &lt;em&gt;Deployment options&lt;/em&gt; of our Azure &lt;em&gt;App Service&lt;/em&gt; to link it to one of our GitHub repositories, so that every pull request is automatically deployed.&lt;/p&gt;
&lt;p&gt;We gave Azure access to our GitHub organisation via a dedicated GitHub account, which is set as an owner of the organisation (as an owner, the user is &lt;em&gt;admin&lt;/em&gt; of all the repositories of the organisation).&lt;/p&gt;
&lt;p&gt;Our organisation has 386 GitHub repositories.&lt;/p&gt;
&lt;p&gt;&lt;strong&gt;Problem&lt;/strong&gt;&lt;/p&gt;
&lt;p&gt;Some of the repositories that we used to deploy are not available in the list of repositories anymore. Some others are still available.&lt;/p&gt;
&lt;p&gt;&lt;strong&gt;What we checked&lt;/strong&gt;&lt;/p&gt;
&lt;ul&gt;
&lt;li&gt;The missing repositories belong to our organisation.&lt;/li&gt;
&lt;li&gt;Our dedicated GitHub user is admin of those missing repositories.&lt;/li&gt;
&lt;li&gt;The 3rd-party access has been granted to Azure in GitHub (&lt;em&gt;Azure Management Portal - Primary&lt;/em&gt; &amp;amp; &lt;em&gt;Azure Management Portal - Secondary&lt;/em&gt;).&lt;/li&gt;
&lt;/ul&gt;
&lt;p&gt;&lt;strong&gt;What we tried&lt;/strong&gt;&lt;/p&gt;
&lt;ul&gt;
&lt;li&gt;We merged a PR in one of the missing repositories. It did not change anything.&lt;/li&gt;
&lt;/ul&gt;</t>
  </si>
  <si>
    <t>2018-01-22 10:38:01.400000+00:00</t>
  </si>
  <si>
    <t>azure|github</t>
  </si>
  <si>
    <t>sas update column order in metadata</t>
  </si>
  <si>
    <t>&lt;p&gt;We are using &lt;strong&gt;proc metadata&lt;/strong&gt; (open metadata interface) to update some metadata from XML.
Using &lt;em&gt;updatemetadata&lt;/em&gt; method, how can we achieve the following:&lt;/p&gt;
&lt;ul&gt;
&lt;li&gt;add a new column to a specific location in the &lt;em&gt;Columns&lt;/em&gt; association of a given table with the use of the &lt;em&gt;function="REPLACE"&lt;/em&gt; option (by default, the new column will be the first in the association)&lt;/li&gt;
&lt;/ul&gt;
&lt;p&gt;We are using version 9.3.&lt;/p&gt;
&lt;p&gt;Thanks in advance!&lt;/p&gt;</t>
  </si>
  <si>
    <t>2013-06-25 12:28:07.530000+00:00</t>
  </si>
  <si>
    <t>2015-11-12 11:22:50.747000+00:00</t>
  </si>
  <si>
    <t>xml|sas|metadata|sas-metadata</t>
  </si>
  <si>
    <t>How to start and stop an app after receiving specific sms text?</t>
  </si>
  <si>
    <t>&lt;p&gt;I'm developing an android app with Android studio that should send user location via sms but I don't know how to start the app only when the app  receives a specific text.&lt;/p&gt;</t>
  </si>
  <si>
    <t>2018-07-02 16:24:55.860000+00:00</t>
  </si>
  <si>
    <t>2018-07-03 06:58:09.110000+00:00</t>
  </si>
  <si>
    <t>android|gps|sms</t>
  </si>
  <si>
    <t>Size based pie chart code doesn't work</t>
  </si>
  <si>
    <t>&lt;p&gt;I wanted to reproduce this attached graph to multiple pie-charts whose radii are defined by the total weed weight. This was the code I used:&lt;/p&gt;
&lt;pre&gt;&lt;code&gt;weedweights&amp;lt;-data%&amp;gt;%
  select(-ends_with("No"))%&amp;gt;%
     gather(key=species, value=speciesmass, DIGSAWt:POLLAWt)%&amp;gt;%
     mutate(realmass= (10*speciesmass) / samplearea.m.2.)%&amp;gt;%
     group_by(Rot.Herb, species)%&amp;gt;%
     summarize(avgrealmass=mean(realmass, na.rm=TRUE))%&amp;gt;%
     filter(avgrealmass != "NaN")%&amp;gt;%
     ungroup()
&lt;/code&gt;&lt;/pre&gt;
&lt;p&gt;&lt;div class="snippet" data-lang="js" data-hide="false" data-console="false" data-babel="false"&gt;_x000D_
&lt;div class="snippet-code"&gt;_x000D_
&lt;pre class="snippet-code-html lang-html prettyprint-override"&gt;&lt;code&gt;ggplot(weedweights, aes(x=Rot.Herb, y=avgrealmass, fill=species, width=Rot.Herb)) +_x000D_
  geom_bar(position = "fill", stat="identity") +_x000D_
  facet_grid(Rot.Herb ~ .) + _x000D_
  coord_polar("y") +_x000D_
  theme(axis.text.x = element_blank())&lt;/code&gt;&lt;/pre&gt;_x000D_
&lt;/div&gt;_x000D_
&lt;/div&gt;_x000D_
&lt;/p&gt;
&lt;p&gt;I wanted 18 pie-charts, sort of look like &lt;a href="https://stackoverflow.com/questions/8612920/pie-charts-in-ggplot2-with-variable-pie-sizes?rq=1"&gt;this&lt;/a&gt;  but got this blank plot. Please see where the problem is.
&lt;img src="https://i.stack.imgur.com/WZtGY.png" alt="enter image description here"&gt; &lt;/p&gt;
&lt;p&gt;Here is the stacked chart&lt;/p&gt;
&lt;p&gt;&lt;img src="https://i.stack.imgur.com/JB8BT.png" alt="enter image description here"&gt;&lt;/p&gt;
&lt;p&gt;And here you can &lt;a href="https://www.dropbox.com/sh/jb6gjznyw2q16mx/AADcNKiicqkoHxpFYIsaTgk9a?dl=0" rel="nofollow noreferrer"&gt;download the data&lt;/a&gt;&lt;/p&gt;</t>
  </si>
  <si>
    <t>2015-07-20 00:40:23.753000+00:00</t>
  </si>
  <si>
    <t>2015-07-22 23:10:38.540000+00:00</t>
  </si>
  <si>
    <t>2017-05-23 12:30:12.003000+00:00</t>
  </si>
  <si>
    <t>r|ggplot2|pie-chart|stacked-chart</t>
  </si>
  <si>
    <t>Autolayout issue related to scrollView</t>
  </si>
  <si>
    <t>&lt;p&gt;I have implemented a ScrollView. &lt;br/&gt; 
I want to switch between to Views. &lt;br /&gt;
Because it's such simple UI stuff, I just take one Controller and use the hidden attribute to switch between the two views.
Furthermore, I want to position some labels and the views. 
However I can't center them, they are positioned too far on the right side.
I think my constraints are right.
Do you know how to solve this issue?&lt;/p&gt;
&lt;p&gt;&lt;img src="https://i.stack.imgur.com/EdCzf.png" alt="enter image description here"&gt;
&lt;img src="https://i.stack.imgur.com/yTMCr.png" alt="enter image description here"&gt;&lt;/p&gt;</t>
  </si>
  <si>
    <t>2015-02-23 00:27:58.187000+00:00</t>
  </si>
  <si>
    <t>2015-02-24 12:27:00.170000+00:00</t>
  </si>
  <si>
    <t>2015-02-24 06:20:59.193000+00:00</t>
  </si>
  <si>
    <t>ios|xcode|swift|interface-builder|autolayout</t>
  </si>
  <si>
    <t>How to shim jQueryUI with RequireJS?</t>
  </si>
  <si>
    <t>&lt;p&gt;I prefer to use the require, jQuery and jQueryUI as seperate scripts without modifying them.&lt;/p&gt;
&lt;p&gt;I get the error: (inside jquery-ui.min.js:6)&lt;/p&gt;
&lt;blockquote&gt;
  &lt;p&gt;Uncaught ReferenceError: jQuery is not defined&lt;/p&gt;
&lt;/blockquote&gt;
&lt;p&gt;jQuery itself works and can be used, however jQuery-UI doesnt work.&lt;/p&gt;
&lt;p&gt;How can I solve it without using require-jquery by just modying main.js&lt;/p&gt;
&lt;p&gt;Here my current main.js&lt;/p&gt;
&lt;pre&gt;&lt;code&gt;requirejs.config({
    paths: {
        'jquery': 'lib/jquery/jquery',
        'jqueryui': 'lib/jquery-ui/jquery-ui.min'
    },
    shim: {
        'jquery': {
            exports: 'jQuery'
        },
        'jqueryui': {
            deps: ['jquery']
        }
    }
});
require([
    "jquery",
    "jqueryui"], function(jQuery) {    
});
&lt;/code&gt;&lt;/pre&gt;
&lt;p&gt;I experimented with various things like the shim init function, which however is not even called before the exception happens.&lt;/p&gt;
&lt;p&gt;Any ideas, or impossible?&lt;/p&gt;
&lt;p&gt;Update: fixed the code above. Its working now!&lt;/p&gt;</t>
  </si>
  <si>
    <t>2013-03-25 12:46:16.027000+00:00</t>
  </si>
  <si>
    <t>2013-03-25 13:39:18.593000+00:00</t>
  </si>
  <si>
    <t>jquery-ui|requirejs</t>
  </si>
  <si>
    <t>Join string and None/string using optional delimiter</t>
  </si>
  <si>
    <t>&lt;p&gt;I am basically looking for the Python equivalent to this VB/VBA string operation:&lt;/p&gt;
&lt;pre&gt;&lt;code&gt;FullName = LastName &amp;amp; ", " + FirstName
&lt;/code&gt;&lt;/pre&gt;
&lt;p&gt;In VB/VBA &lt;code&gt;+&lt;/code&gt; and &lt;code&gt;&amp;amp;&lt;/code&gt; are both concatenation operators, but they differ in how they handle a Null value:&lt;/p&gt;
&lt;pre&gt;&lt;code&gt;"Some string" + Null ==&amp;gt; Null
"Some string" &amp;amp; Null ==&amp;gt; "Some string"
&lt;/code&gt;&lt;/pre&gt;
&lt;p&gt;This hidden feature allows for the first line of code I wrote to include a comma and space between the required LastName and the optional FirstName values.  If FirstName is Null (Null is the VB/VBA equiv of Python's None), FullName will be set to LastName with no trailing comma.&lt;/p&gt;
&lt;p&gt;Is there a one-line idiomatic way to do this in Python?&lt;/p&gt;
&lt;p&gt;&lt;em&gt;Technical Note&lt;/em&gt;:&lt;br&gt;
gnibbler's and eumiro's answers are not strictly the equivalent of VB/VBA's &lt;code&gt;+&lt;/code&gt; and &lt;code&gt;&amp;amp;&lt;/code&gt;.  Using their approaches, if FirstName is an empty string ("") rather than None, there will be no trailing comma.  In almost all cases this would be preferable to VB/VBA's result which would be to add the trailing comma with a blank FirstName.&lt;/p&gt;</t>
  </si>
  <si>
    <t>2010-09-20 14:08:53.503000+00:00</t>
  </si>
  <si>
    <t>2010-09-20 15:17:48.410000+00:00</t>
  </si>
  <si>
    <t>python|string</t>
  </si>
  <si>
    <t>Swift's equatable protocol conformance check</t>
  </si>
  <si>
    <t>&lt;p&gt;I am trying to extend Swift's &lt;code&gt;Array&lt;/code&gt; class with the following func:&lt;/p&gt;
&lt;pre&gt;&lt;code&gt;func containsObjectIdenticalTo(obj: T) -&amp;gt; Bool {
    // objectPassingTest returns the first object passing the test
    return objectPassingTest { x in x == obj }
}
&lt;/code&gt;&lt;/pre&gt;
&lt;p&gt;Apparently, this won't compile as the compiler doesn't know yet if &lt;code&gt;==&lt;/code&gt; is implemented for type &lt;code&gt;T&lt;/code&gt;. I then change the code to this&lt;/p&gt;
&lt;pre&gt;&lt;code&gt;func containsObjectIdenticalTo(obj: T) -&amp;gt; Bool {
    return objectPassingTest {
        x in
        assert(x is Equatable &amp;amp;&amp;amp; obj is Equatable)
        return (x as Equatable) == (obj as Equatable)
    } != nil
}
&lt;/code&gt;&lt;/pre&gt;
&lt;p&gt;Which doesn't work either, since conformance against &lt;code&gt;Equatable&lt;/code&gt; can't be checked (because &lt;code&gt;Equatable&lt;/code&gt; wasn't defined with &lt;code&gt;@obj&lt;/code&gt;) &lt;strong&gt;!&lt;/strong&gt;&lt;/p&gt;
&lt;p&gt;Any thoughts on this? Would be nice if there's some way to assert directly if &lt;code&gt;T&lt;/code&gt; conforms to &lt;code&gt;Equatable&lt;/code&gt;, but I haven't read that anywhere. Swift seems to be less dynamic than Obj-C in these stuffs.&lt;/p&gt;
&lt;p&gt;&lt;strong&gt;UPDATE:&lt;/strong&gt;
Tried this suggestion and it doesn't work (don't know exactly what &lt;code&gt;&amp;lt;T: Equatable&amp;gt;&lt;/code&gt; is for, tho it does compile).&lt;/p&gt;
&lt;pre&gt;&lt;code&gt;func containsObjectIdenticalTo&amp;lt;T: Equatable&amp;gt;(obj: T) -&amp;gt; Bool {
    var x = self[0]
    var y = self[0]
    return x == y // Error here
}
&lt;/code&gt;&lt;/pre&gt;</t>
  </si>
  <si>
    <t>2014-06-12 00:21:38.910000+00:00</t>
  </si>
  <si>
    <t>2014-07-23 14:42:39.230000+00:00</t>
  </si>
  <si>
    <t>2014-06-12 00:31:23.633000+00:00</t>
  </si>
  <si>
    <t>Converting to UTC Calendar instance in Joda-Time</t>
  </si>
  <si>
    <t>&lt;p&gt;I am using Joda-Time API for managing date and time in my web application.
I have a method which converts the milliseconds to &lt;code&gt;Calendar&lt;/code&gt; object. &lt;/p&gt;
&lt;pre class="lang-java prettyprint-override"&gt;&lt;code&gt;public static synchronized Calendar getUTCCalenderInstance( final Long millisecondsTime )
{
    return new DateTime(millisecondsTime).withZone(DateTimeZone.UTC).toGregorianCalendar();
}
&lt;/code&gt;&lt;/pre&gt;
&lt;p&gt;And I am saving it in MySQL database using &lt;code&gt;spring-data-jpa&lt;/code&gt;. But when viewed in database, it is storing the timestamp in current local timezone. How to fix this issue?&lt;/p&gt;
&lt;p&gt;My &lt;code&gt;application.properties&lt;/code&gt;:&lt;/p&gt;
&lt;pre class="lang-none prettyprint-override"&gt;&lt;code&gt;spring.datasource.driver-class-name=com.mysql.jdbc.Driver
spring.datasource.url=jdbc:mysql://localhost:3306/my_db?
useUnicode=true&amp;amp;useJDBCCompliantTimezoneShift=true&amp;amp;useLegacyDatetimeCode=false&amp;amp;serverTimezone=UTC&amp;amp;useSSL=false
&lt;/code&gt;&lt;/pre&gt;
&lt;p&gt;My Java entity is:&lt;/p&gt;
&lt;pre class="lang-java prettyprint-override"&gt;&lt;code&gt;@Entity
@Table( name = "task" )
@Data
public class TaskModel {
@Id
@GeneratedValue( strategy = GenerationType.AUTO )
@Column( name = "t_id" )
private Long id;
@Column( name = "t_name" )
private String taskName;
@Column( name = "t_description" )
private String taskDescription;
@Column( name = "t_start_date" )
private Calendar startDate;
@Column( name = "t_due_date" )
private Calendar dueDate;
@Column( name = "t_created_at" )
private Calendar createdAt;
&lt;/code&gt;&lt;/pre&gt;</t>
  </si>
  <si>
    <t>2018-02-26 13:00:14.717000+00:00</t>
  </si>
  <si>
    <t>2018-02-26 14:47:15.333000+00:00</t>
  </si>
  <si>
    <t>java|mysql|datetime|jpa|jodatime</t>
  </si>
  <si>
    <t>How to display data in string occuring in column but not in the same string</t>
  </si>
  <si>
    <t>&lt;p&gt;So I want to find two words occurring in the column but not in the same string.
I tried using&lt;/p&gt;
&lt;pre&gt;&lt;code&gt;Select * 
FROM TWEETS
WHERE TWEET LIKE '%ZELDA%
AND TWEET NOT LIKE '%GAME%';
&lt;/code&gt;&lt;/pre&gt;
&lt;p&gt;But in cannot get a solution.&lt;/p&gt;
&lt;p&gt;EDIT:&lt;/p&gt;
&lt;p&gt;I am trying to query based on the filter 'ZELDA' and 'LEGEND' bot being in the Tweet.&lt;/p&gt;</t>
  </si>
  <si>
    <t>2017-03-11 13:39:17.153000+00:00</t>
  </si>
  <si>
    <t>2017-03-13 22:15:03.523000+00:00</t>
  </si>
  <si>
    <t>Executing existing stored procedure to fill a new table in SQL server 2008 R2 without using openrowset</t>
  </si>
  <si>
    <t>&lt;p&gt;How to fill a table using a stored procedure without using open row set?&lt;/p&gt;</t>
  </si>
  <si>
    <t>2012-03-12 09:11:43.243000+00:00</t>
  </si>
  <si>
    <t>2017-02-25 23:46:21.250000+00:00</t>
  </si>
  <si>
    <t>sql-server-2008|stored-procedures</t>
  </si>
  <si>
    <t>rxjs retryWhen not always firing</t>
  </si>
  <si>
    <t>&lt;p&gt;I have an app that uses tokens from Google's javascript authorisation api for authentication. I have a function request that makes all requests for me. When my token expires I want to refresh it in a retryWhen block and then retry the failed call.&lt;/p&gt;
&lt;pre&gt;&lt;code&gt;request&amp;lt;T&amp;gt;(args:{ path: string, params?: any }):Rx.Observable&amp;lt;T&amp;gt; {
    console.log( `make request for: ${args.path}` );
    return this.loadClientDetails()
        .flatMap&amp;lt;T&amp;gt;( clientDetails =&amp;gt; {
            console.log( `creating request for: ${args.path}` );
            const request:HttpRequest&amp;lt;T&amp;gt; = gapi.client.request(args);
            return Rx.Observable.fromPromise&amp;lt;IHasResult&amp;lt;T&amp;gt;&amp;gt;( &amp;lt;any&amp;gt;request)
                .map( result =&amp;gt; { return result.result } );
            }
        )
        .retryWhen( errors =&amp;gt; {
            return errors.flatMap( currentError =&amp;gt; {
                console.log( `Error status: ${currentError.result.error.code}` );
                if(currentError.result.error.code == 401) {
                    console.log( `not authorized, attempting auth for ${args.path}` );
                    if( !this.refreshToken ) {
                        console.log( `creating refresh token for ${args.path}` );
                        this.refreshToken = this.askForAuthentication( this.clientDetails,this.authorizationScopes, true)
                            .do( _ =&amp;gt; {
                                console.log( `refresh token complete ${args.path}` );
                                this.refreshToken = null;
                            } ).shareReplay(1);
                    } else {
                        console.log( `returning existing refresh token for ${args.path}` );
                    }
                    return this.refreshToken;
                }
                return Rx.Observable.throw( currentError );
            } )
            .do(
                _ =&amp;gt; {console.log(`flatmap onNext for ${args.path}`)},
                _ =&amp;gt; {console.log(`flatmap error for ${args.path}`)},
                () =&amp;gt; {console.log(`flatmap complete for ${args.path}`)}
        );
        } )
        .do(
          _ =&amp;gt; {console.log(`result returned for path: ${args.path}`)},
          error =&amp;gt; { console.log( `error returned for path: ${args.path} Error: ${error}` ) }
        );
}
&lt;/code&gt;&lt;/pre&gt;
&lt;p&gt;So:&lt;/p&gt;
&lt;ol&gt;
&lt;li&gt;loadClientDetails makes sure that the client ID for the app is loaded from a json file&lt;/li&gt;
&lt;li&gt;We then use flatMap to create an observable that actually loads the data&lt;/li&gt;
&lt;li&gt;retryWhen decides if the error was due to the permissions expiring (status 401)&lt;/li&gt;
&lt;li&gt;If it was it creates an observable for requesting new authentication to refresh the token&lt;/li&gt;
&lt;li&gt;If a refreshToken stream already exists is just returns that and shares the result&lt;/li&gt;
&lt;li&gt;If the error was not a permission issue it just throws the original error&lt;/li&gt;
&lt;/ol&gt;
&lt;p&gt;This all seems to be working but for only one of my 2 calls that are failing. At startup the app loads userInfo and cahnnels:&lt;/p&gt;
&lt;ul&gt;
&lt;li&gt;&lt;a href="https://www.googleapis.com/oauth2/v2/userinfo" rel="nofollow"&gt;https://www.googleapis.com/oauth2/v2/userinfo&lt;/a&gt;&lt;/li&gt;
&lt;li&gt;&lt;a href="https://www.googleapis.com/youtube/v3/channels" rel="nofollow"&gt;https://www.googleapis.com/youtube/v3/channels&lt;/a&gt;&lt;/li&gt;
&lt;/ul&gt;
&lt;p&gt;The logs I get are:&lt;/p&gt;
&lt;pre&gt;&lt;code&gt;make request for: https://www.googleapis.com/youtube/v3/channels
googleAuthenticationService.ts:105 creating request for: https://www.googleapis.com/youtube/v3/channels
googleAuthenticationService.ts:95 make request for: https://www.googleapis.com/oauth2/v2/userinfo
googleAuthenticationService.ts:105 creating request for: https://www.googleapis.com/oauth2/v2/userinfo
googleAuthenticationService.ts:115 Error status: 401
googleAuthenticationService.ts:118 not authorized, attempting auth for https://www.googleapis.com/oauth2/v2/userinfo
googleAuthenticationService.ts:120 creating refresh token for https://www.googleapis.com/oauth2/v2/userinfo
googleAuthenticationService.ts:166 Asking for authentication: 951450855116-36vi2ec5eo6m2972oke8k4l7tp29irrn.apps.googleusercontent.com
googleAuthenticationService.ts:115 Error status: 401
googleAuthenticationService.ts:118 not authorized, attempting auth for https://www.googleapis.com/youtube/v3/channels
googleAuthenticationService.ts:127 returning existing refresh token for https://www.googleapis.com/youtube/v3/channels
googleAuthenticationService.ts:171 authorisation granted
googleAuthenticationService.ts:123 refresh token complete https://www.googleapis.com/oauth2/v2/userinfo
googleAuthenticationService.ts:136 flatmap onNext for https://www.googleapis.com/oauth2/v2/userinfo
googleAuthenticationService.ts:105 creating request for: https://www.googleapis.com/oauth2/v2/userinfo
googleAuthenticationService.ts:136 flatmap onNext for https://www.googleapis.com/youtube/v3/channels
commentatorController.ts:75 loading all comment threads: 386.773ms
googleAuthenticationService.ts:142 result returned for path: https://www.googleapis.com/oauth2/v2/userinfo
headerController.ts:43 User info loaded
&lt;/code&gt;&lt;/pre&gt;
&lt;p&gt;I can see that the flatmap within the retryWhen fires for both calls as there is a flatMap onNext line for both.&lt;/p&gt;
&lt;p&gt;Any ideas on what is going wrong here and why one of the calls never retries?
Thanks&lt;/p&gt;</t>
  </si>
  <si>
    <t>2016-02-11 13:33:10.607000+00:00</t>
  </si>
  <si>
    <t>2016-02-11 17:19:55.760000+00:00</t>
  </si>
  <si>
    <t>javascript|typescript|rxjs</t>
  </si>
  <si>
    <t>How to fire an event of a page in Async mode a button inside an UpdatePanel inside a UserControl?</t>
  </si>
  <si>
    <t>&lt;p&gt;EDITED...&lt;/p&gt;
&lt;p&gt;I got an ASP.NET Button inside an UpdatePanel, inside a UserControl. &lt;/p&gt;
&lt;p&gt;I want to make the IMAGE visible by CLICKing on the UserControl���s Button (btnSubmit).&lt;/p&gt;
&lt;p&gt;Using the following js function I���m able to do it in normal postback mode, but it���s not working in Async mode.&lt;/p&gt;
&lt;p&gt;The question is, how can I do this in an Async mode or what���s the best way to do this?&lt;/p&gt;
&lt;p&gt;User Control (Categories):&lt;/p&gt;
&lt;pre&gt;&lt;code&gt;&amp;lt;asp:UpdatePanel ID="upItems" runat="server" UpdateMode="Conditional"&amp;gt;
    &amp;lt;ContentTemplate&amp;gt;
&amp;lt;asp:Button ID="btnSubmit" runat="server" Text="Submit" OnClientClick="btnSubmitPostBack();"/&amp;gt;
    &amp;lt;/ContentTemplate&amp;gt;
    &amp;lt;Triggers&amp;gt;
        &amp;lt;asp:AsyncPostBackTrigger ControlID="btnSubmit" EventName="Click" /&amp;gt;
    &amp;lt;/Triggers&amp;gt;
&amp;lt;/asp:UpdatePanel&amp;gt;
&lt;/code&gt;&lt;/pre&gt;
&lt;p&gt;ASP.NET Page&lt;/p&gt;
&lt;pre&gt;&lt;code&gt;&amp;lt;script&amp;gt;
    function btnSubmitPostBack() {
        __doPostBack('&amp;lt;%= btnDoSomething.ClientID %&amp;gt;', '');
    }
&amp;lt;/script&amp;gt;
&amp;lt;asp:UpdatePanel ID="up" runat="server" UpdateMode="Conditional"&amp;gt;
    &amp;lt;ContentTemplate&amp;gt;
            &amp;lt;uc1:Categories ID="Categories1" runat="server" CatRootName="Products" /&amp;gt;
            &amp;lt;asp:Button ID="btnDoSomething" CssClass="hidden" runat="server" Text=" Do Something" OnClick=" btnDoSomething_Click" /&amp;gt;
             &amp;lt;asp:Image ID="Image1" runat="server" Visible="false" /&amp;gt;
    &amp;lt;/ContentTemplate&amp;gt;
    &amp;lt;Triggers&amp;gt;
        &amp;lt;asp:AsyncPostBackTrigger ControlID="btnDoSomething" EventName="Click" /&amp;gt;
    &amp;lt;/Triggers&amp;gt;
&amp;lt;/asp:UpdatePanel&amp;gt;
protected void btnDoSomething_Click(object sender, EventArgs e)
{
    Image1.Visible = true;
    up.Update();
}
&lt;/code&gt;&lt;/pre&gt;
&lt;p&gt;Thanks for your attention and help in advance!&lt;/p&gt;</t>
  </si>
  <si>
    <t>2014-08-06 20:27:02.867000+00:00</t>
  </si>
  <si>
    <t>2014-08-07 13:28:15.470000+00:00</t>
  </si>
  <si>
    <t>2014-08-06 20:51:43.710000+00:00</t>
  </si>
  <si>
    <t>c#|asp.net|updatepanel|asyncpostbackerror</t>
  </si>
  <si>
    <t>Workflow with a parallel - pooled approval (3 groups approve in parallel)</t>
  </si>
  <si>
    <t>&lt;p&gt;I need to design a workflow with JBPM where at some point the workflow is separated in 3 parallel branches. Each branch has an approval task that can be assigned to a group.&lt;/p&gt;
&lt;p&gt;A member of the group can get the ownership of the task and approve or reject.
Because for each branch there is a different task, there will be 3 possible approve or reject.&lt;/p&gt;
&lt;p&gt;If 2 out of 3 approves the workflow proceeds otherwise is terminated.&lt;/p&gt;
&lt;p&gt;Could you suggest how to do it?&lt;/p&gt;
&lt;p&gt;Thanks&lt;/p&gt;</t>
  </si>
  <si>
    <t>2014-08-01 16:42:58.040000+00:00</t>
  </si>
  <si>
    <t>2014-08-04 11:01:10.757000+00:00</t>
  </si>
  <si>
    <t>2014-08-01 16:52:43.910000+00:00</t>
  </si>
  <si>
    <t>user3182158</t>
  </si>
  <si>
    <t>workflow|alfresco|jbpm</t>
  </si>
  <si>
    <t>Add fragment into viewPager's fragment</t>
  </si>
  <si>
    <t>&lt;p&gt;I have viewpager with 3 fragments (same layout - some EditText and Buttons) and I want to dynamically add small fragment above the viewpager fragment, write something in and then hide it.&lt;/p&gt;
&lt;p&gt;This is what I tried:&lt;/p&gt;
&lt;p&gt;MainActivity.java:&lt;/p&gt;
&lt;pre&gt;&lt;code&gt;public class MainActivity extends FragmentActivity {
    @Override
    protected void onCreate(Bundle savedInstanceState) {
        super.onCreate(savedInstanceState);
        setContentView(R.layout.activity_main);
        ViewPager pager = (ViewPager) findViewById(R.id.viewPager);
        pager.setAdapter(new MyPagerAdapter(getSupportFragmentManager()));
    }
    private class MyPagerAdapter extends FragmentPagerAdapter {
        public MyPagerAdapter(FragmentManager fm) {
            super(fm);
        }
        @Override
        public Fragment getItem(int pos) {
            switch(pos) {
                case 0: return MainFragment.newInstance("1");
                case 1: return MainFragment.newInstance("2");
                case 2: return MainFragment.newInstance("3");
                default: return MainFragment.newInstance("");
            }
        }
        @Override
        public int getCount() {
            return 3;
        }
    }
}
&lt;/code&gt;&lt;/pre&gt;
&lt;p&gt;MainFragment.java:&lt;/p&gt;
&lt;pre&gt;&lt;code&gt;public class MainFragment extends android.support.v4.app.Fragment {
    EditText contentEdit;
    String content, ID;
    @Override
    public void onCreate(@Nullable Bundle savedInstanceState) {
        super.onCreate(savedInstanceState);
        ID = getArguments().getString("msg");
    }
    @Override
    public View onCreateView(LayoutInflater inflater, final ViewGroup container, Bundle savedInstanceState) {
        View view = inflater.inflate(R.layout.fragment_main, container, false);
        contentEdit = (EditText) view.findViewById(R.id.editText);
        contentEdit.setOnTouchListener(new OnSwipeTouchListener(getActivity()) {
              public void onSwipeBottom() {
                  final ViewGroup newView = (ViewGroup) LayoutInflater.from(getActivity()).inflate(R.layout.fragment_title, container, false);
                  newView.findViewById(R.id.delete_button).setOnClickListener(new View.OnClickListener() {
                      @Override
                      public void onClick(View view) {
                          container.removeView(newView);
                      }
                  });
                  container.addView(newView, 0);
              }
            public boolean onTouch(View v, MotionEvent event) {
                return gestureDetector.onTouchEvent(event);
            }
        });
        return view;
    }
}
&lt;/code&gt;&lt;/pre&gt;</t>
  </si>
  <si>
    <t>2015-05-19 20:03:31.983000+00:00</t>
  </si>
  <si>
    <t>2015-05-20 07:17:55.950000+00:00</t>
  </si>
  <si>
    <t>Slicing based on a range of column in a multiindex column dataframe</t>
  </si>
  <si>
    <t>&lt;p&gt;I am creating my dataframe by doing the following:&lt;/p&gt;
&lt;pre&gt;&lt;code&gt;months        = [ 'Jan', 'Feb', 'Mar', 'Apr', 'May', 'Jun', 'Jul', 'Aug', 'Sep', 'Oct', 'Nov', 'Dec' ]
monthyAmounts = [ "actual", "budgeted", "difference" ]
income = []
names  = []
for x in range( incomeIndex + 1, expensesIndex ):
    amounts = [ randint( -1000, 15000 ) for x in range( 0, len( months ) * len( monthyAmounts ) ) ]
    income.append( amounts )
    names.append( f"name_{x}" )
index    = pd.Index( names, name = 'category' )
columns  = pd.MultiIndex.from_product( [ months, monthyAmounts ], names = [ 'month', 'type' ] )
incomeDF = pd.DataFrame( income, index = index, columns = columns )
&lt;/code&gt;&lt;/pre&gt;
&lt;p&gt;The dataframe looks like:
(removed months March - December)&lt;/p&gt;
&lt;pre&gt;&lt;code&gt;          Jan                            Feb                        ...             
          actual   budgeted   difference actual budgeted difference
name_13   14593     -260      10165      9767     629    10054
name_14    6178     1398      13620      1821   10986     -663
name_15    2432     3279       7545      8196    1052     7386
name_16    9964    13098      10342      5564    4631     7422
&lt;/code&gt;&lt;/pre&gt;
&lt;p&gt;What I want is for every row, to slice the difference column for the months Jan - May. What I can do it slice the difference column for all of the months by doing:&lt;/p&gt;
&lt;pre&gt;&lt;code&gt;incomeDifferenceDF = incomeDF.loc[ :, idx[ :, 'difference' ] ]
&lt;/code&gt;&lt;/pre&gt;
&lt;p&gt;which gives me a dataframe that looks like:
(months March - December removed)&lt;/p&gt;
&lt;pre&gt;&lt;code&gt;         Jan        Feb          ....
         difference difference                         
name_13       10165      10054  
name_14       13620       -663  
name_15        7545       7386  
name_16       10342       7422  
&lt;/code&gt;&lt;/pre&gt;
&lt;p&gt;What I have tried is:&lt;/p&gt;
&lt;pre&gt;&lt;code&gt;incomeDifferenceDF = incomeDF.loc[ :, idx[ 'Jan' : 'May', 'difference' ] ]
&lt;/code&gt;&lt;/pre&gt;
&lt;p&gt;but that gives me the error:&lt;/p&gt;
&lt;pre&gt;&lt;code&gt;UnsortedIndexError: 'MultiIndex slicing requires the index to be lexsorted: slicing on levels [0], lexsort depth 0'
&lt;/code&gt;&lt;/pre&gt;
&lt;p&gt;So, this seems close, but I am uncertain how to resolve the problem.&lt;/p&gt;
&lt;p&gt;I have also tried:&lt;/p&gt;
&lt;pre&gt;&lt;code&gt;incomeDifferenceDF = incomeDF.loc[ :, idx[ ['Jan':'May'], 'difference' ] ]
&lt;/code&gt;&lt;/pre&gt;
&lt;p&gt;But that just generates the error:&lt;/p&gt;
&lt;pre&gt;&lt;code&gt;SyntaxError: invalid syntax
( Points at ['Jan':'May'] )
&lt;/code&gt;&lt;/pre&gt;
&lt;p&gt;What is the best way to do this?&lt;/p&gt;</t>
  </si>
  <si>
    <t>2018-06-24 18:25:13.047000+00:00</t>
  </si>
  <si>
    <t>2018-06-25 05:07:28.203000+00:00</t>
  </si>
  <si>
    <t>python|pandas|dataframe|slice|multi-index</t>
  </si>
  <si>
    <t>Start a long running job with a web service call</t>
  </si>
  <si>
    <t>&lt;p&gt;We have a data transfer between 2 systems that can take upto a few hours. The code for doing this transfer is written in C#.&lt;/p&gt;
&lt;p&gt;We would like to trigger the transfer with a WCF web service call.&lt;/p&gt;
&lt;p&gt;Ideally we would like the web service call to return at once, with a message "OK job started", and then the job to run on the server untill it is complete.&lt;/p&gt;
&lt;p&gt;What is the best way to do this?&lt;/p&gt;
&lt;p&gt;The possible problems we see are:&lt;/p&gt;
&lt;ul&gt;
&lt;li&gt;web service timing out before job finished&lt;/li&gt;
&lt;li&gt;job stops after returning result&lt;/li&gt;
&lt;/ul&gt;</t>
  </si>
  <si>
    <t>2012-03-13 08:41:28.937000+00:00</t>
  </si>
  <si>
    <t>2012-03-13 08:50:22.757000+00:00</t>
  </si>
  <si>
    <t>c#|wcf|web-services|architecture|data-transfer</t>
  </si>
  <si>
    <t>GNU make - accelerate non-parallel makefile without modification</t>
  </si>
  <si>
    <t>&lt;p&gt;I have a project consisting of a set of makefiles that CANNOT be run with &lt;code&gt;make --jobs=N&lt;/code&gt; because the dependencies are not specified tightly enough for &lt;code&gt;make&lt;/code&gt; to correctly execute the recipes in correct order (ie I get race conditions).&lt;/p&gt;
&lt;p&gt;I am currently using Huddle, by Electric-Cloud.com, and it does exactly what I need: it parses the makefile and then executes the jobs in parallel and accounts for the unspecified dependencies.&lt;/p&gt;
&lt;p&gt;Question: is there a free or free-er thing that does this?&lt;/p&gt;
&lt;p&gt;Yes I know I could re-write the makefiles but project management says "no way".&lt;/p&gt;
&lt;p&gt;&lt;strong&gt;UPDATE #1&lt;/strong&gt;&lt;/p&gt;
&lt;p&gt;I understand that I'll have to do &lt;em&gt;some&lt;/em&gt; work to get functionality similar to Electric-Cloud's functionality.&lt;/p&gt;
&lt;p&gt;I know that Electric-Cloud parses the makefile(s) to find the dependencies so wouldn't the same thing be accomplished using &lt;code&gt;makedepend&lt;/code&gt;?&lt;/p&gt;
&lt;p&gt;I'm thinking:&lt;/p&gt;
&lt;ol&gt;
&lt;li&gt;Run &lt;code&gt;makedepend&lt;/code&gt; on existing makefiles&lt;/li&gt;
&lt;li&gt;Feed in the output using &lt;code&gt;include &amp;lt;makedepend.output&amp;gt;&lt;/code&gt;&lt;/li&gt;
&lt;li&gt;&lt;code&gt;make all --jobs=64&lt;/code&gt; &lt;/li&gt;
&lt;/ol&gt;
&lt;p&gt;&lt;strong&gt;UPDATE 2&lt;/strong&gt;&lt;/p&gt;
&lt;p&gt;Turns out &lt;code&gt;makedepend&lt;/code&gt; is specific to C/C++: it merely runs the pre-processor on source files and parses any &lt;code&gt;#include&lt;/code&gt; statements; not what I need. &lt;/p&gt;
&lt;p&gt;I need what this guy is asking for:
&lt;a href="https://stackoverflow.com/questions/14563302/build-a-makefile-dependency-inheritance-tree"&gt;Build a makefile dependency / inheritance tree&lt;/a&gt;&lt;/p&gt;
&lt;p&gt;&lt;strong&gt;UPDATE 3&lt;/strong&gt;&lt;/p&gt;
&lt;p&gt;The makefile "dependency graph generator" actually already exists&lt;/p&gt;
&lt;p&gt;&lt;a href="http://plindenbaum.blogspot.com/2012/11/visualizing-dependencies-of-makefile.html?m=1" rel="nofollow noreferrer"&gt;http://plindenbaum.blogspot.com/2012/11/visualizing-dependencies-of-makefile.html?m=1&lt;/a&gt;&lt;/p&gt;
&lt;p&gt;but that's not going to help me. &lt;/p&gt;
&lt;p&gt;Many of my recipes create directories which are used by other targets' recipes, effectively making them implicit prerequisites. &lt;/p&gt;
&lt;p&gt;The graph dependency tool at above URL works by parsing the build log's statements but those statements don't indicate the implicit dependencies. &lt;/p&gt;
&lt;p&gt;Even if I try to run my makefile with &lt;code&gt;--dry-run&lt;/code&gt;, the build fails because some of the recipes that aren't executed - cause it's a dry run - create directories that other invocations of &lt;code&gt;make&lt;/code&gt; need simply to 'pretend execute' a recipe. &lt;/p&gt;
&lt;p&gt;&lt;strong&gt;UPDATE 4&lt;/strong&gt;&lt;/p&gt;
&lt;p&gt;Electric-Cloud has made Huddle - 4 local cores, non-clustered - free for anyone forever.
Furthermore, they output an .xml file that lists each job's dependencies so I can use it to fix my makefiles compatible so they're compatible with the &lt;code&gt;--jobs&lt;/code&gt; option.&lt;/p&gt;</t>
  </si>
  <si>
    <t>2016-06-01 19:48:12.683000+00:00</t>
  </si>
  <si>
    <t>2016-06-09 18:52:16.990000+00:00</t>
  </si>
  <si>
    <t>2017-05-23 11:52:33.970000+00:00</t>
  </si>
  <si>
    <t>c++|build|makefile|gnu-make</t>
  </si>
  <si>
    <t>Plugins giving error after Wordpress migration</t>
  </si>
  <si>
    <t>&lt;p&gt;I just moved a Wordpress site from one URL to the other. The website itself seems to work fine except when I try to login via /wp-admin I get the following error:&lt;/p&gt;
&lt;blockquote&gt;
  &lt;p&gt;Fatal error: Allowed memory size of 100663296 bytes exhausted (tried
  to allocate 122880 bytes) in
  /home/deb52080/domains/r2blog.nl/public_html/wp-admin/includes/media.php
  on line 2840&lt;/p&gt;
&lt;/blockquote&gt;
&lt;p&gt;I allready run some tests by disabling a plugin and that seemed to have solved the problem (except that I need this plugin and I use it all the time). But the moment I clicked one a function from any other plugin I get the same error. &lt;/p&gt;
&lt;p&gt;Hope somebody is able to help me. These are plugins that I use regularly (Smart Slider 3 and Fusion Builder from the Avada thema) and they never give any problem.&lt;/p&gt;</t>
  </si>
  <si>
    <t>2018-04-18 20:16:57.680000+00:00</t>
  </si>
  <si>
    <t>2018-04-19 05:01:00.220000+00:00</t>
  </si>
  <si>
    <t>wordpress|plugins|database-migration</t>
  </si>
  <si>
    <t>No resource found after adding dependency to gradle</t>
  </si>
  <si>
    <t>&lt;p&gt;I have added that &lt;a href="https://android-arsenal.com/details/1/1178" rel="nofollow"&gt;library&lt;/a&gt; to my gradle file. &lt;/p&gt;
&lt;p&gt;So I did as described in the tutorial of the library and 
just added the dependency to my gradle file:&lt;/p&gt;
&lt;pre&gt;&lt;code&gt;apply plugin: 'com.android.application'
android {
    compileSdkVersion 22
    buildToolsVersion '22.0.0'
    defaultConfig {
        applicationId "com.jublikon.timerapp"
        minSdkVersion 21
        targetSdkVersion 22
        versionCode 1
        versionName "1.0"
        multiDexEnabled true
    }
    buildTypes {
        release {
            minifyEnabled false
            proguardFiles getDefaultProguardFile('proguard-android.txt'), 'proguard-rules.pro'
        }
    }
    sourceSets {
        main { res.srcDirs = ['src/main/res', 'src/main/res/drawable/ic_action_search.png'] }
    }
    productFlavors {
    }
}
dependencies {
    compile fileTree(include: ['*.jar'], dir: 'libs')
    //Google Libraries
    compile 'com.android.support:appcompat-v7:22.0.+'
    compile 'com.android.support:recyclerview-v7:22.0.+'
    compile 'com.android.support:cardview-v7:22.0.+'
    //Third party libraries
    compile 'com.mcxiaoke.volley:library:1.0.6'
    compile 'com.nispok:snackbar:2.10.+'
    compile 'com.joanzapata.pdfview:android-pdfview:1.0.+@aar'
    compile 'jp.wasabeef:recyclerview-animators:1.2.0@aar'
    compile 'com.github.fengdai:alertdialogpro-theme-material:0.2.4'
}
&lt;/code&gt;&lt;/pre&gt;
&lt;p&gt;So I am getting the following gradle issue:&lt;/p&gt;
&lt;blockquote&gt;
  &lt;p&gt;Error retrieving parent for item: No resource found that matches the
  given name 'android:TextAppearance.Material.Widget.Button.Inverse'&lt;/p&gt;
&lt;/blockquote&gt;
&lt;p&gt;Why is a resource file getting into trouble when I add a third party library?&lt;/p&gt;
&lt;p&gt;The file where the issue is linked to (v23/values-v23.xml):&lt;/p&gt;
&lt;pre&gt;&lt;code&gt;&amp;lt;?xml version="1.0" encoding="utf-8"?&amp;gt;
&amp;lt;resources&amp;gt;
    &amp;lt;style name="Base.TextAppearance.AppCompat.Widget.Button.Inverse" parent="android:TextAppearance.Material.Widget.Button.Inverse"/&amp;gt;
    &amp;lt;style name="Base.Theme.AppCompat" parent="Base.V23.Theme.AppCompat"/&amp;gt;
    &amp;lt;style name="Base.Theme.AppCompat.Light" parent="Base.V23.Theme.AppCompat.Light"/&amp;gt;
    &amp;lt;style name="Base.V23.Theme.AppCompat" parent="Base.V22.Theme.AppCompat"&amp;gt;
        &amp;lt;!-- We can use the platform drawable on v23+ --&amp;gt;
        &amp;lt;item name="actionBarItemBackground"&amp;gt;?android:attr/actionBarItemBackground&amp;lt;/item&amp;gt;
        &amp;lt;item name="controlBackground"&amp;gt;@drawable/abc_control_background_material&amp;lt;/item&amp;gt;
    &amp;lt;/style&amp;gt;
    &amp;lt;style name="Base.V23.Theme.AppCompat.Light" parent="Base.V22.Theme.AppCompat.Light"&amp;gt;
        &amp;lt;!-- We can use the platform drawable on v23+ --&amp;gt;
        &amp;lt;item name="actionBarItemBackground"&amp;gt;?android:attr/actionBarItemBackground&amp;lt;/item&amp;gt;
        &amp;lt;item name="controlBackground"&amp;gt;@drawable/abc_control_background_material&amp;lt;/item&amp;gt;
    &amp;lt;/style&amp;gt;
    &amp;lt;style name="Base.Widget.AppCompat.Button.Colored" parent="android:Widget.Material.Button.Colored"/&amp;gt;
&amp;lt;/resources&amp;gt;
&lt;/code&gt;&lt;/pre&gt;
&lt;p&gt;Hope someone can help me. Similar threads had no answer that was able to solve my problem&lt;/p&gt;</t>
  </si>
  <si>
    <t>2015-10-08 10:43:46.467000+00:00</t>
  </si>
  <si>
    <t>2017-09-22 10:06:11.353000+00:00</t>
  </si>
  <si>
    <t>2015-10-08 11:01:39.230000+00:00</t>
  </si>
  <si>
    <t>android|gradle|build|resources|appcompat</t>
  </si>
  <si>
    <t>Does ballerina support shift operators?</t>
  </si>
  <si>
    <t>&lt;p&gt;What are the bit-wise operation ballerina support? And it seems shift operators are not support. It is help to write some complex logic easily. &lt;/p&gt;</t>
  </si>
  <si>
    <t>2018-05-31 14:00:45.403000+00:00</t>
  </si>
  <si>
    <t>2018-09-23 12:05:45.130000+00:00</t>
  </si>
  <si>
    <t>ballerina</t>
  </si>
  <si>
    <t>How do I add a gradient to the text of a UILabel, but not the background?</t>
  </si>
  <si>
    <t>&lt;p&gt;hey, I want to be able to have a gradient fill on the text in a UILabel I know about CGGradient but i dont know how i would use it on a UILabel's text&lt;/p&gt;
&lt;p&gt;i found this on google but i cant manage to get it to work&lt;/p&gt;
&lt;p&gt;&lt;a href="http://silverity.livejournal.com/26436.html" rel="noreferrer"&gt;http://silverity.livejournal.com/26436.html&lt;/a&gt;&lt;/p&gt;</t>
  </si>
  <si>
    <t>2009-08-12 13:29:21.920000+00:00</t>
  </si>
  <si>
    <t>2017-09-13 18:44:42.927000+00:00</t>
  </si>
  <si>
    <t>2009-08-12 17:45:21.337000+00:00</t>
  </si>
  <si>
    <t>iphone|objective-c|core-graphics|uilabel|gradient</t>
  </si>
  <si>
    <t>angularjs scope.$eval unexpected behaviour</t>
  </si>
  <si>
    <t>&lt;p&gt;If i have a property with a dash, lets say &lt;code&gt;a-a&lt;/code&gt; with the value of &lt;code&gt;'some value'&lt;/code&gt; on my scope, and i try to evaluate  &lt;/p&gt;
&lt;pre&gt;&lt;code&gt;scope.$eval('a-a')
&lt;/code&gt;&lt;/pre&gt;
&lt;p&gt;it will return &lt;code&gt;0&lt;/code&gt;. I suppose it thinks that the hyphen is a subtraction operator, but anyhow: is there a way to call &lt;code&gt;$eval&lt;/code&gt; that will return what i need (i.e. &lt;code&gt;'some-value'&lt;/code&gt;)?&lt;/p&gt;
&lt;p&gt;This fiddle shows the example:&lt;a href="http://jsfiddle.net/BusD7/1/" rel="nofollow"&gt;http://jsfiddle.net/BusD7/1/&lt;/a&gt;&lt;/p&gt;</t>
  </si>
  <si>
    <t>2014-03-26 09:24:42.003000+00:00</t>
  </si>
  <si>
    <t>2015-02-05 22:59:12.083000+00:00</t>
  </si>
  <si>
    <t>Using image maps with text somehow (jquery?)</t>
  </si>
  <si>
    <t>&lt;p&gt;First of all, I know image maps are kind of outdated, but they're not deprecated yet, and neat enough! I'm upgrading an existing and really cluttered image map, which is being used to show the work of different labs around the world in an area of chemistry research, and really just trying to tackle a coding/design problem for myself.&lt;/p&gt;
&lt;p&gt;I'm wondering how I might go about coupling a rollover image fade (e.g. &lt;a href="http://www.svennerberg.com/examples/imagemap_rollover/index_jquery_fade.html" rel="nofollow"&gt;for individual countries&lt;/a&gt;) with text (i.e. captions rather than a URL with text tip). The map is rendered and setting coordinates is a simple enough matter, but I need some way to produce links on rollover, such as for [Researcher 1 | lab website],[Researcher 2 | lab website], etc. in particular for when they reside in the same place on the map.&lt;/p&gt;
&lt;p&gt;All I can seem to see being done to make these interactive from other examples is alerts and single links for a region of an image map, but I'm sure it could be more versatile and I'm wondering if anyone knows how I could present text in this way?&lt;/p&gt;
&lt;p&gt;&lt;a href="http://ec.europa.eu/research/infrastructures/index_en.cfm?pg=mapri" rel="nofollow"&gt;Something that acts like this&lt;/a&gt; (all the labs expand out when you want to look more closely) would be great.&lt;/p&gt;
&lt;p&gt;I'm sorry I can't be more constructive but the code is too dense for me to work out how that's done, and I get the feeling I might be missing some basic solution...?&lt;/p&gt;
&lt;p&gt;Thanks&lt;/p&gt;</t>
  </si>
  <si>
    <t>2013-09-18 01:09:30.053000+00:00</t>
  </si>
  <si>
    <t>2013-09-20 06:19:57.507000+00:00</t>
  </si>
  <si>
    <t>jquery|css|imagemap</t>
  </si>
  <si>
    <t>pyramid starter Scaffold error</t>
  </si>
  <si>
    <t>&lt;p&gt;After I install starter Scaffold as shon here: &lt;a href="http://pyramid.readthedocs.org/en/latest/narr/project.html" rel="nofollow"&gt;http://pyramid.readthedocs.org/en/latest/narr/project.html&lt;/a&gt; I see error:&lt;/p&gt;
&lt;p&gt;File "/home/dima/PycharmProjects/env/local/lib/python2.7/site-packages/pyramid_debugtoolbar-1.0.9-py2.7.egg/pyramid_debugtoolbar/panels/performance.py", line 147, in nav_subtitle
    utime = self._end_rusage.ru_utime - self._start_rusage.ru_utime&lt;/p&gt;
&lt;p&gt;AttributeError: 'PerformanceDebugPanel' object has no attribute '_end_rusage'&lt;/p&gt;
&lt;p&gt;How can I fix it?&lt;/p&gt;</t>
  </si>
  <si>
    <t>2014-01-11 08:06:49.683000+00:00</t>
  </si>
  <si>
    <t>2014-01-11 13:27:59.240000+00:00</t>
  </si>
  <si>
    <t>python|pyramid</t>
  </si>
  <si>
    <t>Should I manually typecast to a higher type if there is an evident overflow possibility?</t>
  </si>
  <si>
    <t>&lt;p&gt;I am learning C and in one of the tasks I am asked to use &lt;code&gt;1000 * getuid() + 0&lt;/code&gt; to generate the semaphore name for &lt;code&gt;sem_open&lt;/code&gt;. There will be multiple semaphores and the last digit (&lt;code&gt;+ 0&lt;/code&gt;) is used to differentiate them.&lt;/p&gt;
&lt;p&gt;Code snippet:&lt;/p&gt;
&lt;pre&gt;&lt;code&gt;#define SEM_NAME_LENGTH 24
#define SEM_NAME 1000 * getuid() + 0
...
  char sem_name[SEM_NAME_LENGTH];
  /* convert the sem number (as defined in spec) to a string */
  if (sprintf(sem_name, "%u", SEM_NAME) &amp;lt; 0) {
    return -1;
  }
  sem_id = sem_open(sem_name, O_CREAT, S_IRUSR | S_IWUSR, 0);
&lt;/code&gt;&lt;/pre&gt;
&lt;p&gt;It is evident that &lt;code&gt;SEM_NAME&lt;/code&gt; can exceed &lt;code&gt;unsigned int&lt;/code&gt;, because &lt;code&gt;getuid&lt;/code&gt; can return &lt;code&gt;UINT_MAX&lt;/code&gt;, and if we multiply that by 1000...&lt;/p&gt;
&lt;p&gt;My first thought was to change the &lt;code&gt;sprintf&lt;/code&gt; format to &lt;code&gt;"%llu"&lt;/code&gt;, but then I get a warning:&lt;/p&gt;
&lt;pre&gt;&lt;code&gt;format specifies type 'unsigned long long' but the argument has type 'unsigned int'
&lt;/code&gt;&lt;/pre&gt;
&lt;p&gt;Which means that compilers are still considering the expression to be an &lt;code&gt;unsigned int&lt;/code&gt; or &lt;code&gt;__uid_t&lt;/code&gt;.&lt;/p&gt;
&lt;p&gt;Looks like I have the following possibilities:&lt;/p&gt;
&lt;p&gt;A. Manually typecast to &lt;code&gt;unsigned long long&lt;/code&gt;:&lt;/p&gt;
&lt;pre&gt;&lt;code&gt;#define SEM_NAME (unsigned long long) 1000 * getuid() + 0
&lt;/code&gt;&lt;/pre&gt;
&lt;p&gt;B. Define the name as variable:&lt;/p&gt;
&lt;pre&gt;&lt;code&gt;unsigned long long sem_name = 1000 * getuid() + 0;
&lt;/code&gt;&lt;/pre&gt;
&lt;p&gt;C. Check for overflows / not accept uids higher than &lt;code&gt;UINT_MAX&lt;/code&gt;/1000 (bad)&lt;/p&gt;
&lt;p&gt;I am also quite surprised that compilers (&lt;code&gt;gcc&lt;/code&gt;, &lt;code&gt;clang&lt;/code&gt;) don't detect the problem themselves. I am using &lt;code&gt;-std=gnu99 -Wall -Wextra -Wstrict-prototypes -pedantic&lt;/code&gt;.&lt;/p&gt;</t>
  </si>
  <si>
    <t>2016-05-06 11:42:43.747000+00:00</t>
  </si>
  <si>
    <t>2016-05-06 19:16:29.823000+00:00</t>
  </si>
  <si>
    <t>c|casting|overflow</t>
  </si>
  <si>
    <t>Jenkins fail when apply or save configuration</t>
  </si>
  <si>
    <t>&lt;p&gt;On Jenkins ver. 1.598 after changing job configuration (authorization matrix) apply or save failed with this error:&lt;/p&gt;
&lt;pre&gt;&lt;code&gt;Stack trace
javax.servlet.ServletException: This page expects a form submission but had only {}
         at org.kohsuke.stapler.RequestImpl.getSubmittedForm(RequestImpl.java:906)
         at hudson.model.Job.doConfigSubmit(Job.java:1180)
         at hudson.model.AbstractProject.doConfigSubmit(AbstractProject.java:785)
         at sun.reflect.GeneratedMethodAccessor1091.invoke(Unknown Source)
         at sun.reflect.DelegatingMethodAccessorImpl.invoke(DelegatingMethodAccessorImpl.java:43)
         at java.lang.reflect.Method.invoke(Method.java:483)
         at org.kohsuke.stapler.Function$InstanceFunction.invoke(Function.java:298)
         at org.kohsuke.stapler.Function.bindAndInvoke(Function.java:161)
&lt;/code&gt;&lt;/pre&gt;</t>
  </si>
  <si>
    <t>2015-02-10 08:45:47.930000+00:00</t>
  </si>
  <si>
    <t>2015-04-09 13:51:12.687000+00:00</t>
  </si>
  <si>
    <t>TFS 2010: Setting a work item field readonly for all users excepting administrators doesn't work</t>
  </si>
  <si>
    <t>&lt;p&gt;I'm customizing some TFS2010 process template and I need to restrict some fields so everyone excepting administrators will be having them "read-only".&lt;/p&gt;
&lt;p&gt;Problem is I'm using "readonly" rule and this is setting "read-only" for all, even if "not for [Global]\Project Collection Administrators" is specified.&lt;/p&gt;
&lt;p&gt;My domain user is within [Global]\Project Collection Administrators, I added myself from Administration Console or from VS2010 GUI, and no luck.&lt;/p&gt;
&lt;p&gt;I'm using TFS2010 Power Tools, but this is the generated XML:&lt;/p&gt;
&lt;pre&gt;&lt;code&gt;&amp;lt;FieldDefinition reportable="dimension" refname="System.Title" name="Title" type="String"&amp;gt;
  &amp;lt;READONLY for="[Global]\Project Collection Valid Users" not="[Global]\Project Collection Administrators" /&amp;gt;
&amp;lt;/FieldDefinition&amp;gt;
&lt;/code&gt;&lt;/pre&gt;
&lt;p&gt;What's wrong? &lt;/p&gt;
&lt;p&gt;Thank you in advance.&lt;/p&gt;</t>
  </si>
  <si>
    <t>2010-12-07 09:09:23.057000+00:00</t>
  </si>
  <si>
    <t>2016-02-12 00:22:12.870000+00:00</t>
  </si>
  <si>
    <t>Move ALL git commits dates 1 day into the future</t>
  </si>
  <si>
    <t>&lt;p&gt;My system time was incorrectly set during a game jam, so all my commits are exactly 24 hours before anyone else's. I'd like to try doing a filter-branch:&lt;/p&gt;
&lt;pre&gt;&lt;code&gt;#!/bin/sh
git filter-branch --env-filter '
an="$GIT_AUTHOR_NAME"
ad="$GIT_AUTHOR_DATE"
cd="$GIT_COMMITTER_DATE"
if [ "$GIT_AUTHOR_NAME" = "wilbefast" ]
then
    ad=date_plus_one(ad)
    cd=date_plus_one(cd)
fi
export GIT_AUTHOR_DATE="$ad"
export GIT_COMMITTER_DATE="$cd"
'
&lt;/code&gt;&lt;/pre&gt;
&lt;p&gt;I can't figure out how to parse and modify the date though :S I'm not a bash pro I'm afraid; Any ideas?&lt;/p&gt;</t>
  </si>
  <si>
    <t>2013-08-26 13:39:57.550000+00:00</t>
  </si>
  <si>
    <t>2014-07-29 01:40:13.737000+00:00</t>
  </si>
  <si>
    <t>git|bash|date|git-filter-branch</t>
  </si>
  <si>
    <t>Request new access token using refresh token in username-password grant in DotNetOpenAuth</t>
  </si>
  <si>
    <t>&lt;p&gt;I'm trying to implement a OAuth2 Authorization Server using &lt;code&gt;DotNetOpenAuth&lt;/code&gt;. The client is JavaScript based thus incapable of holding any secrets. This is exactly the same problem like &lt;a href="https://stackoverflow.com/questions/19655911/request-new-access-token-using-refresh-token-in-username-password-grant-in-sprin"&gt;this question&lt;/a&gt; but with another framework.&lt;/p&gt;
&lt;p&gt;The client requests (against the token endpoint) &lt;code&gt;access_token&lt;/code&gt; and &lt;code&gt;refresh_token&lt;/code&gt; with following parameters:&lt;/p&gt;
&lt;ul&gt;
&lt;li&gt;&lt;strong&gt;grant_type&lt;/strong&gt;: password&lt;/li&gt;
&lt;li&gt;&lt;strong&gt;username&lt;/strong&gt;: foo&lt;/li&gt;
&lt;li&gt;&lt;strong&gt;password&lt;/strong&gt;: bar&lt;/li&gt;
&lt;/ul&gt;
&lt;p&gt;This does work. Now I want use the &lt;code&gt;refresh_token&lt;/code&gt; and make a request against the token endpoint with the following parameters:&lt;/p&gt;
&lt;ul&gt;
&lt;li&gt;&lt;strong&gt;grant_type&lt;/strong&gt;: refresh_token&lt;/li&gt;
&lt;li&gt;&lt;strong&gt;refresh_token&lt;/strong&gt;: ABCDEF&lt;/li&gt;
&lt;/ul&gt;
&lt;p&gt;This gives me the following response:&lt;/p&gt;
&lt;pre&gt;&lt;code&gt;{"error":"invalid_client","error_description":"The client secret was incorrect."}
&lt;/code&gt;&lt;/pre&gt;
&lt;p&gt;Which does make (at least some) sense because &lt;a href="https://tools.ietf.org/html/rfc6749#section-6" rel="nofollow noreferrer"&gt;RFC6749&lt;/a&gt; states that:&lt;/p&gt;
&lt;p&gt;&lt;em&gt;Because refresh tokens are typically long-lasting credentials used to
   request additional access tokens, the refresh token is bound to the
   client to which it was issued.  If the client type is confidential or
   the client was issued client credentials (or assigned other
   authentication requirements), the client MUST authenticate with the
   authorization server as described in Section 3.2.1.&lt;/em&gt;&lt;/p&gt;
&lt;p&gt;If I change my request like so:&lt;/p&gt;
&lt;ul&gt;
&lt;li&gt;&lt;strong&gt;grant_type&lt;/strong&gt;: refresh_token&lt;/li&gt;
&lt;li&gt;&lt;strong&gt;refresh_token&lt;/strong&gt;: ABCDEF&lt;/li&gt;
&lt;li&gt;&lt;strong&gt;client_id&lt;/strong&gt;: MYCLIENT&lt;/li&gt;
&lt;li&gt;&lt;strong&gt;client_secret&lt;/strong&gt;: CLIENT_SECRET&lt;/li&gt;
&lt;/ul&gt;
&lt;p&gt;The problem is my client is not supposed to be confidential (because it is client side JavaScript after all).&lt;/p&gt;
&lt;p&gt;This is how the client is defined:&lt;/p&gt;
&lt;pre&gt;&lt;code&gt;New ClientDescription(ApiKey, New Uri(allowedCallback), ClientType.Public)
&lt;/code&gt;&lt;/pre&gt;
&lt;p&gt;I searched through the DotNetOpenAuth source code and found no use of the &lt;code&gt;ClientType&lt;/code&gt;. To me it looks like it is not used at all.&lt;/p&gt;
&lt;p&gt;It is also not possible to the set an empty client secret, because the DotNetOpenAuth source code actively checkes against this (&lt;code&gt;ClientAuthenticationModules.cs&lt;/code&gt;):&lt;/p&gt;
&lt;pre&gt;&lt;code&gt;                if (!string.IsNullOrEmpty(clientSecret)) {
                    if (client.IsValidClientSecret(clientSecret)) {
                        return ClientAuthenticationResult.ClientAuthenticated;
                    } else { // invalid client secret
                        return ClientAuthenticationResult.ClientAuthenticationRejected;
                    }
                } else { // no client secret provided
                    return ClientAuthenticationResult.ClientIdNotAuthenticated;
                }
&lt;/code&gt;&lt;/pre&gt;
&lt;p&gt;If I take a look at &lt;code&gt;MessageValidationBindingElement.cs&lt;/code&gt;:&lt;/p&gt;
&lt;pre&gt;&lt;code&gt;        if (authenticatedClientRequest != null) {
            string clientIdentifier;
            var result = this.clientAuthenticationModule.TryAuthenticateClient(this.AuthServerChannel.AuthorizationServer, authenticatedClientRequest, out clientIdentifier);
            switch (result) {
                case ClientAuthenticationResult.ClientAuthenticated:
                    break;
                case ClientAuthenticationResult.NoAuthenticationRecognized:
                case ClientAuthenticationResult.ClientIdNotAuthenticated:
                    // The only grant type that allows no client credentials is the resource owner credentials grant.
                    AuthServerUtilities.TokenEndpointVerify(resourceOwnerPasswordCarrier != null, accessTokenRequest, Protocol.AccessTokenRequestErrorCodes.InvalidClient, this.clientAuthenticationModule, AuthServerStrings.ClientSecretMismatch);
                    break;
                default:
                    AuthServerUtilities.TokenEndpointVerify(false, accessTokenRequest, Protocol.AccessTokenRequestErrorCodes.InvalidClient, this.clientAuthenticationModule, AuthServerStrings.ClientSecretMismatch);
                    break;
            }
&lt;/code&gt;&lt;/pre&gt;
&lt;p&gt;Espacially the comment &lt;em&gt;The only grant type that allows no client credentials is the resource owner credentials grant.&lt;/em&gt; makes me wonder. Does that mean that in my scenario the JS client should send username/password along? Nope this will raise the following exception:&lt;/p&gt;
&lt;pre&gt;&lt;code&gt;AccessTokenResourceOwnerPasswordCredentialsRequest parameter 'grant_type' to have value 'password' but had 'refresh_token' instead.
&lt;/code&gt;&lt;/pre&gt;
&lt;p&gt;Which is okay to me, because I don't want the client to keep the password.&lt;/p&gt;
&lt;p&gt;So here my questions:&lt;/p&gt;
&lt;ul&gt;
&lt;li&gt;Did I unterstand something fundamentally wrong about the password-grant, refresh_token scheme?&lt;/li&gt;
&lt;li&gt;As I see it in a JS client the &lt;code&gt;client_id&lt;/code&gt; is public knowledge, so it does not serve any security purpose. Am I correct?&lt;/li&gt;
&lt;li&gt;Does it makes sense to change DotNetOpenAuth to make use of the &lt;code&gt;ClientType.Public&lt;/code&gt;?&lt;/li&gt;
&lt;li&gt;Would it make any difference if I just use &lt;code&gt;client_id&lt;/code&gt; and &lt;code&gt;client_secret&lt;/code&gt; as &lt;strong&gt;not secret&lt;/strong&gt;? E.g. just supply dummy values? What are the security implications?&lt;/li&gt;
&lt;/ul&gt;</t>
  </si>
  <si>
    <t>2015-10-21 10:49:02.097000+00:00</t>
  </si>
  <si>
    <t>2017-05-23 12:16:35.043000+00:00</t>
  </si>
  <si>
    <t>oauth-2.0|token|dotnetopenauth</t>
  </si>
  <si>
    <t>Python Postgres query with transaction block over single connection</t>
  </si>
  <si>
    <t>&lt;p&gt;Currently I have two separate statements being passed through to Postgres (Greenplum).
1. Truncates a table 
2. loads data using \copy&lt;/p&gt;
&lt;pre&gt;&lt;code&gt;myStr="export PGPASSWORD=" + dbPass + "; psql -h " + dbHost + " -p " + dbPort + " -d " + dbName + " -U " + dbUser + " -c " + "\"" + "truncate table " + dbTable + ";\""
print(myStr)
subprocess.call(myStr,shell=True)
myStr="export PGPASSWORD=" + dbPass + "; psql -h " + dbHost + " -p " + dbPort + " -d " + dbName + " -U " + dbUser + " -c " + "\"" + "\\" + "copy " + dbTable + " from " + "'" + csvfile + "' with " + copyOpts + ";" + "select count(*) from " + dbTable + ";\""
print(myStr)
subprocess.call(myStr,shell=True)
&lt;/code&gt;&lt;/pre&gt;
&lt;p&gt;Sometimes the load has errors but the truncate already happened, so I'm trying to run the two statements in one connection so I can put a transcation block (BEGIN ... COMMIT;) that way if the data load fails it will rollback to before the truncate happens.&lt;/p&gt;
&lt;p&gt;I tried the below method:&lt;/p&gt;
&lt;pre&gt;&lt;code&gt;myStr="export PGPASSWORD=" + dbPass + "; psql -h " + dbHost + " -p " + dbPort + " -d " + dbName + " -U " + dbUser + " -c " + "\"" + "truncate table " + dbTable + ";" + " \\" + "copy " + dbTable + " from " + "'" + csvfile + "' with " + copyOpts + ";" + "select count(*) from " + dbTable + ";\""
print(myStr)
&lt;/code&gt;&lt;/pre&gt;
&lt;p&gt;Which resolves to the command:&lt;/p&gt;
&lt;pre&gt;&lt;code&gt;export PGPASSWORD=abcde; 
psql -h abcde.testserver.corp 
-p 5432 -d namem -U username -c 
"truncate table schema.example; 
\copy schema.example from 
'/home/testing/schema/schema.example_export.csv' 
with header null as '' escape 'off' delimiter E',' ;
select count(*) from schema.example;"
&lt;/code&gt;&lt;/pre&gt;
&lt;p&gt;However I am getting the error:&lt;/p&gt;
&lt;blockquote&gt;
  &lt;p&gt;ERROR:  syntax error at or near "\"&lt;/p&gt;
&lt;/blockquote&gt;
&lt;p&gt;I believe this is due to the &lt;code&gt;\&lt;/code&gt; commands have to be on a separate line.&lt;/p&gt;
&lt;p&gt;Is there a way to split the command into separate lines so I can execute ll the commands in a single connection?&lt;/p&gt;</t>
  </si>
  <si>
    <t>2018-11-02 03:38:14.313000+00:00</t>
  </si>
  <si>
    <t>2018-11-03 04:07:53.783000+00:00</t>
  </si>
  <si>
    <t>python|postgresql|newline|greenplum</t>
  </si>
  <si>
    <t>Button group with one radio and many checkboxes</t>
  </si>
  <si>
    <t>&lt;p&gt;Are there any sites or documents that include the ability for a bootstrap button group that works as a checkbox other than the first button which works as a radio. So one or many essentially.&lt;/p&gt;
&lt;p&gt;I've scoured around for a while and did create a custom group in jQuery but was way too easy to break which probably prompted inefficient code.&lt;/p&gt;
&lt;p&gt;This is essentially what I'm looking for. Only the first, or the rest but not both?&lt;/p&gt;
&lt;p&gt;&lt;a href="https://i.stack.imgur.com/3atb9.png" rel="nofollow noreferrer"&gt;&lt;img src="https://i.stack.imgur.com/3atb9.png" alt="This would be all"&gt;&lt;/a&gt;&lt;/p&gt;
&lt;p&gt;&lt;a href="https://i.stack.imgur.com/AlqcZ.png" rel="nofollow noreferrer"&gt;&lt;img src="https://i.stack.imgur.com/AlqcZ.png" alt="enter image description here"&gt;&lt;/a&gt;&lt;/p&gt;
&lt;p&gt;Apologies if I've dropped the ball on this and it's something simple!&lt;/p&gt;</t>
  </si>
  <si>
    <t>2018-05-15 11:51:09.320000+00:00</t>
  </si>
  <si>
    <t>2018-05-15 12:42:04.460000+00:00</t>
  </si>
  <si>
    <t>jquery|twitter-bootstrap</t>
  </si>
  <si>
    <t>Switching to the most active window using selenium python</t>
  </si>
  <si>
    <t>&lt;p&gt;Is there a way to focus on the latest window open? or switching to the window by getting the current handle of the window?&lt;/p&gt;
&lt;p&gt;I was able to print the only window that is opened which is:&lt;/p&gt;
&lt;pre&gt;&lt;code&gt;CDwindow-e8d2af8d-33e8-4538-be6b-6e61f470bf9a
&lt;/code&gt;&lt;/pre&gt;</t>
  </si>
  <si>
    <t>2017-01-13 20:37:28.293000+00:00</t>
  </si>
  <si>
    <t>2017-01-13 21:30:23.073000+00:00</t>
  </si>
  <si>
    <t>python|selenium</t>
  </si>
  <si>
    <t>Nested Join with Laravel 4.0</t>
  </si>
  <si>
    <t>&lt;p&gt;I am struggling to build the following nested complex query with Laravel Query Builder. I am using laravel 4.0. The main problem with nested join.  &lt;/p&gt;
&lt;pre class="lang-sql prettyprint-override"&gt;&lt;code&gt;SELECT clubs.id, clubs.slug, clubs.name as `club_name`, clubs.state, clubs.category, clubs.live, `m`.`total_members`, `m`.`online_members`, `m`.`offline_members`, `m`.`last_7days_members` as `total_members_last_7days`
            FROM clubs
            LEFT JOIN 
                (
                    SELECT id, club_id, count(*) as `total_members`, SUM(online_member = 1) AS online_member 
                    FROM members 
                    LEFT JOIN
                        (
                            SELECT posts.id, posts.member_id, posts.title, posts.body 
                            FROM posts 
                            WHERE posts.transaction_id IS NOT NULL
                        ) p on p.member_id = members.id
                    WHERE (`post_verfied` is null or `post_verfied` = 1) 
                        AND `members`.`deleted_at` is null
                    group by club_id
                ) m on m.club_id = clubs.id
            LEFT JOIN comments on comments.member_id = m.id
            WHERE clubs.`deleted_at` is null
            group by `clubs`.name
&lt;/code&gt;&lt;/pre&gt;
&lt;p&gt;Please help..&lt;/p&gt;</t>
  </si>
  <si>
    <t>2013-09-22 13:47:30.877000+00:00</t>
  </si>
  <si>
    <t>2013-09-24 00:03:37.860000+00:00</t>
  </si>
  <si>
    <t>sql|laravel|laravel-4</t>
  </si>
  <si>
    <t>why i failed to build mysql using cmake on windows?</t>
  </si>
  <si>
    <t>&lt;p&gt;mysql is a nice piece of code which worth study:)&lt;/p&gt;
&lt;p&gt;now i am about to build mysql on windows 7 x64 system using vs 2010. &lt;/p&gt;
&lt;p&gt;in fact, i failed to build mysql on windows both using cmake and visual studio ide, the error message is just as follows:&lt;/p&gt;
&lt;pre&gt;&lt;code&gt;90&amp;gt;PostBuildEvent:
90&amp;gt;  CPack: Create package using ZIP
90&amp;gt;  CPack: Install projects
90&amp;gt;  CPack: - Install project: MySQL
90&amp;gt;  CMake Error at D:/tmp/mysql-5.5.28/bu/storage/archive/cmake_install.cmake:3
8 (FILE):
90&amp;gt;    file INSTALL cannot find
90&amp;gt;    "D:/tmp/mysql-5.5.28/bu/storage/archive/RelWithDebInfo/ha_archive.dll".
90&amp;gt;  Call Stack (most recent call first):
90&amp;gt;    D:/tmp/mysql-5.5.28/bu/cmake_install.cmake:57 (INCLUDE)
90&amp;gt;
90&amp;gt;
90&amp;gt;  CMake Error at D:/tmp/mysql-5.5.28/bu/storage/blackhole/cmake_install.cmake
:38 (FILE):
90&amp;gt;    file INSTALL cannot find
90&amp;gt;    "D:/tmp/mysql-5.5.28/bu/storage/blackhole/RelWithDebInfo/ha_blackhole.dll
".
90&amp;gt;  Call Stack (most recent call first):
90&amp;gt;    D:/tmp/mysql-5.5.28/bu/cmake_install.cmake:58 (INCLUDE)
90&amp;gt;
90&amp;gt;
90&amp;gt;  CMake Error at D:/tmp/mysql-5.5.28/bu/storage/example/cmake_install.cmake:3
8 (FILE):
90&amp;gt;    file INSTALL cannot find
90&amp;gt;    "D:/tmp/mysql-5.5.28/bu/storage/example/RelWithDebInfo/ha_example.dll".
90&amp;gt;  Call Stack (most recent call first):
90&amp;gt;    D:/tmp/mysql-5.5.28/bu/cmake_install.cmake:60 (INCLUDE)
90&amp;gt;
90&amp;gt;
90&amp;gt;  CMake Error at D:/tmp/mysql-5.5.28/bu/storage/federated/cmake_install.cmake
:38 (FILE):
90&amp;gt;    file INSTALL cannot find
90&amp;gt;    "D:/tmp/mysql-5.5.28/bu/storage/federated/RelWithDebInfo/ha_federated.dll
".
90&amp;gt;  Call Stack (most recent call first):
90&amp;gt;    D:/tmp/mysql-5.5.28/bu/cmake_install.cmake:61 (INCLUDE)
90&amp;gt;
90&amp;gt;
90&amp;gt;  CMake Error at D:/tmp/mysql-5.5.28/bu/plugin/audit_null/cmake_install.cmake
:38 (FILE):
90&amp;gt;    file INSTALL cannot find
90&amp;gt;    "D:/tmp/mysql-5.5.28/bu/plugin/audit_null/RelWithDebInfo/adt_null.dll".
90&amp;gt;  Call Stack (most recent call first):
90&amp;gt;    D:/tmp/mysql-5.5.28/bu/cmake_install.cmake:67 (INCLUDE)
90&amp;gt;
90&amp;gt;
90&amp;gt;  CMake Error at D:/tmp/mysql-5.5.28/bu/plugin/auth/cmake_install.cmake:38 (F
ILE):
90&amp;gt;    file INSTALL cannot find
90&amp;gt;    "D:/tmp/mysql-5.5.28/bu/plugin/auth/RelWithDebInfo/auth.dll".
90&amp;gt;  Call Stack (most recent call first):
90&amp;gt;    D:/tmp/mysql-5.5.28/bu/cmake_install.cmake:68 (INCLUDE)
90&amp;gt;
90&amp;gt;
90&amp;gt;  CMake Error at D:/tmp/mysql-5.5.28/bu/plugin/auth/cmake_install.cmake:66 (F
ILE):
90&amp;gt;    file INSTALL cannot find
90&amp;gt;    "D:/tmp/mysql-5.5.28/bu/plugin/auth/RelWithDebInfo/auth_test_plugin.dll".
90&amp;gt;  Call Stack (most recent call first):
90&amp;gt;    D:/tmp/mysql-5.5.28/bu/cmake_install.cmake:68 (INCLUDE)
90&amp;gt;
90&amp;gt;
90&amp;gt;  CMake Error at D:/tmp/mysql-5.5.28/bu/plugin/auth/cmake_install.cmake:94 (F
ILE):
90&amp;gt;    file INSTALL cannot find
90&amp;gt;    "D:/tmp/mysql-5.5.28/bu/plugin/auth/RelWithDebInfo/qa_auth_interface.dll"
.
90&amp;gt;  Call Stack (most recent call first):
90&amp;gt;    D:/tmp/mysql-5.5.28/bu/cmake_install.cmake:68 (INCLUDE)
90&amp;gt;
90&amp;gt;
90&amp;gt;  CMake Error at D:/tmp/mysql-5.5.28/bu/plugin/auth/cmake_install.cmake:122 (
FILE):
90&amp;gt;    file INSTALL cannot find
90&amp;gt;    "D:/tmp/mysql-5.5.28/bu/plugin/auth/RelWithDebInfo/qa_auth_server.dll".
90&amp;gt;  Call Stack (most recent call first):
90&amp;gt;    D:/tmp/mysql-5.5.28/bu/cmake_install.cmake:68 (INCLUDE)
90&amp;gt;
90&amp;gt;
90&amp;gt;  CMake Error at D:/tmp/mysql-5.5.28/bu/plugin/auth/cmake_install.cmake:150 (
FILE):
90&amp;gt;    file INSTALL cannot find
90&amp;gt;    "D:/tmp/mysql-5.5.28/bu/plugin/auth/RelWithDebInfo/qa_auth_client.dll".
90&amp;gt;  Call Stack (most recent call first):
90&amp;gt;    D:/tmp/mysql-5.5.28/bu/cmake_install.cmake:68 (INCLUDE)
90&amp;gt;
90&amp;gt;
90&amp;gt;  CMake Error at D:/tmp/mysql-5.5.28/bu/plugin/daemon_example/cmake_install.c
make:38 (FILE):
90&amp;gt;    file INSTALL cannot find
90&amp;gt;    "D:/tmp/mysql-5.5.28/bu/plugin/daemon_example/RelWithDebInfo/libdaemon_ex
ample.dll".
90&amp;gt;  Call Stack (most recent call first):
90&amp;gt;    D:/tmp/mysql-5.5.28/bu/cmake_install.cmake:69 (INCLUDE)
90&amp;gt;
90&amp;gt;
90&amp;gt;  CMake Error at D:/tmp/mysql-5.5.28/bu/plugin/fulltext/cmake_install.cmake:3
8 (FILE):
90&amp;gt;    file INSTALL cannot find
90&amp;gt;    "D:/tmp/mysql-5.5.28/bu/plugin/fulltext/RelWithDebInfo/mypluglib.dll".
90&amp;gt;  Call Stack (most recent call first):
90&amp;gt;    D:/tmp/mysql-5.5.28/bu/cmake_install.cmake:70 (INCLUDE)
90&amp;gt;
90&amp;gt;
90&amp;gt;  CMake Error at D:/tmp/mysql-5.5.28/bu/plugin/semisync/cmake_install.cmake:3
8 (FILE):
90&amp;gt;    file INSTALL cannot find
90&amp;gt;    "D:/tmp/mysql-5.5.28/bu/plugin/semisync/RelWithDebInfo/semisync_master.dl
l".
90&amp;gt;  Call Stack (most recent call first):
90&amp;gt;    D:/tmp/mysql-5.5.28/bu/cmake_install.cmake:71 (INCLUDE)
90&amp;gt;
90&amp;gt;
90&amp;gt;  CMake Error at D:/tmp/mysql-5.5.28/bu/plugin/semisync/cmake_install.cmake:6
6 (FILE):
90&amp;gt;    file INSTALL cannot find
90&amp;gt;    "D:/tmp/mysql-5.5.28/bu/plugin/semisync/RelWithDebInfo/semisync_slave.dll
".
90&amp;gt;  Call Stack (most recent call first):
90&amp;gt;    D:/tmp/mysql-5.5.28/bu/cmake_install.cmake:71 (INCLUDE)
90&amp;gt;
90&amp;gt;
90&amp;gt;  CMake Error at D:/tmp/mysql-5.5.28/bu/sql/cmake_install.cmake:38 (FILE):
90&amp;gt;    file INSTALL cannot find
90&amp;gt;    "D:/tmp/mysql-5.5.28/bu/sql/RelWithDebInfo/mysqld.exe".
90&amp;gt;  Call Stack (most recent call first):
90&amp;gt;    D:/tmp/mysql-5.5.28/bu/cmake_install.cmake:84 (INCLUDE)
90&amp;gt;
90&amp;gt;
90&amp;gt;EXEC : CPack error : Error when generating package: MySQL
90&amp;gt;C:\Program Files (x86)\MSBuild\Microsoft.Cpp\v4.0\Microsoft.CppCommon.targets
(113,5): error MSB3073: ���������setlocal
90&amp;gt;C:\Program Files (x86)\MSBuild\Microsoft.Cpp\v4.0\Microsoft.CppCommon.targets
(113,5): error MSB3073: cd D:\tmp\mysql-5.5.28\bu
90&amp;gt;C:\Program Files (x86)\MSBuild\Microsoft.Cpp\v4.0\Microsoft.CppCommon.targets
(113,5): error MSB3073: if %errorlevel% neq 0 goto :cmEnd
90&amp;gt;C:\Program Files (x86)\MSBuild\Microsoft.Cpp\v4.0\Microsoft.CppCommon.targets
(113,5): error MSB3073: D:
90&amp;gt;C:\Program Files (x86)\MSBuild\Microsoft.Cpp\v4.0\Microsoft.CppCommon.targets
(113,5): error MSB3073: if %errorlevel% neq 0 goto :cmEnd
90&amp;gt;C:\Program Files (x86)\MSBuild\Microsoft.Cpp\v4.0\Microsoft.CppCommon.targets
(113,5): error MSB3073: C:\tools\cmake28\bin\cpack.exe -C RelWithDebInfo --confi
g ./CPackConfig.cmake
90&amp;gt;C:\Program Files (x86)\MSBuild\Microsoft.Cpp\v4.0\Microsoft.CppCommon.targets
(113,5): error MSB3073: if %errorlevel% neq 0 goto :cmEnd
90&amp;gt;C:\Program Files (x86)\MSBuild\Microsoft.Cpp\v4.0\Microsoft.CppCommon.targets
(113,5): error MSB3073: :cmEnd
90&amp;gt;C:\Program Files (x86)\MSBuild\Microsoft.Cpp\v4.0\Microsoft.CppCommon.targets
(113,5): error MSB3073: endlocal &amp;amp; call :cmErrorLevel %errorlevel% &amp;amp; goto :cmDon
e
90&amp;gt;C:\Program Files (x86)\MSBuild\Microsoft.Cpp\v4.0\Microsoft.CppCommon.targets
(113,5): error MSB3073: :cmErrorLevel
90&amp;gt;C:\Program Files (x86)\MSBuild\Microsoft.Cpp\v4.0\Microsoft.CppCommon.targets
(113,5): error MSB3073: exit /b %1
90&amp;gt;C:\Program Files (x86)\MSBuild\Microsoft.Cpp\v4.0\Microsoft.CppCommon.targets
(113,5): error MSB3073: :cmDone
90&amp;gt;C:\Program Files (x86)\MSBuild\Microsoft.Cpp\v4.0\Microsoft.CppCommon.targets
(113,5): error MSB3073: if %errorlevel% neq 0 goto :VCEnd
90&amp;gt;C:\Program Files (x86)\MSBuild\Microsoft.Cpp\v4.0\Microsoft.CppCommon.targets
&lt;/code&gt;&lt;/pre&gt;</t>
  </si>
  <si>
    <t>2012-10-03 06:45:47.093000+00:00</t>
  </si>
  <si>
    <t>mysql|visual-studio-2010|build|cmake|build-process</t>
  </si>
  <si>
    <t>How to use std::map of non-wrapped C++ objects in NodeJs native addon</t>
  </si>
  <si>
    <t>&lt;p&gt;I cannot really understand why my addon randomly crashes with:&lt;/p&gt;
&lt;pre&gt;&lt;code&gt;Fatal error in ../deps/v8/src/api.h, line 297
CHECK(allow_empty_handle || that != __null) failed
&lt;/code&gt;&lt;/pre&gt;
&lt;p&gt;For now I think it could be memory related issue in my code, but I'm not sure if my approach is right.&lt;/p&gt;
&lt;p&gt;Here is some code details:&lt;/p&gt;
&lt;p&gt;My C++ addon is loaded only once at the start-up of the main NodeJs application. The main application can call several exported functions in my addon. One of these functions (named belowe as 'Initialize') gets an unique id, which is used to find the C++ object (named below as 'MyObject') instance from a globally defined std::map of objects (named below as g_mapObject). If the object with a given key is not found in the map, then 'Initialize' function creates and inserts one into the map, a new instance of that object and then initialize this object. 
The other exported functions are periodically called from the main application. They retrieve an object from the map and operate on it.&lt;/p&gt;
&lt;p&gt;In my MyAddon.cc:&lt;/p&gt;
&lt;pre&gt;&lt;code&gt;#include "MyAddon.h"
#include "MyObject.h"
using namespace v8;
std::map&amp;lt;string, MyObject*&amp;gt; g_mapObject;
Handle&amp;lt;Value&amp;gt; MyAddon::Initialize(const Arguments&amp;amp; args) {
    HandleScope scope;
    String::AsciiValue id(args[0]-&amp;gt;ToString());    
    // Get the object from g_mapObject and initialize it. 
    // If the object is not found then create and insert it into map.
    return scope.Close(0);
}
Handle&amp;lt;Value&amp;gt; MyAddon:UpdateObjectData1(const Arguments&amp;amp; args) {
    HandleScope scope;
    String::AsciiValue id(args[0]-&amp;gt;ToString());
    // Get the object from g_mapObject and update its data
    return scope.Close(0);
}
Handle&amp;lt;Value&amp;gt; MyAddon::UpdateObjectData1(const Arguments&amp;amp; args) {
    HandleScope scope;
    String::AsciiValue id(args[0]-&amp;gt;ToString());
    // Get the object from g_mapObject and update its data
    return scope.Close(0);
}
&lt;/code&gt;&lt;/pre&gt;
&lt;p&gt;Each method is wrapped with uv_mutex_lock/unlock calls, so it is ensured and tested that method calls are sychronized. The fatal error occures in 'initialize' method (but never at its first call).&lt;/p&gt;
&lt;p&gt;PS: Just to mention that I use C++11.&lt;/p&gt;</t>
  </si>
  <si>
    <t>2015-01-10 21:00:48.500000+00:00</t>
  </si>
  <si>
    <t>2015-01-15 18:53:01.100000+00:00</t>
  </si>
  <si>
    <t>2015-01-10 21:06:06.143000+00:00</t>
  </si>
  <si>
    <t>c++|node.js</t>
  </si>
  <si>
    <t>Add 'object' to a stack with expiry timers and get notified when it expires</t>
  </si>
  <si>
    <t>&lt;p&gt;I have a need to reserve an object (JSON) within my app for a period of time (typically 180 seconds) At some point the client may or may not come back and request this object by its key. &lt;/p&gt;
&lt;p&gt;The tricky part is that I need to be notified when this object expires so I can return it to the available pool if the client hasn't already requested it.&lt;/p&gt;
&lt;p&gt;The obvious solutions are to use something like a timestamp in the database and then a periodic script to check for expired items but this doesn't feel like the nicest solution.&lt;/p&gt;
&lt;p&gt;Ideally I'm looking for something like memcache that can call an event when an item expires, surely there is such a product out there?&lt;/p&gt;
&lt;p&gt;My current framework is based around python, cherrpy, mongo, memcachce but I'm happy to add to it.&lt;/p&gt;</t>
  </si>
  <si>
    <t>2011-04-05 14:44:57.757000+00:00</t>
  </si>
  <si>
    <t>2014-01-23 21:36:13.093000+00:00</t>
  </si>
  <si>
    <t>2014-01-23 21:02:26.340000+00:00</t>
  </si>
  <si>
    <t>python|caching</t>
  </si>
  <si>
    <t>How to change date format in Spark?</t>
  </si>
  <si>
    <t>&lt;p&gt;I have the following DataFrame:&lt;/p&gt;
&lt;pre&gt;&lt;code&gt;+----------+-------------------+
| timestamp|            created|
+----------+-------------------+
|1519858893|2018-03-01 00:01:33|
|1519858950|2018-03-01 00:02:30|
|1519859900|2018-03-01 00:18:20|
|1519859900|2018-03-01 00:18:20|
&lt;/code&gt;&lt;/pre&gt;
&lt;p&gt;How to create a timestamp correctly`?&lt;/p&gt;
&lt;p&gt;I was able to create &lt;code&gt;timestamp&lt;/code&gt; column which is epoch timestamp, but dates to not coincide:&lt;/p&gt;
&lt;pre&gt;&lt;code&gt;df.withColumn("timestamp",unix_timestamp($"created"))
&lt;/code&gt;&lt;/pre&gt;
&lt;p&gt;For example, &lt;code&gt;1519858893&lt;/code&gt; points to &lt;code&gt;2018-02-28&lt;/code&gt;.&lt;/p&gt;</t>
  </si>
  <si>
    <t>2018-03-16 12:48:18.833000+00:00</t>
  </si>
  <si>
    <t>2018-03-16 12:55:28.870000+00:00</t>
  </si>
  <si>
    <t>scala|apache-spark|spark-dataframe</t>
  </si>
  <si>
    <t>Table name is a variable from same query (PHP)</t>
  </si>
  <si>
    <t>&lt;p&gt;NOTE: I am aware of SQL injection possibilities, etc.  This question is theoretical.  &lt;/p&gt;
&lt;p&gt;Lets say a user queries a page on a server, getListOfPeople.php, and sends their user ID as a post parameter.&lt;/p&gt;
&lt;p&gt;The php page contains the following (simplified pseudo code):&lt;/p&gt;
&lt;pre&gt;&lt;code&gt;$UUID = $_POST ["UUID"];
"SELECT name, bio, photo FROM people WHERE NOT EXISTS (SELECT blocked_UUID FROM 'name' WHERE blocked_UUID = $UUID)"
&lt;/code&gt;&lt;/pre&gt;
&lt;p&gt;Lets say the table &lt;em&gt;people&lt;/em&gt; looks like this:&lt;/p&gt;
&lt;pre&gt;&lt;code&gt;NAME     BIO        PHOTO
BOB      blah blah  o43987h2fdof43hr43h
SARA     blah blah  098u43jfewoijfwoiej
MARK     blah blah  re988cd9sc2h33hfddh
&lt;/code&gt;&lt;/pre&gt;
&lt;p&gt;And the table &lt;em&gt;BOB&lt;/em&gt; looks like this:&lt;/p&gt;
&lt;pre&gt;&lt;code&gt;blocked_UUID
287364
387761
497745
329844
&lt;/code&gt;&lt;/pre&gt;
&lt;p&gt;We want to give the people in the &lt;em&gt;people&lt;/em&gt; table the ability to be invisible to certain users... so they simply add those unwanted users to their own table containing their list of blocked user IDs.&lt;/p&gt;
&lt;p&gt;My problem is, in the query:&lt;/p&gt;
&lt;pre&gt;&lt;code&gt;"SELECT name, bio, photo FROM people WHERE NOT EXISTS (SELECT blocked_UUID FROM 'name' WHERE blocked_UUID = $UUID)"
&lt;/code&gt;&lt;/pre&gt;
&lt;p&gt;In the part that says, &lt;em&gt;FROM 'name'&lt;/em&gt;, I'm trying to figure out the correct syntax to use in order for that to work (querying a table where the table name is variable derived from the same query).&lt;/p&gt;
&lt;p&gt;I would like to avoid entirely different ways of approaching the problem if possible, and stick to one single query.&lt;/p&gt;</t>
  </si>
  <si>
    <t>2016-06-24 02:09:43.620000+00:00</t>
  </si>
  <si>
    <t>2016-06-24 02:32:49.827000+00:00</t>
  </si>
  <si>
    <t>php|mysql|variables|syntax</t>
  </si>
  <si>
    <t>Files being posted after refreshing page</t>
  </si>
  <si>
    <t>&lt;p&gt;edit: marked as duplicate, but the solutions in post didn't help in my case when I tried. Don't want to do it with ajax right now, so I just used window.location to redirect. I lose the names of uploaded files, but I'd rather deal with passing those through somehow. &lt;/p&gt;
&lt;p&gt;I have a form to upload files, I post to the same page, after submit the file is uploaded but if I refresh the files are reuploaded. I've tried to set $_POST and $_FILES to a blank array at the end of the upload script, but still keeps the post data every time .. Also tried adding a header, but it says they are already sent, when I try to use ob_start at the beginning of script, no change. &lt;/p&gt;
&lt;p&gt;my table and form looks like this &lt;/p&gt;
&lt;pre&gt;&lt;code&gt;&amp;lt;table name="doctor_file_table" width="100%"&amp;gt;
            &amp;lt;tr&amp;gt;
                &amp;lt;td&amp;gt;&amp;lt;b&amp;gt;Name&amp;lt;/b&amp;gt;&amp;lt;/td&amp;gt;
                &amp;lt;td&amp;gt;&amp;lt;b&amp;gt;Type&amp;lt;/b&amp;gt;&amp;lt;/td&amp;gt;
                &amp;lt;td&amp;gt;&amp;lt;b&amp;gt;Size (bytes)&amp;lt;/b&amp;gt;&amp;lt;/td&amp;gt;
                &amp;lt;td&amp;gt;&amp;lt;b&amp;gt;Created&amp;lt;/b&amp;gt;&amp;lt;/td&amp;gt;
               &amp;lt;td&amp;gt;&amp;lt;a href='path_to_file' download =''&amp;gt;Download&amp;lt;/a&amp;gt;&amp;lt;/td&amp;gt;
                &amp;lt;td&amp;gt;&amp;lt;button id ='id#' onClick='deleteFile(this)' type='button'&amp;gt;Delete&amp;lt;/button&amp;gt;&amp;lt;/td&amp;gt;
            &amp;lt;/tr&amp;gt;
&amp;lt;form action="" enctype="multipart/form-data" method="post"&amp;gt;
    &amp;lt;div&amp;gt;
        &amp;lt;label for="upload"&amp;gt;Add Attachments:&amp;lt;/label&amp;gt;
        &amp;lt;input id="upload" name="upload[]" type="file" multiple="multiple"/&amp;gt;
    &amp;lt;/div&amp;gt;
        &amp;lt;p&amp;gt;&amp;lt;input type="submit" name="submit" value="Submit"&amp;gt;&amp;lt;/p&amp;gt;
    &amp;lt;/form&amp;gt;'
&lt;/code&gt;&lt;/pre&gt;
&lt;p&gt;And here is the upload script:&lt;/p&gt;
&lt;pre&gt;&lt;code&gt;if(isset($_POST['submit']) &amp;amp;&amp;amp; $_POST['uploaded'] == 1){
echo $_POST['uploaded'];
if(count($_FILES['upload']['name']) &amp;gt; 0){
    //Loop through each file
    for($i=0; $i&amp;lt;count($_FILES['upload']['name']); $i++) {
      //Get the temp file path
        $tmpFilePath = $_FILES['upload']['tmp_name'][$i];
        //Make sure we have a filepath
        if($tmpFilePath != ""){
            //save the filename
            $shortname = $_FILES['upload']['name'][$i];
            //save the url and the file
            $filePath = "/var/www/html/doctor_files/" . date('d-m-Y-H-i-s').'-'.$_FILES['upload']['name'][$i];
            $fullname = substr($filePath,27);
            //Upload the file into the temp dir
            if(move_uploaded_file($tmpFilePath, $filePath)) {
                $files[] = $shortname;
            $sql = 'insert into '.TABLE_DOCTOR_FILES.'(shortname,fullname,filepath,type,size,doctor_id) VALUES("'.$shortname.'", "'.$fullname.'", "'.$filePath.'", "'.$_FILES["upload"]["type"][$i].'",'.$_FILES["upload"]["size"][$i].',"'.$doctor_id.'")';                    
            database_void_query($sql);
             //use $shortname for the filename
                //use $filePath for the relative url to the file
            }
          }
    }
}
//show success message
echo "&amp;lt;h1&amp;gt;Uploaded:&amp;lt;/h1&amp;gt;";    
if(is_array($files)){
    echo "&amp;lt;ul&amp;gt;";
    foreach($files as $file){
        echo "&amp;lt;li&amp;gt;$file&amp;lt;/li&amp;gt;";
    }
    echo "&amp;lt;/ul&amp;gt;";
}
&lt;/code&gt;&lt;/pre&gt;
&lt;p&gt;}&lt;/p&gt;</t>
  </si>
  <si>
    <t>2016-11-02 19:20:19.697000+00:00</t>
  </si>
  <si>
    <t>2018-03-28 16:40:43.400000+00:00</t>
  </si>
  <si>
    <t>2016-11-02 20:27:03.123000+00:00</t>
  </si>
  <si>
    <t>Call button.click() from javascript does not perform the validation property on the button</t>
  </si>
  <si>
    <t>&lt;p&gt;I have the following code: &lt;/p&gt;
&lt;p&gt;HTML&lt;/p&gt;
&lt;pre&gt;&lt;code&gt;&amp;lt;a href="javascript:PerformPurValidation();" id="PurClick" class="CreatePur"&amp;gt; &amp;amp;nbsp; Create Deal &amp;amp;nbsp;&amp;lt;/a&amp;gt;     
&amp;lt;asp:Button ID="ActualPurCreateButton" runat="server" CausesValidation="true" Visible="false" OnClick="ActualPurCreateButton_Click"&amp;gt;&amp;lt;/asp:Button&amp;gt;
&lt;/code&gt;&lt;/pre&gt;
&lt;p&gt;jscript&lt;/p&gt;
&lt;pre&gt;&lt;code&gt;function PerformPurValidation() {  
        $(document).ready(function () {
            $('ActualPurCreateButton').click();
        });
}       
&lt;/code&gt;&lt;/pre&gt;
&lt;p&gt;I have created a custom button which would submit the form with the html a tag.&lt;/p&gt;
&lt;p&gt;This must call the asp:Button click. When I click the actual button, the validation is performed and the requiredfieldvalidators work correctly. But if I call the button by clicking the custom button and having the click called via jscript, the validator doesn't work any more, is there anyway to achieve what I wish to have done?&lt;/p&gt;</t>
  </si>
  <si>
    <t>2014-05-05 08:35:08.773000+00:00</t>
  </si>
  <si>
    <t>2018-07-11 08:22:08.773000+00:00</t>
  </si>
  <si>
    <t>Load multiple event feeds with one GData calendar query</t>
  </si>
  <si>
    <t>&lt;p&gt;So, my problem is as such... &lt;/p&gt;
&lt;p&gt;I'm building a simple calendar module for my company's intranet portal. We use Google (Apps for your Domain) Calendar and I'd like to give the employees the ability to see all the feeds they've subscribed to in one calendar--just like on the real Google Calendar!&lt;/p&gt;
&lt;p&gt;The reason I'm not just using the the gadget they provide is because we'd like a single week view. Their gadget currently only offers full month and 'week agenda' views. So, we'd like a week-view that basically just looks like one row (week) from the full calendar. We've made such an interface, now we just need to populate it.&lt;/p&gt;
&lt;p&gt;I can get it to work with one feed. Heck, I can even get it to work with all the feeds a user has subscribed to. The problems is that it's &lt;em&gt;sslllooowwwww&lt;/em&gt;. From what I can tell , the only way I can get all the events from every feed that a person is subscribed to is to loop through their list of feeds and make a new call to Google asking for the events &lt;em&gt;for each feed&lt;/em&gt;. Well, naturally, if a person is subscribed to, say, 12 feeds... it's going take a long time.&lt;/p&gt;
&lt;p&gt;One idea that could help with the speed problem is to store the results in our database and update it occasionally for each of our 100's of feeds. But, that will probably slow our servers down because it basically will be constantly querying Google due to the number of feeds and time it takes to retrieve each one.&lt;/p&gt;
&lt;p&gt;&lt;strong&gt;Question:&lt;/strong&gt;
Is there a way to ask for all the events from a list of feeds instead of querying individually for each one? Any help would be greatly appreciated.&lt;/p&gt;
&lt;p&gt;By the way, I'm using PHP and the Zend Gdata standalone library.&lt;/p&gt;
&lt;p&gt;Thanks in advance.&lt;/p&gt;</t>
  </si>
  <si>
    <t>2009-04-16 15:39:17.497000+00:00</t>
  </si>
  <si>
    <t>2011-04-01 02:12:05.800000+00:00</t>
  </si>
  <si>
    <t>php|zend-framework|rest|calendar|gdata-api</t>
  </si>
  <si>
    <t>Change CSS from the biggest SQL sum</t>
  </si>
  <si>
    <t>&lt;p&gt;I have this table name "&lt;strong&gt;casillas&lt;/strong&gt;"&lt;/p&gt;
&lt;pre&gt;&lt;code&gt;            colum_1     colum_2     colum_3     colum_4
        ___     ___     ___     ___   ___   ___   ___
field_1 |   46654   |   8463    |   1284    |   1654
field_2 |   14668   |   547896  |   11563   |   4565
field_3 |   6486    |   54763   |   15697   |   56776
field_4 |   45684   |   5668    |   989     |   48678
&lt;/code&gt;&lt;/pre&gt;
&lt;p&gt;And I display it in PHP like so:&lt;/p&gt;
&lt;pre&gt;&lt;code&gt;$result = mysql_query("SELECT SUM(colum_1) FROM casillas");
while($row = mysql_fetch_array($result)){
$colum_1_result = $row['SUM(colum_1)'];
}
$result = mysql_query("SELECT SUM(colum_2) FROM casillas");
while($row = mysql_fetch_array($result)){
$colum_2_result = $row['SUM(colum_2)'];
}
$result = mysql_query("SELECT SUM(colum_3) FROM casillas");
while($row = mysql_fetch_array($result)){
$colum_3_result = $row['SUM(colum_3)'];
}
$result = mysql_query("SELECT SUM(colum_4) FROM casillas");
while($row = mysql_fetch_array($result)){
$colum_4_result = $row['SUM(colum_4)'];
}
echo '&amp;lt;table style="width: 100%"&amp;gt;
                &amp;lt;tr&amp;gt;
                                &amp;lt;td&amp;gt;Results:&amp;lt;/td&amp;gt;
                                &amp;lt;td&amp;gt;'.$colum_1_result.'&amp;lt;/td&amp;gt;
                                &amp;lt;td&amp;gt;'.$colum_2_result.'&amp;lt;/td&amp;gt;
                                &amp;lt;td&amp;gt;'.$colum_3_result.'&amp;lt;/td&amp;gt;
                                &amp;lt;td&amp;gt;'.$colum_4_result.'&amp;lt;/td&amp;gt;
                &amp;lt;/tr&amp;gt;
&amp;lt;/table&amp;gt;';
&lt;/code&gt;&lt;/pre&gt;
&lt;p&gt;My question is: is there a way make it bold or change the CSS from the cell when the value is bigger from the others?&lt;/p&gt;
&lt;p&gt;In this case, it would be the one from &lt;strong&gt;colum_2&lt;/strong&gt;&lt;/p&gt;</t>
  </si>
  <si>
    <t>2013-07-03 08:11:56.227000+00:00</t>
  </si>
  <si>
    <t>2013-07-03 09:13:32.120000+00:00</t>
  </si>
  <si>
    <t>php|mysql|css</t>
  </si>
  <si>
    <t>How to make Vue's element-ui validateField() works with v-if?</t>
  </si>
  <si>
    <t>&lt;p&gt;Please look at password fields. &lt;code&gt;Password&lt;/code&gt; and &lt;code&gt;Confirm Password&lt;/code&gt; fields shows when &lt;code&gt;Change Password?&lt;/code&gt; button is clicked.&lt;/p&gt;
&lt;p&gt;Below code works fine and validates the form as expected with &lt;code&gt;v-show&lt;/code&gt; but does not validates when &lt;code&gt;v-if&lt;/code&gt; is used. &lt;/p&gt;
&lt;p&gt;I understand what &lt;code&gt;v-show&lt;/code&gt; and &lt;code&gt;v-if&lt;/code&gt; does, and the functions in &lt;code&gt;data(){}&lt;/code&gt; that's how it's in element-ui's doc. Here is the doc's url: &lt;a href="http://element.eleme.io/#/en-US/component/form#custom-validation-rules" rel="nofollow noreferrer"&gt;http://element.eleme.io/#/en-US/component/form#custom-validation-rules&lt;/a&gt;&lt;/p&gt;
&lt;pre&gt;&lt;code&gt;&amp;lt;template lang="pug"&amp;gt;
  el-dialog( width="600px", title="Users", :visible.sync="dialogVisible")
    el-form.demo-ruleForm(:model="editedItem", status-icon, :rules="formRules", ref="userForm", label-width="140px")
      el-form-item(label="Name", prop="firstName")
        el-input(v-model="editedItem.name", auto-complete="off")
      template(v-if="!changePassword")
        el-form-item
          el-button(@click="changePassword = true") Change Password?
      template(v-else)
        el-form-item(label="Password", prop="password")
          el-input(type="password", v-model="editedItem.password", auto-complete="off")
        el-form-item(label="Confirm Password", prop="confirmPassword")
          el-input(type="password", v-model="editedItem.confirmPassword", auto-complete="off")
    .dialog-footer(slot="footer")
      el-button(type="primary", @click="submitForm('userForm')") Save
&amp;lt;/template&amp;gt;
&amp;lt;script&amp;gt;
export default {
  name: 'dialog-add-edit-user',
  props: {
    editedItem: Object,
  },
  data () {
    const validatePass = (rule, value, callback) =&amp;gt; {
      if (value === '') {
        callback(new Error('Please input the password'))
      } else {
        if (this.confirmPassword !== '') {
          this.$refs.userForm.validateField('confirmPassword')
        }
        callback()
      }
    }
    const validatePass2 = (rule, value, callback) =&amp;gt; {
      if (value === '') {
        callback(new Error('Please input the password again'))
      } else if (value !== this.editedItem.password) {
        callback(new Error('Two inputs don\'t match!'))
      } else {
        callback()
      }
    }
    return {
      formRules: {
        password: [
          {
            validator: validatePass,
            trigger: 'blur'
          }
        ],
        confirmPassword: [
          {
            validator: validatePass2,
            trigger: 'blur'
          }
        ]
      },
      dialogVisible: false,
      changePassword: false,
      editedItem: {
        name: '',
        password: '',
        confirmPassword: ''
      }
    }
  },
  methods: {
    submitForm (formName) {
      this.$refs[formName].validate((valid) =&amp;gt; {
        if (valid) {
          this.$emit('save-item')
          console.log('submit!')
        } else {
          console.log('error submit!!')
          return false
        }
      })
    }
  }
}
&amp;lt;/script&amp;gt;
&lt;/code&gt;&lt;/pre&gt;</t>
  </si>
  <si>
    <t>2018-03-27 18:41:55.083000+00:00</t>
  </si>
  <si>
    <t>2018-03-28 18:50:49.707000+00:00</t>
  </si>
  <si>
    <t>javascript|vue.js|vuejs2|element-ui</t>
  </si>
  <si>
    <t>Java PDFBox, extract data from a column of a table</t>
  </si>
  <si>
    <t>&lt;p&gt;I would like to find out how to extract from this pdf(ex. image) &lt;a href="http://postimg.org/image/ypebht5dx/" rel="nofollow"&gt;http://postimg.org/image/ypebht5dx/&lt;/a&gt;&lt;/p&gt;
&lt;p&gt;For example, I want to extract only the values ������in the column "TENSIONE[V]" and if it encounters a blank cell I enter the letter "X" in the output.
How could I do?&lt;/p&gt;
&lt;p&gt;The code I used is this:&lt;/p&gt;
&lt;pre&gt;&lt;code&gt; PDDocument p=PDDocument.load(new File("a.pdf"));
 PDFTextStripper t=new PDFTextStripper();
 System.out.println(t.getText(p));
&lt;/code&gt;&lt;/pre&gt;
&lt;p&gt;and I get this output:&lt;/p&gt;
&lt;p&gt;&lt;a href="http://s23.postimg.org/wbhcrw03v/Immagine.png" rel="nofollow"&gt;http://s23.postimg.org/wbhcrw03v/Immagine.png&lt;/a&gt;&lt;/p&gt;</t>
  </si>
  <si>
    <t>2013-04-25 14:50:03.207000+00:00</t>
  </si>
  <si>
    <t>2013-04-25 18:03:36.600000+00:00</t>
  </si>
  <si>
    <t>java|pdfbox</t>
  </si>
  <si>
    <t>Will JIRA docker container supports High Availability</t>
  </si>
  <si>
    <t>&lt;p&gt;I know Jira won't supports clustering so when i want to do changes in JIRA i am always taking downtime. Now i am using JIRA docker containers so by using docker orchestration or etcd services can I make high availability of JIRA application and no downtime. How should I achieve this ? If it won't supports than Please explain why ?&lt;/p&gt;</t>
  </si>
  <si>
    <t>2016-07-07 17:07:50.383000+00:00</t>
  </si>
  <si>
    <t>2016-07-20 10:19:08.073000+00:00</t>
  </si>
  <si>
    <t>docker|jira|atlassian|jira-plugin|etcd</t>
  </si>
  <si>
    <t>Get english letters if locale=en and nordic characters if it's not</t>
  </si>
  <si>
    <t>&lt;p&gt;I've been trying to get english characters only (26 chars) if I select english language, and all 29 nordic characters if I select any of the nordic languages. I struggle to find out how to get this to work.&lt;/p&gt;
&lt;pre&gt;&lt;code&gt;public LetterAdapter(Context c) {
    letters=new String[29];
    for (int a = 0; a &amp;lt; 26; a++) {
        letters[a] = "" + (char)(a+'A');
    }
    letters[26] = "\u00C6";
    letters[27] = "\u00D8";
    letters[28] = "\u00C5";
    letterInf = LayoutInflater.from(c);
}
&lt;/code&gt;&lt;/pre&gt;
&lt;p&gt;letters[26],[27],[28] are the special characters that is added in the nordic alphabet and which I try to show/hide if the locale is set to either "en" or the others. I've tried using this:&lt;/p&gt;
&lt;pre&gt;&lt;code&gt;    public int getCount() {
    if(!Locale.getDefault().getLanguage().equals("en){
        return letters.length;
    }else{
        return letters.length-3;
    }
}
&lt;/code&gt;&lt;/pre&gt;
&lt;p&gt;This does nothing, I either get all 29 chars, or only 26.&lt;/p&gt;
&lt;p&gt;this is my getView&lt;/p&gt;
&lt;pre&gt;&lt;code&gt;    public View getView(int position, View convertView, ViewGroup parent) {
    Button letterBtn;
    if (convertView == null) {
        letterBtn = (Button)letterInf.inflate(R.layout.letter, parent, false);
    } else {
        letterBtn = (Button) convertView;
    }
    letterBtn.setText(letters[position]);
    return letterBtn;
}
&lt;/code&gt;&lt;/pre&gt;
&lt;p&gt;What am I missing here.&lt;/p&gt;</t>
  </si>
  <si>
    <t>2015-09-18 01:50:52.083000+00:00</t>
  </si>
  <si>
    <t>2015-09-18 07:18:45.233000+00:00</t>
  </si>
  <si>
    <t>java|android|gridview|android-arrayadapter</t>
  </si>
  <si>
    <t>How do I tell wsimport to use a proxy exception url</t>
  </si>
  <si>
    <t>&lt;p&gt;I need to connect to an internal intranet web service. My company uses a proxy server to access the internet but intranet sites do not go through the proxy. I can navigate to the WSDL in IE and Firefox but I have to add the address to the proxy exception list in both browsers. &lt;/p&gt;
&lt;p&gt;When I use wsimport I cannot get the WSDL because of the proxy server. Adding in or leaving out the -httpproxy arg gives me an error "Unable to tunnel through proxy" so I'm guessing this is not the way I need to do it.&lt;/p&gt;
&lt;p&gt;Does anyone know a way I can tell wsimport to ignore the proxy server for this url?&lt;/p&gt;
&lt;p&gt;Neil&lt;/p&gt;</t>
  </si>
  <si>
    <t>2012-04-24 13:19:58.487000+00:00</t>
  </si>
  <si>
    <t>2018-11-19 02:56:44.207000+00:00</t>
  </si>
  <si>
    <t>java|web-services|wsdl|jax-ws|wsimport</t>
  </si>
  <si>
    <t>An unhandled exception of type 'System.StackOverflowException' occurred in SchoolManagementSystemOOP.dll ?</t>
  </si>
  <si>
    <t>&lt;p&gt;I have a class DBConnectionClass and some associated classes . 
I have aan InsertQueryMethod whish is as follows&lt;/p&gt;
&lt;pre&gt;&lt;code&gt;      public string InsertQuery
    {
        get { return InsertQuery; }
        set { InsertQuery = schools.SchoolsInsertQuery +                         branches.BranchInsertQuery + students.StudentsInsertQuery ; }
    }
&lt;/code&gt;&lt;/pre&gt;
&lt;p&gt;The associated queries in the classes are: &lt;/p&gt;
&lt;pre&gt;&lt;code&gt;     public string StudentsInsertQuery  = " INSERT INTO AddStudents (FirstName, LastName, PhoneNo, EmailId) VALUES (@FirstName, @LastName, @PhoneNo, @EmailId) ";
    public string StudentsUpdateQuery  = " UPDATE AddStudents SET(FirstName=@FirstName, LastName=@LastName, PhoneNo=@PhoneNo, EmailId=@EmailId) ";
    public string StudentsDeleteQuery  = " DELETE FROM AddStudents ";
    public string StudentsSelectQuery  = " SELECT * FROM AddStudents WHERE Id=@ID ";
&lt;/code&gt;&lt;/pre&gt;
&lt;p&gt;Similar case is with the branch and Schools class. 
I am getting this error : &lt;/p&gt;
&lt;p&gt;An unhandled exception of type 'System.StackOverflowException' occurred in SchoolManagementSystemOOP.dll . at get {return InsertQuery;} in the DBConnectionClass. I have this single error in my project. Please give me an insight of what is happening and how to handle this exception.&lt;/p&gt;</t>
  </si>
  <si>
    <t>2017-09-21 14:15:24.500000+00:00</t>
  </si>
  <si>
    <t>2017-09-21 18:21:45.663000+00:00</t>
  </si>
  <si>
    <t>c#|sql|visual-studio</t>
  </si>
  <si>
    <t>How this works: chr(($number &gt;&gt;6 )+192).chr(($number &amp; 63)+128);</t>
  </si>
  <si>
    <t>&lt;p&gt;Can you please explain how this line of code is equivalent to the next code:&lt;/p&gt;
&lt;pre&gt;&lt;code&gt;&amp;lt;?php
$string = chr( ( $number &amp;gt;&amp;gt; 6 ) + 192 ).chr( ( $number &amp;amp; 63 ) + 128 );
?&amp;gt;
&lt;/code&gt;&lt;/pre&gt;
&lt;p&gt;Its equivalent to :&lt;/p&gt;
&lt;pre&gt;&lt;code&gt;if ( $number &amp;gt;=128 &amp;amp;&amp;amp; $number &amp;lt;=2047 ){
   $byte1 = 192 + (int)($number / 64); //= 192 + ( $number &amp;gt;&amp;gt; 6 )
   $byte2 = 128 + ($number % 64);      //= 128 + ( $number &amp;amp; 63 )
   $utf = chr($byte1).chr($byte2);
 }
&lt;/code&gt;&lt;/pre&gt;
&lt;p&gt;for example entering number 1989 both produces &lt;code&gt;��&lt;/code&gt;&lt;/p&gt;
&lt;p&gt;These codes are used for converting UNICODE Entities back to original UTF-8 characters.&lt;/p&gt;</t>
  </si>
  <si>
    <t>2013-02-07 22:32:12.987000+00:00</t>
  </si>
  <si>
    <t>2018-02-16 08:19:16.443000+00:00</t>
  </si>
  <si>
    <t>user1646111</t>
  </si>
  <si>
    <t>php|utf-8|multibyte|chr</t>
  </si>
  <si>
    <t>Adjust screen for softkeyboard</t>
  </si>
  <si>
    <t>&lt;p&gt;I am working on an Android app.The following is my screenshot of my screen without softkeyboard and with softkeyboard.&lt;img src="https://i.stack.imgur.com/ftBwH.png" alt="without softkeyboard"&gt; &lt;/p&gt;
&lt;p&gt;&lt;img src="https://i.stack.imgur.com/Gsdu2.png" alt="with soft keyboard b"&gt;&lt;/p&gt;
&lt;p&gt;When the soft keyboard is shown the whole screen compresses.Instead of that I want to compress only the listview [middle portion]. The top and bottom layouts must be the same size.&lt;/p&gt;</t>
  </si>
  <si>
    <t>2012-08-21 11:12:51.157000+00:00</t>
  </si>
  <si>
    <t>2012-08-25 06:06:47.537000+00:00</t>
  </si>
  <si>
    <t>2012-08-21 12:32:49.087000+00:00</t>
  </si>
  <si>
    <t>android|android-layout|android-softkeyboard</t>
  </si>
  <si>
    <t>Find trends in search engines query log</t>
  </si>
  <si>
    <t>&lt;p&gt;I am trying to do some research with search queries logs. My first interest is to found trends. 
For example: at winter people often have a cold sore. So i guess that at winter we can see growth of such type queries.&lt;/p&gt;
&lt;p&gt;How i want to detect trends:&lt;/p&gt;
&lt;ol&gt;
&lt;li&gt;Using apriory algorithm or something to get a frequent item set. &lt;/li&gt;
&lt;li&gt;Count number of each set in a time range (one hour, one day etc)&lt;/li&gt;
&lt;li&gt;Use linear regression to found relative function change
if this is a regression ax + b, then we just calculate (a*(first_date)+b)/(a*(second_date)+b)&lt;/li&gt;
&lt;/ol&gt;
&lt;p&gt;So  i have a problem:
It's very hard to found frequent item set on large set of data (i have millions queries). I had implemented apriory algorithm but it's working very slow with low support ( for example 2 on 200k queries might take a day)&lt;/p&gt;
&lt;p&gt;What is best algorithm in my case? Maybe i can solve my task in another way? &lt;/p&gt;</t>
  </si>
  <si>
    <t>2012-06-08 06:36:04.133000+00:00</t>
  </si>
  <si>
    <t>2012-06-08 08:25:52.820000+00:00</t>
  </si>
  <si>
    <t>algorithm|data-mining</t>
  </si>
  <si>
    <t>Passing parameters to directive AngularJS</t>
  </si>
  <si>
    <t>&lt;p&gt;So i am new in AngularJS so dont judge so i have two buttons &lt;/p&gt;
&lt;p&gt;&lt;div class="snippet" data-lang="js" data-hide="false" data-console="true" data-babel="false"&gt;_x000D_
&lt;div class="snippet-code"&gt;_x000D_
&lt;pre class="snippet-code-html lang-html prettyprint-override"&gt;&lt;code&gt; &amp;lt;button type="button" class ="btn btn-success"  data-toggle="modal" data-target="#myModal" &amp;gt;Add First List&amp;lt;/button&amp;gt;_x000D_
    &amp;lt;button type="button" class ="btn btn-success" data-toggle="modal" data-target="#myModal"&amp;gt;Add Second List&amp;lt;/button&amp;gt;&lt;/code&gt;&lt;/pre&gt;_x000D_
&lt;/div&gt;_x000D_
&lt;/div&gt;_x000D_
&lt;/p&gt;
&lt;p&gt;wich open modal in directive and i have two instance on directive this..&lt;/p&gt;
&lt;p&gt;&lt;div class="snippet" data-lang="js" data-hide="false" data-console="true" data-babel="false"&gt;_x000D_
&lt;div class="snippet-code"&gt;_x000D_
&lt;pre class="snippet-code-html lang-html prettyprint-override"&gt;&lt;code&gt;&amp;lt;div my-div-table  type="modal" directivevarible="ctrl.FirstList" datasource="ctrl.tempList" &amp;gt;&amp;lt;/div&amp;gt;_x000D_
    &amp;lt;div my-div-table  type="modal" directivevarible="ctrl.SecondList" datasource="ctrl.tempList" &amp;gt;&amp;lt;/div&amp;gt;&lt;/code&gt;&lt;/pre&gt;_x000D_
&lt;/div&gt;_x000D_
&lt;/div&gt;_x000D_
&lt;/p&gt;
&lt;p&gt;so i want when i click first button to take first 2 variables when i click second button i want to take second 2 variables ..and that is my directive &lt;/p&gt;
&lt;p&gt;&lt;div class="snippet" data-lang="js" data-hide="false" data-console="true" data-babel="false"&gt;_x000D_
&lt;div class="snippet-code"&gt;_x000D_
&lt;pre class="snippet-code-js lang-js prettyprint-override"&gt;&lt;code&gt;app.directive('myDivTable',function () {_x000D_
    _x000D_
    var controller = ['$scope',function ($scope) {_x000D_
            $scope.AddTempElem =function () {_x000D_
                $scope.datasource.push({startDate: $scope.start, endDate: $scope.end, workInHours: $scope.hours});_x000D_
            }_x000D_
            $scope.Submit = function () {_x000D_
                $scope.directivevarible = $scope.directivevarible.concat( $scope.datasource);_x000D_
                $scope.datasource = [];_x000D_
            }_x000D_
            _x000D_
        }],_x000D_
        template=function (tElem,tAtrrs) {_x000D_
            if(tAtrrs.type ==='table'){_x000D_
                return 'template.html';_x000D_
            }_x000D_
            if(tAtrrs.type ==='modal'){_x000D_
                return 'modal.html';_x000D_
            }_x000D_
            _x000D_
        }_x000D_
    return{_x000D_
        scope:{_x000D_
            datasource:'=',_x000D_
            directivevarible:'='_x000D_
        },_x000D_
        controller:controller,_x000D_
        templateUrl:template_x000D_
    };_x000D_
});&lt;/code&gt;&lt;/pre&gt;_x000D_
&lt;/div&gt;_x000D_
&lt;/div&gt;_x000D_
&lt;/p&gt;
&lt;p&gt;Please help?&lt;/p&gt;</t>
  </si>
  <si>
    <t>2016-07-20 11:39:57.400000+00:00</t>
  </si>
  <si>
    <t>html|angularjs</t>
  </si>
  <si>
    <t>MapReduce basics</t>
  </si>
  <si>
    <t>&lt;p&gt;I have a text file of 300mb with block size of 128mb. 
So total 3 blocks 128+128+44 mb would be created.
Correct me - For map reduce default input split is same as block size that is 128mb which can be configured. 
Now record reader will read through each split and create key value pair were key is offset and value is single line. (TextInputFormat)
Question is if at last line of my block the block ends but the line does end in another block, will the rest of the line be taken from different node or will the remaining line run in another node. 
Also how will the second node understand that its 1st line is already taken for processing and it dont need to process again.&lt;/p&gt;
&lt;p&gt;Eg 
This is stackoverflow.This (end of block 1/input split) is a map reduce example. (end of line) &lt;/p&gt;</t>
  </si>
  <si>
    <t>2017-12-11 20:28:44.453000+00:00</t>
  </si>
  <si>
    <t>2017-12-28 20:03:00.290000+00:00</t>
  </si>
  <si>
    <t>mapreduce|input-split|recordreader</t>
  </si>
  <si>
    <t>AsynTask + Http Post</t>
  </si>
  <si>
    <t>&lt;p&gt;I have implemented AsyncTask to make http requests to a webService but it gives me an error when I try to get the compiler string returned by the server. &lt;/p&gt;
&lt;p&gt;Here's the code of my activity where I think the AsyncTask:&lt;/p&gt;
&lt;pre&gt;&lt;code&gt;public String consultaPreguntaBBDD(int num, String tab)
{
    HttpAsyncTask httpAsyncTask = new HttpAsyncTask(String.valueOf(num),tab);
    /*(!)*/String resul = httpAsyncTask.execute("http://appdomain.hol.es/webService.php");
    return resul;
}   
&lt;/code&gt;&lt;/pre&gt;
&lt;p&gt;Where i've wrote this (!) the compiler says: Type mismatch: cannot convert from AsyncTask to String
and this is the AsyncTask class:&lt;/p&gt;
&lt;pre&gt;&lt;code&gt;class HttpAsyncTask extends AsyncTask&amp;lt;String, Void, String&amp;gt; 
{
    private static String id;
    private static String te;
    public  HttpAsyncTask(String id,String te)
    {
            this.id = id;
            this.te = te;
     }
    @Override
    protected String doInBackground(String... urls) 
    {
        return POST(urls[0]);
    }
    // onPostExecute displays the results of the AsyncTask.
    @Override
    protected void onPostExecute(String result) 
    {
    }
    public static String POST(String url)
    {
        InputStream inputStream = null;
        String result = "";
        try 
        {
            HttpClient httpclient = new DefaultHttpClient();
            // 2. make POST request to the given URL
            HttpPost httpPost = new HttpPost(url);
           // pass parameters in this way
            List&amp;lt;NameValuePair&amp;gt; nameValuePairs = new ArrayList&amp;lt;NameValuePair&amp;gt;(2);
            nameValuePairs.add(new BasicNameValuePair("id", id));
            nameValuePairs.add(new BasicNameValuePair("te", te));
            //add data
            httpPost.setEntity(new UrlEncodedFormEntity(nameValuePairs));
            // 8. Execute POST request to the given URL
            HttpResponse httpResponse = httpclient.execute(httpPost);
            // 9. receive response as inputStream
            inputStream = httpResponse.getEntity().getContent();
            // 10. convert inputstream to string
            if(inputStream != null)
                result = convertInputStreamToString(inputStream);
            else
                result = "Did not work!";
        } catch (Exception e) 
        {
    Log.d("InputStream", e.getLocalizedMessage());
        }
        // 11. return result
        return result;
    }
    private static String convertInputStreamToString(InputStream inputStream) throws IOException {
        // TODO Auto-generated method stub
        BufferedReader bufferedReader = new BufferedReader( new InputStreamReader(inputStream));
        String line = "";
        String result = "";
        while((line = bufferedReader.readLine()) != null)
            result += line;
        inputStream.close();
Log.i("http","result: "+result+"\n");
    return result;
    }
}
&lt;/code&gt;&lt;/pre&gt;
&lt;p&gt;i have two files, one for each class
can anyone help me? thank's&lt;/p&gt;</t>
  </si>
  <si>
    <t>2014-08-04 13:33:06.040000+00:00</t>
  </si>
  <si>
    <t>2014-08-04 13:59:16.600000+00:00</t>
  </si>
  <si>
    <t>2014-08-04 13:38:52.340000+00:00</t>
  </si>
  <si>
    <t>android|http|android-asynctask</t>
  </si>
  <si>
    <t>Shell script linux, validating integer</t>
  </si>
  <si>
    <t>&lt;p&gt;This code is for check if a character is a integer or not (i think). I'm trying to understand what this means, I mean... each part of that line, checking the GREP man pages, but it's really difficult for me. I found it on the internet. If anyone could explain me the part of the grep... what means each thing put there:&lt;/p&gt;
&lt;p&gt;&lt;code&gt;echo $character | grep -Eq '^(\+|-)?[0-9]+$'&lt;/code&gt;&lt;/p&gt;
&lt;p&gt;Thanks people!!!&lt;/p&gt;</t>
  </si>
  <si>
    <t>2013-08-26 15:46:52.407000+00:00</t>
  </si>
  <si>
    <t>2013-08-26 18:53:46.873000+00:00</t>
  </si>
  <si>
    <t>2013-08-26 15:51:13.683000+00:00</t>
  </si>
  <si>
    <t>regex|linux|bash|shell|grep</t>
  </si>
  <si>
    <t>How to invoke gcloud with service account impersonation</t>
  </si>
  <si>
    <t>&lt;p&gt;I have a service running in GCE with default service account A. This service uses gcloud to talk to various GCP services. Currently, it uses service account B to talk to some of the GCP services (using private key). However, we want to get rid of using private key and use account impersonation. To do that, I have added account A to the service account B's role and given token creator role.&lt;/p&gt;
&lt;p&gt;I wrote a test program in go and was able to verify the impersonation works. However, our service is in PHP, and uses gcloud SDK. I couldn't find a way to configure gcloud to impersonate a service account or provide custom token. &lt;/p&gt;
&lt;p&gt;One option is that I rewrite all the gcloud code to use google SDK, but that is lots of work, and I'd rather avoid that. My question is, how do I invoke gcloud using service account B in this scenario?. Is there a way to pass access token to gcloud or specify impersonation user?&lt;/p&gt;</t>
  </si>
  <si>
    <t>2018-06-19 06:30:16.917000+00:00</t>
  </si>
  <si>
    <t>2018-06-20 11:17:06.427000+00:00</t>
  </si>
  <si>
    <t>2018-06-19 06:40:01.647000+00:00</t>
  </si>
  <si>
    <t>google-cloud-platform|gcloud|google-oauth2</t>
  </si>
  <si>
    <t>Random number is random on Mac, not on Windows</t>
  </si>
  <si>
    <t>&lt;p&gt;So I've got an interesting issue. I've got a code snippet below of a function that accepts two integers and returns two integers (x y coordinates). I generate 5 objects for it in a loop. On a Mac it returns two random numbers that are different from the others. On a PC it always returns the two exact numbers, even though I'm seeding it every time. Any ideas?&lt;/p&gt;
&lt;pre&gt;&lt;code&gt;local randomSeed = 60
randomCoord = function(bufferX,bufferY)
    -- randomCoord
    -- int, int - get a buffer from the edge
    -- returns two random coordinates that are within background Plane space
    print( randomSeed )
    math.randomseed(randomSeed + os.time())
    randomSeed = randomSeed + os.time()
    local x = math.random(backgroundBounds.xMin + bufferX,backgroundBounds.xMax - bufferX)
    local y = math.random(backgroundBounds.yMin + bufferY,backgroundBounds.yMax - bufferY)
    print('random x '..x..'  random y '..y)
    return x, y
end
&lt;/code&gt;&lt;/pre&gt;
&lt;p&gt;backgroundBounds is just a table with integers (being the size of the backgroundBox).&lt;/p&gt;</t>
  </si>
  <si>
    <t>2014-04-04 19:52:03.727000+00:00</t>
  </si>
  <si>
    <t>2015-01-29 09:32:10.760000+00:00</t>
  </si>
  <si>
    <t>random|lua|corona</t>
  </si>
  <si>
    <t>PHP imap_search based on message UID</t>
  </si>
  <si>
    <t>&lt;p&gt;Is there any way to search messages on IMAP server, using imap_search function. According to php manual, imap_search allow only limited number of search option, and search by UID is not between them:
&lt;a href="http://us.php.net/manual/en/function.imap-search.php" rel="nofollow"&gt;http://us.php.net/manual/en/function.imap-search.php&lt;/a&gt;&lt;/p&gt;
&lt;p&gt;So, is there a way around, to get messages based on UID(higher then provided UID). This should be supported since IMAP4 protocol revision(i think since year 2003).&lt;/p&gt;</t>
  </si>
  <si>
    <t>2012-04-16 11:11:35.410000+00:00</t>
  </si>
  <si>
    <t>2013-10-17 22:02:25.083000+00:00</t>
  </si>
  <si>
    <t>php|email|imap</t>
  </si>
  <si>
    <t>Java GUI assignment, no idea how to tackle it?</t>
  </si>
  <si>
    <t>&lt;p&gt;Sorry about this question but I have been struggling with an assignment my professor gave us for days and have no idea where to begin. I don't want someone to do it for me or anything, I am just looking to learn/get some good pointers because I can't find a foothold in this at all.
The assignment is as follows :&lt;/p&gt;
&lt;p&gt;&lt;em&gt;Implement a graphical user interface with the GridLayout class with a 10  5 grid of JButtons and JLabels. The JButtons should be on the top five rows and the JLabels should be on the next five rows. (The first JButton should have the text 1-1 and the last the text 5-5.) The JButton on the i th row and j th column should have the text i - j on it. The text of the JLabels should be 0.&lt;/em&gt;&lt;/p&gt;
&lt;p&gt;&lt;em&gt;The purpose of the JLabels is to count the clicks of the corresponding JButtons. For example, when a user clicks button
i - j for the first time, the text of the JLabel of the (5 + i )th row and j th column should change to 1.&lt;/em&gt;&lt;/p&gt;
&lt;p&gt;&lt;strong&gt;You are not allowed to use any instance variables.&lt;/strong&gt;&lt;/p&gt;
&lt;p&gt;Hint 1: use and inner class for the labels.&lt;/p&gt;
&lt;p&gt;Hint 2: you can increment the ���number��� the label by getting the text of the label, parsing it to an int with Integer.parseInt( ), and by changing the text of the label.
You must also add one more JButton which resets the counters on the JLabels. The
text on the JButton should be reset.&lt;/p&gt;
&lt;p&gt;So far I have just been studying notes with no understanding or cluelessly typing away and come up with a completely non-functioning desperate attempt which is as follows :&lt;/p&gt;
&lt;pre&gt;&lt;code&gt;    import java.awt.*;
import javax.swing.*;
import java.awt.event.*;
public class NewFrame extends JFrame {
 private static JButton[] buttons;
 public static void main ( String[] args ) {
  NewFrame frame = new NewFrame( ); 
 }
  public void NewFrame( ){
    JFrame frame = new JFrame ("JFrame");
    JPanel panel = new JPanel( );
    frame.setDefaultCloseOperation( JFrame.EXIT_ON_CLOSE);
    int noOfButtons = 25;
    buttons = new JButton[ noOfButtons ];
    for(int i = 0; i&amp;lt;buttons.length ; i++){
      buttons[i] = new JButton(); 
      panel.add(buttons[i]);
      JLabel label = new JLabel( "Initial Text" );
    }
    frame.getContentPane( ).add( panel );
    frame.setSize( 500, 500);
    frame.setVisible( true );      
  } 
&lt;/code&gt;&lt;/pre&gt;
&lt;p&gt;}&lt;/p&gt;
&lt;p&gt;Can someone please offer me some advice or hints here as I have been struggling with this for an age ?&lt;/p&gt;</t>
  </si>
  <si>
    <t>2011-02-19 16:56:41.610000+00:00</t>
  </si>
  <si>
    <t>2011-10-01 09:44:48.947000+00:00</t>
  </si>
  <si>
    <t>java|swing|user-interface</t>
  </si>
  <si>
    <t>using same ad unit for interstitial and banner for ios and android</t>
  </si>
  <si>
    <t>&lt;p&gt;I want to use the same Admob Ad unit for my android and iOS app
because I want to move all my app to the highest eCPM ad unit. &lt;/p&gt;
&lt;p&gt;I read some posts that says it is OK to share the same ad unit for multiple app.&lt;/p&gt;
&lt;p&gt;my question is :
If my ad unit is set for Banner. I use it for interstitial. Does it affect the eCPM ?&lt;/p&gt;
&lt;p&gt;Thanks!&lt;/p&gt;</t>
  </si>
  <si>
    <t>2014-07-17 10:09:14.123000+00:00</t>
  </si>
  <si>
    <t>2016-01-28 03:03:34.697000+00:00</t>
  </si>
  <si>
    <t>admob</t>
  </si>
  <si>
    <t>Simplification using Mathematica</t>
  </si>
  <si>
    <t>&lt;p&gt;I am trying to simplify the following using Mathematica.&lt;/p&gt;
&lt;pre&gt;&lt;code&gt;simplify[iota * arctan(-iota*x)]
&lt;/code&gt;&lt;/pre&gt;
&lt;p&gt;This simply yields the expression in mathematical terms.&lt;/p&gt;
&lt;p&gt;I want it to be simplified and expressed in terms of hyperbolic function.&lt;/p&gt;</t>
  </si>
  <si>
    <t>2014-12-31 15:49:02.800000+00:00</t>
  </si>
  <si>
    <t>2014-12-31 20:50:44.397000+00:00</t>
  </si>
  <si>
    <t>2014-12-31 16:49:23.587000+00:00</t>
  </si>
  <si>
    <t>wolfram-mathematica</t>
  </si>
  <si>
    <t>Repeated user on SQL Server Cube</t>
  </si>
  <si>
    <t>&lt;p&gt;I'd like to know why it is possible to have repeated users on a SQL Server role membership. More specifically in a cube.&lt;/p&gt;
&lt;p&gt;The cube I'm talking about already existed when I started working here and it has the same user added to id twice. It even has the same SID.&lt;/p&gt;
&lt;pre&gt;&lt;code&gt;    &amp;lt;Member&amp;gt;
      &amp;lt;Name&amp;gt;username&amp;lt;/Name&amp;gt;
      &amp;lt;Sid&amp;gt;S-1-5-21-2977299124-1876462163-2290217735-164370&amp;lt;/Sid&amp;gt;
    &amp;lt;/Member&amp;gt;
    &amp;lt;Member&amp;gt;
      &amp;lt;Name&amp;gt;username&amp;lt;/Name&amp;gt;
      &amp;lt;Sid&amp;gt;S-1-5-21-2977299124-1876462163-2290217735-164370&amp;lt;/Sid&amp;gt;
    &amp;lt;/Member&amp;gt;
&lt;/code&gt;&lt;/pre&gt;
&lt;p&gt;I'm not actually having any problems with this, but as it just does not make sense I'd like to understand why it happens.&lt;/p&gt;
&lt;p&gt;Thanks!&lt;/p&gt;</t>
  </si>
  <si>
    <t>2018-11-13 22:12:22.417000+00:00</t>
  </si>
  <si>
    <t>sql-server|cube|user-roles</t>
  </si>
  <si>
    <t>Custom animation for viewpager</t>
  </si>
  <si>
    <t>&lt;p&gt;I'm working with viewPager and fragments and now I'm trying to get a custom animation, the &lt;a href="http://developer.android.com/training/animation/screen-slide.html#zoom-out" rel="noreferrer"&gt;zoom-out page transformation&lt;/a&gt; to be precisely.&lt;/p&gt;
&lt;p&gt;But I'm getting a few errors. I'll put the errors in comment with the code snippet.&lt;/p&gt;
&lt;p&gt;class MainActivity&lt;/p&gt;
&lt;pre&gt;&lt;code&gt;import android.support.v4.app.FragmentManager;
import android.os.Bundle;
import android.support.v4.app.FragmentActivity;
import android.support.v4.view.ViewPager;
import android.view.Menu;
public class MainActivity extends FragmentActivity {
    @Override
    protected void onCreate(Bundle savedInstanceState) {
        super.onCreate(savedInstanceState);
        setContentView(R.layout.activity_main);/** Getting a reference to the ViewPager defined the layout file */
        ViewPager pager = (ViewPager) findViewById(R.id.pager);
        /** Getting fragment manager */
        FragmentManager fm = getSupportFragmentManager();
        /** Instantiating FragmentPagerAdapter */
        MyFragmentPagerAdapter pagerAdapter = new MyFragmentPagerAdapter(fm);
        /** Setting the pagerAdapter to the pager object */
        pager.setAdapter(pagerAdapter);
        // **ERROR:The method setPageTransformer(boolean, ViewPager.PageTransformer) in the type ViewPager is not applicable for the arguments (boolean, ZoomOutPageTransformer)**
        pager.setPageTransformer(true, new ZoomOutPageTransformer());
    }
    @Override
    public boolean onCreateOptionsMenu(Menu menu) {
        getMenuInflater().inflate(R.menu.activity_main, menu);
        return true;
    }
}
&lt;/code&gt;&lt;/pre&gt;
&lt;p&gt;Class ZoomOutPageTransformer&lt;/p&gt;
&lt;pre&gt;&lt;code&gt;import android.view.View;
    // **ERROR on 'ViewPager.PageTransformer --&amp;gt; ViewPager cannot be resolved to a type **
    public class ZoomOutPageTransformer implements ViewPager.PageTransformer {
        private static float MIN_SCALE = 0.85f;
        private static float MIN_ALPHA = 0.5f;
        public void transformPage(View view, float position) {
            int pageWidth = view.getWidth();
            int pageHeight = view.getHeight();
            if (position &amp;lt; -1) { // [-Infinity,-1)
                // This page is way off-screen to the left.
                view.setAlpha(0);
            } else if (position &amp;lt;= 1) { // [-1,1]
                // Modify the default slide transition to shrink the page as well
                float scaleFactor = Math.max(MIN_SCALE, 1 - Math.abs(position));
                float vertMargin = pageHeight * (1 - scaleFactor) / 2;
                float horzMargin = pageWidth * (1 - scaleFactor) / 2;
                if (position &amp;lt; 0) {
                    view.setTranslationX(horzMargin - vertMargin / 2);
                } else {
                    view.setTranslationX(-horzMargin + vertMargin / 2);
                }
                // Scale the page down (between MIN_SCALE and 1)
                view.setScaleX(scaleFactor);
                view.setScaleY(scaleFactor);
                // Fade the page relative to its size.
                view.setAlpha(MIN_ALPHA +
                        (scaleFactor - MIN_SCALE) /
                        (1 - MIN_SCALE) * (1 - MIN_ALPHA));
            } else { // (1,+Infinity]
                // This page is way off-screen to the right.
                view.setAlpha(0);
            }
        }
    }
&lt;/code&gt;&lt;/pre&gt;</t>
  </si>
  <si>
    <t>2013-03-17 20:01:59.403000+00:00</t>
  </si>
  <si>
    <t>2016-04-20 19:28:58.510000+00:00</t>
  </si>
  <si>
    <t>android|android-viewpager|fragment|android-animation</t>
  </si>
  <si>
    <t>Getting access to the output of intermediate layers in keras based on the input tensor being fed</t>
  </si>
  <si>
    <t>&lt;p&gt;&lt;a href="https://i.stack.imgur.com/5VOb7.png" rel="nofollow noreferrer"&gt;Deep Domain Confusion architecture&lt;/a&gt;&lt;/p&gt;
&lt;p&gt;I am trying to implement the model proposed in the picture. The idea is to send labeled data and unlabeled data through the model, get access to the intermediate layer output named 'adapt_layer' based on the data (labeled, unlabeled), and calculate custom loss.&lt;/p&gt;
&lt;p&gt;I looked into Keras's API and have managed to implement so far:&lt;/p&gt;
&lt;pre&gt;&lt;code&gt;    model = load_model(weight_path)
    inp = model.input
    out = model.layers[-2].output
    adapt_layer = Dense(512, activation='sigmoid', name='adapt_layer')(out)
    preds = Dense(19, activation='softmax', name='predictions', activity_regularizer=regularizers.l2(0.01))(adapt_layer)
    vision_model = Model(inputs=inp, outputs=preds)
    labeled_input = Input(shape=(None, 1024, 1024, 3))
    unlabeled_input= Input(shape=(None, 1024, 1024, 3))
    preds_labeled = vision_model(labeled_input)
    labeled_features = vision_model(labeled_input).layers[-2].output
    unlabeled_features = vision_model(unlabeled_input).layers[-2].output
&lt;/code&gt;&lt;/pre&gt;
&lt;p&gt;Based on the architecture, we calculate a domain loss between the features of the labeled and unlabeled data, due to which I need access to them. Is there a way to get access to the features with respect to the inputs without making another model and using .predict()?&lt;/p&gt;</t>
  </si>
  <si>
    <t>2018-03-02 19:25:46.127000+00:00</t>
  </si>
  <si>
    <t>python|computer-vision|keras|keras-layer</t>
  </si>
  <si>
    <t>How to sync php project between IDEs?</t>
  </si>
  <si>
    <t>&lt;p&gt;I've been using NetBeans with xampp in windows Desktop. Now I start to learn Flash, as a consequence, I installed Flash Builder for PHP, Zend Server, and Zend Studio in windows laptop. I know I don't need to install those Zend stuffs, but FB provide nice intergration with Zend, So I think it might be more convinent.
Before I fully set my heart on FB+Zend in laptop, I still need to work on my project in NetBeans+xampp in desktop.&lt;/p&gt;
&lt;p&gt;How to keep files in sync between the 2 setup? Or, if I am on the wrong path, please shade lights.&lt;/p&gt;</t>
  </si>
  <si>
    <t>2012-01-31 10:46:41.673000+00:00</t>
  </si>
  <si>
    <t>2012-01-31 10:52:31.657000+00:00</t>
  </si>
  <si>
    <t>ide|flash-builder|zend-studio</t>
  </si>
  <si>
    <t>C++ mutex and const correctness</t>
  </si>
  <si>
    <t>&lt;p&gt;Is there convention regarding whenever method which is essentially read-only, but has mutex/ lock which may need to be modified, is const or not?&lt;/p&gt;
&lt;p&gt;if there is not one, what would be disadvantage/bad design if such method is &lt;code&gt;const&lt;/code&gt;&lt;/p&gt;
&lt;p&gt;Thank you&lt;/p&gt;</t>
  </si>
  <si>
    <t>2010-07-13 17:46:19.673000+00:00</t>
  </si>
  <si>
    <t>2015-08-07 22:05:49.073000+00:00</t>
  </si>
  <si>
    <t>javascript redirect to url after random time</t>
  </si>
  <si>
    <t>&lt;p&gt;I have this javascript redirect script which works &lt;/p&gt;
&lt;p&gt;&lt;div class="snippet" data-lang="js" data-hide="false"&gt;_x000D_
&lt;div class="snippet-code"&gt;_x000D_
&lt;pre class="snippet-code-js lang-js prettyprint-override"&gt;&lt;code&gt;&amp;lt;p&amp;gt;You will be redirected in &amp;lt;span id="counter"&amp;gt;120&amp;lt;/span&amp;gt; second(s).&amp;lt;/p&amp;gt;_x000D_
_x000D_
&amp;lt;script type="text/javascript"&amp;gt;_x000D_
function countdown() {_x000D_
    var i = document.getElementById('counter');_x000D_
    if (parseInt(i.innerHTML)&amp;lt;=0) {_x000D_
        location.href = 'http://example.com';_x000D_
    }_x000D_
    i.innerHTML = parseInt(i.innerHTML)-1;_x000D_
}_x000D_
setInterval(function(){ countdown(); },1000);_x000D_
&amp;lt;/script&amp;gt;&lt;/code&gt;&lt;/pre&gt;_x000D_
&lt;/div&gt;_x000D_
&lt;/div&gt;_x000D_
&lt;/p&gt;
&lt;p&gt;My question is: How can I get a random number (e.g. between 60 and 120) instead of a fixed number before the script redirects?&lt;/p&gt;</t>
  </si>
  <si>
    <t>2015-09-19 19:50:22.843000+00:00</t>
  </si>
  <si>
    <t>2015-09-19 19:53:46.957000+00:00</t>
  </si>
  <si>
    <t>javascript|redirect|random</t>
  </si>
  <si>
    <t>Poking a character into a parent process's buffer</t>
  </si>
  <si>
    <t>&lt;p&gt;I am trying to write a program that runs in the background that can "type" into a parent process, e.g. issue shell commands as if I had typed them myself at the keyboard. I have tried doing this with &lt;code&gt;ungetc()&lt;/code&gt; to push back to &lt;code&gt;STDIN&lt;/code&gt;:&lt;/p&gt;
&lt;pre&gt;&lt;code&gt;#include &amp;lt;stdio.h&amp;gt;
int main (int argc, char** argv) {
        ungetc('x', stdin);
        return 0;
}
&lt;/code&gt;&lt;/pre&gt;
&lt;p&gt;I would expect that doing:&lt;/p&gt;
&lt;pre&gt;&lt;code&gt;$ gcc -o unget unget.c
$ ./unget&amp;amp;
&lt;/code&gt;&lt;/pre&gt;
&lt;p&gt;Would have left me at the &lt;code&gt;$&lt;/code&gt; prompt with &lt;code&gt;x&lt;/code&gt; there as if I'd just typed it, but instead I get nothing. Have I "lost" &lt;code&gt;STDIN&lt;/code&gt; by going into the background? Thanks!&lt;/p&gt;</t>
  </si>
  <si>
    <t>2011-04-14 13:52:29.750000+00:00</t>
  </si>
  <si>
    <t>2011-04-14 15:01:17.690000+00:00</t>
  </si>
  <si>
    <t>c|shell|terminal|automated-tests</t>
  </si>
  <si>
    <t>PHP: Execute Server Commands To Remote Host</t>
  </si>
  <si>
    <t>&lt;p&gt;I'm new to the PHP world but wanting to set up a relatively simple PHP script that will execute shell commands to a remote host via ssh2_exec when a user presses a button on the web page. I'd like this to be processed via POST as opposed to GET. I want to avoid web CGI with bash scripts.&lt;/p&gt;
&lt;p&gt;After reviewing &lt;a href="http://php.net/manual/en/function.ssh2-exec.php" rel="nofollow"&gt;this documentation on ssh2_exec&lt;/a&gt; I was able to gather somewhat of an idea of what needs to be done, but I still am needing quite a bit of help.&lt;/p&gt;
&lt;p&gt;To help better understand what I'm trying to accomplish, let me explain. I'm looking to have two text fields and a submit button on a page. Let's call these text fields &lt;code&gt;$var1&lt;/code&gt; and &lt;code&gt;$var2&lt;/code&gt;. I want the user to fill out both text fields, hit submit, and that submit a command to a remote server that looks like:&lt;/p&gt;
&lt;pre&gt;&lt;code&gt;# [root@server] $var1 /home/$var2.sh
&lt;/code&gt;&lt;/pre&gt;
&lt;p&gt;Now I'm not anywhere near where I need to be, but the following is the (non-working) code I've compiled on my own and looking for ways to make it work, or improvements. Also I realize connecting to a remote server and running commands as root via a PHP script is not a good idea. But this is purely for development/testing and nothing production. I'm just trying to familiarize myself with the process. Anyway, here is what I have:&lt;/p&gt;
&lt;pre&gt;&lt;code&gt;&amp;lt;?php
    $connection = ssh2_connect('192.168.1.1', 22);
    ssh2_auth_password($connection, 'root', 'password');
    if (isset($_POST['button']))
    {
         $stream = ssh2_exec($connection, 'touch /root/test/test.txt');
    }
?&amp;gt;
&amp;lt;html&amp;gt;
&amp;lt;body&amp;gt;
    &amp;lt;form method="post"&amp;gt;
    &amp;lt;p&amp;gt;
        &amp;lt;button name="button"&amp;gt;Touch&amp;lt;/button&amp;gt;
    &amp;lt;/p&amp;gt;
    &amp;lt;/form&amp;gt;
&amp;lt;/body&amp;gt;
&lt;/code&gt;&lt;/pre&gt;
&lt;p&gt;Again, I'm sure the above code looks atrocious and entirely incorrect to a developer, but as I said I'm new to PHP so this was me just trying my best on my own.&lt;/p&gt;
&lt;p&gt;So with that said, if anyone has any type of insight, helpful links, tips, anything - it would be greatly appreciated!&lt;/p&gt;</t>
  </si>
  <si>
    <t>2014-09-18 20:44:14.883000+00:00</t>
  </si>
  <si>
    <t>2014-09-18 21:00:29.690000+00:00</t>
  </si>
  <si>
    <t>php|ssh2-exec</t>
  </si>
  <si>
    <t>Error with Elasticsearch Helpers Scan API when using query parameter</t>
  </si>
  <si>
    <t>&lt;p&gt;I am using Elasticsearch Helpers Scan API to output all bulk records from my index.
I wanted to use the query parameter to filter the certain records first and then use scan for which I referred to the standard doc for scan here . But as soon as I apply the query parameter it gives me a 400 error. Here is my line of code and error.&lt;/p&gt;
&lt;p&gt;Script:&lt;/p&gt;
&lt;pre&gt;&lt;code&gt;import elasticsearch
import elasticsearch.exceptions 
import elasticsearch.helpers as helpers
import time
es = elasticsearch.Elasticsearch('XXX.XX.XX.XX'],retry_on_timeout=True)  
scanResp = helpers.scan(client=es,scroll="5m",query={"match":{"channel_id": "34"}},index="my-index",timeout="10m",size=500)
resp={}
start_time = time.time()
for resp in scanResp:
    data = resp
    #print data.values()[3]
print("--- %s seconds ---" % (time.time() - start_time))
&lt;/code&gt;&lt;/pre&gt;
&lt;p&gt;Output:&lt;/p&gt;
&lt;blockquote&gt;
  &lt;p&gt;RequestError: TransportError(400,
  u'SearchPhaseExecutionException[Failed to execute phase [init_scan],
  all shards failed; shardFailures
  {[lEAncRHvQHKpPqlfw1NWEQ][dev-godam][0]:
  SearchParseException[[dev-godam][0]: from[-1],size[-1]: Parse Failure
  [Failed to parse source [{"match": {"master_channel_id": "34"}}]]];
  nested: SearchParseException[[dev-godam][0]: from[-1],size[-1]: Parse
  Failure [No parser for element [match]]];
  }{[lEAncRHvQHKpPqlfw1NWEQ][dev-godam][1]:
  SearchParseException[[dev-godam][1]: from[-1],size[-1]: Parse Failure
  [Failed to parse source [{"match": {"master_channel_id": "34"}}]]];
  nested: SearchParseException[[dev-godam][1]: from[-1],size[-1]: Parse
  Failure [No parser for element [match]]];
  }{[lEAncRHvQHKpPqlfw1NWEQ][dev-godam][2]:
  SearchParseException[[dev-godam][2]: from[-1],size[-1]: Parse Failure
  [Failed to parse source [{"match": {"master_channel_id": "34"}}]]];
  nested: SearchParseException[[dev-godam][2]: from[-1],size[-1]: Parse
  Failure [No parser for element [match]]];
  }{[lEAncRHvQHKpPqlfw1NWEQ][dev-godam][3]:
  SearchParseException[[dev-godam][3]: from[-1],size[-1]: Parse Failure
  [Failed to parse source [{"match": {"master_channel_id": "34"}}]]];
  nested: SearchParseException[[dev-godam][3]: from[-1],size[-1]: Parse
  Failure [No parser for element [match]]];
  }{[lEAncRHvQHKpPqlfw1NWEQ][dev-godam][4]:
  SearchParseException[[dev-godam][4]: from[-1],size[-1]: Parse Failure
  [Failed to parse source [{"match": {"master_channel_id": "34"}}]]];
  nested: SearchParseException[[dev-godam][4]: from[-1],size[-1]: Parse
  Failure [No parser for element [match]]]; }]')&lt;/p&gt;
&lt;/blockquote&gt;
&lt;p&gt;Looked on the internet but not sure what I have done wrong here.&lt;/p&gt;
&lt;p&gt;Any help is appreciated&lt;/p&gt;</t>
  </si>
  <si>
    <t>2015-10-23 11:21:07.210000+00:00</t>
  </si>
  <si>
    <t>2015-10-23 13:03:43.153000+00:00</t>
  </si>
  <si>
    <t>Branch on a template parameter in function?</t>
  </si>
  <si>
    <t>&lt;p&gt;I have a templated function, and at one point I would like to have different code depending on the template parameter:&lt;/p&gt;
&lt;pre&gt;&lt;code&gt;template &amp;lt;typename T&amp;gt;
void function(const T &amp;amp;param) {
    // generic code here...
    // pseudo-code:
    if constexpr isinstance(param, Banana) {
        param.peel();
    } else if constexpr isinstance(param, Apple) {
        // do nothing, Apple has no method `peel`
    }
}
&lt;/code&gt;&lt;/pre&gt;
&lt;p&gt;I don't want to specialize the whole function, since most of the code is shared. The statement I want to insert is acutally a temporary debugging measure. I know the correct thing would be to create a overloaded function &lt;code&gt;doPeel&lt;/code&gt; and call that instead:&lt;/p&gt;
&lt;pre&gt;&lt;code&gt;void doPeel(const Banana &amp;amp;param) { param.peel(); }
void doPeel(const Apple &amp;amp;param) {}
&lt;/code&gt;&lt;/pre&gt;
&lt;p&gt;But I'm curious, is there a way to tell at compile time, in a function, what (template specialization) type a given variable is... in order to use statements that only compile for one type?&lt;/p&gt;
&lt;p&gt;I wonder if something like that is possible with &lt;code&gt;constexpr&lt;/code&gt; - or does the compiler enforce types in a discarded branch? I also tried making up something with lambdas - defining lambdas for both cases and only calling one, but I could not find a way to do it. Any ideas?&lt;/p&gt;</t>
  </si>
  <si>
    <t>2016-10-24 09:48:43.597000+00:00</t>
  </si>
  <si>
    <t>2016-11-04 08:34:51.497000+00:00</t>
  </si>
  <si>
    <t>c++|templates|constexpr</t>
  </si>
  <si>
    <t>Getting really weird Error messages when trying to do HitDetection on a UIBezierPath</t>
  </si>
  <si>
    <t>&lt;p&gt;I have added this method to check if a &lt;code&gt;CGPoint&lt;/code&gt; is inside a &lt;code&gt;UIBezierPath&lt;/code&gt;&lt;/p&gt;
&lt;pre&gt;&lt;code&gt;- (BOOL)isPointInPath:(CGPoint)point inShape:(BOOL)inShape {
CGContextRef context = UIGraphicsGetCurrentContext();
CGPathRef cgPath = path.CGPath;
CGPathDrawingMode mode = kCGPathStroke;
if (inShape) mode = kCGPathFill;
CGContextSaveGState(context);
CGContextAddPath(context, cgPath);
bool isHit = CGContextPathContainsPoint(context, point, mode);
CGContextRestoreGState(context);
return isHit;
}
&lt;/code&gt;&lt;/pre&gt;
&lt;p&gt;&lt;code&gt;path&lt;/code&gt; is a &lt;code&gt;UIBezierPath&lt;/code&gt; declared in the header file.&lt;/p&gt;
&lt;p&gt;When I call this method outside the &lt;code&gt;drawRect:&lt;/code&gt; method I get these 4 error messages:&lt;/p&gt;
&lt;pre&gt;&lt;code&gt;CGContextSaveGState: invalid context 0x0
CGContextAddPath: invalid context 0x0
CGContextPathContainsPoint: invalid context 0x0
CGContextRestoreGState: invalid context 0x0
&lt;/code&gt;&lt;/pre&gt;
&lt;p&gt;But when I call it inside the &lt;code&gt;drawRect:&lt;/code&gt; and after the drawing it works.&lt;/p&gt;
&lt;p&gt;Why doesn't it work outside the &lt;code&gt;drawRect:&lt;/code&gt;? It makes no sense to me.&lt;/p&gt;</t>
  </si>
  <si>
    <t>2013-08-11 20:50:44.490000+00:00</t>
  </si>
  <si>
    <t>2013-08-11 21:34:25.797000+00:00</t>
  </si>
  <si>
    <t>ios|boolean|drawrect|cgcontext|uibezierpath</t>
  </si>
  <si>
    <t>imageButton in android's dialog?</t>
  </si>
  <si>
    <t>&lt;p&gt;I want to put an imageButton instead of the default positive button.
using layout is not good enough because it doesn't replace the positive button.
does anyone know if it is possible to override the default buttons, or set their background?&lt;/p&gt;</t>
  </si>
  <si>
    <t>2011-07-13 13:20:56.707000+00:00</t>
  </si>
  <si>
    <t>2011-07-13 13:34:58.450000+00:00</t>
  </si>
  <si>
    <t>java|android|layout|dialog|imagebutton</t>
  </si>
  <si>
    <t>Editing XML with Etree and Python</t>
  </si>
  <si>
    <t>&lt;p&gt;I have a Jboss &lt;code&gt;host.xml&lt;/code&gt; file that has the effective structure of &lt;/p&gt;
&lt;pre&gt;&lt;code&gt;&amp;lt;host xmlns="urn:jboss:domain:1.5"&amp;gt;
...
    &amp;lt;domain-controller&amp;gt;
       &amp;lt;remote host="${jboss.domain.master.address}" port="${jboss.domain.master.port:9999}" security-realm="ManagementRealm"/&amp;gt;
    &amp;lt;/domain-controller&amp;gt;
...
&amp;lt;/host&amp;gt;
&lt;/code&gt;&lt;/pre&gt;
&lt;p&gt;And am attempting to update the remote host using &lt;code&gt;Etree&lt;/code&gt; based on the first parameter passed into the script, however using the following code, its not even been able to find the domain-controller stanza&lt;/p&gt;
&lt;pre&gt;&lt;code&gt;import xml.etree.ElementTree as ET
import sys
newhost=sys.argv[1]
tree = ET.parse('host.xml').getroot()
print len(tree.findall('domain-controller'))
for elem in tree.findall('domain-controller'):
        print elem
    oldhost = elem.find('./remote').text
    print oldhosthost
    oldhost.set('host','newhost')
&lt;/code&gt;&lt;/pre&gt;
&lt;p&gt;I've been able to find the correct element using &lt;code&gt;minidom&lt;/code&gt; and &lt;code&gt;getElementsByTagName&lt;/code&gt;, but would rather work with &lt;code&gt;Etree&lt;/code&gt; as that seems to be the preferred approach.&lt;/p&gt;
&lt;p&gt;Would someone mind telling me what I'm doing wrong?&lt;/p&gt;</t>
  </si>
  <si>
    <t>2014-05-18 15:54:06.200000+00:00</t>
  </si>
  <si>
    <t>2014-05-18 16:08:19.173000+00:00</t>
  </si>
  <si>
    <t>2014-05-18 15:56:10.300000+00:00</t>
  </si>
  <si>
    <t>python|xml|jboss|elementtree</t>
  </si>
  <si>
    <t>Java Applet Display Issue</t>
  </si>
  <si>
    <t>&lt;p&gt;The problem is with this program which calculates correctly and does output the information correctly, is that while it outputs the correct values, it does not display them correctly. They are randomly cut off or covered up partially. If I resize the applet window, even if i don't move it but just click the adjustment bar, it moves the output sentance and displays it correctly. Below is my Java code. &lt;/p&gt;
&lt;pre&gt;&lt;code&gt;/* 
 *Programmer 
 *Project: Ohm's Law AKA the program of difficulties
 */ 
import java.awt. *; 
import java.applet.*;
import java.awt.event.*;
import java.awt.datatransfer.*;
import java.text.DecimalFormat;
public class ohmslaw extends Applet implements ActionListener 
{
    Color seablue = new Color(70,191,243);
    Color white = new Color (250,250,250);
    Color black = new Color (0,0,0);
    Color NavyBlue = new Color (0,0,153);
    Color VegasGold = new Color (197,179,88); 
    Font fontOne = new Font("Century Schoolbook",Font.PLAIN, 16);
    Font fontTwo = new Font("Comic Sans", Font.BOLD, 16);
    Font fontThree = new Font ("Times New Roman", Font.PLAIN, 16);
    Label titleLabel = new Label ("The Ohm's Law calculator");
    Label noteLabel = new Label ("For all unknown values enter 0");
    Label voltagelabel = new Label ("Please enter the voltage");
    TextField voltageField = new TextField(10); 
    Label currentlabel = new Label ("Please enter the current"); 
    TextField currentField = new TextField(10); 
    Label resistancelabel = new Label ("Please enter the resistance"); 
    TextField resistanceField = new TextField(10); 
    Button calcButton = new Button("Calculate");
    Label calcLabel = new Label("Click calculate to output the other variable");
    Button clearButton = new Button("Clear");   
    Label clearLabel = new Label("Click the Clear Buttton to add new data.");
    Label newresistanceLabel = new Label ("                 ");
    Label newcurrentLabel = new Label ("                    ");
    Label newvoltageLabel = new Label ("                    ");
    Label blankarea = new Label ("                          "); 
    public void init()
    {
        setBackground(seablue);
        setForeground(white); 
        add(titleLabel); 
        add(noteLabel); 
        add(voltagelabel); 
        setForeground(black);
        add(voltageField);
        setForeground(white); 
        add(currentlabel); 
        setForeground(black);
        add(currentField);
        setForeground(white); 
        add(resistancelabel); 
        setForeground(black); 
        add(resistanceField);
        add(calcButton); 
        calcButton.addActionListener(this); 
        setForeground(white);
        setForeground(black); 
        add(clearButton);
        clearButton.addActionListener(this);
        setForeground(white);
        add(clearLabel);
        add(newresistanceLabel);
        add(newcurrentLabel);
        add(newvoltageLabel); 
    }
    public void actionPerformed(ActionEvent e)
    {
        double resistance;
        double current;
        double voltage; 
        if(e.getActionCommand() == "Calculate")
        {
            resistance = Double.parseDouble(resistanceField.getText());
            current = Double.parseDouble(currentField.getText());
            voltage = Double.parseDouble(voltageField.getText()); 
            if(resistance == 0)
            {
            doResistance(current, voltage); 
            }
            if(current == 0)
            {
                doCurrent(resistance, voltage);
            }   
            if(voltage == 0)
            {
                doVoltage(resistance, current);
            }
        }   
        if(e.getActionCommand() == "Clear")
        {
            voltageField.setText("");
            currentField.setText(""); 
            resistanceField.setText("");
            newresistanceLabel.setText ("      ");
            newcurrentLabel.setText ("         ");
            newvoltageLabel.setText("         ");
            calcLabel.setText("Click the Calculate Button to output your other value.");
            voltageField.requestFocus();
        }
    }
    public double doResistance(double current, double voltage)
    {
        double Rfinal;
            Rfinal = ((voltage)/(current));
            ResistanceOutput(current, voltage, Rfinal);
            return(0);
    } 
    public double doCurrent(double resistance, double voltage)
    {
        double Ifinal;
            Ifinal = ((voltage)/(resistance));
            CurrentOutput(resistance, voltage, Ifinal);
            return (0); 
    }
    public double doVoltage(double resistance, double current)
    {
        double Vfinal;
            Vfinal = ((resistance)*(current));
            VoltageOutput(resistance, current, Vfinal);
            return(0); 
    }
    public double ResistanceOutput(double current, double voltage, double Rfinal)
    {
        DecimalFormat two = new DecimalFormat(".0");
        newresistanceLabel.setForeground(white);
        newresistanceLabel.setText("Your Resistance is " 
            + two.format(Rfinal) + ".");
        return(0);
    }
    public double CurrentOutput(double resistance, double voltage, double Ifinal)
    {
                    DecimalFormat two = new DecimalFormat(".0");
        newcurrentLabel.setForeground(white);
        newcurrentLabel.setText("Your current is " 
            + two.format(Ifinal) + ".");
        return(0);
    }
    public double VoltageOutput(double resistance, double current, double Vfinal)
    {
        DecimalFormat two = new DecimalFormat(".0");
        newvoltageLabel.setForeground(white);
        newvoltageLabel.setText("Your voltage is " 
            + two.format(Vfinal) + ".");
        return(0);
    }
        public void paint(Graphics g)
    {
        Image picture;
        picture = getImage(getDocumentBase(), "ohm.jpg");
        g.drawImage(picture, 55,350, this); 
    }
}
&lt;/code&gt;&lt;/pre&gt;</t>
  </si>
  <si>
    <t>2013-03-19 17:10:35.443000+00:00</t>
  </si>
  <si>
    <t>2018-05-28 22:27:49.157000+00:00</t>
  </si>
  <si>
    <t>java|applet|awt|layout-manager</t>
  </si>
  <si>
    <t>Error 'unknown locale: UTF-8' on 'pandas' import (Mac OS X) when running fish shell</t>
  </si>
  <si>
    <t>&lt;p&gt;I've recently upgraded to Python 3.5 and the newest version of pandas &lt;code&gt;pandas (0.17.1)&lt;/code&gt;, but this broke the package for me. I'm on Mac OS X 10.9.5, using the fish shell. What can I do?&lt;/p&gt;
&lt;pre&gt;&lt;code&gt;cls@clsmba ~&amp;gt; python3
Python 3.5.0 (default, Sep 23 2015, 04:41:33) 
[GCC 4.2.1 Compatible Apple LLVM 6.0 (clang-600.0.57)] on darwin
Type "help", "copyright", "credits" or "license" for more information.
&amp;gt;&amp;gt;&amp;gt; import pandas
Traceback (most recent call last):
  File "&amp;lt;stdin&amp;gt;", line 1, in &amp;lt;module&amp;gt;
  File "/usr/local/lib/python3.5/site-packages/pandas/__init__.py", line 44, in &amp;lt;module&amp;gt;
    from pandas.core.api import *
  File "/usr/local/lib/python3.5/site-packages/pandas/core/api.py", line 9, in &amp;lt;module&amp;gt;
    from pandas.core.groupby import Grouper
  File "/usr/local/lib/python3.5/site-packages/pandas/core/groupby.py", line 17, in &amp;lt;module&amp;gt;
    from pandas.core.frame import DataFrame
  File "/usr/local/lib/python3.5/site-packages/pandas/core/frame.py", line 41, in &amp;lt;module&amp;gt;
    from pandas.core.series import Series
  File "/usr/local/lib/python3.5/site-packages/pandas/core/series.py", line 2909, in &amp;lt;module&amp;gt;
    import pandas.tools.plotting as _gfx
  File "/usr/local/lib/python3.5/site-packages/pandas/tools/plotting.py", line 28, in &amp;lt;module&amp;gt;
    import pandas.tseries.converter as conv
  File "/usr/local/lib/python3.5/site-packages/pandas/tseries/converter.py", line 7, in &amp;lt;module&amp;gt;
    import matplotlib.units as units
  File "/usr/local/lib/python3.5/site-packages/matplotlib/__init__.py", line 1131, in &amp;lt;module&amp;gt;
    rcParams = rc_params()
  File "/usr/local/lib/python3.5/site-packages/matplotlib/__init__.py", line 975, in rc_params
    return rc_params_from_file(fname, fail_on_error)
  File "/usr/local/lib/python3.5/site-packages/matplotlib/__init__.py", line 1100, in rc_params_from_file
    config_from_file = _rc_params_in_file(fname, fail_on_error)
  File "/usr/local/lib/python3.5/site-packages/matplotlib/__init__.py", line 1018, in _rc_params_in_file
    with _open_file_or_url(fname) as fd:
  File "/usr/local/Cellar/python3/3.5.0/Frameworks/Python.framework/Versions/3.5/lib/python3.5/contextlib.py", line 59, in __enter__
    return next(self.gen)
  File "/usr/local/lib/python3.5/site-packages/matplotlib/__init__.py", line 1000, in _open_file_or_url
    encoding = locale.getdefaultlocale()[1]
  File "/usr/local/Cellar/python3/3.5.0/Frameworks/Python.framework/Versions/3.5/lib/python3.5/locale.py", line 559, in getdefaultlocale
    return _parse_localename(localename)
  File "/usr/local/Cellar/python3/3.5.0/Frameworks/Python.framework/Versions/3.5/lib/python3.5/locale.py", line 487, in _parse_localename
    raise ValueError('unknown locale: %s' % localename)
ValueError: unknown locale: UTF-8
&lt;/code&gt;&lt;/pre&gt;</t>
  </si>
  <si>
    <t>2015-11-24 17:36:48.873000+00:00</t>
  </si>
  <si>
    <t>2015-11-26 07:32:23.213000+00:00</t>
  </si>
  <si>
    <t>2015-11-24 17:54:46.587000+00:00</t>
  </si>
  <si>
    <t>python|macos|fish</t>
  </si>
  <si>
    <t>nodejs cross-origin read blocking issue with image resources and canvas</t>
  </si>
  <si>
    <t>&lt;p&gt;I have a nodejs application were cors setup is done using cors package from expressjs.&lt;br&gt;
&lt;strong&gt;My cors setup code is :&lt;/strong&gt;&lt;/p&gt;
&lt;pre&gt;&lt;code&gt;var whitelist = ['https://shajao.com', 'https://www.shajao.com'];
var corsOptions = {
    origin: function (origin, callback) {
        if (whitelist.indexOf(origin) !== -1) {
            callback(null, true)
        } else {
            callback(new Error('Not allowed by CORS'))
        }
    },
    allowedHeaders: ['Content-Type', 'Authorization', 'Content-Length', 'X-Requested-With', 'Accept'],
    methods: ['GET', 'PUT', 'POST', 'DELETE', 'OPTIONS'],
    optionsSuccessStatus: 200 // some legacy browsers (IE11, various SmartTVs) choke on 204
}
app.use(cors(corsOptions));
app.use(express.static(path.join(__dirname, '/public/')));
&lt;/code&gt;&lt;/pre&gt;
&lt;p&gt;apis are called from an angular application which is getting server reponses perfectly. So cors is working nicely here. But image resources are getting blocked by cors.&lt;/p&gt;
&lt;p&gt;&lt;strong&gt;Url to visit if you want to see the problem :&lt;/strong&gt;
&lt;a href="https://shajao.com/frames" rel="nofollow noreferrer"&gt;https://shajao.com/frames&lt;/a&gt;&lt;/p&gt;
&lt;p&gt;&lt;strong&gt;Sample image url:&lt;/strong&gt; &lt;a href="https://api.shajao.com/uploads/frames/8cf9006f-0225-461b-a4f2-153737152274.png" rel="nofollow noreferrer"&gt;https://api.shajao.com/uploads/frames/8cf9006f-0225-461b-a4f2-153737152274.png&lt;/a&gt;&lt;/p&gt;
&lt;p&gt;&lt;a href="https://i.stack.imgur.com/6tlQm.png" rel="nofollow noreferrer"&gt;&lt;img src="https://i.stack.imgur.com/6tlQm.png" alt="CORS Errors i am getting"&gt;&lt;/a&gt;&lt;/p&gt;</t>
  </si>
  <si>
    <t>2018-09-04 09:28:19.837000+00:00</t>
  </si>
  <si>
    <t>2018-09-04 11:44:31.647000+00:00</t>
  </si>
  <si>
    <t>node.js|express|cross-origin-read-blocking</t>
  </si>
  <si>
    <t>How can I pass non-consecutive parameters to a function?</t>
  </si>
  <si>
    <t>&lt;pre&gt;&lt;code&gt;function foo($x="", $y="", $z=""){
    echo $x .'-'. $y .'-'. $z;
}
foo('hello', $z='world');
&amp;gt; hello-world-
&lt;/code&gt;&lt;/pre&gt;
&lt;p&gt;I would like to print 'hello--world'. Do I need to specify all arguments between x and z to accomplish that?&lt;/p&gt;</t>
  </si>
  <si>
    <t>2017-02-10 22:10:41.270000+00:00</t>
  </si>
  <si>
    <t>2017-02-10 22:28:19.667000+00:00</t>
  </si>
  <si>
    <t>php|parameters|arguments|parameter-passing</t>
  </si>
  <si>
    <t>FacebookTokenError: This authorization code has been used</t>
  </si>
  <si>
    <t>&lt;p&gt;Ok, so this is a common error with many causes. I am trying to modify an existing Node-Passport-Facebook module to have local images from the desktop uploaded to a users Facebook account after they log in. That is my goal. &lt;br&gt;This is the code module I am extending&lt;br&gt;
&lt;a href="https://github.com/passport/express-4.x-local-example" rel="nofollow"&gt;https://github.com/passport/express-4.x-local-example&lt;/a&gt;&lt;/p&gt;
&lt;p&gt;which in turn is based on
&lt;a href="https://github.com/jaredhanson/passport-facebook" rel="nofollow"&gt;https://github.com/jaredhanson/passport-facebook&lt;/a&gt;&lt;/p&gt;
&lt;p&gt;I never get past &lt;strong&gt;&lt;em&gt;console.log('ERROR HERE..&lt;/em&gt;&lt;/strong&gt;. with an error of &lt;strong&gt;"This authorization code has been used."&lt;/strong&gt;  &lt;br&gt;
What's confusing is that the auth code returned is ALWAYS DIFFERENT! so how could it already have been used when I try and exchange it for an access token?&lt;br&gt;
Can anyone offer some suggestions, and or next steps I might try? My hunch is that there is something about Passport.js that is not implemented properly.&lt;br&gt;
So my question is, how would I modify the code below (based on this passport facebook example) &lt;a href="https://github.com/passport/express-4.x-facebook-example/blob/master/server.js" rel="nofollow"&gt;https://github.com/passport/express-4.x-facebook-example/blob/master/server.js&lt;/a&gt;&lt;br&gt;to upload an image after logging in?&lt;/p&gt;
&lt;pre&gt;&lt;code&gt;var express = require('express');
var passport = require('passport');
var Strategy = require('passport-facebook').Strategy;
var CLIENTSECRET ='&amp;lt;client secret&amp;gt;';
var APPID ='&amp;lt;app id&amp;gt;';
// Configure the Facebook strategy for use by Passport.
//
// OAuth 2.0-based strategies require a `verify` function which receives the
// credential (`accessToken`) for accessing the Facebook API on the user's
// behalf, along with the user's profile.  The function must invoke `cb`
// with a user object, which will be set at `req.user` in route handlers after
// authentication.
passport.use(new Strategy({
    clientID: APPID,
    clientSecret: CLIENTSECRET,
    callbackURL: 'http://localhost:3000/login/facebook/return',
    enableProof: true
    //callbackURL: 'http://localhost:3000/login/facebook/return'
  },
  function(accessToken, refreshToken, profile, cb) {
    // In this example, the user's Facebook profile is supplied as the user
    // record.  In a production-quality application, the Facebook profile should
    // be associated with a user record in the application's database, which
    // allows for account linking and authentication with other identity
    // providers.
    cb(null, profile);
  }));
// Configure Passport authenticated session persistence.
//
// In order to restore authentication state across HTTP requests, Passport needs
// to serialize users into and deserialize users out of the session.  In a
// production-quality application, this would typically be as simple as
// supplying the user ID when serializing, and querying the user record by ID
// from the database when deserializing.  However, due to the fact that this
// example does not have a database, the complete Twitter profile is serialized
// and deserialized.
passport.serializeUser(function(user, cb) {
  cb(null, user);
});
passport.deserializeUser(function(obj, cb) {
    console.log(" ");
    console.log("ASSERT passport.deserializeUser being called");
    console.log(" ");
    cb(null, obj);
});
// Create a new Express application.
var app = express();
// Configure view engine to render EJS templates.
app.set('views', __dirname + '/views');
app.set('view engine', 'ejs');
// Use application-level middleware for common functionality, including
// logging, parsing, and session handling.
app.use(require('morgan')('combined'));
app.use(require('cookie-parser')());
app.use(require('body-parser').urlencoded({ extended: true }));
app.use(require('express-session')({ secret: 'keyboard cat', resave: true, saveUninitialized: true }));
// Initialize Passport and restore authentication state, if any, from the
// session.
app.use(passport.initialize());
//app.use(passport.session());
// Define routes.
app.get('/',
  function(req, res) {
    res.render('home', { user: req.user });
  });
app.get('/login',
  function(req, res){
    res.render('login');
  });
app.get('/login/facebook',
  passport.authenticate('facebook'));
app.get('/login/facebook/return', 
  passport.authenticate('facebook', { failureRedirect: '/login' }),
  function(req, res) {
    //my code changes start here!!
    var code = req.query.code;
    console.log("1 ASSERT after successful login! code="+code);
    if(req.query.error) {
        // user might have disallowed the app
        return res.send('login-error ' + req.query.error_description);
    } else if(!code) {
        return res.redirect('/');
    }
    var options={
        host:'graph.facebook.com',      
        path:'/oauth/access_token?client_id='+APPID+'&amp;amp;code='+code +'&amp;amp;client_secret='+CLIENTSECRET+'&amp;amp;redirect_uri=http://localhost:3000/login/faceboo k/return'
    }       
    var https=require('https'); 
    https.get(options,function(res){
         res.setEncoding('utf8');       
         res.on('data', function (chunk) {
                console.log('ERROR HERE'+chunk);
        });
    });    
    console.log("2  ASSERT after successful login!")
     //my code changes end here!!
});
app.get('/profile',
  require('connect-ensure-login').ensureLoggedIn(),
  function(req, res){
    res.render('profile', { user: req.user });
  });
app.listen(3000);
&lt;/code&gt;&lt;/pre&gt;</t>
  </si>
  <si>
    <t>2016-03-08 03:10:45.473000+00:00</t>
  </si>
  <si>
    <t>2016-03-12 00:44:41.783000+00:00</t>
  </si>
  <si>
    <t>2016-03-11 22:31:01.613000+00:00</t>
  </si>
  <si>
    <t>node.js|facebook|facebook-graph-api|oauth|passport.js</t>
  </si>
  <si>
    <t>Angular JS ui-router not loading view</t>
  </si>
  <si>
    <t>&lt;p&gt;I am having trouble with my Angular JS ui-router and every question I have found on here shows a solutions I have already tried.&lt;/p&gt;
&lt;p&gt;In my ui-view-tag my actual template is not displayed.&lt;/p&gt;
&lt;pre&gt;&lt;code&gt;&amp;lt;body ng-app="myApp"&amp;gt;
&amp;lt;div class="row"&amp;gt;
  &amp;lt;div class="col-md-6 col-md-offset-2"&amp;gt;
    &amp;lt;ui-view&amp;gt;&amp;lt;/ui-view&amp;gt;
  &amp;lt;/div&amp;gt;
&amp;lt;/div&amp;gt;
&amp;lt;/body&amp;gt;
&lt;/code&gt;&lt;/pre&gt;
&lt;p&gt;This is my app.js&lt;/p&gt;
&lt;pre&gt;&lt;code&gt;angular.module('myApp', ['ui.router'])
 .config(['$stateProvider', '$urlRouterProvider',
   function($stateProvider, $urlRouterProvider) {
$stateProvider
.state('home', {
    url: '/',
    templateUrl: 'home.html',
    controller: 'MainCtrl'
})
   $urlRouterProvider.otherwise('home');
}])
&lt;/code&gt;&lt;/pre&gt;
&lt;p&gt;Thank you very much everybody, I would really appreciate a short feedback on that.&lt;/p&gt;</t>
  </si>
  <si>
    <t>2016-07-27 00:36:15.817000+00:00</t>
  </si>
  <si>
    <t>2016-07-27 00:55:31.703000+00:00</t>
  </si>
  <si>
    <t>javascript|angularjs|angular-ui-router</t>
  </si>
  <si>
    <t>How to reset a CSS attribute that's been changed using JavaScript?</t>
  </si>
  <si>
    <t>&lt;p&gt;I have navigation buttons that increase in width from 100px, to 150px when hovered over :&lt;/p&gt;
&lt;pre&gt;&lt;code&gt;nav li:hover{
width:150px;
}
&lt;/code&gt;&lt;/pre&gt;
&lt;p&gt;But using javascript I have made it so that which ever option has been selected, will continue to have a width of 150px. When each option is selected, it makes the other options go back to 100px as I intended :&lt;/p&gt;
&lt;pre&gt;&lt;code&gt;function show1(){
document.getElementById("nav1").style.width="150px";
document.getElementById("nav2").style.width="100px";
document.getElementById("nav3").style.width="100px";
}
function show2(){
document.getElementById("nav2").style.width="150px";
document.getElementById("nav1").style.width="100px";
document.getElementById("nav3").style.width="100px";
}
function show3(){
document.getElementById("nav3").style.width="150px";
document.getElementById("nav1").style.width="100px";
document.getElementById("nav2").style.width="100px";
}
&lt;/code&gt;&lt;/pre&gt;
&lt;p&gt;The problem is, once one of the navigation options has been selected, they no longer increase in width to 150px when hovered over, because the functions have set them to stay at 100px.&lt;/p&gt;
&lt;p&gt;I am trying to work out how to make it so that each of the navigation buttons always increases in width when hovered over, while whichever one has been selected stays at the increased length. So i'm trying to find a way to reset the width value to how it is defined by my CSS after each function is executed.&lt;/p&gt;
&lt;p&gt;Anyone know how to solve this? I'm fairly beginner level at javacript. &lt;/p&gt;</t>
  </si>
  <si>
    <t>2014-03-26 21:09:09.430000+00:00</t>
  </si>
  <si>
    <t>2014-03-26 21:28:16.573000+00:00</t>
  </si>
  <si>
    <t>javascript|css|attributes|reset</t>
  </si>
  <si>
    <t>Hide and show elements using checkbox</t>
  </si>
  <si>
    <t>&lt;p&gt;Good Day! Want to hide/show elements using checkboxes attribute ("checked", false/true). So I created this example to explain what I want to have.
&lt;a href="https://jsfiddle.net/9LzLm9hx/4/" rel="nofollow"&gt;https://jsfiddle.net/9LzLm9hx/4/&lt;/a&gt;
 Try to check and uncheck category checkbox and then push the button &lt;code&gt;hide/show&lt;/code&gt;. When this checkbox is &lt;code&gt;false&lt;/code&gt; it hides, but I can't make them &lt;code&gt;true&lt;/code&gt; after that. Thanks.&lt;/p&gt;</t>
  </si>
  <si>
    <t>2015-12-02 12:08:30.050000+00:00</t>
  </si>
  <si>
    <t>2015-12-02 12:29:01.600000+00:00</t>
  </si>
  <si>
    <t>javascript|jquery|html|css|checkbox</t>
  </si>
  <si>
    <t>Graph API LocateDevice Action</t>
  </si>
  <si>
    <t>&lt;p&gt;Using this query via Graph Explorer:
POST &lt;a href="https://graph.microsoft.com/v1.0/deviceManagement/managedDevices/" rel="nofollow noreferrer"&gt;https://graph.microsoft.com/v1.0/deviceManagement/managedDevices/&lt;/a&gt;{managedDeviceId}/locateDevice
I've modified all permissions to the required permissions, in-fact I have allowed all permissions possible.
However when I run this I get a "resource not found" error.&lt;/p&gt;
&lt;p&gt;I'm learning Graph API with 0 coding background other than some PowerShell knowledge.&lt;/p&gt;</t>
  </si>
  <si>
    <t>2018-02-20 23:12:41.160000+00:00</t>
  </si>
  <si>
    <t>2018-02-26 05:17:13.433000+00:00</t>
  </si>
  <si>
    <t>microsoft-graph|azure-ad-graph-api|intune</t>
  </si>
  <si>
    <t>How to get selected date from html element where input type=date using javascript</t>
  </si>
  <si>
    <t>&lt;p&gt;&lt;div class="snippet" data-lang="js" data-hide="false" data-console="true" data-babel="false"&gt;_x000D_
&lt;div class="snippet-code"&gt;_x000D_
&lt;pre class="snippet-code-js lang-js prettyprint-override"&gt;&lt;code&gt;&amp;lt;script&amp;gt;_x000D_
_x000D_
function datechecker()_x000D_
 {_x000D_
      /* Here,How can i display selected date*/_x000D_
 }_x000D_
&amp;lt;/script&amp;gt;&lt;/code&gt;&lt;/pre&gt;_x000D_
&lt;pre class="snippet-code-html lang-html prettyprint-override"&gt;&lt;code&gt;&amp;lt;!DOCTYPE html&amp;gt;_x000D_
&amp;lt;html&amp;gt;_x000D_
&amp;lt;head&amp;gt;_x000D_
 &amp;lt;title&amp;gt;&amp;lt;/title&amp;gt;_x000D_
&amp;lt;/head&amp;gt;_x000D_
&amp;lt;body&amp;gt;_x000D_
  _x000D_
&amp;lt;form method="POST" role="form" name="myform" enctype="multipart/form-data"&amp;gt;_x000D_
  &amp;lt;h2&amp;gt;Please select datey&amp;lt;/h2&amp;gt;_x000D_
  &amp;lt;input type="date" id="jsdate"  name="txtdate"&amp;gt;_x000D_
  &amp;lt;input type="submit" onclick="datechecker()" value="Check"&amp;gt;_x000D_
  &amp;lt;/form&amp;gt;_x000D_
&amp;lt;/body&amp;gt;_x000D_
&amp;lt;/html&amp;gt;&lt;/code&gt;&lt;/pre&gt;_x000D_
&lt;/div&gt;_x000D_
&lt;/div&gt;_x000D_
&lt;/p&gt;
&lt;p&gt;Here I have defined &lt;code&gt;input type=date&lt;/code&gt; to select date....and i want to &lt;strong&gt;display that selected date using javascript&lt;/strong&gt; only....how can i do it??&lt;/p&gt;</t>
  </si>
  <si>
    <t>2018-03-12 10:52:33.420000+00:00</t>
  </si>
  <si>
    <t>2018-03-12 11:01:06.763000+00:00</t>
  </si>
  <si>
    <t>Select Row values based on values in another row</t>
  </si>
  <si>
    <t>&lt;p&gt;I have a table that has an auto-incrementing identity "Reference" field and a pair of other fields that determine the sort order. What I need to do is find the 'next' item in the table when sorted based on the pair of fields based on the reference field of an initial item.&lt;/p&gt;
&lt;p&gt;So my data looks like this when sorted by SortParent.SortChild:&lt;/p&gt;
&lt;pre&gt;&lt;code&gt;Reference  SortParent  SortChild  Data
------------------------------------------
9          1           2          Fred
7          1           3          Jim
11         1           4          Sheila
4          2           1          Micro
5          2           2          Archimedes
12         2           3          Electron
&lt;/code&gt;&lt;/pre&gt;
&lt;p&gt;So in this example the "Jim" row (Reference=7) comes after "Fred" (Reference=9) even though it's reference is smaller.&lt;/p&gt;
&lt;p&gt;So i want to be able to find which row comes after Fred by searching based on Jim's reference &lt;/p&gt;
&lt;p&gt;At the moment in code I do a query to find the values for Fred's row:&lt;/p&gt;
&lt;pre&gt;&lt;code&gt;SELECT SortParent,SortChild From MyTable WHERE Reference=9
&lt;/code&gt;&lt;/pre&gt;
&lt;p&gt;Which returns 1,2. Then do a search for the first row that comes after 1,2:&lt;/p&gt;
&lt;pre&gt;&lt;code&gt;SELECT * FROM MyTable 
WHERE ((SortParent=1 and SortChild&amp;gt;2) OR (SortParent&amp;gt;2))
ORDER BY SortParent,SortChild
&lt;/code&gt;&lt;/pre&gt;
&lt;p&gt;Which will therefore come back with the row having reference 7 and sort values 1,3&lt;/p&gt;
&lt;p&gt;I'm pretty sure this can be done in a single query, but i'm stumped on the best way.&lt;/p&gt;
&lt;p&gt;Incidentally, if anyone has any suggestions on alternate way of handling the two part sort columns that would make this easier, please feel free to help!&lt;/p&gt;</t>
  </si>
  <si>
    <t>2016-01-11 00:16:51.037000+00:00</t>
  </si>
  <si>
    <t>2016-01-11 19:48:31.200000+00:00</t>
  </si>
  <si>
    <t>2016-01-11 02:57:47.307000+00:00</t>
  </si>
  <si>
    <t>sql-server|sorting|subquery</t>
  </si>
  <si>
    <t>Trouble with Objective-C Block in Swift</t>
  </si>
  <si>
    <t>&lt;p&gt;I'm struggling to access a block from an Objective C file I found on Github and imported into my Swift project. &lt;/p&gt;
&lt;p&gt;Here is the Objective C block declaration in the .m file I imported:&lt;/p&gt;
&lt;pre&gt;&lt;code&gt;-(void)capture:(void (^)(LLSimpleCamera *camera, UIImage *image, NSDictionary *metadata, NSError *error))onCapture exactSeenImage:(BOOL)exactSeenImage;
&lt;/code&gt;&lt;/pre&gt;
&lt;p&gt;Here is the block being called in the original Objective C Github sample project:&lt;/p&gt;
&lt;pre&gt;&lt;code&gt;[self.camera capture:^(LLSimpleCamera *camera, UIImage *image, NSDictionary *metadata, NSError *error) {
        if(!error) {
            [camera stop];
            ImageViewController *imageVC = [[ImageViewController alloc] initWithImage:image];
            [self presentViewController:imageVC animated:NO completion:nil];
        }
    } exactSeenImage:YES];
&lt;/code&gt;&lt;/pre&gt;
&lt;p&gt;My Swift translation (done with autocomplete):&lt;/p&gt;
&lt;pre&gt;&lt;code&gt;self.camera?.capture({ (camera:LLSimpleCamera!, image:UIImage!, metadata:NSDictionary!, error:NSError!) -&amp;gt; Void in
        if error == nil {
            camera.stop()
            let imageVC = ImageCapturedViewController()
            self.presentViewController(imageVC, animated: NO, completion: nil)
        }
    }, exactSeenImage: true)
&lt;/code&gt;&lt;/pre&gt;
&lt;p&gt;Xcode shows these two errors:&lt;/p&gt;
&lt;blockquote&gt;
  &lt;p&gt;'_??' is not convertible to 'Void'&lt;/p&gt;
  &lt;p&gt;'error type?' is not convertible to 'Void'&lt;/p&gt;
&lt;/blockquote&gt;</t>
  </si>
  <si>
    <t>2015-07-16 04:13:28.063000+00:00</t>
  </si>
  <si>
    <t>2015-07-16 04:31:32.040000+00:00</t>
  </si>
  <si>
    <t>ios|objective-c|swift|methods</t>
  </si>
  <si>
    <t>Programming * using only succ and pred</t>
  </si>
  <si>
    <t>&lt;p&gt;How can I make a multiplication function using only &lt;code&gt;succ&lt;/code&gt; and &lt;code&gt;pred&lt;/code&gt;?&lt;/p&gt;
&lt;p&gt;The function for the addition I already have:&lt;/p&gt;
&lt;pre&gt;&lt;code&gt;plus :: Integer -&amp;gt; Integer -&amp;gt; Integer
plus a b | a == 0    = b
         | otherwise = succ (pred a ��plus�� b)
&lt;/code&gt;&lt;/pre&gt;</t>
  </si>
  <si>
    <t>2015-04-26 15:18:24.613000+00:00</t>
  </si>
  <si>
    <t>2015-04-26 17:08:26.457000+00:00</t>
  </si>
  <si>
    <t>function|haskell|addition</t>
  </si>
  <si>
    <t>wxPython need some kind of tree representation</t>
  </si>
  <si>
    <t>&lt;p&gt;I have reached a point in my project from which I'm not sure how to continue. My current task is to give the user a possibility to create a folder structure for some custom projects. So basically the user should be able to add a new folder , add some data to the folder and of course visualize his project folder/data structure.&lt;br&gt;
So basically I would need something similar to a jsTree. &lt;/p&gt;
&lt;p&gt;Now my question is: is there any kind of widget already defined in wx that offers something similar to this? If (and I'm guessing there's a high probability ) something like this doesn't already exist, what do you recommend as an approach? My only idea so far would be to try to create this somehow using either a flexgridsizer with a lot of tweaking or some kind of recursive method that keeps adding sizers full of custom buttons until the folder tree ends , but I hope there are some better approaches to this problem.&lt;/p&gt;</t>
  </si>
  <si>
    <t>2011-05-10 08:22:46.227000+00:00</t>
  </si>
  <si>
    <t>2012-10-11 13:12:43.850000+00:00</t>
  </si>
  <si>
    <t>python|wxpython|wxwidgets</t>
  </si>
  <si>
    <t>QGLWidget is slower than QWidget</t>
  </si>
  <si>
    <t>&lt;p&gt;The problem mainly is determined in the title. I tried out the Qt's example (&lt;a href="http://harmattan-dev.nokia.com/docs/library/html/qt4/opengl-2dpainting.html" rel="nofollow"&gt;2dpainting&lt;/a&gt;) and noticed, that the same code consumes more CPU power if I try to draw on QGLWidget and less if I try to draw simply on QWidget. I thought that the QGLWidget should be faster. And one more interesting phenomenon: In QGLWidget the antialiasing hint seems to be ignored.&lt;/p&gt;
&lt;p&gt;OpenGL version: 3.3.0&lt;/p&gt;
&lt;p&gt;So why is that?&lt;/p&gt;</t>
  </si>
  <si>
    <t>2013-10-07 20:32:20.733000+00:00</t>
  </si>
  <si>
    <t>2013-10-08 08:19:58.370000+00:00</t>
  </si>
  <si>
    <t>qt|opengl|windows-7-x64</t>
  </si>
  <si>
    <t>Git cannot find branch in my local project</t>
  </si>
  <si>
    <t>&lt;p&gt;I can t find the branches after forking and cloning the git project..I have created I remote called upstream and after fetching it and typing  git branch -a
I get &lt;/p&gt;
&lt;pre&gt;&lt;code&gt;* master
  remotes/origin/HEAD -&amp;gt; origin/master
  remotes/origin/develop
  remotes/origin/docs
  remotes/origin/master
  remotes/upstream/develop
  remotes/upstream/docs
  remotes/upstream/master
&lt;/code&gt;&lt;/pre&gt;
&lt;p&gt;But I can t find the branch folders of the original project.
Any ideas..?&lt;/p&gt;</t>
  </si>
  <si>
    <t>2014-01-25 17:44:25.047000+00:00</t>
  </si>
  <si>
    <t>2014-01-25 18:09:22.760000+00:00</t>
  </si>
  <si>
    <t>Turning a Google Spreadsheet into a JSON feed</t>
  </si>
  <si>
    <t>&lt;p&gt;I wish to firstly turn a Google Spreadsheet into a JSON feed, there are plenty of posts online for this but none seem to work, it is fully shared and public. I think the structure of the URL may have changed that is causing this not to work.&lt;/p&gt;
&lt;p&gt;This is the file I wish to read as JSON
&lt;a href="https://docs.google.com/spreadsheets/d/195boU7gqGLh_q2RXgnwfFVidfEn-YXakBhC4A--lej0/edit?usp=sharing" rel="nofollow"&gt;https://docs.google.com/spreadsheets/d/195boU7gqGLh_q2RXgnwfFVidfEn-YXakBhC4A--lej0/edit?usp=sharing&lt;/a&gt;&lt;/p&gt;
&lt;p&gt;This is what I have based on &lt;a href="https://ctrlq.org/code/20004-google-spreadsheets-json" rel="nofollow"&gt;https://ctrlq.org/code/20004-google-spreadsheets-json&lt;/a&gt;&lt;/p&gt;
&lt;p&gt;&lt;a href="https://spreadsheets.google.com/feeds/list/195boU7gqGLh_q2RXgnwfFVidfEn-YXakBhC4A--lej0/od6/public/basic?alt=json" rel="nofollow"&gt;https://spreadsheets.google.com/feeds/list/195boU7gqGLh_q2RXgnwfFVidfEn-YXakBhC4A--lej0/od6/public/basic?alt=json&lt;/a&gt;&lt;/p&gt;
&lt;p&gt;Secondly, I would like this Google spreadsheet to be able to be updated from a 3rd party CSV or XML file located an another URL. Is this possible?&lt;/p&gt;</t>
  </si>
  <si>
    <t>2016-06-04 17:54:08.803000+00:00</t>
  </si>
  <si>
    <t>2018-01-03 21:37:31.907000+00:00</t>
  </si>
  <si>
    <t>json|google-sheets|jsonp|getjson|google-spreadsheet-api</t>
  </si>
  <si>
    <t>How do I fix a broken regsvr32 that crashes?</t>
  </si>
  <si>
    <t>&lt;p&gt;I dont know what happend but I cant register any dlls anymore. It seems like regsvr32 or some dependent dll:s have been broken (I dont think its a virus-thing, but of course you can never know).&lt;/p&gt;
&lt;p&gt;I regulary register dlls to communicate with different hardware and today I dont have the time to make a cleen install of my computer. So, do you know any way to repair the regsvr32 and dependent dlls?&lt;/p&gt;
&lt;p&gt;Its not really a programming question, but very related, because regsvr32 is a big part of my programming day.&lt;/p&gt;
&lt;p&gt;The errors I got are (translated from swedish error message):&lt;br&gt;
title:regsvr32.exe - Cold not find a component&lt;br&gt;
message:This program could not be started because of PSAPI.DLL could not be found.   &lt;/p&gt;
&lt;p&gt;And if clicked ok on that I got a new error:&lt;br&gt;
title:regsvr32.exe - Cold not find a component&lt;br&gt;
message:This program could not be started because of OLEACC.DLL could not be found.    &lt;/p&gt;
&lt;p&gt;in the windows32-folder I got PSAPI.dll, 23kB, changed 2008-04-14 and OLEACC.dll, 160kB changed 2004-08-04.
regsvr32.exe, 30kB, changed 1996-08-09.&lt;/p&gt;</t>
  </si>
  <si>
    <t>2009-05-08 13:23:34.607000+00:00</t>
  </si>
  <si>
    <t>2009-07-09 09:00:04.360000+00:00</t>
  </si>
  <si>
    <t>regsvr32</t>
  </si>
  <si>
    <t>I am getting an error in React and I'm not sure why</t>
  </si>
  <si>
    <t>&lt;p&gt;I am just learning React and I'm at a lose with this one. The tutorials I am watching are giving me the quick ES6 version of setting up arrow functions with implicit returns. Thank you for the help! I am getting no errors on webpack with babel-loader and eslint is giving no errors as well.&lt;/p&gt;
&lt;p&gt;Here is the error: &lt;/p&gt;
&lt;p&gt;Warning: React.createElement: type should not be null, undefined, boolean, or number. It should be a string (for DOM elements) or a ReactClass (for composite components). Check the render method of &lt;code&gt;App&lt;/code&gt;.&lt;/p&gt;
&lt;p&gt;Here is the code:&lt;/p&gt;
&lt;pre&gt;&lt;code&gt;const React = require('react')
const ReactDOM = require('react-dom')
const Landing = require('./Landing')
const ReactRouter = require('react-router')
const { Router, Route, hashHistory } = ReactRouter
const App = () =&amp;gt; (
  &amp;lt;Router history={hashHistory}&amp;gt;
    &amp;lt;Route path='/' component={Landing} /&amp;gt;
  &amp;lt;/Router&amp;gt;
)
ReactDOM.render(&amp;lt;App /&amp;gt;, document.getElementById('app'))
&lt;/code&gt;&lt;/pre&gt;
&lt;p&gt;and the page it's suppose to go to:&lt;/p&gt;
&lt;pre&gt;&lt;code&gt;const React = require('react')
const Landing = () =&amp;gt; (
  &amp;lt;div className='app-container'&amp;gt;
    &amp;lt;div className='home-info'&amp;gt;
      &amp;lt;h1 className='title'&amp;gt;svideo&amp;lt;/h1&amp;gt;
      &amp;lt;input className='search' type='text' placeholder='Search' /&amp;gt;
      &amp;lt;a className='browse-all'&amp;gt;or Browse All&amp;lt;/a&amp;gt;
    &amp;lt;/div&amp;gt;
  &amp;lt;/div&amp;gt;
)
module.exports = Landing
   &amp;lt;!DOCTYPE html&amp;gt;
    &amp;lt;html lang="en"&amp;gt;
    &amp;lt;head&amp;gt;
      &amp;lt;meta charset="UTF-8"&amp;gt;
      &amp;lt;title&amp;gt;Vidflix&amp;lt;/title&amp;gt;
      &amp;lt;link rel="stylesheet" href="./public/normalize.css" /&amp;gt;
      &amp;lt;link rel="stylesheet" href="./public/style.css" /&amp;gt;
    &amp;lt;/head&amp;gt;
    &amp;lt;body&amp;gt;
      &amp;lt;div id="app"&amp;gt;&amp;lt;/div&amp;gt;
      &amp;lt;script src="public/bundle.js"&amp;gt;&amp;lt;/script&amp;gt;
   &amp;lt;/body&amp;gt;
   &amp;lt;/html&amp;gt;
&lt;/code&gt;&lt;/pre&gt;
&lt;p&gt;this is the HTML to go with it&lt;/p&gt;</t>
  </si>
  <si>
    <t>2017-02-13 00:59:12.327000+00:00</t>
  </si>
  <si>
    <t>2017-02-19 02:15:32.523000+00:00</t>
  </si>
  <si>
    <t>wcf, DataContract stopped showing</t>
  </si>
  <si>
    <t>&lt;p&gt;I got a wcf service reference in my client with some datacontracts,
I dont know what i did , but all of a sudden all of the datacontracts are not known,
I got something like 100 Errors when building the project so updating service references or delete and add does not work..&lt;/p&gt;
&lt;p&gt;what can i do to fix this ? (i'm using .net 4.0)&lt;/p&gt;
&lt;p&gt;Thanks.&lt;/p&gt;</t>
  </si>
  <si>
    <t>2012-01-04 11:07:39.247000+00:00</t>
  </si>
  <si>
    <t>2012-01-04 14:29:16.497000+00:00</t>
  </si>
  <si>
    <t>c#|.net|wcf|c#-4.0</t>
  </si>
  <si>
    <t>With a precision of two decimal places, determine the average number of guns for all battleships (including the ones in the Outcomes table)</t>
  </si>
  <si>
    <t>&lt;p&gt;Short database description "Ships":&lt;/p&gt;
&lt;p&gt;The database of naval ships that took part in World War II is under consideration. The database consists of the following relations: 
Classes(class, type, country, numGuns, bore, displacement) 
Ships(name, class, launched) 
Battles(name, date) 
Outcomes(ship, battle, result) 
Ships in classes all have the same general design. A class is normally assigned either the name of the first ship built according to the corresponding design, or a name that is different from any ship name in the database. The ship whose name is assigned to a class is called a lead ship.
The Classes relation includes the name of the class, type (can be either bb for a battle ship, or bc for a battle cruiser), country the ship was built in, the number of main guns, gun caliber (bore diameter in inches), and displacement (weight in tons). The Ships relation holds information about the ship name, the name of its corresponding class, and the year the ship was launched. The Battles relation contains names and dates of battles the ships participated in, and the Outcomes relation - the battle result for a given ship (may be sunk, damaged, or OK, the last value meaning the ship survived the battle unharmed). 
Notes: 1) The Outcomes relation may contain ships not present in the Ships relation. 2) A ship sunk can���t participate in later battles. 3) For historical reasons, lead ships are referred to as head ships in many exercises.&lt;/p&gt;
&lt;p&gt;&lt;strong&gt;Question:
With a precision of two decimal places, determine the average number of guns for all battleships (including the ones in the Outcomes table).&lt;/strong&gt;&lt;/p&gt;
&lt;p&gt;When I'm trying to execute the following query I'm not getting error like: &lt;/p&gt;
&lt;blockquote&gt;
  &lt;p&gt;Your query returned the correct dataset on the first (available)
  database, but it returned incorrect dataset on the second checking
  database.&lt;/p&gt;
&lt;/blockquote&gt;
&lt;pre&gt;&lt;code&gt;SELECT CAST( AVG( numGuns *1.0) AS NUMERIC(10,2)) FROM 
( 
   SELECT numguns FROM [Classes] c 
       JOIN Ships s ON c.class = s.class 
       WHERE type='bb'  
       UNION ALL 
   SELECT numguns FROM [Classes] c 
       JOIN Outcomes o ON c.class = o.ship 
       WHERE type='bb' and o.ship NOT IN(SELECT name FROM Ships) 
) t
&lt;/code&gt;&lt;/pre&gt;</t>
  </si>
  <si>
    <t>2016-12-29 11:50:32.260000+00:00</t>
  </si>
  <si>
    <t>2018-02-02 20:40:27.883000+00:00</t>
  </si>
  <si>
    <t>2016-12-29 14:18:29.200000+00:00</t>
  </si>
  <si>
    <t>Getting Unix timestamp of this</t>
  </si>
  <si>
    <t>&lt;p&gt;I am afraid, but i am unable to find any function for this?
I can do this &lt;/p&gt;
&lt;pre&gt;&lt;code&gt;echo date("Y-m-d g:i:s a",  1333442414662) . "\n";
&lt;/code&gt;&lt;/pre&gt;
&lt;p&gt;but I am unable to find any function to convert time from function &lt;/p&gt;
&lt;pre&gt;&lt;code&gt;date("Y-m-d H:i:s", time());
&lt;/code&gt;&lt;/pre&gt;
&lt;p&gt;to unix timestamp&lt;/p&gt;</t>
  </si>
  <si>
    <t>2012-05-09 07:49:16.653000+00:00</t>
  </si>
  <si>
    <t>2012-05-09 08:23:37.717000+00:00</t>
  </si>
  <si>
    <t>php|date|time</t>
  </si>
  <si>
    <t>Get all the coordinates inside any shape</t>
  </si>
  <si>
    <t>&lt;p&gt;I am creating an application and for that I have to find the coordinates any &lt;code&gt;freeshape&lt;/code&gt;.
I have tried to implement that but I am not able to identify all the coordinates.&lt;/p&gt;
&lt;p&gt;I have the coordinate value of the boundary of shape in &lt;code&gt;array&lt;/code&gt;.&lt;/p&gt;
&lt;p&gt;Like there was any shape then how can I find out all the coordinates inside this and put them in the &lt;code&gt;list&amp;lt;Point&amp;gt;&lt;/code&gt;.&lt;/p&gt;</t>
  </si>
  <si>
    <t>2018-10-15 06:45:46.833000+00:00</t>
  </si>
  <si>
    <t>2018-10-15 08:01:19.550000+00:00</t>
  </si>
  <si>
    <t>c#|coordinates</t>
  </si>
  <si>
    <t>Preventing Same Value from getting saved again onto DB Ruby on Rails</t>
  </si>
  <si>
    <t>&lt;p&gt;I have a table named user histories and a message will get saved on to that table along with the user ID. I also don't want same message to get saved again from the same user.
Here is the part in my controller that saves the message.&lt;/p&gt;
&lt;pre&gt;&lt;code&gt;    if delete == 1
      if UserHistory.where(comments:message, user_id:id).present?
        self.update_attributes(points: (self.points + point))
        UserHistory.where(comments:message, user_id:id).first.destroy        
      end
    elsif UserHistory.where(comments:message, user_id:id).present?
    else  
      self.update_attributes(points: (self.points + point))
      UserHistory.create(comments:message, user_id:id)        
    end
&lt;/code&gt;&lt;/pre&gt;
&lt;p&gt;In this code if the message with same id is found i have given no action and else create a new field.&lt;/p&gt;
&lt;p&gt;My Problem is its all working fine in my local machine. But when i deployed to development in my server its not working always.. Some times same messages from same user gets saved again. Why does this happen? Any solution?&lt;/p&gt;</t>
  </si>
  <si>
    <t>2014-05-20 04:30:01.643000+00:00</t>
  </si>
  <si>
    <t>2014-05-20 04:46:53.310000+00:00</t>
  </si>
  <si>
    <t>How do I do an atomic INSERT IF NOT EXISTS equivalent in sqlite3?</t>
  </si>
  <si>
    <t>&lt;p&gt;The questions says it all really.&lt;/p&gt;
&lt;p&gt;I have a table and I want to insert a row if it doesn't already exist.
or should I just do an insert and if the key constraint is violated then ignore it?&lt;/p&gt;</t>
  </si>
  <si>
    <t>2010-10-20 22:56:53.563000+00:00</t>
  </si>
  <si>
    <t>2010-10-21 00:03:13.483000+00:00</t>
  </si>
  <si>
    <t>sqlite3</t>
  </si>
  <si>
    <t>WPF GUI to powershell</t>
  </si>
  <si>
    <t>&lt;p&gt;Somehow my XAML code won't work in PowerShell.&lt;/p&gt;
&lt;pre&gt;&lt;code&gt;&amp;lt;Window
    xmlns="http://schemas.microsoft.com/winfx/2006/xaml/presentation"
    xmlns:x="http://schemas.microsoft.com/winfx/2006/xaml"
    xmlns:d="http://schemas.microsoft.com/expression/blend/2008"
    xmlns:mc="http://schemas.openxmlformats.org/markup-compatibility/2006"
    xmlns:local="clr-namespace:SD_Tools"
    mc:Ignorable="d"
    Title="Service Desk Tools" Height="450" Width="800" WindowStyle="None" ResizeMode="NoResize" WindowStartupLocation="CenterScreen"&amp;gt;
&amp;lt;Grid&amp;gt;
    &amp;lt;Grid.ColumnDefinitions&amp;gt;
        &amp;lt;ColumnDefinition/&amp;gt;
    &amp;lt;/Grid.ColumnDefinitions&amp;gt;
    &amp;lt;Border Name="Content" BorderBrush="Black" BorderThickness="0" HorizontalAlignment="Left" Height="412" Margin="139,38,0,0" VerticalAlignment="Top" Width="661" Background="#FFECF0F3"/&amp;gt;
    &amp;lt;Border Name="Nav" BorderBrush="Black" BorderThickness="0" HorizontalAlignment="Left" Height="450" VerticalAlignment="Top" Width="139" Background="#FF334351"&amp;gt;
        &amp;lt;Border.Effect&amp;gt;
            &amp;lt;DropShadowEffect BlurRadius="16" Direction="361" RenderingBias="Quality" Color="#FFC5BEBE"/&amp;gt;
        &amp;lt;/Border.Effect&amp;gt;
    &amp;lt;/Border&amp;gt;
    &amp;lt;Border Name="Top" BorderBrush="Black" BorderThickness="0" HorizontalAlignment="Left" Height="38" Margin="139,0,0,0" VerticalAlignment="Top" Width="661" Background="#FF6B7B9E"&amp;gt;
        &amp;lt;Border.Effect&amp;gt;
            &amp;lt;DropShadowEffect BlurRadius="16" Direction="1" RenderingBias="Quality" Color="#FFC5BEBE"/&amp;gt;
        &amp;lt;/Border.Effect&amp;gt;
        &amp;lt;Button Name="Button_close" Content="X" HorizontalAlignment="Left" Height="38" Margin="615,0,0,0" VerticalAlignment="Top" Width="46" Background="{Null}" Foreground="White" FontFamily="Century Gothic" FontSize="16" FontWeight="Light" BorderBrush="{Null}"/&amp;gt;
    &amp;lt;/Border&amp;gt;
    &amp;lt;Button Name="Button_Members" Content="Members" HorizontalAlignment="Left" Height="60" Margin="15,162,0,0" VerticalAlignment="Top" Width="119" Foreground="#FF00E8FF" BorderThickness="0" SnapsToDevicePixels="True" FontFamily="Century Gothic" FontWeight="Light" FontSize="14" BorderBrush="{Null}" Background="{Null}"/&amp;gt;
    &amp;lt;Button Name="Button_Device" Content="Device" HorizontalAlignment="Left" Height="60" VerticalAlignment="Top" Width="119" Foreground="#FF00E8FF" BorderThickness="0" SnapsToDevicePixels="True" FontFamily="Century Gothic" FontWeight="Light" FontSize="14" BorderBrush="{Null}" Background="{Null}" /&amp;gt;
    &amp;lt;Button Name="Button___Permissions" Content="Permissions" HorizontalAlignment="Left" Height="60" Margin="10,73,0,0" VerticalAlignment="Top" Width="119" Foreground="#FF00E8FF" BorderThickness="0" SnapsToDevicePixels="True" FontFamily="Century Gothic" FontWeight="Light" FontSize="14" BorderBrush="{Null}" Background="{Null}"/&amp;gt;
    &amp;lt;Label Name="Label_members" Content="Geben Sie die gew��nschte Gruppe ein, f��r welche Sie eine Liste erstellen wollen:" HorizontalAlignment="Left" Margin="160,92,0,0" VerticalAlignment="Top" FontFamily="Century Gothic"/&amp;gt;
    &amp;lt;TextBox Name="Box_members" HorizontalAlignment="Left" Height="23" Margin="160,122,0,0" TextWrapping="Wrap" VerticalAlignment="Top" Width="233" MaxLines="1" FontFamily="Century Gothic"/&amp;gt;
    &amp;lt;Button Name="Button_search_members" Content="Suchen" HorizontalAlignment="Left" Height="46" Margin="160,361,0,0" VerticalAlignment="Top" Width="118" Background="#FF6B7B9E" FontFamily="Century Gothic"/&amp;gt;
    &amp;lt;Label Name="Label_device" Content="Geben Sie den Computernamen ein, f��r welchen Sie den Standort herausfinden m��chten:" HorizontalAlignment="Left" Margin="160,92,0,0" VerticalAlignment="Top" FontFamily="Century Gothic"/&amp;gt;
    &amp;lt;TextBox Name="Box_device" HorizontalAlignment="Left" Height="23" Margin="160,122,0,0" TextWrapping="Wrap" VerticalAlignment="Top" Width="233" MaxLines="1" FontFamily="Century Gothic"/&amp;gt;
    &amp;lt;Button Name="Button_search_device" Content="Suchen" HorizontalAlignment="Left" Height="46" Margin="160,361,0,0" VerticalAlignment="Top" Width="118" Background="#FF6B7B9E" FontFamily="Century Gothic"/&amp;gt;
    &amp;lt;Label Name="Label_permissions" Content="Von welchem User m��chten Sie die Rechte nehmen:" HorizontalAlignment="Left" Margin="160,92,0,0" VerticalAlignment="Top" FontFamily="Century Gothic"/&amp;gt;
    &amp;lt;TextBox Name="Box_per_set" HorizontalAlignment="Left" Height="23" Margin="160,122,0,0" TextWrapping="Wrap" VerticalAlignment="Top" Width="233" MaxLines="1" FontFamily="Century Gothic"/&amp;gt;
    &amp;lt;Label Name="Label_permissions2" Content="Welchem User m��chten Sie die Rechte geben:" HorizontalAlignment="Left" Margin="160,162,0,0" VerticalAlignment="Top" FontFamily="Century Gothic"/&amp;gt;
    &amp;lt;TextBox Name="Box_per_get" HorizontalAlignment="Left" Height="23" Margin="160,199,0,0" TextWrapping="Wrap" VerticalAlignment="Top" Width="233" MaxLines="1" FontFamily="Century Gothic"/&amp;gt;
    &amp;lt;Button Name="Button_search_1to1" Content="1:1" HorizontalAlignment="Left" Height="46" Margin="160,361,0,0" VerticalAlignment="Top" Width="118" Background="#FF6B7B9E" FontFamily="Century Gothic"/&amp;gt;
    &amp;lt;Button Name="Button_search_add" Content="Hinzuf��gen" HorizontalAlignment="Left" Height="46" Margin="333,361,0,0" VerticalAlignment="Top" Width="118" Background="#FF6B7B9E" FontFamily="Century Gothic"/&amp;gt;
&amp;lt;/Grid&amp;gt;
&lt;/code&gt;&lt;/pre&gt;
&lt;p&gt;&lt;/p&gt;
&lt;p&gt;I tested another xaml code and it worked fine, so probably nothing to do with .netframework or PowerShell script?&lt;/p&gt;
&lt;p&gt;But my Script looks like this:&lt;/p&gt;
&lt;p&gt;&lt;div class="snippet" data-lang="js" data-hide="false" data-console="true" data-babel="false"&gt;_x000D_
&lt;div class="snippet-code"&gt;_x000D_
&lt;pre class="snippet-code-html lang-html prettyprint-override"&gt;&lt;code&gt;#==============================================================================================_x000D_
# XAML Code - Imported from Visual Studio Express WPF Application_x000D_
#==============================================================================================_x000D_
[void][System.Reflection.Assembly]::LoadWithPartialName('presentationframework')_x000D_
[xml]$XAML = @'_x000D_
_x000D_
  [XAML CODE HERE]_x000D_
_x000D_
'@_x000D_
#Read XAML_x000D_
$reader=(New-Object System.Xml.XmlNodeReader $xaml) _x000D_
try{$Form=[Windows.Markup.XamlReader]::Load( $reader )}_x000D_
catch{Write-Host "Unable to load Windows.Markup.XamlReader. Some possible causes for this problem include: .NET Framework is missing PowerShell must be launched with PowerShell -sta, invalid XAML code was encountered."; exit}_x000D_
_x000D_
#===========================================================================_x000D_
# Store Form Objects In PowerShell_x000D_
#===========================================================================_x000D_
$xaml.SelectNodes("//*[@Name]") | %{Set-Variable -Name ($_.Name) -Value $Form.FindName($_.Name)}_x000D_
_x000D_
_x000D_
#===========================================================================_x000D_
# Shows the form_x000D_
#===========================================================================_x000D_
$Form.ShowDialog() | out-null&lt;/code&gt;&lt;/pre&gt;_x000D_
&lt;/div&gt;_x000D_
&lt;/div&gt;_x000D_
&lt;/p&gt;
&lt;p&gt;I generated the XAML with Visual Studio 2017, but I think that doesn't matter...&lt;/p&gt;
&lt;p&gt;Thanks a lot in advance.&lt;/p&gt;
&lt;p&gt;Regards,
Robin ;-)&lt;/p&gt;</t>
  </si>
  <si>
    <t>2018-04-17 15:00:37.800000+00:00</t>
  </si>
  <si>
    <t>2018-04-17 16:27:21.920000+00:00</t>
  </si>
  <si>
    <t>wpf|powershell|xaml|user-interface</t>
  </si>
  <si>
    <t>How to enable verbose flags in my Gemfile</t>
  </si>
  <si>
    <t>&lt;p&gt;How to enable verbose flags in my Gemfile, so that I can track exactly what is happening while building native extensions. Since it is usually taking a very long time to install.&lt;/p&gt;
&lt;pre&gt;&lt;code&gt;gem install libv8
Fetching: libv8-3.11.8.11.gem (100%)
Building native extensions.  This could take a while...
&lt;/code&gt;&lt;/pre&gt;</t>
  </si>
  <si>
    <t>2013-01-09 06:32:20.130000+00:00</t>
  </si>
  <si>
    <t>2013-01-12 09:33:51.373000+00:00</t>
  </si>
  <si>
    <t>ruby-on-rails|rubygems|gem</t>
  </si>
  <si>
    <t>Why can't I assign to multiple variables using mapply/assign?</t>
  </si>
  <si>
    <t>&lt;p&gt;(As an exercise) I was trying to emulate some languages such as perl, etc by assigning to multiple variables in R.&lt;/p&gt;
&lt;pre&gt;&lt;code&gt;my ($a, $b, $c) = ( 1, 2, 3 );
&lt;/code&gt;&lt;/pre&gt;
&lt;p&gt;now $a is 1, $b is 2, $c is 3.&lt;/p&gt;
&lt;p&gt;I expected this to work:&lt;/p&gt;
&lt;pre&gt;&lt;code&gt;mapply(assign, c('A', 'B', 'C'), 1:3)
&lt;/code&gt;&lt;/pre&gt;
&lt;p&gt;But it just returned a named int vector of 1,2,3.&lt;/p&gt;
&lt;p&gt;Why didn't this work as expected?&lt;/p&gt;
&lt;p&gt;Edit: First part of my question was indeed a duplicate of: &lt;a href="https://stackoverflow.com/questions/7519790/assign-multiple-new-variables-in-a-single-line-in-r"&gt;Assign multiple new variables on LHS in a single line in R&lt;/a&gt; but would still like to know why my approach of mapply/assign didn't work.&lt;/p&gt;</t>
  </si>
  <si>
    <t>2014-05-30 16:46:21.707000+00:00</t>
  </si>
  <si>
    <t>2014-05-30 16:56:54.750000+00:00</t>
  </si>
  <si>
    <t>2017-05-23 10:32:25.367000+00:00</t>
  </si>
  <si>
    <t>r|destructuring</t>
  </si>
  <si>
    <t>Proper HTML5 &lt;header&gt; and heading usage</t>
  </si>
  <si>
    <t>&lt;p&gt;I understand that it is semantically acceptable to use multiple &lt;code&gt;header&lt;/code&gt; elements per page. According to &lt;a href="http://html5doctor.com/the-header-element/" rel="nofollow"&gt;http://html5doctor.com/the-header-element/&lt;/a&gt;, the main restriction on its usage is that it is supposed to contain a heading element. &lt;/p&gt;
&lt;p&gt;It seems logical then, that each &lt;code&gt;&amp;lt;header&amp;gt;&lt;/code&gt; sort of resets the hierarchy of headings -- so the heading I am using in each &lt;code&gt;&amp;lt;header&amp;gt;&lt;/code&gt; should be a &lt;code&gt;&amp;lt;h1&amp;gt;&lt;/code&gt;. But this results in more or less only &lt;code&gt;&amp;lt;h1&amp;gt;&lt;/code&gt;s ever being used, as I rarely need to include a subheading in a given header.&lt;/p&gt;
&lt;p&gt;My question is, which is the more appropriate usage of headings inside headers -- should they follow the hierarchy of headings on a page (so a more insignificant header would have, say, a &lt;code&gt;&amp;lt;h4&amp;gt;&lt;/code&gt; heading), or is it okay to set the heading of a given header as &lt;code&gt;&amp;lt;h1&amp;gt;&lt;/code&gt; most of the time, as it does in fact represent the heading of that particular header, not the page?&lt;/p&gt;</t>
  </si>
  <si>
    <t>2014-01-01 12:12:39.980000+00:00</t>
  </si>
  <si>
    <t>2014-01-02 01:23:06.530000+00:00</t>
  </si>
  <si>
    <t>html5|html-heading</t>
  </si>
  <si>
    <t>GIS in R - Show only part of area that crosses with other area</t>
  </si>
  <si>
    <t>&lt;p&gt;I am trying to plot the area of Ossetes in Georgia. This works fine, the following code:&lt;/p&gt;
&lt;pre&gt;&lt;code&gt;setwd("/my/path/")
library(sp)
library(maps)
library(maptools)
library(ggplot2)
library(rgdal)
greg &amp;lt;- readOGR("../GlobalData/GREG/", "GREG", 
                verbose = TRUE, stringsAsFactors = FALSE)
borders &amp;lt;- readOGR("/path/to/cshapes/", "cshapes", 
                   verbose = TRUE, stringsAsFactors = FALSE)
georgia &amp;lt;- borders[borders$COWCODE == 372,]
ossetes &amp;lt;- greg[greg$G1ID == 849,]
georgia.df &amp;lt;- fortify(georgia)
ossetes.df &amp;lt;- fortify(ossetes)
tblisi &amp;lt;- georgia@data # access data from the shapefile from here
tblisi["group"] &amp;lt;- 91.1
p &amp;lt;- ggplot(georgia.df, aes(x = long, y = lat, group = group)) + 
  geom_polygon(aes(x=long,y=lat,group=group), fill="white", colour="grey") +
  # Add capital city
  geom_point(data=tblisi,aes(CAPLONG,CAPLAT),colour="black",size=4) +
  geom_text(data=tblisi, aes(CAPLONG, CAPLAT, label=CAPNAME),hjust=1, vjust=-0.6) +
  # Add Ossetes
  geom_path(data = ossetes.df, aes(x=long,y=lat,group=group), fill="white", colour="grey") +
  # Styling
  labs(x=" ", y=" ") + 
  theme_bw() + 
  theme(panel.grid.minor=element_blank(), panel.grid.major=element_blank()) + 
  theme(axis.ticks = element_blank(), axis.text.x = element_blank(), axis.text.y = element_blank()) + 
  theme(panel.border = element_blank())
p
&lt;/code&gt;&lt;/pre&gt;
&lt;p&gt;returns the following graph:&lt;/p&gt;
&lt;p&gt;&lt;img src="https://i.stack.imgur.com/XCzCf.png" alt="Map of Georgia with areas for Ossetes"&gt;&lt;/p&gt;
&lt;p&gt;What I would like to do is show only the area of Ossetes &lt;strong&gt;in&lt;/strong&gt; Georgia.
But I have currently no idea how to supress the area that is outside of the country borders (the part straight up from Tblisi, parted by the countryborder).&lt;/p&gt;
&lt;p&gt;Any ideas on how I could do this?&lt;/p&gt;</t>
  </si>
  <si>
    <t>2014-01-27 15:36:20.003000+00:00</t>
  </si>
  <si>
    <t>2014-01-28 18:35:43.033000+00:00</t>
  </si>
  <si>
    <t>r|mapping|gis|geospatial</t>
  </si>
  <si>
    <t>How do I run a TFS Work Item Query with Visual Studio Macros</t>
  </si>
  <si>
    <t>&lt;p&gt;I'm trying to write a Vistual Studio 2008 macro to run a stored TFS query and display the results.
Previously I've created a query and named it 'Assigned to Me' to display all the work items currently assigned to me.
Instead of View-&gt;Team Explorer, click, click down the tree to My Queries then double click 'Assigned to me' I want to write a macro to automate these steps.&lt;/p&gt;
&lt;p&gt;The best I've come up with is the rather messy:&lt;/p&gt;
&lt;pre&gt;&lt;code&gt;Sub TemporaryMacro()
    DTE.Windows.Item("{131369F2-062D-44A2-8671-91FF31EFB4F4}").Activate() 'Team Explorer
    DTE.ActiveWindow.Object.GetItem("tfsserver\MyProject\Work Items\My Queries\Assigned to Me").Select(vsUISelectionType.vsUISelectionTypeSelect)
    DTE.ActiveWindow.Object.DoDefaultAction()
    DTE.Windows.Item("{131369F2-062D-44A2-8671-91FF31EFB4F4}").Close()
    DTE.Windows.Item("Assigned to Me [Results]").Activate()
End Sub
&lt;/code&gt;&lt;/pre&gt;
&lt;p&gt;Is there a better way?&lt;/p&gt;</t>
  </si>
  <si>
    <t>2011-02-16 10:23:15.727000+00:00</t>
  </si>
  <si>
    <t>2012-03-28 15:44:52.343000+00:00</t>
  </si>
  <si>
    <t>vb.net|visual-studio|visual-studio-2008|macros</t>
  </si>
  <si>
    <t>Questions about pairing Bluetooth (Xamrin.ios or ios)</t>
  </si>
  <si>
    <t>&lt;p&gt;I have some questions about pairing Bluetooth.&lt;/p&gt;
&lt;ol&gt;
&lt;li&gt;Is there any events that can help me to get the pair authentication status? (e.g. after typed-password, authenticate success, authenticate fail, etc���)&lt;/li&gt;
&lt;li&gt;Is there any properties I can use to get the pair authentication status? (if question 1 has no solution) (e.g. paired, unpaired, paring)&lt;/li&gt;
&lt;li&gt;How can I remove the Bluetooth authorize programmatically? (it means when I remove the authorize, I will re-type password to pair my device)&lt;/li&gt;
&lt;/ol&gt;</t>
  </si>
  <si>
    <t>2015-01-12 02:29:29.800000+00:00</t>
  </si>
  <si>
    <t>2015-01-12 03:53:23.410000+00:00</t>
  </si>
  <si>
    <t>ios|xamarin.ios|bluetooth-lowenergy|core-bluetooth</t>
  </si>
  <si>
    <t>How to change text color in spinner?</t>
  </si>
  <si>
    <t>&lt;p&gt;i changed the theme of my dialog so that the title background would change , what happened is that the spinner background changed also to black and the items text color is black also , with cause a problem .&lt;/p&gt;
&lt;p&gt;here is my style.xml code : &lt;/p&gt;
&lt;pre&gt;&lt;code&gt;&amp;lt;style name="question_dialog" parent="@android:style/Theme.Holo.Dialog"&amp;gt;
    &amp;lt;item      
name="android:windowTitleStyle"&amp;gt;@style/question_dialog_title&amp;lt;/item&amp;gt;
&amp;lt;/style&amp;gt;
&amp;lt;style name="question_dialog_title" parent="android:Widget.TextView"&amp;gt;
    &amp;lt;item name="android:background"&amp;gt;#161616&amp;lt;/item&amp;gt;
    &amp;lt;item name="android:textSize"&amp;gt;21sp&amp;lt;/item&amp;gt;
    &amp;lt;item name="android:textColor"&amp;gt;#e1e1e1&amp;lt;/item&amp;gt;
&amp;lt;/style&amp;gt;
&lt;/code&gt;&lt;/pre&gt;
&lt;p&gt;and here is the picture of the dialog: 
&lt;a href="http://s32.postimg.org/ixt6rm02d/13128639_1306213616061269_1278459383_o.jpg" rel="nofollow"&gt;http://s32.postimg.org/ixt6rm02d/13128639_1306213616061269_1278459383_o.jpg&lt;/a&gt;&lt;/p&gt;
&lt;p&gt;Help me please:))&lt;/p&gt;</t>
  </si>
  <si>
    <t>2016-04-28 17:38:43.957000+00:00</t>
  </si>
  <si>
    <t>2016-04-29 03:28:40.363000+00:00</t>
  </si>
  <si>
    <t>android|css|xml|android-layout|android-studio</t>
  </si>
  <si>
    <t>What rails server should I use?</t>
  </si>
  <si>
    <t>&lt;p&gt;I'm currently developing a rails app, based on Redmine, using a multitenancy approach. The app it is intended to be used by lots of users (at least I hope so :)), so it is important that it can handle several requests without compromise its performance. Having this in mind, I'm wondering which rails server would suit my needs best. I'm currently using thin, for memory savings purposes, but I'm afraid it is not the best choice for me... I've used unicorn before and I liked it a lot, but it was consuming a lot of memory and I had to change it to another one, but I've noticed that my app is not as fast as it used to be. Any advises? Thanks a lot in advance!&lt;/p&gt;</t>
  </si>
  <si>
    <t>2014-08-08 09:23:56.460000+00:00</t>
  </si>
  <si>
    <t>2014-08-08 10:50:04.040000+00:00</t>
  </si>
  <si>
    <t>ruby-on-rails|multi-tenant</t>
  </si>
  <si>
    <t>GeoTools and JOGL</t>
  </si>
  <si>
    <t>&lt;p&gt;I am developing a desktop application for Windows that will constantly show the map moving as a vehicle moves, getting the location from a GPS unit.  I have written a quick little demo that accomplishes this, however it constantly flickers.  I need to implement a solution that has a nice smooth movement.  I have several things in mind that will hopefully resolve this.&lt;/p&gt;
&lt;p&gt;First I think it would be better to create the map at around 2 to 3 times the size of the visible window and move the window over the map.  When the window gets close to a side a new map is built in the background which replaces the current map.  I'm still working on how to do that.  (Hints welcome!!  lol)&lt;/p&gt;
&lt;p&gt;I think it would be a big step forward and the ultimate solution to turn on hardware acceleration for the application.  Based on what I have read in the forums JOGL is the only practical way to add hardware acceleration to a Java desktop application.  So here I am.  &lt;/p&gt;
&lt;p&gt;Has anyone toyed around with adding JOGL to GeoTools.  I'm not talking about 3D at the moment, just making the display more efficient.  It looks like it's going to be a big job implementing this change as it appears that it will affect almost all of the code from JMapPane on down.  Any suggestions, code examples and hints will be greatly appreciated!!!&lt;/p&gt;</t>
  </si>
  <si>
    <t>2012-03-26 13:41:31.203000+00:00</t>
  </si>
  <si>
    <t>2013-05-03 15:33:50.677000+00:00</t>
  </si>
  <si>
    <t>jogl|geotools</t>
  </si>
  <si>
    <t>Does adding item to Windows right-click menu through registry resolve target shortcuts?</t>
  </si>
  <si>
    <t>&lt;p&gt;I've added a Windows right-click menu item by adding registry keys to &lt;code&gt;HKCR\*\shell&lt;/code&gt;, where the command is of the form &lt;code&gt;"path\to\my\program.exe" "params before" "%1" "params after"&lt;/code&gt;.  It seems that, if the user right-clicks on a shortcut (.lnk file), Windows is resolving the shortcut and passing the target file's path in as &lt;code&gt;%1&lt;/code&gt;.  Does anyone know where this is documented?  This is used on Windows 7 and Windows XP machines.&lt;/p&gt;
&lt;p&gt;Thanks!&lt;/p&gt;</t>
  </si>
  <si>
    <t>2012-02-13 21:36:47.197000+00:00</t>
  </si>
  <si>
    <t>2012-02-14 01:05:59.827000+00:00</t>
  </si>
  <si>
    <t>2012-02-13 22:48:22.870000+00:00</t>
  </si>
  <si>
    <t>windows-7|windows-xp|registry|shortcut|right-click</t>
  </si>
  <si>
    <t>Kafka multiple Topics into the same avro file</t>
  </si>
  <si>
    <t>&lt;p&gt;i am new of the KAFKA protocol's world and i would like to ask you some inportant information related to my project.&lt;/p&gt;
&lt;p&gt;I am using AVRO file for producing and consuming messages, i want to know if i can use the same avro file for multiple Topics maybe for example by using a different "name" attribute into the producer and by using a specific "name" attribute in the consumer.&lt;/p&gt;
&lt;p&gt;Thanks a lot.
Stefano&lt;/p&gt;</t>
  </si>
  <si>
    <t>2018-07-20 10:29:45.867000+00:00</t>
  </si>
  <si>
    <t>2018-07-20 13:27:03.373000+00:00</t>
  </si>
  <si>
    <t>2018-07-20 12:17:05.193000+00:00</t>
  </si>
  <si>
    <t>apache-kafka|avro|kafka-topic</t>
  </si>
  <si>
    <t>Using Bigquery.Dataset.Patch to update access</t>
  </si>
  <si>
    <t>&lt;p&gt;we want to programmatically patch the access field of the Dataset and add an user. Patch semantics for array indicate override, so we need to provide the full contents of the access field. How do we avoid race conditions caused by read-modify-write? The API doesn't seem to provide conflict detection.&lt;/p&gt;</t>
  </si>
  <si>
    <t>2014-05-07 11:31:44.863000+00:00</t>
  </si>
  <si>
    <t>2014-05-07 18:06:50.413000+00:00</t>
  </si>
  <si>
    <t>opengl /es get available render buffer formats</t>
  </si>
  <si>
    <t>&lt;p&gt;I write cross platform opengl /es application.
And I want to use Stencil test with FBO. So I need to attach stencil /+depth render buffer storage.&lt;/p&gt;
&lt;p&gt;The problem is - some devices does not support &lt;code&gt;STENCIL_INDEX8&lt;/code&gt;, but support &lt;code&gt;DEPTH24_STENCIL8_OES&lt;/code&gt;. Other devices support only &lt;code&gt;DEPTH24_STENCIL8&lt;/code&gt;.&lt;/p&gt;
&lt;p&gt;So. Is there any way to get list of supported render buffers for particular device?
Or I should just probe all of them with &lt;code&gt;glCheckFramebufferStatus(GL_FRAMEBUFFER)&lt;/code&gt; ?&lt;/p&gt;</t>
  </si>
  <si>
    <t>2014-12-05 17:07:16.633000+00:00</t>
  </si>
  <si>
    <t>2014-12-05 17:22:42.207000+00:00</t>
  </si>
  <si>
    <t>opengl|opengl-es</t>
  </si>
  <si>
    <t>DB2 SQL procedure - Calling initiate procedure before declaration</t>
  </si>
  <si>
    <t>&lt;p&gt;I am making an sql procedure (in lib EXTLIB) that will be called from an external system using JDBC. We have a user, EXTUSER, that is used for running all requests coming from there. The problem is that this user can only have a single starting library, which in our case is EXTLIB (if anyone knows how to add more, please do tell me and become a hero in my company). We have a procedure &lt;code&gt;initiate&lt;/code&gt; that initiates the environment (i.e. adds all necessary libs to LIBL). This needs to be called at the start of all procedures in EXTLIB. &lt;/p&gt;
&lt;p&gt;My procedure needs to fetch data from a view in our internal lib: INTERLIB. The problem is that we are using ARCAD for version/release/everything management, and ARCAD doesn't like qualifiers, so it automatically removes them, meaning that the declaration at the start can't find the view in INTERLIB, and thus it stops before reaching the &lt;code&gt;initate&lt;/code&gt; call.&lt;/p&gt;
&lt;p&gt;I need a way to run the call before the declaration, while retaining the functionality. I'm also open to any other alternative solutions. The only one I can think of is instead coding it in RPG, but we have a lot of simple procedures for which that would just be a waste of time. manually creating the procedure in STRSQL is not an option, because when ARCAD transfers a version to production it will recompile everything, thus removing any manual qualifiers we have put there.&lt;/p&gt;
&lt;p&gt;Here's the code:&lt;/p&gt;
&lt;pre&gt;&lt;code&gt;CREATE PROCEDURE MyProcedure ()
  LANGUAGE SQL
  SPECIFIC MYFILE
  CALLED ON NULL INPUT
  DYNAMIC RESULT SETS 1
BEGIN
  declare c1 cursor with return to client for
    select
      id,
      required
    from INTERLIB.cus_CustomerPurpose_v3_0
  call INITIATE();
  open c1;
  call DEINITIATE();
END;  
&lt;/code&gt;&lt;/pre&gt;</t>
  </si>
  <si>
    <t>2015-08-18 10:20:29.800000+00:00</t>
  </si>
  <si>
    <t>2015-08-18 14:41:01.687000+00:00</t>
  </si>
  <si>
    <t>stored-procedures|db2|ibm-midrange</t>
  </si>
  <si>
    <t>How to enable forwarding for a multicast IP on the private network</t>
  </si>
  <si>
    <t>&lt;p&gt;I'm trying to get Age of Empires II (AoE2) to work on my LAN. AoE2 is notorious for it's connectivity problems on modern systems, probably because it used a now deprecated network framework called DirectPlay (in DX9) and the code probably wasn't robust back in the day either.&lt;/p&gt;
&lt;p&gt;When I host a LAN game on a computer (win7) for AoE2, Wireshark shows my computer sending a couple packets via SSDP protocol to the multicast address 239.255.255.250. This actually goes to my router (for forwarding I assume) and my router returns a packet using ICMP protocol that says "Destination unreachable (Port unreachable)". Because nothing is forwarded to the other computers on the network, they can't see the game that the host has created.&lt;/p&gt;
&lt;p&gt;I think I need to get the application/windows7 to send the packet as something like a broadcast, or I need to get the router to broadcast packets going to that multicast address. Does anyone have thoughts or suggestions on how to do this?&lt;/p&gt;
&lt;p&gt;My router/gateway is running DD-WRT firmware v24-sp2.&lt;/p&gt;</t>
  </si>
  <si>
    <t>2012-12-02 01:01:57.077000+00:00</t>
  </si>
  <si>
    <t>2013-08-29 11:34:27.760000+00:00</t>
  </si>
  <si>
    <t>networking|multicast</t>
  </si>
  <si>
    <t>how to multiply the two numbers in datagridview</t>
  </si>
  <si>
    <t>&lt;p&gt;I want to multiply two numbers one by one until last row in datagridview; and add them in a double variable . &lt;/p&gt;
&lt;p&gt;They then divided by the total units do.&lt;/p&gt;
&lt;p&gt;For example:&lt;/p&gt;
&lt;pre&gt;&lt;code&gt;  mark |units |result
  12.00 * 2   = 24.00
  20.00 * 3   = 60.00
  15.00 * 1   = 15.00
24 + 60 + 15 = 59
59 / 2 + 3 + 1
= 59 /6
= 16.50
&lt;/code&gt;&lt;/pre&gt;
&lt;p&gt;so show in a textbox.&lt;/p&gt;
&lt;pre&gt;&lt;code&gt;       for (int i = 0; i &amp;lt; dataGridView1.RowCount ; i++)
       {&amp;lt;br&amp;gt;
             mark = Convert.ToInt32(dataGridView1.Rows[i].Cells[3].Value);&amp;lt;br&amp;gt;
             unit = Convert.ToInt32(dataGridView1.Rows[i].Cells[2].Value);&amp;lt;br&amp;gt;
             sumunit += unit;&amp;lt;br&amp;gt;
            result += ( mark * unit);&amp;lt;br&amp;gt;
       }&amp;lt;br&amp;gt;
       result /= sumunit;&amp;lt;br&amp;gt;
       label2.Text = result.ToString();&amp;lt;br&amp;gt;
    }&amp;lt;br&amp;gt;
&lt;/code&gt;&lt;/pre&gt;</t>
  </si>
  <si>
    <t>2013-07-03 07:48:41.103000+00:00</t>
  </si>
  <si>
    <t>2013-07-03 09:15:58.057000+00:00</t>
  </si>
  <si>
    <t>c#|database|datagridview</t>
  </si>
  <si>
    <t>Highlight current row in JTextPane</t>
  </si>
  <si>
    <t>&lt;p&gt;I'm trying for more than 2 days to implement a specific requirement for a text editor window... unfortunately without success so far :(&lt;/p&gt;
&lt;p&gt;The goal is to get a text editor window which will highlight the current row, like other text editors do. With current row I mean the row where currently the cursor/caret is positioned. &lt;/p&gt;
&lt;p&gt;I already found two different approaches but unfortunately I'm not able to adopt them so they work as expected.&lt;/p&gt;
&lt;p&gt;The first approach is to overwrite the &lt;code&gt;DefaultHighlighter&lt;/code&gt; (&lt;a href="http://snippets.dzone.com/posts/show/6688"&gt;http://snippets.dzone.com/posts/show/6688&lt;/a&gt;).
In the second approach the &lt;code&gt;HighlighterPainter&lt;/code&gt; will be overwritten instead (&lt;a href="http://www.jroller.com/santhosh/date/20050622"&gt;http://www.jroller.com/santhosh/date/20050622&lt;/a&gt;).&lt;/p&gt;
&lt;p&gt;Right now I'm trying to adopt the first approach in my project but as I said it is not working as desired.&lt;/p&gt;
&lt;p&gt;At the end of this post I'm posting a small sample application which demonstrates the problem.&lt;/p&gt;
&lt;ul&gt;
&lt;li&gt;If I start the program, the caret is placed at the beginning of the first line. However, the line is not highlighted.&lt;/li&gt;
&lt;li&gt;Now I type in some characters. Those chars will be highlighted but &lt;strong&gt;only&lt;/strong&gt; those chars not the complete line&lt;/li&gt;
&lt;li&gt;I hit enter to move to the next line. The first line is not highlighted anymore what is correct. The second line isn't highlighted as well, what is not correct. Again, when I type in some chars, those will be higlighted but not the complete row.&lt;/li&gt;
&lt;li&gt;When I now move back the caret to the first line, either by cursor up key or mouse clicking, the complete first line will be highlighted, not only the existing chars. This is the behavior I want right from the start.&lt;/li&gt;
&lt;/ul&gt;
&lt;p&gt;I hope anybody can tell me what I'm doing wrong here... or explain why it is not possible to resolve that issue at all. Any alternative solutions how I could realize the line highlighting are also highly appreciated!&lt;/p&gt;
&lt;p&gt;Thanks a lot in advance
Cheers
Preachie&lt;/p&gt;
&lt;pre&gt;&lt;code&gt;import java.awt.Color;
import java.awt.Dimension;
import java.awt.Graphics;
import java.awt.Insets;
import java.awt.Rectangle;
import javax.swing.JFrame;
import javax.swing.JTextPane;
import javax.swing.event.CaretEvent;
import javax.swing.event.CaretListener;
import javax.swing.text.DefaultHighlighter;
import javax.swing.text.Highlighter;
import javax.swing.text.JTextComponent;
public class HighlightProblem extends JFrame {
    private static final long serialVersionUID = 1L;
    private final JTextPane textPane;
    private final Highlighter.HighlightPainter cyanPainter;
    public HighlightProblem() {
        cyanPainter = new DefaultHighlighter.DefaultHighlightPainter(Color.CYAN);
        textPane = new JTextPane();
        textPane.setPreferredSize(new Dimension(500, 300));
        textPane.setHighlighter(new LineHighlighter());
        textPane.addCaretListener(new CaretListener() {
            @Override
            public void caretUpdate(CaretEvent e) {
                setHighlight(e);
            }
        });
        getContentPane().add(textPane);
        setDefaultCloseOperation(JFrame.EXIT_ON_CLOSE);
        pack();
        setVisible(true);
    }
    public static void main(String[] args) {
        new HighlightProblem();
    }
    public void setHighlight(CaretEvent e) {
        textPane.getHighlighter().removeAllHighlights();
        int currentLine = getLineFromOffset(textPane, e.getDot());
        int startPos = getLineStartOffsetForLine(textPane, currentLine);
        int endOffset = getLineEndOffsetForLine(textPane, currentLine);
        try {
            textPane.getHighlighter().addHighlight(startPos, endOffset, cyanPainter);           
        } catch (Exception ex) {
            ex.printStackTrace();
        }
        textPane.repaint();
    }
    public int getLineFromOffset(JTextComponent component, int offset) {
        return component.getDocument().getDefaultRootElement().getElementIndex(offset);
    }
    public int getLineStartOffsetForLine(JTextComponent component, int line) {
        return component.getDocument().getDefaultRootElement().getElement(line).getStartOffset();
    }
    public int getLineEndOffsetForLine(JTextComponent component, int line) {
        return component.getDocument().getDefaultRootElement().getElement(line).getEndOffset();
    }
    public class LineHighlighter extends DefaultHighlighter {
        private JTextComponent component;
        @Override
        public final void install(final JTextComponent c) {
            super.install(c);
            this.component = c;
        }
        @Override
        public final void deinstall(final JTextComponent c) {
            super.deinstall(c);
            this.component = null;
        }
        @Override
        public final void paint(final Graphics g) {
            final Highlighter.Highlight[] highlights = getHighlights();
            final int len = highlights.length;
            for (int i = 0; i &amp;lt; len; i++) {
                Highlighter.Highlight info = highlights[i];
                if (info.getClass().getName().indexOf("LayeredHighlightInfo") &amp;gt; -1) {
                    // Avoid allocing unless we need it.
                    final Rectangle a = this.component.getBounds();
                    final Insets insets = this.component.getInsets();
                    a.x = insets.left;
                    a.y = insets.top;
                    // a.width -= insets.left + insets.right + 100;
                    a.height -= insets.top + insets.bottom;
                    final Highlighter.HighlightPainter p = info.getPainter();
                    p.paint(g, info.getStartOffset(), info.getEndOffset(), a, this.component);
                }
            }
        }
        @Override
        public void removeAllHighlights() {
            textPane.repaint(0, 0, textPane.getWidth(), textPane.getHeight());
            super.removeAllHighlights();
        }
    }
}
&lt;/code&gt;&lt;/pre&gt;</t>
  </si>
  <si>
    <t>2011-03-23 12:55:55.817000+00:00</t>
  </si>
  <si>
    <t>2012-03-15 03:10:17.553000+00:00</t>
  </si>
  <si>
    <t>2011-03-23 13:22:34.087000+00:00</t>
  </si>
  <si>
    <t>java|swing|highlighting|jtextpane</t>
  </si>
  <si>
    <t>Cordova backspace cannot remove image in contenteditable div</t>
  </si>
  <si>
    <t>&lt;p&gt;I'm using Cordova 3.6.4 in Visual Studio 2013 Community Update 4 to build an apps with a "chat" functionality, the main reason that I use this technology is because I want to, hopefully, write once and can use it in all platforms such as android phones, iphones, all mobile phone browsers, all desktop browsers.&lt;/p&gt;
&lt;p&gt;In order to let the users inputting the "message" to be sent, I create a [div] which is contenteditable="true" at the bottom left of the html, at the right hand side of this [div], I have two [image buttons], one is the [happy face] button, the other is the [send button].  (You know, just like Whatsapp, Line and WeChat!)&lt;/p&gt;
&lt;p&gt;At any time the user can click the [happy face] button to select one of the many "face image" to insert into the cursor at the [div], then I'll add the html codes into the [div], e.g. div.innerHTML += '&amp;lt; img src="1.jpg"&gt;'&lt;/p&gt;
&lt;p&gt;So, the innerHTML of this [div] can contain characters AND images, e.g.&lt;/p&gt;
&lt;p&gt;12&amp;lt; img src="1.jpg" /&gt;34&amp;lt; img src="2.jpg" /&gt;&lt;/p&gt;
&lt;p&gt;Of course, the actual display is:&lt;/p&gt;
&lt;p&gt;12[1st Picture]34[2nd Picture]&lt;/p&gt;
&lt;p&gt;If the cursor is at the end of this [div], and I clicked the [BACKSPACE], I expect the [2nd Picture] will be removed, if I clicked the [BACKSPACE] again, I expect the letter [4] will be removed from the [div], this is work at ALMOST every platform I mentioned including all mobile browsers in android and iphone/ipad, all desktop browsers.  But IT DOES NOT WORK when I build an android apps and run it in ANY android phone.&lt;/p&gt;
&lt;p&gt;Running it as a WebView in android phone, when I click the the [BACKSPACE], the letter [4] is removed instead of the [2nd Picture], when I click the [BACKSPACE] again, the letter[3] is removed.  I can NEVER remove the 2 images no matter which IME I'm using.&lt;/p&gt;
&lt;p&gt;To work around, I tried to add a keyup/keydown/keypress listener to the [BACKSPACE] but it never fires.&lt;/p&gt;
&lt;p&gt;At last, to work around this [BUG], I need to add a third [X] image button and use javascript string.replace to remove the &amp;lt; img&gt; tag when users click this [X] button, but it looks very stupid to the users!&lt;/p&gt;
&lt;p&gt;It makes me crazy that ALL IMEs do not remove the image for me by pressing the [BACKSPACE], and if the key events are not fired, I cannot remove the images myself!!!&lt;/p&gt;
&lt;p&gt;I tried ALMOST, I think, ALL the suggestions provided by stackoverflow but they don't work at all, either not applicable to CORDOVA, or with compilation error such as [command failed with exit code 8] in Visual Studio.&lt;/p&gt;
&lt;p&gt;What should I do?&lt;/p&gt;
&lt;p&gt;Please help! Thanks in advance!&lt;/p&gt;</t>
  </si>
  <si>
    <t>2015-05-03 18:31:25.143000+00:00</t>
  </si>
  <si>
    <t>2017-06-23 07:22:53.353000+00:00</t>
  </si>
  <si>
    <t>2015-05-07 08:40:26.950000+00:00</t>
  </si>
  <si>
    <t>android|cordova|contenteditable|keyevent|backspace</t>
  </si>
  <si>
    <t>How to inject a string in an HTML fragment</t>
  </si>
  <si>
    <t>&lt;p&gt;I would like to insert a read more HTML bit at a certain position in an HTML fragment - say after the 10th word. I will then, via JavaScript, hide the text after the "read more" and only show it on click. &lt;/p&gt;
&lt;p&gt;The JavaScript part is ok. As to the PHP part.&lt;/p&gt;
&lt;p&gt;It seemed simple at first - but the problem is that tags mess up the word count and the truncation. So I would need to close any opened tag which closing counterpart is beyond the "read more".&lt;/p&gt;
&lt;p&gt;Any insight would be appreciated.&lt;/p&gt;</t>
  </si>
  <si>
    <t>2010-08-26 22:34:32.203000+00:00</t>
  </si>
  <si>
    <t>2012-07-20 19:12:11.550000+00:00</t>
  </si>
  <si>
    <t>php|html|insert|truncate</t>
  </si>
  <si>
    <t>C# Monodevelop/Xamarin Studio puts every array value in a new line</t>
  </si>
  <si>
    <t>&lt;p&gt;So I have installed Xamarin studio (or Monodevelop, same thing) on my laptop because I do not really want to spend time on downloading &amp;amp; installing Visual Studio (I have it on my PC, but I'm currently on vacation). 
I am currently learning to program in C#, and while printing stuff out in console, every value of array goes in a new line, but I don't want that. I don't think that it's the problem in a code, but still here's the photo:&lt;/p&gt;
&lt;pre&gt;&lt;code&gt;using System;
namespace a
{
  class MainClass
  {
         public static void Main(string[] args)
        {
            int x;
        int[] array = new int[10];
        for (x = 0; x &amp;lt; 10; x++)
        {
            Console.WriteLine(array[x]);
        }
            Console.ReadKey();
    }
  }
}
&lt;/code&gt;&lt;/pre&gt;
&lt;p&gt;I cannot print out grid [2d array] properly because of that, so if you have any solutions, please respond.&lt;/p&gt;
&lt;p&gt;Thanks in advance. &lt;/p&gt;</t>
  </si>
  <si>
    <t>2017-07-27 07:53:03.797000+00:00</t>
  </si>
  <si>
    <t>2017-07-27 08:06:44.940000+00:00</t>
  </si>
  <si>
    <t>Android GCM - Send different payload to each user in registration_ids array</t>
  </si>
  <si>
    <t>&lt;p&gt;In a multicast GCM trigger, I want to send different payload to each user.
My GCM json corresponding array is as follows:  &lt;/p&gt;
&lt;pre&gt;&lt;code&gt;$fields = array(
'collapse_key' =&amp;gt; 'demo',
'registration_ids' =&amp;gt; $registration_ids,
'data' =&amp;gt; array('myjson' =&amp;gt; 'abc'),
);
&lt;/code&gt;&lt;/pre&gt;
&lt;p&gt;Consider the registeration_ids array as follows:  &lt;/p&gt;
&lt;pre&gt;&lt;code&gt;$registration_ids =&amp;gt; array('id1','id2','id3');
&lt;/code&gt;&lt;/pre&gt;
&lt;p&gt;With the above mentioned GCM json corresponding array, all the users get same value of 'myjson'. Is there any way that i can design the json corresponding array such that 'id1' gets 'abc' as the value of 'myjson', 'id2' gets 'def' as the value of 'myjson'... and so on?&lt;/p&gt;</t>
  </si>
  <si>
    <t>2013-07-17 06:10:22.520000+00:00</t>
  </si>
  <si>
    <t>2013-07-18 13:58:37.367000+00:00</t>
  </si>
  <si>
    <t>android|push-notification|google-cloud-messaging</t>
  </si>
  <si>
    <t>Nullable type in switch Visual Studio 2015</t>
  </si>
  <si>
    <t>&lt;p&gt;I have this program:&lt;/p&gt;
&lt;pre&gt;&lt;code&gt;public static void Main(string[] args)
    {
        long? variable = 10;
        switch (variable)
        {
            case 10:
            {
                Console.WriteLine("Hit!");
                return;
            }
            default:
            {
                Console.WriteLine("No hit!");
                return;
            }
        }
    }
&lt;/code&gt;&lt;/pre&gt;
&lt;p&gt;When I compile and run it in Visual Studio 2013, I get the result "Hit!" which is what I expect.
When I compile and run it in Visual Studio 2015, I get the result "No hit!" which is NOT what I expect.  To make this work in Visual Studio 2015, I have to change the switch-statement to &lt;code&gt;switch(variable.Value)&lt;/code&gt;.&lt;/p&gt;
&lt;p&gt;Is this a change in functionality in the new C#-compiler, or is this a bug?&lt;/p&gt;</t>
  </si>
  <si>
    <t>2015-11-16 10:12:55.753000+00:00</t>
  </si>
  <si>
    <t>2015-11-16 10:18:11.017000+00:00</t>
  </si>
  <si>
    <t>c#|.net|visual-studio-2015</t>
  </si>
  <si>
    <t>acrofields not printing with multipage document - itextsharp</t>
  </si>
  <si>
    <t>&lt;p&gt;we are trying to print / create a multi page pdf from a single template pdf containing editable acrofields. The code seemed to work find when using for a simple single page . However when trying to do for multi page, it doesnt seems to be showing values when the multipage pdf is printed.&lt;/p&gt;
&lt;p&gt;the code for this is as follows&lt;/p&gt;
&lt;pre&gt;&lt;code&gt;   public ActionResult InsertUpdateFoodCourtMultiple(string FoodCourt, int EmployeeId, string EmployeeNo, DateTime FromDate, DateTime ToDate)
    {
        iTextSharp.text.Document document = new iTextSharp.text.Document();
        String fileName = "";
        fileName = "FoodToken.pdf";
        string filePath = "~/Content/Files/" + fileName;
        byte[] result;
        //create newFileStream object which will be disposed at the end
        using (MemoryStream newFileStream = new MemoryStream())
        {
            // step 2: we create a writer that listens to the document
            PdfCopy writer = new PdfCopy(document, newFileStream);
            // step 3: we open the document
            document.Open();
            while (FromDate &amp;lt;= ToDate)
            {
            var reader = new PdfReader(Server.MapPath(filePath));
            MemoryStream output = new MemoryStream();
            var stamper = new PdfStamper(reader, output);
            stamper.AcroFields.SetField("TxtSerial", EmployeeId.ToString());
            stamper.AcroFields.SetField("TxtEmployeeId", EmployeeNo);
            stamper.AcroFields.SetField("TxtDate", FromDate.ToString("dd-MMM-yyyy"));
            stamper.AcroFields.SetField("TxtIssuedBy", SessionHelper.GetLoggedInUser().FirstName + " " + SessionHelper.GetLoggedInUser().LastName);
            stamper.AcroFields.SetField("TxtMeal", " - " + FoodCourt);
            stamper.FormFlattening = true;
                // step 4: we add content
                for (int i = 1; i &amp;lt;= reader.NumberOfPages; i++)
                {
                    PdfImportedPage page = writer.GetImportedPage(reader, i);
                    writer.AddPage(page);
                }
                stamper.Close();
            //    writer.AddDocument(reader);
                reader.Close();
                // step 5: we close the document and writer
                //reader = new PdfReader(output);
                //writer.AddDocument(reader);
                //reader.Close();
                FromDate = FromDate.AddDays(1);
            }
            result = newFileStream.ToArray();
            writer.Close();
        }//disposes the newFileStream object
        document.Close();
        Response.AddHeader("Content-Disposition", "inline; filename=" + fileName);
        Response.ContentType = "application/pdf";
        return File(result, "application/pdf");
    }
&lt;/code&gt;&lt;/pre&gt;
&lt;p&gt;any help appreciated&lt;/p&gt;</t>
  </si>
  <si>
    <t>2018-08-30 07:09:47.513000+00:00</t>
  </si>
  <si>
    <t>2018-08-30 21:01:22.827000+00:00</t>
  </si>
  <si>
    <t>c#|pdf|itext</t>
  </si>
  <si>
    <t>Android resource linking failed ; Invalid symbol name: id/null</t>
  </si>
  <si>
    <t>&lt;p&gt;help i was just coding for shape.xml at my application but when i run it this happens.. help i dont really know what to do. and i dont know why this happens.. please i need your help all ty. when i tried to delete/undo all my codes it still happens&lt;/p&gt;
&lt;pre&gt;&lt;code&gt;Android resource linking failed
Output:  C:\Users\KHALESSI-JB\AndroidStudioProjects\ReminderApplication\app\build\generated\not_namespaced_r_class_sources\debug\processDebugResources\r\com\example\khalessi_jb\reminderapplication\R.java: error: invalid symbol name 'com.example.khalessi_jb.reminderapplication:id/null'.
Command: C:\Users\KHALESSI-JB\.gradle\caches\transforms-1\files-1.1\aapt2-3.2.1-4818971-windows.jar\b0f95379c78a264df14bf14d8fac21f6\aapt2-3.2.1-4818971-windows\aapt2.exe link -I\
    C:\Users\KHALESSI-JB\AppData\Local\Android\Sdk\platforms\android-28\android.jar\
    --manifest\
    C:\Users\KHALESSI-JB\AndroidStudioProjects\ReminderApplication\app\build\intermediates\merged_manifests\debug\processDebugManifest\merged\AndroidManifest.xml\
    -o\
    C:\Users\KHALESSI-JB\AndroidStudioProjects\ReminderApplication\app\build\intermediates\processed_res\debug\processDebugResources\out\resources-debug.ap_\
    -R\
    @C:\Users\KHALESSI-JB\AndroidStudioProjects\ReminderApplication\app\build\intermediates\incremental\processDebugResources\resources-list-for-resources-debug.ap_.txt\
    --auto-add-overlay\
    --java\
    C:\Users\KHALESSI-JB\AndroidStudioProjects\ReminderApplication\app\build\generated\not_namespaced_r_class_sources\debug\processDebugResources\r\
    --custom-package\
    com.example.khalessi_jb.reminderapplication\
    -0\
    apk\
    --output-text-symbols\
    C:\Users\KHALESSI-JB\AndroidStudioProjects\ReminderApplication\app\build\intermediates\symbols\debug\R.txt\
    --no-version-vectors
Daemon:  AAPT2 aapt2-3.2.1-4818971-windows Daemon #0
&lt;/code&gt;&lt;/pre&gt;</t>
  </si>
  <si>
    <t>2018-11-09 02:34:25.410000+00:00</t>
  </si>
  <si>
    <t>App crashes after running a method in background thread</t>
  </si>
  <si>
    <t>&lt;p&gt;I am recoding the main screen in which we can drag images.&lt;/p&gt;
&lt;p&gt;I have a setneedsdisplay method which slows down the dragging of objects.&lt;/p&gt;
&lt;p&gt;But when i call the same method in the background thread the issue is solved but the app crashes.&lt;/p&gt;
&lt;p&gt;Also if there is any other option to record the video without calling the drawRect: method again and again?&lt;/p&gt;
&lt;pre&gt;&lt;code&gt;- (void) drawRect:(CGRect)rect {
    NSDate* start = [NSDate date];
    CGContextRef context = [self createBitmapContextOfSize:self.frame.size];
    CGAffineTransform flipVertical = CGAffineTransformMake(1, 0, 0, -1, 0, self.frame.size.height);
    CGContextConcatCTM(context, flipVertical);
    [self.layer renderInContext:context];
    CGImageRef cgImage = CGBitmapContextCreateImage(context);
    UIImage* background = [UIImage imageWithCGImage: cgImage];
    CGImageRelease(cgImage);
    self.currentScreen = background;
    if (_recording) {
        float millisElapsed = [[NSDate date] timeIntervalSinceDate:startedAt] * 1000.0;
        [self writeVideoFrameAtTime:CMTimeMake((int)millisElapsed, 1000)];
    }
    float processingSeconds = [[NSDate date] timeIntervalSinceDate:start];
     delayRemaining = (1.0 / self.frameRate) - processingSeconds;
    //CGContextRelease(context);
    //redraw at the specified framerate
    //[self performSelector:@selector(setNeedsDisplay) withObject:nil afterDelay:delayRemaining &amp;gt; 0.0 ? delayRemaining : 0.01];
    [self performSelectorInBackground:@selector(setNeedsDisplay) withObject:nil];
}
&lt;/code&gt;&lt;/pre&gt;</t>
  </si>
  <si>
    <t>2013-02-08 11:54:12.803000+00:00</t>
  </si>
  <si>
    <t>2013-02-09 10:23:54.950000+00:00</t>
  </si>
  <si>
    <t>iphone|ios|objective-c|xcode|ios5</t>
  </si>
  <si>
    <t>How to write to a locked file in Java?</t>
  </si>
  <si>
    <t>&lt;p&gt;I'm writting in a file that has the .csv extension . The function that writes in the file is called from a timer that checks continuosly some conditions and updates the file. However, if the user decides to open that file while the timer is running I will obviously get an exception.&lt;/p&gt;
&lt;p&gt;Is there a possibility to avoid this and update the file so that the user will see the updated file when reopens the file ?&lt;/p&gt;
&lt;p&gt;EDIT:&lt;/p&gt;
&lt;pre&gt;&lt;code&gt;   Timer=new Timer(5000, new ActionListener() {
            @Override
            public void actionPerformed(ActionEvent arg0) {
                Display.getDefault().asyncExec(new Runnable(){
                    @Override
                    public void run()
                    {
                       //Here I check the conditions
                       checkConditions();
                       if(checkConditions())
                       {     
                           writeInFile();
                       }
                     }
             }
      }  
&lt;/code&gt;&lt;/pre&gt;
&lt;p&gt;EDIT(2):&lt;/p&gt;
&lt;pre&gt;&lt;code&gt;  public void writeInFile()
        {
        File firstFile=new File("file location");
        BufferedWriter out_firstFile = null;
        FileWriter firstFileStream;
        firstFileStream= new FileWriter(firstFile, false);
out_firstFile = new BufferedWriter(firstFileStream);
        out_firstFile.write("Here I write something :) ");
        out_firstFile.close(); 
        }
&lt;/code&gt;&lt;/pre&gt;</t>
  </si>
  <si>
    <t>2015-01-22 09:05:23.427000+00:00</t>
  </si>
  <si>
    <t>2015-01-22 09:32:24.680000+00:00</t>
  </si>
  <si>
    <t>java|eclipse|eclipse-plugin</t>
  </si>
  <si>
    <t>My SQL grab last active users within one week</t>
  </si>
  <si>
    <t>&lt;p&gt;I have a query and I'm not sure how to limit the users by last login date.  i only want to return the users who have logged in in the last week. Here's my query:&lt;/p&gt;
&lt;pre&gt;&lt;code&gt;"SELECT `ID` FROM `Profiles` WHERE `DateLastLogin` &amp;lt; '[1WEEK]'"
&lt;/code&gt;&lt;/pre&gt;
&lt;p&gt;The DateLastLogin is a datetime field.&lt;/p&gt;</t>
  </si>
  <si>
    <t>2010-12-31 16:25:15.063000+00:00</t>
  </si>
  <si>
    <t>2018-08-16 11:10:23.970000+00:00</t>
  </si>
  <si>
    <t>2016-05-14 02:27:44.813000+00:00</t>
  </si>
  <si>
    <t>mysql|relational-database</t>
  </si>
  <si>
    <t>Gulp-sourcemap, browserify and babelify</t>
  </si>
  <si>
    <t>&lt;p&gt;I'm writing a react app using gulp to build and babelify to transpile. &lt;/p&gt;
&lt;p&gt;I use the following definition of &lt;code&gt;browserify&lt;/code&gt; task : &lt;/p&gt;
&lt;pre&gt;&lt;code&gt;gulp.task('browserify', function() {
    var entries = glob.sync('./app/**/*.js*');
    var bundler = browserify({entries: entries, debug: true})
        .transform("babelify", {presets: ["es2015", "react"]})
        .bundle()
        .on('error', function(err) {
            console.error(err);
        })
        .pipe(source('bundle.js'))
        .pipe(buffer())
        .pipe(sourcemaps.init({loadMaps: true}))
        .pipe(sourcemaps.write('./'))
        .pipe(gulp.dest('dist'));
});
&lt;/code&gt;&lt;/pre&gt;
&lt;p&gt;I get one &lt;code&gt;bundle.js&lt;/code&gt; while I expect to see transpiled &lt;code&gt;js&lt;/code&gt; files in &lt;code&gt;dist&lt;/code&gt; with the same folder structure as &lt;code&gt;src&lt;/code&gt; (here &lt;code&gt;app&lt;/code&gt;).&lt;/p&gt;
&lt;p&gt;Am I expecting a right thing ? If yes, how can I make it to work like what I expect.&lt;/p&gt;</t>
  </si>
  <si>
    <t>2015-11-22 13:05:14.857000+00:00</t>
  </si>
  <si>
    <t>2015-12-28 14:43:23.890000+00:00</t>
  </si>
  <si>
    <t>2015-11-22 13:24:21.413000+00:00</t>
  </si>
  <si>
    <t>javascript|gulp</t>
  </si>
  <si>
    <t>How to avoid wrapping code in a promise callback?</t>
  </si>
  <si>
    <t>&lt;p&gt;In order not to wrap blocks of code in a promise callback (to save one level of indentation), I sometime do the following:&lt;/p&gt;
&lt;pre&gt;&lt;code&gt;function myFunction() {
    // Create the promise object and get the "resolve" callback
    let promiseResolve = null;
    const promise = new Promise((resolve, reject) =&amp;gt; {
        promiseResolve = resolve;
    });
    // Then later in the code:
    setTimeout(() =&amp;gt; {
        // Something slow
        promiseResolve();
    }, 1000);
    // And at the end
    return promise
}
&lt;/code&gt;&lt;/pre&gt;
&lt;p&gt;It works but it feels a bit messy. Is there any proper pattern to do this in JavaScript?&lt;/p&gt;</t>
  </si>
  <si>
    <t>2017-11-28 00:30:04.313000+00:00</t>
  </si>
  <si>
    <t>2017-11-28 08:02:03.820000+00:00</t>
  </si>
  <si>
    <t>javascript|design-patterns|callback|promise</t>
  </si>
  <si>
    <t>NodeJs Security - Read hashed sha256 password from DB</t>
  </si>
  <si>
    <t>&lt;p&gt;I know how to "safely" store a password in the database in NodeJs and use it as a user login for example.
But know I have a different question, where I'm not sure what might be best practice.&lt;/p&gt;
&lt;p&gt;I am using amazon product api, so I have to provide different aws Id's.
So I thought, storing them as a plain text might not be that sure, so I hashed them.&lt;/p&gt;
&lt;p&gt;But when sending my request to the amazon Api via the code snipped below, I somehow have to safely restore the "correct key", because the hashed one will not be accepted then.&lt;/p&gt;
&lt;pre&gt;&lt;code&gt;var opHelper = new OperationHelper({
    awsId:     'XXXXX',
    awsSecret: 'XXXXX',
    assocId:   'XXXX'
});
&lt;/code&gt;&lt;/pre&gt;
&lt;p&gt;Is there some opposite way of &lt;/p&gt;
&lt;pre&gt;&lt;code&gt;crypto.createHash('sha256').update(awsId).digest('base64')
&lt;/code&gt;&lt;/pre&gt;
&lt;p&gt;So to make my it more clear, how to restore a hashed key from my database so that I can use it in the amazon request again?&lt;/p&gt;
&lt;p&gt;Or am I getting things totally wrong and I do not have to store them hashed in my database?&lt;/p&gt;
&lt;p&gt;Thank you for letting me know&lt;/p&gt;</t>
  </si>
  <si>
    <t>2014-03-24 06:21:33.337000+00:00</t>
  </si>
  <si>
    <t>2014-03-24 07:23:25.690000+00:00</t>
  </si>
  <si>
    <t>node.js|security|hash|amazon-web-services</t>
  </si>
  <si>
    <t>PHP Issues adding 2d arrays 1d arrays to an sql table</t>
  </si>
  <si>
    <t>&lt;p&gt;Ok so the issue i am having now is that I just straight up don't understand how to pass data to the &lt;code&gt;LOAD DATA LOCAL INFILE&lt;/code&gt; SQL command using the &lt;code&gt;exec() function&lt;/code&gt;.&lt;/p&gt;
&lt;p&gt;On line 57 in my code i have tried using &lt;code&gt;implode(',',$row)&lt;/code&gt;. I have also tried using &lt;code&gt;serialize($row)&lt;/code&gt; and first i tried quote like the next 2 lines i have also tried giving it every param and value manually which semi works but is impractical as there will be well over 100 entries on every line in the imported CSV file, there must be a better way to do this and id love if someone could show me how.&lt;/p&gt;
&lt;p&gt;The issue occurs on line 57 of the following code:&lt;/p&gt;
&lt;pre&gt;&lt;code&gt;&amp;lt;?php
    /* DISCLAIMER: I, the creator of this script am in no way responsible for any damage or data loss said script may cause directly or indirectly to the used databases, servers, clients and/or devices it may be run on. ANY and ALL responsibility for issues pertaining to the use of this script falls to the person that requested it be created. By using this script you confirm that you have read, fully understand and fully agree to this disclaimer */
    /* This script has no input sanitization which means that if someone uploads a csv with any php and possibly SQL commands too in it your server will do whatever those commands tell it to, this could range from adding a malformed entry to deleting everything in the database*/
    /* ######################################## Required Configuration 'Settings' Start ######################################## */
    /* Please only change things between the "" characters unless you know what you're doing */
    /* Add your IMAP email server credentials in the next 3 lines */
    $mailbox = "{imap.gmail.com:993/imap/ssl}INBOX"; /* This bit tells the script where to look and what folder to look for (you may need to change INBOX to the apropriate folder name) */
    $emailAddress = "the_address_to_read_emails_from"; /* The email you wish to process emails from */
    $emailPassword = "the_password_for_the_above_address"; /* The password associated with the above username */
    /* Add your SQL database credentials in the below 4 lines*/
    $databaseHost = "localhost"; /* put the address/hostname of your database here */
    $dbUsername = "root"; /* put an admin username here, or at least one with write (s) */
    $dbPassword = ""; /* put the corresponding admin password here */
    $databaseName = "testdb"; /* The name of the database the script should look at */
    /* ######################################### Required Configuration 'Settings' End ######################################### */
    /* ######################################## Optional Configuration 'Settings' Start ######################################## */
    /* These are here just encase you change your table names */
    $cT = "crew_tab"; /* The name of the first table the script should look at */
    $eT = "entry_tab"; /* The name of the second table the script should look at */
    /* ######################################### Optional Configuration 'Settings' End ######################################### */
    $fieldSeparator = ",";
    $lineSeparator = "\n";
    $csvFile = 'csv.csv';
    if(!file_exists($csvFile)) {
    die("No CSV, Skipping to next email");
    }
    try {
        /* try to make a connection to the SQL server*/
        $twoDArray = array();
        if (($handle = fopen("csv.csv", "r")) !== FALSE) {
            while (($data = fgetcsv($handle, 0, $fieldSeparator)) !== FALSE) {
                $twoDArray[] = $data;
            }
            fclose($handle);
        }
        echo $twoDArray[0][1];
        $database = new PDO("mysql:host=$databaseHost;dbname=$databaseName", $dbUsername, $dbPassword,
            array(
                PDO::MYSQL_ATTR_LOCAL_INFILE =&amp;gt; true,
                PDO::ATTR_ERRMODE =&amp;gt; PDO::ERRMODE_EXCEPTION
            )
        );
    } catch (PDOException $e) {
        die("Database connection failed: ".$e-&amp;gt;getMessage());
    }
    foreach($twoDArray as $oneDArray){
        foreach($oneDArray as $row){
        $affectedRows = $database-&amp;gt;exec("
        LOAD DATA LOCAL INFILE ".$database-&amp;gt;quote($row)." INTO TABLE `$eT`
          FIELDS TERMINATED BY ".$database-&amp;gt;quote($fieldSeparator)."
          LINES TERMINATED BY ".$database-&amp;gt;quote($lineSeparator));
        }
    }
    echo "\nLoaded a total of $affectedRows records from the csv file into the database.\n";
    /* try to make a connection to the email server*/
    $inbox = imap_open($mailbox,$emailAddress,$emailPassword) or die('Failed to connect to Gmail: ' . imap_last_error());
    set_time_limit(3000);
    $emailAddresss = imap_search($database, 'FROM "abc@gmail.com"');
    /* if any emails are found, the script will iterate through each of them */
    if($emailAddresss) {
        $count = 1;
        /* sorts by newest first */
        rsort($emailAddresss);
        /* for every value in emailAddress... */
        foreach($emailAddresss as $emailAddressNumber){
            /* get information specific to this email */
            $overview = imap_fetch_overview($inbox,$emailAddressNumber,0);
            $message = imap_fetchbody($inbox,$emailAddressNumber,2);
            /* get mail structure */
            $structure = imap_fetchstructure($inbox, $emailAddressNumber);
            $attachments = array();
            /* if any attachments found... */
            if(isset($structure-&amp;gt;parts) &amp;amp;&amp;amp; count($structure-&amp;gt;parts)){
                for($i = 0; $i &amp;lt; count($structure-&amp;gt;parts); $i++){
                    $attachments[$i] = array(
                        'is_attachment' =&amp;gt; false,
                        'filename' =&amp;gt; '',
                        'name' =&amp;gt; '',
                        'attachment' =&amp;gt; '',
                    );
                    if($structure-&amp;gt;parts[$i]-&amp;gt;ifdparameters){
                        foreach($structure-&amp;gt;parts[$i]-&amp;gt;dparameters as $object){
                            if(strtolower($object-&amp;gt;attribute) == 'filename')
                            {
                                $attachments[$i]['is_attachment'] = true;
                                $attachments[$i]['filename'] = $object-&amp;gt;value;
                            }
                        }
                    }
                    if($structure-&amp;gt;parts[$i]-&amp;gt;ifparameters){
                        foreach($structure-&amp;gt;parts[$i]-&amp;gt;parameters as $object){
                            if(strtolower($object-&amp;gt;attribute) == 'name'){
                                $attachments[$i]['is_attachment'] = true;
                                $attachments[$i]['name'] = $object-&amp;gt;value;
                            }
                        }
                    }
                    if($attachments[$i]['is_attachment']){
                        $attachments[$i]['attachment'] = imap_fetchbody($inbox, $emailAddressNumber, $i+1);
                        /* Extracts the email contents into usable text, 3 = BASE64 encoding*/
                        if($structure-&amp;gt;parts[$i]-&amp;gt;encoding == 3){
                            $attachments[$i]['attachment'] = base64_decode($attachments[$i]['attachment']);
                        }
                        /* 4 = QUOTED-PRINTABLE encoding */
                        elseif($structure-&amp;gt;parts[$i]-&amp;gt;encoding == 4){
                            $attachments[$i]['attachment'] = quoted_printable_decode($attachments[$i]['attachment']);
                        }
                    }
                }
            }
            /* iterate through each attachment and save it */
            foreach($attachments as $attachment){
                if(($attachment['is_attachment'] == 1) )
                {
                    $filename = $attachment['name'];
                    if(empty($filename)) $filename = $attachment['filename'];
                    if(empty($filename)) $filename = time() . ".dat";
                    $folder = "attachment";
                    if(!is_dir($folder)){
                         mkdir($folder);
                    }
                    $fp = fopen("./". $folder ."/". $emailAddressNumber . "-" . $filename, "w+");
                    fwrite($fp, $attachment['attachment']);
                    fclose($fp);
                }
            }
        }
    }
    /* close the connection to the email_address server */
    imap_close($inbox);
    echo "####################Script ran with no errors####################";
?&amp;gt;
&lt;/code&gt;&lt;/pre&gt;
&lt;p&gt;The error that is occurring is:&lt;/p&gt;
&lt;blockquote&gt;
  &lt;p&gt;Fatal error: Uncaught PDOException: SQLSTATE[42000]: Syntax error or
  access violation: 1064 You have an error in your SQL syntax; check the
  manual that corresponds to your MariaDB server version for the right
  syntax to use near 'INTO TABLE &lt;code&gt;entry_tab&lt;/code&gt; FIELDS TERMINATED BY ','
  LINES TERM' at line 1 in C:\xampp\htdocs\main.php:59 Stack trace: #0
  C:\xampp\htdocs\main.php(59): PDO-&gt;exec('\r\n LOAD ...') #1 {main}
  thrown in C:\xampp\htdocs\main.php on line 59&lt;/p&gt;
&lt;/blockquote&gt;
&lt;p&gt;Please can someone help me to resolve this issue. &lt;/p&gt;
&lt;p&gt;Thanks in advance for any help.&lt;/p&gt;</t>
  </si>
  <si>
    <t>2017-12-28 10:24:46.880000+00:00</t>
  </si>
  <si>
    <t>2017-12-28 12:07:44.510000+00:00</t>
  </si>
  <si>
    <t>php|sql|arrays</t>
  </si>
  <si>
    <t>My asp.net code is not detecting the textboxes in LoginView control</t>
  </si>
  <si>
    <t>&lt;p&gt;Firstly, I am new to asp.net so please be patient with me. I have&lt;br&gt;
    created a Login  control in the .aspx page. I am trying to access the 
    username textbox called 'UserName' and the password textbox called&lt;br&gt;
    'Password', but when I build the application, I get the following errors:&lt;/p&gt;
&lt;pre&gt;&lt;code&gt;Login does not contain a definition for 'Username'
Login does not contain a definition for 'Password'
&lt;/code&gt;&lt;/pre&gt;
&lt;p&gt;The textboxes both have the correct id values, so I cannot understand&lt;br&gt;
   why asp.net is not locating the textbox controls. Please help!!&lt;/p&gt;
&lt;pre&gt;&lt;code&gt;The following code for the Login.aspx page is:
    &amp;lt;%@ Page Language="C#" MasterPageFile="~/Template.master"    
    AutoEventWireup="true" CodeFile="Login.aspx.cs" Inherits="Login" 
    Title="Untitled Page" %&amp;gt;
    &amp;lt;asp:Content ID="Content1" ContentPlaceHolderID="MainContent"   
    Runat="Server"&amp;gt;
    &amp;lt;asp:LoginView ID="LoginView1" runat="server"&amp;gt;
    &amp;lt;AnonymousTemplate&amp;gt;
    &amp;lt;asp:Login ID="Login1" runat="server" Width="50%"
    OnAuthenticate="Login1_Authenticate" &amp;gt;
    &amp;lt;LayoutTemplate&amp;gt;
    &amp;lt;table border="1px solid yellow" cellpadding="0" cellspacing="0"
      width="50%"&amp;gt;
       &amp;lt;tr&amp;gt;
         &amp;lt;td style="height: 24px"&amp;gt;&amp;lt;asp:Label runat="server" ID="lblUserName" 
            AssociatedControlID="UserName" Text="Email:"  /&amp;gt;&amp;lt;/td&amp;gt;
         &amp;lt;td style="height: 24px"&amp;gt;&amp;lt;asp:TextBox id="UserName" 
          runat="server" 
           Width="55%"  /&amp;gt;&amp;lt;/td&amp;gt;
         &amp;lt;td style="height: 24px"&amp;gt;&amp;lt;/td&amp;gt;
       &amp;lt;/tr&amp;gt;
       &amp;lt;tr&amp;gt;
         &amp;lt;td&amp;gt;&amp;lt;asp:Label runat="server" ID="lblPassword" 
             AssociatedControlID="Password" Text="Password:"  /&amp;gt;
         &amp;lt;/td&amp;gt;
        &amp;lt;td&amp;gt;&amp;lt;asp:TextBox ID="Password" runat="server"   
         TextMode="Password"  
         Width="95%"  /&amp;gt;&amp;lt;/td&amp;gt;
      &amp;lt;/tr&amp;gt;
    &amp;lt;/table&amp;gt;
    &amp;lt;table border="0" cellpadding="0" cellspacing="0" width="80%" 
      style="border: solid 1px red";&amp;gt;
      &amp;lt;tr&amp;gt;
     &amp;lt;td&amp;gt;&amp;lt;asp:CheckBox ID="RememberMe" CssClass="chkrememberMe"  
     runat="server" Text="Remember me" &amp;gt;
     &amp;lt;/asp:CheckBox&amp;gt;
     &amp;lt;/td&amp;gt;
    &amp;lt;td&amp;gt;&amp;amp;nbsp;&amp;lt;/td&amp;gt;
   &amp;lt;/tr&amp;gt;
  &amp;lt;/table&amp;gt;
   &amp;lt;asp:HyperLink ID="lnkRegister" CssClass="linkButtonReg"    
   runat="server"     
       NavigateUrl="~/Register.aspx"&amp;gt;Create new account
    &amp;lt;/asp:HyperLink&amp;gt;&amp;lt;br /&amp;gt;
    &amp;lt;asp:HyperLink ID="lnkPasswordRecovery" CssClass="linkButtonPass"   
    runat="server" NavigateUrl="~/PasswordRecovery.aspx" &amp;gt;I forgot my    
    password
    &amp;lt;/asp:HyperLink&amp;gt;
    &amp;lt;/div&amp;gt;
    &amp;lt;/LayoutTemplate&amp;gt;
    &amp;lt;/asp:Login&amp;gt;
    &amp;lt;/AnonymousTemplate&amp;gt;
    &amp;lt;/asp:LoginView&amp;gt;
    &amp;lt;/asp:Content&amp;gt;
    &amp;lt;asp:Content ID="Content2" ContentPlaceHolderID="RightContent"     
    Runat="Server"&amp;gt;
    &amp;lt;/asp:Content&amp;gt;
    &amp;lt;asp:Content ID="Content3" ContentPlaceHolderID="LeftContent"    
    Runat="Server"&amp;gt;
    &amp;lt;/asp:Content&amp;gt;
&lt;/code&gt;&lt;/pre&gt;
&lt;p&gt;The code behind file for
The Login.aspx.cs is:&lt;/p&gt;
&lt;pre&gt;&lt;code&gt;using System;
using System.Data;
using System.Configuration;
using System.Collections;
using System.Web;
using System.Web.Security;
using System.Web.UI;
using System.Web.UI.WebControls;
using System.Web.UI.WebControls.WebParts;
using System.Web.UI.HtmlControls;
  public partial class Login : System.Web.UI.Page
  {
    string userEmail = "";
    string userName = "";
    string password = "";
    protected void Page_Load(object sender, EventArgs e)
    {
    }  
     protected void Login1_Authenticate(object sender, 
      AuthenticateEventArgs e)
       {
        Login Login1 = ((Login)LoginView1.FindControl("Login1"));
        userEmail = Login1.UserName.ToString();
        userName = Membership.GetUserNameByEmail(userEmail);
        password = Login1.Password.ToString();
        if (Membership.ValidateUser(userName, password))
        {
            e.Authenticated = true;
            Login1.UserName = userName;
        }
        else
        {
            e.Authenticated = false;
        }
    }
  }
&lt;/code&gt;&lt;/pre&gt;</t>
  </si>
  <si>
    <t>2015-05-19 00:18:12.800000+00:00</t>
  </si>
  <si>
    <t>loginview</t>
  </si>
  <si>
    <t>Paramaterized abstract factory in Autofac</t>
  </si>
  <si>
    <t>&lt;p&gt;I want to be able to register a factory component in Autofac with the following properties:&lt;/p&gt;
&lt;ol&gt;
&lt;li&gt;The factory must take a parameter (in this case a string), and return a component instance that is specifically related to that string&lt;/li&gt;
&lt;li&gt;The component's lifetime must be InstancePerLifetimeScope &lt;/li&gt;
&lt;li&gt;The implication of #2 is that the 2nd call to the factory with a particular parameter value will return the same component instance within a lifetime scope.&lt;/li&gt;
&lt;/ol&gt;
&lt;p&gt;I have been able to achieve this by writing some code which acts as a "name registry" within the lifetime scope, keeping a dictionary of names and component instances which have been created.  This works, but I suspect there might be a way to do this using some autofac registration magic, but I haven't been to crack it yet.  Any ideas?&lt;/p&gt;
&lt;p&gt;Thanks!&lt;/p&gt;</t>
  </si>
  <si>
    <t>2012-05-10 15:19:47.067000+00:00</t>
  </si>
  <si>
    <t>2017-04-09 07:00:15.257000+00:00</t>
  </si>
  <si>
    <t>2012-05-10 16:55:42.587000+00:00</t>
  </si>
  <si>
    <t>.net|dependency-injection|factory|autofac</t>
  </si>
  <si>
    <t>Loading native lib error</t>
  </si>
  <si>
    <t>&lt;p&gt;I have problem with starting my app on linux, from IDE and direct from win everthink is ok, but on linux I'm getting following error:&lt;/p&gt;
&lt;pre&gt;&lt;code&gt;native lib Version = RXTX-2.2pre2
mar 06, 2017 7:54:44 PM org.jnativehook.DefaultLibraryLocator getLibraries
SEVERE: Unable to extract the native library /org/jnativehook/lib/linux/arm/libJNativeHook.so!
Exception in thread "AWT-EventQueue-0" java.lang.UnsatisfiedLinkError: org.jnativehook.GlobalScreen.getAutoRepeatRate()Ljava/lang/Integer;
at org.jnativehook.GlobalScreen.getAutoRepeatRate(Native Method)
at org.jnativehook.GlobalScreen.&amp;lt;clinit&amp;gt;(Unknown Source)
at the.main.pac.TheModbusSimpleTesterWindow$1.run(TheModbusSimpleTesterWindow.java:74)
at java.awt.event.InvocationEvent.dispatch(InvocationEvent.java:311)
at java.awt.EventQueue.dispatchEventImpl(EventQueue.java:756)
at java.awt.EventQueue.access$500(EventQueue.java:97)
at java.awt.EventQueue$3.run(EventQueue.java:709)
at java.awt.EventQueue$3.run(EventQueue.java:703)
at java.security.AccessController.doPrivileged(Native Method)
at java.security.ProtectionDomain$JavaSecurityAccessImpl.doIntersectionPrivilege(ProtectionDomain.java:80)
at java.awt.EventQueue.dispatchEvent(EventQueue.java:726)
at java.awt.EventDispatchThread.pumpOneEventForFilters(EventDispatchThread.java:201)
at java.awt.EventDispatchThread.pumpEventsForFilter(EventDispatchThread.java:116)
at java.awt.EventDispatchThread.pumpEventsForHierarchy(EventDispatchThread.java:105)
at java.awt.EventDispatchThread.pumpEvents(EventDispatchThread.java:101)
at java.awt.EventDispatchThread.pumpEvents(EventDispatchThread.java:93)
at java.awt.EventDispatchThread.run(EventDispatchThread.java:82)
&lt;/code&gt;&lt;/pre&gt;
&lt;p&gt;Thanks for help in advance&lt;/p&gt;</t>
  </si>
  <si>
    <t>2017-03-06 19:03:46.980000+00:00</t>
  </si>
  <si>
    <t>2017-06-08 00:55:04.780000+00:00</t>
  </si>
  <si>
    <t>java|native|lib</t>
  </si>
  <si>
    <t>AndroidJava_How can I change stings.xml values in androidJava?</t>
  </si>
  <si>
    <t>&lt;p&gt;I want to change FrameLayout's height in scr/MainActivity.java.&lt;/p&gt;
&lt;p&gt;dimen.xml:&lt;/p&gt;
&lt;pre&gt;&lt;code&gt;&amp;lt;resources&amp;gt;
&amp;lt;dimen name="FrameLayout_size"&amp;gt;100dp&amp;lt;/dimen&amp;gt;
&lt;/code&gt;&lt;/pre&gt;
&lt;p&gt;&lt;/p&gt;
&lt;p&gt;May I set FrameLayout_size in scr/MainActivity.java?&lt;/p&gt;</t>
  </si>
  <si>
    <t>2014-08-23 01:22:46.137000+00:00</t>
  </si>
  <si>
    <t>2014-08-23 02:47:54.907000+00:00</t>
  </si>
  <si>
    <t>2014-08-23 02:22:08.673000+00:00</t>
  </si>
  <si>
    <t>How to get the RTMP &amp; stream name from this URL?</t>
  </si>
  <si>
    <t>&lt;p&gt;I am trying to get the RTMP &amp;amp; stream name of the top JW PLAYER that shows up When you open this link: &lt;a href="http://www.cvinetwork.tv/cv/channel/msnbc4.php" rel="nofollow"&gt;LINK&lt;/a&gt;&lt;/p&gt;
&lt;p&gt;I have tried everything but I am unable to get it, can someone please help me with this. &lt;/p&gt;
&lt;p&gt;My ultimate goal is to be able to grab that stream and put it in my own JWPLAYER,&lt;/p&gt;
&lt;p&gt;thank you so much!&lt;/p&gt;
&lt;p&gt;any info would really help guys&lt;/p&gt;</t>
  </si>
  <si>
    <t>2013-08-04 00:16:47.830000+00:00</t>
  </si>
  <si>
    <t>2015-07-22 03:36:01.437000+00:00</t>
  </si>
  <si>
    <t>2013-08-04 00:52:25.120000+00:00</t>
  </si>
  <si>
    <t>javascript|jwplayer|rtmp</t>
  </si>
  <si>
    <t>Highcharts - Performance issue using chart with x values date and TIME</t>
  </si>
  <si>
    <t>&lt;p&gt;I am plotting a chart with ���y��� axis being numeric values and ���x��� axis being date time values.
I was able to process a JSON object of 3000 items. However, because of our business rules, we also need to display the time: hours + minutes in the chart���s tooltips.&lt;/p&gt;
&lt;p&gt;This changed everything! &lt;/p&gt;
&lt;p&gt;Now the chart takes about 15 seconds to plot 2000 records. This is unacceptable. &lt;/p&gt;
&lt;p&gt;I can see clearly that when I remove the time part of my Date object the charts works perfectly. It is just when added the hours and minutes that performance gets affected.&lt;/p&gt;
&lt;p&gt;Trying different things I realized that your charts should support the amount of data I am using since it is not massive. &lt;/p&gt;
&lt;p&gt;We love the charts but performance is key for us to continue using your products.
Can you help me with this issue? &lt;/p&gt;
&lt;p&gt;Please check this fiddle so you can understand my problem. Feel free to remove the hours and minutes variables from the DateUtc creation: &lt;/p&gt;
&lt;p&gt;&lt;a href="https://jsfiddle.net/17a3jry9/7/" rel="nofollow noreferrer"&gt;https://jsfiddle.net/17a3jry9/7/&lt;/a&gt;&lt;/p&gt;
&lt;p&gt;Thanks in advance!&lt;/p&gt;
&lt;pre&gt;&lt;code&gt;var pointStart = new Date();
var data = [{"date":"2017-11-08","time":"1712","perc":10},{"date":"2017-11-08","time":"1608","perc":10},{"date":"2017-11-08","time":"1506","perc":10},{"date":"2017-11-08","time":"1408","perc":10},{"date":"2017-11-08","time":"1309","perc":10},{"date":"2017-11-08","time":"1207","perc":10},{"date":"2017-11-08","time":"1110","perc":10},{"date":"2017-11-08","time":"1003","perc":10},{"date":"2017-11-08","time":"0910","perc":10},{"date":"2017-11-08","time":"0810","perc":10},{"date":"2017-11-08","time":"0708","perc":10},{"date":"2017-11-09","time":"1710","perc":10},{"date":"2017-11-09","time":"1604","perc":10},{"date":"2017-11-09","time":"1510","perc":10},{"date":"2017-11-09","time":"1406","perc":10},{"date":"2017-11-09","time":"1310","perc":10},{"date":"2017-11-09","time":"1205","perc":10},{"date":"2017-11-09","time":"1107","perc":10},{"date":"2017-11-09","time":"1010","perc":10},{"date":"2017-11-09","time":"0912","perc":10},{"date":"2017-11-09","time":"0806","perc":10}{"date":"2018-10-25","time":"0709","perc":10},{"date":"2018-10-25","time":"1009","perc":10},{"date":"2018-10-25","time":"1208","perc":10},{"date":"2018-10-25","time":"1309","perc":10},{"date":"2018-10-25","time":"1410","perc":10},{"date":"2018-10-25","time":"1510","perc":10},{"date":"2018-10-25","time":"1702","perc":10},{"date":"2018-10-26","time":"1409","perc":10},{"date":"2018-10-26","time":"0710","perc":10},{"date":"2018-10-26","time":"1505","perc":10},{"date":"2018-10-26","time":"1704","perc":10},{"date":"2018-10-29","time":"0708","perc":10},{"date":"2018-10-29","time":"1007","perc":10},{"date":"2018-10-29","time":"1208","perc":10},{"date":"2018-10-29","time":"1406","perc":10},{"date":"2018-10-29","time":"1509","perc":10},{"date":"2018-10-29","time":"1610","perc":10},{"date":"2018-10-30","time":"0710","perc":10},{"date":"2018-10-30","time":"1010","perc":10},{"date":"2018-10-30","time":"1207","perc":10},{"date":"2018-10-30","time":"1409","perc":10},{"date":"2018-10-30","time":"1510","perc":10},{"date":"2018-10-30","time":"1709","perc":10},{"date":"2018-10-31","time":"0708","perc":10},{"date":"2018-10-31","time":"1009","perc":10},{"date":"2018-10-31","time":"1206","perc":10},{"date":"2018-10-31","time":"1409","perc":10},{"date":"2018-10-31","time":"1509","perc":10},{"date":"2018-10-31","time":"1708","perc":10},{"date":"2018-11-01","time":"0707","perc":10},{"date":"2018-11-01","time":"1007","perc":10},{"date":"2018-11-01","time":"1108","perc":10},{"date":"2018-11-01","time":"1250","perc":10},{"date":"2018-11-01","time":"1509","perc":10},{"date":"2018-11-01","time":"1407","perc":10},{"date":"2018-11-01","time":"1709","perc":10},{"date":"2018-11-02","time":"0708","perc":10},{"date":"2018-11-02","time":"1007","perc":10},{"date":"2018-11-02","time":"1108","perc":10},{"date":"2018-11-02","time":"1210","perc":10},{"date":"2018-11-02","time":"1407","perc":10},{"date":"2018-11-02","time":"1509","perc":10},{"date":"2018-11-02","time":"1608","perc":10},{"date":"2018-11-02","time":"1715","perc":10},{"date":"2018-11-05","time":"0707","perc":10},{"date":"2018-11-05","time":"1007","perc":10},{"date":"2018-11-05","time":"1209","perc":10},{"date":"2018-11-05","time":"1408","perc":10},{"date":"2018-11-05","time":"1509","perc":10},{"date":"2018-11-05","time":"1611","perc":10},{"date":"2018-11-05","time":"1715","perc":10},{"date":"2018-11-06","time":"0708","perc":10},{"date":"2018-11-06","time":"1007","perc":10},{"date":"2018-11-06","time":"1201","perc":10},{"date":"2018-11-06","time":"1410","perc":10},{"date":"2018-11-06","time":"1510","perc":10},{"date":"2018-11-06","time":"1709","perc":10},{"date":"2018-11-07","time":"0708","perc":10},{"date":"2018-11-07","time":"1007","perc":10},{"date":"2018-11-07","time":"1209","perc":10},{"date":"2018-11-07","time":"1307","perc":10},{"date":"2018-11-07","time":"1410","perc":10},{"date":"2018-11-07","time":"1506","perc":10},{"date":"2018-11-07","time":"1708","perc":10},{"date":"2018-11-08","time":"0707","perc":10},{"date":"2018-11-08","time":"1009","perc":10},{"date":"2018-11-08","time":"1207","perc":10},{"date":"2018-11-08","time":"1309","perc":10},{"date":"2018-11-08","time":"1412","perc":10},{"date":"2018-11-08","time":"1508","perc":10}];
var newSeries = data.map(function (key) {
  var utilDate = new Date(key.date);
  var hours = parseInt(key.time.slice(0, 2));
  var minutes = parseInt(key.time.slice(2, 4));
  return { x: Date.UTC(utilDate.getFullYear(), utilDate.getMonth(), utilDate.getDate(), hours, minutes), y: key.perc, key: key.id };
});  
Highcharts.stockChart('container', {
  xAxis: {
    type: 'datetime',
    title: {
      text: 'Date'
    }
  },
  yAxis: {
    title: {
      text: 'Util (%)'
    },
    min: 0
  },
  tooltip: {
    headerFormat: '&amp;lt;b&amp;gt;{point.x: %A, %b %e, %I:%M %p}&amp;lt;/b&amp;gt;&amp;lt;br&amp;gt;'
    //pointFormat: '{point.x:%e. %b}: {point.y:.2f} m'
  },
  colors: ['teal', 'red'],
  // Define the data points. All series have a dummy year
  // of 1970/71 in order to be compared on the same x axis. Note
  // that in JavaScript, months start at 0 for January, 1 for February etc.
  series: [{
    name: "Util",
    data: newSeries
  }],
  title: {
    text: 'Util Movement'
  },
  subtitle: {
    text: ""
  },
  plotOptions: {
    series: {
      cursor: 'pointer',
      turboThreshold: 10000,
      point: {
        events: {
        }
      },
      label: {
        connectorAllowed: false
      },
      pointStart: pointStart.getFullYear()
    }
  },
  responsive: {
    rules: [{
      condition: {
        maxWidth: 200
      },
      chartOptions: {
        legend: {
          layout: 'horizontal',
          align: 'center',
          verticalAlign: 'bottom'
        }
      }
    }]
  }
});
&lt;/code&gt;&lt;/pre&gt;</t>
  </si>
  <si>
    <t>2018-11-13 18:13:27.763000+00:00</t>
  </si>
  <si>
    <t>2018-11-14 12:10:26.330000+00:00</t>
  </si>
  <si>
    <t>Why does excel file has been created with php, is not the same with tabel in browser?</t>
  </si>
  <si>
    <t>&lt;p&gt;Please help, I am trying to sort out the data from mysql table into an excel file by city (kol_17). And the code as follows:&lt;/p&gt;
&lt;pre&gt;&lt;code&gt;$rslt = mysql_query("SELECT DISTINCT kol_17 AS bmcity FROM temp_table ORDER BY kol_17 ASC");
while ($rowgroup = mysql_fetch_array($rslt)) {
    $bm_city = $rowgroup['bmcity'];
    echo "&amp;lt;br&amp;gt;Event City: &amp;lt;b&amp;gt;$bm_city&amp;lt;/b&amp;gt;";
    echo "&amp;lt;table border='1'&amp;gt;";
    echo "&amp;lt;tr&amp;gt;";
    echo "&amp;lt;td bgcolor='#C0C0C0'&amp;gt;Order Number&amp;lt;/td&amp;gt;";
    echo "&amp;lt;td bgcolor='#C0C0C0'&amp;gt;Item Code&amp;lt;/td&amp;gt;";
    echo "&amp;lt;td bgcolor='#C0C0C0'&amp;gt;Deposit&amp;lt;/td&amp;gt;";
    echo "&amp;lt;td bgcolor='#C0C0C0'&amp;gt;Total&amp;lt;/td&amp;gt;";
    echo "&amp;lt;td bgcolor='#C0C0C0'&amp;gt;Price&amp;lt;/td&amp;gt;";
    echo "&amp;lt;td bgcolor='#C0C0C0'&amp;gt;Trx MSISDN&amp;lt;/td&amp;gt;";
    echo "&amp;lt;td bgcolor='#C0C0C0'&amp;gt;Communication MSISDN&amp;lt;/td&amp;gt;";
    echo "&amp;lt;td bgcolor='#C0C0C0'&amp;gt;BM City&amp;lt;/td&amp;gt;";
    echo "&amp;lt;td bgcolor='#C0C0C0'&amp;gt;Se Area&amp;lt;/td&amp;gt;";
    echo "&amp;lt;td bgcolor='#C0C0C0'&amp;gt;Type of Sale&amp;lt;/td&amp;gt;";
    echo "&amp;lt;/tr&amp;gt;";
    $objPHPExcel-&amp;gt;setActiveSheetIndex(0);
    $objPHPExcel-&amp;gt;getActiveSheet()-&amp;gt;SetCellValue('A1', 'Order Number');
    $objPHPExcel-&amp;gt;getActiveSheet()-&amp;gt;SetCellValue('B1', 'Item Code');
    $objPHPExcel-&amp;gt;getActiveSheet()-&amp;gt;SetCellValue('C1', 'DuiTRI');
    $objPHPExcel-&amp;gt;getActiveSheet()-&amp;gt;SetCellValue('D1', 'Total');
    $objPHPExcel-&amp;gt;getActiveSheet()-&amp;gt;SetCellValue('E1', 'Price');
    $objPHPExcel-&amp;gt;getActiveSheet()-&amp;gt;SetCellValue('F1', 'Trx MSISDN');
    $objPHPExcel-&amp;gt;getActiveSheet()-&amp;gt;SetCellValue('G1', 'Communication MSISDN');
    $objPHPExcel-&amp;gt;getActiveSheet()-&amp;gt;SetCellValue('H1', 'BM City');
    $objPHPExcel-&amp;gt;getActiveSheet()-&amp;gt;SetCellValue('I1', 'Se Area');
    $objPHPExcel-&amp;gt;getActiveSheet()-&amp;gt;SetCellValue('J1', 'Type of Sale');
    $result = mysql_query("SELECT kol_0, kol_5, kol_8, kol_9, kol_10, kol_14, kol_15, kol_17, kol_18, kol_20 from temp_table WHERE kol_17 = '$bm_city' AND kol_5 like '70%'");
    $colnum=1;                  
       while ($row = mysql_fetch_array($result)){
           echo "&amp;lt;tr&amp;gt;";
           echo "&amp;lt;td&amp;gt;" . $row['kol_0'] . "&amp;lt;/td&amp;gt;";
           echo "&amp;lt;td&amp;gt;" . $row['kol_5'] . "&amp;lt;/td&amp;gt;";
           echo "&amp;lt;td&amp;gt;" . $row['kol_8'] . "&amp;lt;/td&amp;gt;";
           echo "&amp;lt;td&amp;gt;" . $row['kol_9'] . "&amp;lt;/td&amp;gt;";
           echo "&amp;lt;td&amp;gt;" . $row['kol_10'] . "&amp;lt;/td&amp;gt;";
           echo "&amp;lt;td&amp;gt;" . $row['kol_14'] . "&amp;lt;/td&amp;gt;";
           echo "&amp;lt;td&amp;gt;" . $row['kol_15'] . "&amp;lt;/td&amp;gt;";
           echo "&amp;lt;td&amp;gt;" . $row['kol_17'] . "&amp;lt;/td&amp;gt;";
           echo "&amp;lt;td&amp;gt;" . $row['kol_18'] . "&amp;lt;/td&amp;gt;";
           echo "&amp;lt;td&amp;gt;" . $row['kol_20'] . "&amp;lt;/td&amp;gt;";
           echo "&amp;lt;/tr&amp;gt;";
           $colnum++;
           $objPHPExcel-&amp;gt;getActiveSheet()-&amp;gt;SetCellValue('A'."$colnum", $row["kol_0"]);
           $objPHPExcel-&amp;gt;getActiveSheet()-&amp;gt;SetCellValue('B'."$colnum", $row["kol_5"]);
           $objPHPExcel-&amp;gt;getActiveSheet()-&amp;gt;SetCellValue('C'."$colnum", $row["kol_8"]);
           $objPHPExcel-&amp;gt;getActiveSheet()-&amp;gt;SetCellValue('D'."$colnum", $row["kol_9"]);
           $objPHPExcel-&amp;gt;getActiveSheet()-&amp;gt;SetCellValue('E'."$colnum", $row["kol_10"]);
           $objPHPExcel-&amp;gt;getActiveSheet()-&amp;gt;SetCellValue('F'."$colnum", $row["kol_14"]);
           $objPHPExcel-&amp;gt;getActiveSheet()-&amp;gt;SetCellValue('G'."$colnum", $row["kol_15"]);
           $objPHPExcel-&amp;gt;getActiveSheet()-&amp;gt;SetCellValue('H'."$colnum", $row["kol_17"]);
           $objPHPExcel-&amp;gt;getActiveSheet()-&amp;gt;SetCellValue('I'."$colnum", $row["kol_18"]);
           $objPHPExcel-&amp;gt;getActiveSheet()-&amp;gt;SetCellValue('J'."$colnum", $row["kol_20"]);
       }
       echo "&amp;lt;/table&amp;gt;";
       $objPHPExcel-&amp;gt;getActiveSheet()-&amp;gt;setTitle('Upload');
       $objWriter = PHPExcel_IOFactory::createWriter($objPHPExcel, 'Excel2007');
       $sFileName = "preorder_".$rowgroup[0].".xlsx";
       $objWriter-&amp;gt;save('upload/'.$sFileName);
}
&lt;/code&gt;&lt;/pre&gt;
&lt;p&gt;The result, in the excel file still contained the same city that should not be, but in the browser is correct.&lt;/p&gt;
&lt;p&gt;Thank You.&lt;/p&gt;</t>
  </si>
  <si>
    <t>2014-04-22 05:52:54.590000+00:00</t>
  </si>
  <si>
    <t>2014-04-22 08:18:27.093000+00:00</t>
  </si>
  <si>
    <t>2014-04-22 06:56:19.340000+00:00</t>
  </si>
  <si>
    <t>php|mysql|phpexcel</t>
  </si>
  <si>
    <t>WPF Single Instance Best Practices</t>
  </si>
  <si>
    <t>&lt;p&gt;This is the code I implemented so far to create a single instance WPF application:&lt;/p&gt;
&lt;pre&gt;&lt;code&gt;#region Using Directives
using System;
using System.Globalization;
using System.Reflection;
using System.Threading;
using System.Windows;
using System.Windows.Interop;
#endregion
namespace MyWPF
{
    public partial class MainApplication : Application, IDisposable
    {
        #region Members
        private Int32 m_Message;
        private Mutex m_Mutex;
        #endregion
        #region Methods: Functions
        private IntPtr HandleMessages(IntPtr handle, Int32 message, IntPtr wParameter, IntPtr lParameter, ref Boolean handled)
        {
            if (message == m_Message)
            {
                if (MainWindow.WindowState == WindowState.Minimized)
                    MainWindow.WindowState = WindowState.Normal;
                Boolean topmost = MainWindow.Topmost;
                MainWindow.Topmost = true;
                MainWindow.Topmost = topmost;
            }
            return IntPtr.Zero;
        }
        private void Dispose(Boolean disposing)
        {
            if (disposing &amp;amp;&amp;amp; (m_Mutex != null))
            {
                m_Mutex.ReleaseMutex();
                m_Mutex.Close();
                m_Mutex = null;
            }
        }
        public void Dispose()
        {
            Dispose(true);
            GC.SuppressFinalize(this);
        }
        #endregion
        #region Methods: Overrides
        protected override void OnStartup(StartupEventArgs e)
        {
            Assembly assembly = Assembly.GetExecutingAssembly();
            Boolean mutexCreated;
            String mutexName = String.Format(CultureInfo.InvariantCulture, "Local\\{{{0}}}{{{1}}}", assembly.GetType().GUID, assembly.GetName().Name);
            m_Mutex = new Mutex(true, mutexName, out mutexCreated);
            m_Message = NativeMethods.RegisterWindowMessage(mutexName);
            if (!mutexCreated)
            {
                m_Mutex = null;
                NativeMethods.PostMessage(NativeMethods.HWND_BROADCAST, m_Message, IntPtr.Zero, IntPtr.Zero);
                Current.Shutdown();
                return;
            }
            base.OnStartup(e);
            MainWindow window = new MainWindow();
            MainWindow = window;
            window.Show(); 
            HwndSource.FromHwnd((new WindowInteropHelper(window)).Handle).AddHook(new HwndSourceHook(HandleMessages));
        }
        protected override void OnExit(ExitEventArgs e)
        {
            Dispose();
            base.OnExit(e);
        }
        #endregion
    }
}
&lt;/code&gt;&lt;/pre&gt;
&lt;p&gt;Everything works perfectly... but I have some doubts about it and I would like to receive your suggestions about how my approach could be improved.&lt;/p&gt;
&lt;p&gt;1) I was asked by Code Analysis to implement &lt;code&gt;IDisposable&lt;/code&gt; interface because I was using &lt;code&gt;IDisposable&lt;/code&gt; members (the &lt;code&gt;Mutex&lt;/code&gt;). Is my &lt;code&gt;Dispose()&lt;/code&gt; implementation good enough? Should I avoid it because it's never going to be called?&lt;/p&gt;
&lt;p&gt;2) It's better to use &lt;code&gt;m_Mutex = new Mutex(true, mutexName, out mutexCreated);&lt;/code&gt; and check for the result or to use &lt;code&gt;m_Mutex = new Mutex(false, mutexName);&lt;/code&gt; and then check for &lt;code&gt;m_Mutex.WaitOne(TimeSpan.Zero, false);&lt;/code&gt; ? In case of multithreading I mean... &lt;/p&gt;
&lt;p&gt;3) &lt;code&gt;RegisterWindowMessage&lt;/code&gt; API call should return &lt;code&gt;UInt32&lt;/code&gt;... but &lt;code&gt;HwndSourceHook&lt;/code&gt; is only accepting &lt;code&gt;Int32&lt;/code&gt; as message value... should I be worried about unexpected behaviors (like a result bigger than &lt;code&gt;Int32.MaxValue&lt;/code&gt;)?&lt;/p&gt;
&lt;p&gt;4) In &lt;code&gt;OnStartup&lt;/code&gt; override... should I execute &lt;code&gt;base.OnStartup(e);&lt;/code&gt; even if another instance is already running and I'm going to shutdown the application?&lt;/p&gt;
&lt;p&gt;5) Is there a better way to bring the existing instance to the top that doesn't need to set &lt;code&gt;Topmost&lt;/code&gt; value? Maybe &lt;code&gt;Activate()&lt;/code&gt;?&lt;/p&gt;
&lt;p&gt;6) Can you see any flaw in my approach? Something concerning multithreading, bad exceptions handling and something like that? For example... what happens if my application crashes between &lt;code&gt;OnStartup&lt;/code&gt; and &lt;code&gt;OnExit&lt;/code&gt;?&lt;/p&gt;</t>
  </si>
  <si>
    <t>2013-01-24 16:44:29.283000+00:00</t>
  </si>
  <si>
    <t>2018-10-21 12:40:23.597000+00:00</t>
  </si>
  <si>
    <t>2013-01-24 16:48:14.953000+00:00</t>
  </si>
  <si>
    <t>c#|wpf|singleton|mutex</t>
  </si>
  <si>
    <t>How to Call lambdify (of Sympy) from C++?</t>
  </si>
  <si>
    <t>&lt;p&gt;I am trying to call Sympy's lambdify  from C++ code using Python/C API. The code is pasted below.&lt;/p&gt;
&lt;pre&gt;&lt;code&gt;const char * file = "sympy";
const char * function = "lambdify";
Py_Initialize();
PyObject* pModuleString = PyString_FromString(file);
PyObject* pModule = PyImport_Import(pModuleString);
PyObject* pFunction = PyObject_GetAttrString(pModule, function);
PyObject* pargs = PyTuple_Pack(2,PyString_FromString("x,y"), PyString_FromString("x+y"));
PyObject* presult = PyObject_CallObject(pFunction, pargs);
Py_DECREF(pModule);
Py_DECREF(pModuleString);
Py_DECREF(pFunction);
Py_DECREF(pargs);
Py_Finalize();
&lt;/code&gt;&lt;/pre&gt;
&lt;p&gt;The line &lt;strong&gt;PyObject* presult= blah&lt;/strong&gt; shows the following error&lt;/p&gt;
&lt;pre&gt;&lt;code&gt;Exception AttributeError: "'NoneType' object has no attribute 'f_locals'" in &amp;lt;module 'threading' from 'C:\Anaconda2\Lib\threading.pyc'&amp;gt; ignored
&lt;/code&gt;&lt;/pre&gt;
&lt;p&gt;Please help !&lt;/p&gt;</t>
  </si>
  <si>
    <t>2016-06-30 14:51:46.563000+00:00</t>
  </si>
  <si>
    <t>2016-06-30 15:06:15.643000+00:00</t>
  </si>
  <si>
    <t>python|c++|sympy|python-c-api|python-embedding</t>
  </si>
  <si>
    <t>Is it possible to use MSBuild Extension Pack without installation?</t>
  </si>
  <si>
    <t>&lt;p&gt;Is there a way to use the MSBuild Extension Pack with a "local" reference that doesn't require you to run the installer? In other words, can you store the targets in a solution items folder so that every developer doesn't have to install it?&lt;/p&gt;</t>
  </si>
  <si>
    <t>2009-11-21 22:17:03.763000+00:00</t>
  </si>
  <si>
    <t>2013-06-14 05:36:55.050000+00:00</t>
  </si>
  <si>
    <t>2012-08-31 23:01:45.030000+00:00</t>
  </si>
  <si>
    <t>.net|msbuild</t>
  </si>
  <si>
    <t>Translate JQuery Mobile widgets</t>
  </si>
  <si>
    <t>&lt;p&gt;Using &lt;a href="http://i18next.com/" rel="nofollow"&gt;i18next&lt;/a&gt;, how can I translate JQuery Mobile widgets? Specifically, I'd like to know how to do that without resorting to using &lt;code&gt;data-i18n-target&lt;/code&gt; to modify generated inner elements, because that is brittle since future widget versions may change the generated code.&lt;/p&gt;
&lt;p&gt;Is there a specific page lifecycle event I can subscribe to in order to be able to have i18next modify the DOM before the widget transformation happens?&lt;/p&gt;
&lt;p&gt;In this example (see &lt;a href="http://jsfiddle.net/aSbEe/" rel="nofollow"&gt;jsfiddle&lt;/a&gt;), some markup is correctly translated, but &lt;code&gt;homeBtn&lt;/code&gt; and &lt;code&gt;submitBtn&lt;/code&gt; are not:&lt;/p&gt;
&lt;p&gt;HTML:&lt;/p&gt;
&lt;pre&gt;&lt;code&gt;&amp;lt;div id="home_page" data-role="page"&amp;gt;
    &amp;lt;div data-role="header"&amp;gt;
        &amp;lt;a id="homeBtn" href="/" data-icon="home" data-i18n&amp;gt;app.home&amp;lt;/a&amp;gt;
        &amp;lt;h2 data-i18n&amp;gt;app.title&amp;lt;/h2&amp;gt;
    &amp;lt;/div&amp;gt;
    &amp;lt;div data-role="content"&amp;gt;
        &amp;lt;div data-role="fieldcontain"&amp;gt;
            &amp;lt;label for="textinput1" data-i18n&amp;gt;app.label&amp;lt;/label&amp;gt;
            &amp;lt;input type="text" name="textinput1" id="textinput1" value=""&amp;gt;&amp;lt;/input&amp;gt;
        &amp;lt;/div&amp;gt;
        &amp;lt;form action=""&amp;gt;
            &amp;lt;input id="submitBtn" type="submit" data-i18n="[value]app.button" /&amp;gt;
        &amp;lt;/form&amp;gt;
    &amp;lt;/div&amp;gt;
    &amp;lt;div data-role="footer"&amp;gt;
        &amp;lt;center&amp;gt;
            &amp;lt;p data-i18n&amp;gt;app.footer&amp;lt;/p&amp;gt;
        &amp;lt;/center&amp;gt;
    &amp;lt;/div&amp;gt;
&amp;lt;/div&amp;gt;
&lt;/code&gt;&lt;/pre&gt;
&lt;p&gt;JavaScript:&lt;/p&gt;
&lt;pre&gt;&lt;code&gt;var i18nOpts = {
    resStore: {
        dev: {
            translation: {
                app: {
                    button: 'Button',
                    home: 'Home',
                    label: 'Label',
                    footer: 'Footer',
                    title: 'i18n Test'
                }
            }
        },
    }
};
i18n.init(i18nOpts).done(function() {
    $("html").i18n();
});
&lt;/code&gt;&lt;/pre&gt;</t>
  </si>
  <si>
    <t>2013-12-12 13:53:36.750000+00:00</t>
  </si>
  <si>
    <t>2013-12-12 16:26:42.197000+00:00</t>
  </si>
  <si>
    <t>javascript|jquery|jquery-mobile|internationalization|i18next</t>
  </si>
  <si>
    <t>How to verify one date is bigger than the other in my MVC model through attributes?</t>
  </si>
  <si>
    <t>&lt;p&gt;I have the following in my model code&lt;/p&gt;
&lt;pre&gt;&lt;code&gt;    [Required]
    public DateTime? PreferredShowDate1 { get; set; }
    public DateTime? PreferredShowDate2 { get; set; }
    public DateTime? PreferredShowDate3 { get; set; }
&lt;/code&gt;&lt;/pre&gt;
&lt;p&gt;now, i want to make sure that PreferredShowDate1 &amp;lt; PreferredShowDate2 &amp;lt; PreferredShowDate3
and none of the 3 dates are the same.&lt;/p&gt;
&lt;p&gt;Is it possible to do this in the model code? Can i do this?&lt;/p&gt;
&lt;pre&gt;&lt;code&gt;//put in some code in attribute to compare preferredShowDate2 with preferredShowDate1      
[compare]
public DateTime? PreferredShowDate2 { get; set; }
&lt;/code&gt;&lt;/pre&gt;
&lt;p&gt;Any ideas?&lt;/p&gt;</t>
  </si>
  <si>
    <t>2013-08-19 15:27:41.567000+00:00</t>
  </si>
  <si>
    <t>2013-08-19 15:59:31.430000+00:00</t>
  </si>
  <si>
    <t>validation|asp.net-mvc-4</t>
  </si>
  <si>
    <t>How to get notified about changes on SharePoint groups.</t>
  </si>
  <si>
    <t>&lt;p&gt;I'm actual looking for a way to get notified about any changes on a SharePoint group. First I though I would be able to this by attaching a event handler to some kind of group list. But unfortunately there are no such list representing SharePoint groups. &lt;/p&gt;
&lt;p&gt;My second attempt was to bind a event handler to the content type SharePointGroup but this didn't work either. &lt;/p&gt;
&lt;p&gt;So are there any other options to get notified about events on a SharePoint group?&lt;/p&gt;
&lt;p&gt;&lt;strong&gt;EDIT:&lt;/strong&gt;&lt;/p&gt;
&lt;p&gt;Thanks for the reply so far.&lt;/p&gt;
&lt;p&gt;I forgot to mention that I've already googled and read about the user information list. Sorry.&lt;/p&gt;
&lt;p&gt;First I found a forum entry where they post the relative URL to the user information list (_catalogs/users/simple.aspx). When I'm using this link to see the list,it only contains users and no groups. I don't know but perhaps this link does some filtering on the list.&lt;/p&gt;
&lt;p&gt;The other information I found about in several blog and forum posts was that a event handler attached to the user information list are not fired up on an events. I have to admit after reading that it doesn't work so many times and even on MSDN (&lt;a href="http://msdn.microsoft.com/en-us/library/aa979520.aspx" rel="nofollow noreferrer"&gt;http://msdn.microsoft.com/en-us/library/aa979520.aspx&lt;/a&gt;), I didn't try it on my own.&lt;/p&gt;
&lt;p&gt;The problem attaching the event handler to the content type wasn't the attaching thing, the handler simply didn't get fired when I for example changed a group name or deleted a user from the group. I don't have an idea why the handler doesn't get called I pretty sure I implemented the right methods and attached them to the right events.&lt;/p&gt;
&lt;p&gt;&lt;strong&gt;Any other suggestions how to get informed about changes on SharePoint groups?&lt;/strong&gt;&lt;/p&gt;</t>
  </si>
  <si>
    <t>2008-11-17 16:08:57.573000+00:00</t>
  </si>
  <si>
    <t>2018-01-04 16:57:37.827000+00:00</t>
  </si>
  <si>
    <t>Flo</t>
  </si>
  <si>
    <t>events|sharepoint|event-handling|moss</t>
  </si>
  <si>
    <t>Parsing timezone in format of "-xx:00"</t>
  </si>
  <si>
    <t>&lt;p&gt;I have a IP geolocation service that returns the users estimated timezone in the format of &lt;code&gt;-08:00&lt;/code&gt;&lt;/p&gt;
&lt;p&gt;At first I tried to dump this number into Pytz, but that doesn't work.  (I realize now that was a stupid idea.)&lt;/p&gt;
&lt;p&gt;So how might I parse this number into a tzinfo object?&lt;/p&gt;</t>
  </si>
  <si>
    <t>2012-07-04 04:36:06.890000+00:00</t>
  </si>
  <si>
    <t>2012-07-04 14:03:42.367000+00:00</t>
  </si>
  <si>
    <t>python|timezone</t>
  </si>
  <si>
    <t>Servlet declarative security</t>
  </si>
  <si>
    <t>&lt;p&gt;For Servlet security, I read that in web.xml we can declare&lt;/p&gt;
&lt;pre&gt;&lt;code&gt;&amp;lt;auth-constraints&amp;gt; and &amp;lt;user-data-constraint&amp;gt; 
&lt;/code&gt;&lt;/pre&gt;
&lt;p&gt;for turning on the SSL and for authentication purposes. But so far I personally haven't seen any of these declarations in real life web.xml's (apps running on Tomcat, Glassfish)&lt;/p&gt;
&lt;p&gt;So I wonder what are the substitute ways of achieving these goals? and which way is preferred?&lt;/p&gt;</t>
  </si>
  <si>
    <t>2012-12-22 20:17:19.330000+00:00</t>
  </si>
  <si>
    <t>2012-12-22 20:42:26.137000+00:00</t>
  </si>
  <si>
    <t>2012-12-22 20:20:25.613000+00:00</t>
  </si>
  <si>
    <t>java|java-ee|authentication|servlets</t>
  </si>
  <si>
    <t>Using jquery Validation 'greaterthan' function</t>
  </si>
  <si>
    <t>&lt;p&gt;I am using the jQuery Validation method "greaterThan" as described by Jon and Mike E. in &lt;a href="https://stackoverflow.com/questions/833997/end-date-greater-than-start-date-jquery-validation"&gt;Validate that end date is greater than start date with jQuery&lt;/a&gt;&lt;/p&gt;
&lt;p&gt;But when I send over: 
    EndDate: { greaterThan: "#StartDate" }
The result message is 'Must be greater than #StartDate'. I would like to do something like
    EndDate: { greaterThan: ["#StartDate","Start Date"] }&lt;/p&gt;
&lt;p&gt;But am unsure how to modify the "greaterThan" method. I tried changing the 'value' to 'options[0]' but that was a fail.&lt;/p&gt;
&lt;p&gt;Any suggestions?
Thanks.
Sam.&lt;/p&gt;</t>
  </si>
  <si>
    <t>2013-12-27 16:13:46.357000+00:00</t>
  </si>
  <si>
    <t>2018-07-08 14:19:50.927000+00:00</t>
  </si>
  <si>
    <t>2017-05-23 12:18:29.303000+00:00</t>
  </si>
  <si>
    <t>jquery|jquery-validate</t>
  </si>
  <si>
    <t>Can't see why this won't work | Loop won't run</t>
  </si>
  <si>
    <t>&lt;pre&gt;&lt;code&gt;public static void main(String[] args) {
    Scanner xis = new Scanner(System.in);
    int H1 = 0;
    int M1 = 0;
    int H2 = 0;
    int M2 = 0;
    int[] numeros = new int[4];
    System.out.println("Type the numbers.");
    for(int i = 0; i &amp;lt;= numeros.length; i++)
    {
        numeros[i] = xis.nextInt();
        H1 = H1 + numeros[0];
        M1 = M1 + numeros[1];
        H2 = H2 + numeros[2];
        M2 = M2 + numeros[3];
    }
    System.out.println(H1);
    System.out.println(H2);
    int horaDuracao = (H2 - H1) * -1;
    int minutoDuracao = (M2 - M1) * -1;
    if(horaDuracao &amp;lt;= 0)
    {
        horaDuracao = horaDuracao + 24;
    }
    if (minutoDuracao &amp;lt;= 0)
    {
        minutoDuracao = minutoDuracao + 59;
        horaDuracao = horaDuracao + -1;
    }
}
&lt;/code&gt;&lt;/pre&gt;
&lt;p&gt;When the user types the answer to this: 
System.out.println("Type the numbers.");&lt;/p&gt;
&lt;p&gt;It won't continue to the next part of my code.&lt;/p&gt;
&lt;p&gt;Sorry if it's a repost, but I kept searching for some time for something like this, but couldn't find.&lt;/p&gt;</t>
  </si>
  <si>
    <t>2015-04-14 23:30:51.890000+00:00</t>
  </si>
  <si>
    <t>2015-04-15 00:37:08.203000+00:00</t>
  </si>
  <si>
    <t>java|for-loop</t>
  </si>
  <si>
    <t>Is there any way to link external html without the use of php</t>
  </si>
  <si>
    <t>&lt;p&gt;I am trying to link and external HTML file i used to be able to do it with php like this &lt;/p&gt;
&lt;pre&gt;&lt;code&gt;   &amp;lt;?php include"sup.html"; ?&amp;gt;
&lt;/code&gt;&lt;/pre&gt;
&lt;p&gt;can someone please help me&lt;/p&gt;</t>
  </si>
  <si>
    <t>2016-05-11 02:48:53.890000+00:00</t>
  </si>
  <si>
    <t>2016-05-11 03:09:48.440000+00:00</t>
  </si>
  <si>
    <t>html|firebase</t>
  </si>
  <si>
    <t>could not broadcast input array from shape (5,10) into shape (3,10)</t>
  </si>
  <si>
    <t>&lt;p&gt;By executing code (see below) I have following output error.
could not broadcast input array from shape (5,10) into shape (3,10)&lt;/p&gt;
&lt;pre&gt;&lt;code&gt;import numpy as np
n_a = 3
n_x = 5
concat = np.random.randn(8,10)
concat[: n_a, :] = a_prev
concat[n_a :, :] = xt
print("concat :=" +str(concat))
print("a_prev :=" +str(a_prev))
print("xt :=" + str(xt))
&lt;/code&gt;&lt;/pre&gt;
&lt;p&gt;Below the entirely error:&lt;/p&gt;
&lt;pre&gt;&lt;code&gt;ValueError                                Traceback (most recent call last)
&amp;lt;ipython-input-27-7519fa3a400a&amp;gt; in &amp;lt;module&amp;gt;()
      3 n_x = 5
      4 concat = np.random.randn(8,10)
----&amp;gt; 5 concat[: n_a, :] = a_prev
      6 concat[n_a :, :] = xt
      7 
ValueError: could not broadcast input array from shape (5,10) into shape (3,10)
&lt;/code&gt;&lt;/pre&gt;</t>
  </si>
  <si>
    <t>2018-11-26 12:12:15.097000+00:00</t>
  </si>
  <si>
    <t>ipython</t>
  </si>
  <si>
    <t>Pass some parameters between pages in UWP</t>
  </si>
  <si>
    <t>&lt;p&gt;I try to port some Windows Phone 8 projects to current UWP, and get stucked in this snippet code that I've used in old project.&lt;/p&gt;
&lt;pre&gt;&lt;code&gt; private void Restaurant_Tap(object sender, System.Windows.Input.GestureEventArgs e)
    {
        string types = "restaurant";
        string title = "restaurant";
        string url = string.Format("/NearbyPlaces.xaml?latitude={0}&amp;amp;longitude={1}&amp;amp;types={2}&amp;amp;title={3}", LocationLatitude.Text, LocationLangitude.Text, types, title);
        NavigationService.Navigate(new Uri(url, UriKind.Relative));
    }
&lt;/code&gt;&lt;/pre&gt;
&lt;p&gt;In that code, I used NavigationService to pass some parameters to another page. I couldn't use NaigationService anymore because UWP doesn't support it. I've tried using this in my UWP project, but I think it only supported for passing one parameter , CMIIW.&lt;/p&gt;
&lt;pre&gt;&lt;code&gt; private void restaurant_tapped(object sender, TappedRoutedEventArgs e)
    {
        string types = "restaurant";
        string title = "restaurant";
        Frame.Navigate(typeof(placeResult), latLoc.Text, longLoc.Text, types, title);
    }
&lt;/code&gt;&lt;/pre&gt;
&lt;p&gt;That code give me an error, because it takes 5 arguments , which is +2 overloads. My question is how to do in proper way to passing some parameters in UWP project ?&lt;/p&gt;</t>
  </si>
  <si>
    <t>2016-02-10 00:07:50.310000+00:00</t>
  </si>
  <si>
    <t>2016-09-24 13:07:09.930000+00:00</t>
  </si>
  <si>
    <t>uwp</t>
  </si>
  <si>
    <t>Streaming a zip file over http in .net with SharpZipLib</t>
  </si>
  <si>
    <t>&lt;p&gt;I'm making a simple download service so a user can download all his images from out site.
To do that i just zip everything to the http stream.&lt;/p&gt;
&lt;p&gt;However it seems everything is stored in memory, and the data isn't sent til zip file is complete and the output closed.
I want the service to start sending at once, and not use too much memory.&lt;/p&gt;
&lt;pre&gt;&lt;code&gt;public void ProcessRequest(HttpContext context)
{
    List&amp;lt;string&amp;gt; fileNames = GetFileNames();
    context.Response.ContentType = "application/x-zip-compressed";
    context.Response.AppendHeader("content-disposition", "attachment; filename=files.zip");
    context.Response.ContentEncoding = Encoding.Default;
    context.Response.Charset = "";
    byte[] buffer = new byte[1024 * 8];
    using (ICSharpCode.SharpZipLib.Zip.ZipOutputStream zipOutput = new ICSharpCode.SharpZipLib.Zip.ZipOutputStream(context.Response.OutputStream))
    {
        foreach (string fileName in fileNames)
        {
            ICSharpCode.SharpZipLib.Zip.ZipEntry zipEntry = new ICSharpCode.SharpZipLib.Zip.ZipEntry(fileName);
            zipOutput.PutNextEntry(zipEntry);
            using (var fread = System.IO.File.OpenRead(fileName))
            {
                ICSharpCode.SharpZipLib.Core.StreamUtils.Copy(fread, zipOutput, buffer);
            }
        }
        zipOutput.Finish();
    }
    context.Response.Flush();
    context.Response.End();
}
&lt;/code&gt;&lt;/pre&gt;
&lt;p&gt;I can see the the worker process memory growing while it makes the file, and then releases the memory when its done sending. How do i do this without using too much memory?&lt;/p&gt;</t>
  </si>
  <si>
    <t>2009-03-09 13:20:16.043000+00:00</t>
  </si>
  <si>
    <t>2010-08-09 09:26:08.127000+00:00</t>
  </si>
  <si>
    <t>AndreasN</t>
  </si>
  <si>
    <t>asp.net|http|zip|stream</t>
  </si>
  <si>
    <t>outFile C++ not writing to output text</t>
  </si>
  <si>
    <t>&lt;p&gt;Down below is my incomplete program. I am having problems with writing to a text file. For example I want to write the number of snow days to a text file, but nothing shows up in the textfile when I debug in VS 2010. It does display my info and name, but nothing else works. It wont write anything after that. its NOT writing to a text file. &lt;/p&gt;
&lt;pre&gt;&lt;code&gt;#include &amp;lt;iostream&amp;gt;
#include &amp;lt;iomanip&amp;gt;
#include &amp;lt;string&amp;gt;
#include &amp;lt;fstream&amp;gt;
using namespace std;
const string INFORMATION = "College Class";
const string MY_NAME = "Tom Hangler";
int main(void)
{
    ofstream outFile;
    int numberOfSnowDays;
    int greatestSnowDay;
    int dayNumber;
    double amounttOfSnow;
    outFile.open("Ex1Out.txt");
    outFile &amp;lt;&amp;lt; setw(51) &amp;lt;&amp;lt; INFORMATION &amp;lt;&amp;lt; endl &amp;lt;&amp;lt; setw(48) &amp;lt;&amp;lt; MY_NAME &amp;lt;&amp;lt; endl;
    cout &amp;lt;&amp;lt; "Please enter num of days it snowed: " &amp;lt;&amp;lt; endl;
    cin &amp;gt;&amp;gt; numberOfSnowDays;
    outFile &amp;lt;&amp;lt; setw(10) &amp;lt;&amp;lt; "Number of days of snow is: " &amp;lt;&amp;lt; setw(10) &amp;lt;&amp;lt; numberOfSnowDays;     
    int index;
    //Problem 1 for-loop
    for (index = 0; index &amp;lt; numberOfSnowDays; index++)
    {   
        cout &amp;lt;&amp;lt; "Enter day: " &amp;lt;&amp;lt; endl;
        cin &amp;gt;&amp;gt; dayNumber;
        cout &amp;lt;&amp;lt; "Enter amount of snow: " &amp;lt;&amp;lt; endl;
        cin &amp;gt;&amp;gt; amountOfSnow;
    };
    return 0;   
}
&lt;/code&gt;&lt;/pre&gt;
&lt;p&gt;here is what my output displays:
College Class (centered)
Tom Hangler   (centered)&lt;/p&gt;
&lt;p&gt;If i try to write anything after this, Nothing is written ever to the output file. And the output text file IS in my VS project that contains my .cpp file. I added the text file to project. &lt;/p&gt;</t>
  </si>
  <si>
    <t>2012-02-07 17:57:09.460000+00:00</t>
  </si>
  <si>
    <t>2013-09-26 22:07:41.973000+00:00</t>
  </si>
  <si>
    <t>c++|format|fstream|file-io</t>
  </si>
  <si>
    <t>Jison: Binary operation grammar conflict</t>
  </si>
  <si>
    <t>&lt;p&gt;In trying to set up my Jison grammar I had:&lt;/p&gt;
&lt;pre&gt;&lt;code&gt;%left 'OR' 'AND'
%%
Expression:
    Operation
;
Operation:
    Expression Operator Expression {$$ = new yy.LogicalExpression($2, $1, $3)}
;
Operator:
    'AND'
|   'OR'
;
&lt;/code&gt;&lt;/pre&gt;
&lt;p&gt;But that resulted in the following conflict message:&lt;/p&gt;
&lt;pre&gt;&lt;code&gt;Conflict in grammar: multiple actions possible when lookahead token is OR in state 6
- reduce by rule: Operation -&amp;gt; Expression Operator Expression
- shift token (then go to state 5)
Conflict in grammar: multiple actions possible when lookahead token is AND in state 6
- reduce by rule: Operation -&amp;gt; Expression Operator Expression
- shift token (then go to state 4)
States with conflicts:
State 6
  Operation -&amp;gt; Expression Operator Expression . #lookaheads= $end OR AND
  Operation -&amp;gt; Expression .Operator Expression
  Operator -&amp;gt; .AND
  Operator -&amp;gt; .OR
&lt;/code&gt;&lt;/pre&gt;
&lt;p&gt;When I replace eliminate the &lt;code&gt;Operator&lt;/code&gt; non-terminal and instead write out the expression patterns directly:&lt;/p&gt;
&lt;pre&gt;&lt;code&gt;%left 'OR' 'AND'
%%
Expression:
    Operation
;
Operation:
    Expression 'AND' Expression {$$ = new yy.LogicalExpression($2, $1, $3)}
|   Expression 'OR' Expression {$$ = new yy.LogicalExpression($2, $1, $3)}
;
&lt;/code&gt;&lt;/pre&gt;
&lt;p&gt;I get no such error, why does the first grammar have a conflict, but not the second? They seem equivalent to my understanding.&lt;/p&gt;
&lt;p&gt;Thanks in advance!&lt;/p&gt;</t>
  </si>
  <si>
    <t>2015-08-20 18:53:58.297000+00:00</t>
  </si>
  <si>
    <t>2015-08-20 21:42:47.790000+00:00</t>
  </si>
  <si>
    <t>compiler-construction|grammar|context-free-grammar|parser-generator|jison</t>
  </si>
  <si>
    <t>jQuery .show/.hide gets triggered multiple times</t>
  </si>
  <si>
    <t>&lt;p&gt;I have a page with 4 tiles that display 2 options when a mouse hovers over it: &lt;strong&gt;New Form&lt;/strong&gt; and &lt;strong&gt;Form List&lt;/strong&gt;&lt;/p&gt;
&lt;p&gt;However, I want these two options hidden unless the user is currently hovered over the tile. This is working fine but it does it 2 or 3 times after the first hover event. Basically, on page load, the 2 options are hidden and the tiles are displayed. Once I hover into the first tile, the two options then get displayed using the &lt;code&gt;.show()&lt;/code&gt; method. If my mouse leaves the tile, the &lt;code&gt;.hide()&lt;/code&gt; method is called hiding the two options.&lt;/p&gt;
&lt;p&gt;However, if I hover my mouse back into the same tile, it executes both &lt;code&gt;.hide()&lt;/code&gt; and &lt;code&gt;.show()&lt;/code&gt; 2 times and sometimes even more than that. I'm assuming I'm doing something stupid but can't find any help on the web. JSFiddle can be found here: &lt;a href="http://jsfiddle.net/n97M8/" rel="nofollow noreferrer"&gt;http://jsfiddle.net/n97M8/&lt;/a&gt;&lt;/p&gt;
&lt;p&gt;&lt;img src="https://i.stack.imgur.com/M0Sim.png" alt="enter image description here"&gt;&lt;/p&gt;
&lt;p&gt;&lt;strong&gt;CODE:&lt;/strong&gt;&lt;/p&gt;
&lt;pre&gt;&lt;code&gt;&amp;lt;!DOCTYPE html PUBLIC "-//W3C//DTD XHTML 1.0 Transitional//EN" "http://www.w3.org/TR/xhtml1/DTD/xhtml1-transitional.dtd"&amp;gt;
&amp;lt;html xmlns="http://www.w3.org/1999/xhtml"&amp;gt;
    &amp;lt;head&amp;gt;
        &amp;lt;title&amp;gt;&amp;lt;/title&amp;gt;
        &amp;lt;style type="text/css"&amp;gt;
            .container
            {
                height: 150px;
                text-align:center;
            }
            .FormTiles
            {
                position: relative;
                text-align: center;
                vertical-align: middle;
                float:left;
                width: 150px;
                height: 0px;
                margin-left: auto;
                margin-right: auto;
                background-color: green;
                color: white;
                display: inline; 
                font-family: Verdana;
                font-size:small;
                margin-right: 5px;
                padding-bottom: 150px;
            }
            #optionsContainer, #optionsContainer1, #optionsContainer2, #optionsContainer3
            {
                position: absolute;
                width: 100%;
                text-align: center;
                bottom: 0;
                background-color: gray;
                padding-top: 3px;
                padding-bottom: 3px;
                display: none;
            }
        &amp;lt;/style&amp;gt;
    &amp;lt;/head&amp;gt;
    &amp;lt;body&amp;gt;
        &amp;lt;div class="container"&amp;gt;
            &amp;lt;div class="FormTiles" id="workForInspector"&amp;gt;Work For Inspector Form
                &amp;lt;div id="optionsContainer"&amp;gt;
                    &amp;lt;div class="FormTilesNewForm"&amp;gt;New Form&amp;lt;/div&amp;gt;
                    &amp;lt;div class="FormTilesToList"&amp;gt;Form List&amp;lt;/div&amp;gt;
                &amp;lt;/div&amp;gt;
            &amp;lt;/div&amp;gt;
            &amp;lt;div class="FormTiles" id="Form2"&amp;gt;Form 2
                &amp;lt;div id="optionsContainer1"&amp;gt;
                    &amp;lt;div class="FormTilesNewForm"&amp;gt;New Form&amp;lt;/div&amp;gt;
                    &amp;lt;div class="FormTilesToList"&amp;gt;Form List&amp;lt;/div&amp;gt;
                &amp;lt;/div&amp;gt;
            &amp;lt;/div&amp;gt;
            &amp;lt;div class="FormTiles" id="Form3"&amp;gt;Form 3
                &amp;lt;div id="optionsContainer2"&amp;gt;
                    &amp;lt;div class="FormTilesNewForm"&amp;gt;New Form&amp;lt;/div&amp;gt;
                    &amp;lt;div class="FormTilesToList"&amp;gt;Form List&amp;lt;/div&amp;gt;
                &amp;lt;/div&amp;gt;
            &amp;lt;/div&amp;gt;
            &amp;lt;div class="FormTiles" id="Form4"&amp;gt;Form 4
                &amp;lt;div id="optionsContainer3"&amp;gt;
                    &amp;lt;div class="FormTilesNewForm"&amp;gt;New Form&amp;lt;/div&amp;gt;
                    &amp;lt;div class="FormTilesToList"&amp;gt;Form List&amp;lt;/div&amp;gt;
                &amp;lt;/div&amp;gt;
            &amp;lt;/div&amp;gt;
        &amp;lt;/div&amp;gt;
        &amp;lt;script type="text/javascript" src="http://code.jquery.com/jquery-2.1.0.min.js"&amp;gt;&amp;lt;/script&amp;gt;
        &amp;lt;script type="text/javascript"&amp;gt;
            $(document).ready(function () {
                $("#workForInspector").hover(function () {
                    $("#optionsContainer").show("fast");
                });
                $("#workForInspector").mouseout(function () {
                    $("#optionsContainer").hide("fast");
                });
            });
        &amp;lt;/script&amp;gt;
    &amp;lt;/body&amp;gt;
&amp;lt;/html&amp;gt;
&lt;/code&gt;&lt;/pre&gt;</t>
  </si>
  <si>
    <t>2014-07-31 01:53:43.603000+00:00</t>
  </si>
  <si>
    <t>2014-07-31 01:58:48.837000+00:00</t>
  </si>
  <si>
    <t>How to send file with HttpClient post in xamarin forms</t>
  </si>
  <si>
    <t>&lt;p&gt;I want to send file through post request using httpclient 
this what i tried but file didn't sent , when i tried in postman it works fine&lt;/p&gt;
&lt;p&gt;&lt;a href="https://i.stack.imgur.com/NBcbK.png" rel="nofollow noreferrer"&gt;&lt;img src="https://i.stack.imgur.com/NBcbK.png" alt="enter image description here"&gt;&lt;/a&gt;&lt;/p&gt;
&lt;pre&gt;&lt;code&gt;string Url = $"http://ataprojects.net/test/products.php?request_type=add&amp;amp;company_name={BaseService.Company}&amp;amp;name={product.name}&amp;amp;barcode={product.barcode}&amp;amp;buy_price={product.buy_price}&amp;amp;sell_price={product.sell_price}";
            try
            {
                using (HttpClient client = new HttpClient())
                {
                    var content = new MultipartFormDataContent();
                    content.Headers.ContentType.MediaType = "multipart/form-data";
                    content.Add(new StreamContent(product._mediaFile.GetStream()),
                      "image",
                       product.image);                    
                    var response = client.PostAsync(Url, content).Result;
                    response.EnsureSuccessStatusCode();
                    if (response.IsSuccessStatusCode)
                    {
                        var contentdata = await response.Content.ReadAsStringAsync();                       
                        var Items = JsonConvert.DeserializeObject&amp;lt;AddProductReturnModel&amp;gt;(contentdata);
                        return Items;
                    }
                    else
                    {
                        return null;
                    }
                }
            }
&lt;/code&gt;&lt;/pre&gt;
&lt;p&gt;what's the problem ?&lt;/p&gt;</t>
  </si>
  <si>
    <t>2018-11-10 20:31:40.010000+00:00</t>
  </si>
  <si>
    <t>2018-11-11 12:28:53.103000+00:00</t>
  </si>
  <si>
    <t>asp.net|asp.net-web-api|xamarin.forms|dotnet-httpclient</t>
  </si>
  <si>
    <t>Lazy loading translation file in &lt;i18n&gt; tag</t>
  </si>
  <si>
    <t>&lt;p&gt;I want to reduce my app size and i started from language files.&lt;br&gt;
I'm using &lt;a href="http://kazupon.github.io/vue-i18n/guide/sfc.html" rel="nofollow noreferrer"&gt;vue-i18n Single File Components&lt;/a&gt; and i can lazy load like this &lt;a href="http://kazupon.github.io/vue-i18n/guide/lazy-loading.html" rel="nofollow noreferrer"&gt;vue-i18n Lazy loading&lt;/a&gt;. I read about &lt;a href="http://kazupon.github.io/vue-i18n/guide/sfc.html#multiple-custom-blocks" rel="nofollow noreferrer"&gt;custom lang blocks&lt;/a&gt;, but as i know i can't set dynamic locale in src.&lt;/p&gt;
&lt;p&gt;Now my question: is there a way to lazy load languages in &lt;code&gt;&amp;lt;i18n&amp;gt;&lt;/code&gt; tag?&lt;/p&gt;</t>
  </si>
  <si>
    <t>2018-11-15 21:15:22.707000+00:00</t>
  </si>
  <si>
    <t>javascript|vue.js|webpack|vue-component|vue-i18n</t>
  </si>
  <si>
    <t>PostCss Modules and next.js</t>
  </si>
  <si>
    <t>&lt;p&gt;I am using PostCSS &lt;a href="http://cssnext.io/" rel="nofollow noreferrer"&gt;http://cssnext.io/&lt;/a&gt; with my Next.js website combined with &lt;a href="https://buttercms.com" rel="nofollow noreferrer"&gt;butterCMS&lt;/a&gt;. I am new to postcss but like what they are trying to do, however coming from a SASS background, I am finding it seems to be going down the rabbit hole of having to add a lot of additional modules and scripts in order to get it working which does not give it a major advantage over preprocessors. &lt;/p&gt;
&lt;p&gt;In my package.json I have the following modules:&lt;/p&gt;
&lt;pre&gt;&lt;code&gt;"postcss-cssnext": "^3.0.2",
"postcss-easy-import": "^3.0.0",
"postcss-loader": "^2.0.6",
"postcss-modules": "^0.8.0",
&lt;/code&gt;&lt;/pre&gt;
&lt;p&gt;In my root I have a &lt;code&gt;./styles/&lt;/code&gt; folder with the following files:&lt;/p&gt;
&lt;p&gt;&lt;strong&gt;defaults.css&lt;/strong&gt;&lt;/p&gt;
&lt;pre&gt;&lt;code&gt;:root {
  /* Breakpoints */
  @custom-media --small (width &amp;gt;= 576px);
  @custom-media --medium (width &amp;gt;= 768px);
  @custom-media --large (width &amp;gt;= 1200px);
  /* Colors */
  --color-black: #000;
  --color-white: #fff;
  --color-vue-green: #42b983;
  /* Typography */
  --h1: 2rem;
  --h2: 1.5rem;
  --h3: 1.25rem;
  --h4: 1rem;
  --h5: 0.875rem;
  --h6: 0.75rem;
  /* Utilities */
  --accessibly-hidden: {
    position: absolute !important;
    display: block;
    visibility: visible;
    overflow: hidden;
    width: 1px;
    height: 1px;
    margin: -1px;
    border: 0;
    padding: 0;
    clip: rect(0, 0, 0, 0);
    clip-path: polygon(0 0, 0 0, 0 0, 0 0);
  }
    --foo: {
      font-size:4em;
      color:green;}
}
&lt;/code&gt;&lt;/pre&gt;
&lt;p&gt;&lt;strong&gt;styles.css&lt;/strong&gt;&lt;/p&gt;
&lt;pre&gt;&lt;code&gt;@import 'defaults.css';
h1, h2, h3, h4, h5, h6 {
  font-weight: normal;
}
h1 { font-size: var(--h1) }
h2 { font-size: var(--h2) }
h3 { font-size: var(--h3) }
h4 { font-size: var(--h4) }
h5 { font-size: var(--h5) }
h6 { font-size: var(--h6) }
.accessibly-hidden {
  @apply --accessibly-hidden;
}
.giantext{
  @apply --foo;
}
div {
  color: var(--color-vue-green);
}
.my-paragraph{
  composes: my-paragraph from 'shared.css';
}
.danger{
  composes: danger from 'shared.css';
}
&lt;/code&gt;&lt;/pre&gt;
&lt;p&gt;In my react script I have:&lt;/p&gt;
&lt;pre&gt;&lt;code&gt;&amp;lt;p className={classNames['my-paragraph']}&amp;gt;My homepage&amp;lt;/p&amp;gt;
&amp;lt;p className={classNames.danger}&amp;gt; This background should be yellow&amp;lt;/p&amp;gt;
&amp;lt;div&amp;gt;
  &amp;lt;p className={classNames.giantext}&amp;gt; I am huge &amp;lt;/p&amp;gt;
&amp;lt;/div&amp;gt;
&lt;/code&gt;&lt;/pre&gt;
&lt;p&gt;Only the &lt;code&gt;composes&lt;/code&gt; directives are working with the remaining utilities and styling not being picked up by my index.js file in next.js. The remainder gives me the following warnings/errors:&lt;/p&gt;
&lt;pre&gt;&lt;code&gt;(Emitted value instead of an instance of Error) postcss-custom-properties: /Users/user/projects/qubase/styles/styles.css:25:3: variable '--color-vue-green' is undefined and used without a fallback
&lt;/code&gt;&lt;/pre&gt;
&lt;p&gt;Or&lt;/p&gt;
&lt;pre&gt;&lt;code&gt;(Emitted value instead of an instance of Error) postcss-apply: /Users/user/projects/qubase/styles.css:16:3: No custom property set declared for `accessibly-hidden`.
&lt;/code&gt;&lt;/pre&gt;
&lt;p&gt;etc&lt;/p&gt;
&lt;p&gt;Is there anything about postcss I am missing?&lt;/p&gt;</t>
  </si>
  <si>
    <t>2017-10-05 18:15:41.243000+00:00</t>
  </si>
  <si>
    <t>2018-04-03 11:57:43.710000+00:00</t>
  </si>
  <si>
    <t>postcss|next.js|postcss-import</t>
  </si>
  <si>
    <t>regex to match something that is 1+ chrs, but not 500 chrs</t>
  </si>
  <si>
    <t>&lt;p&gt;I'm looking for a single regex expression that will match something that is 1 or more characters in length that does &lt;strong&gt;not&lt;/strong&gt; match &lt;code&gt;500&lt;/code&gt;. This is to be used in a Rails routes file, particularly to handle exceptions.&lt;/p&gt;
&lt;p&gt;routes.rb&lt;/p&gt;
&lt;pre&gt;&lt;code&gt;match '/500', to: 'errors#server_error'
match '/:anything', :to =&amp;gt; "errors#not_found", :constraints =&amp;gt; { :anything =&amp;gt; /THE REGEX GOES HERE/ }
&lt;/code&gt;&lt;/pre&gt;
&lt;p&gt;I'm a little lost on how to define regex that matches something and simultaneously does not match something else.&lt;/p&gt;</t>
  </si>
  <si>
    <t>2013-06-13 13:56:18.297000+00:00</t>
  </si>
  <si>
    <t>2013-06-14 08:56:30.497000+00:00</t>
  </si>
  <si>
    <t>2013-06-13 14:43:52.743000+00:00</t>
  </si>
  <si>
    <t>regex|ruby-on-rails-3|custom-routes</t>
  </si>
  <si>
    <t>NDK support for ARMv6</t>
  </si>
  <si>
    <t>&lt;p&gt;&lt;p&gt;Hi,
&lt;p&gt;I tried to run an openCV facial detection app on my Samsung s5360 which has a 2.3.6 android version. I keep getting INSTALL_FAILED_CPU_ABI_INCOMPATIBLE error message. After some digging up I came into the conclusion that the reason was the latest NDK revision 8d doesn't support ARMv6. Is there a suitable NDK version that would support my phone?
&lt;p&gt;&lt;b&gt;Thanks in advance&lt;/b&gt;&lt;/p&gt;</t>
  </si>
  <si>
    <t>2013-01-28 16:19:02.030000+00:00</t>
  </si>
  <si>
    <t>Recommendation System Method</t>
  </si>
  <si>
    <t>&lt;p&gt;I will design a social network site for football teams (like soccercv) built with the concept recommending
opponent match based on their attributes (i.e location, age of player, number of wins, etc).. &lt;/p&gt;
&lt;p&gt;following some of provisions :&lt;/p&gt;
&lt;ol&gt;
&lt;li&gt;location nearby (I will use G-map for get location latitude, longitude and distance)&lt;/li&gt;
&lt;li&gt;Have same age of player and gender (similarity attributes)&lt;/li&gt;
&lt;li&gt;number of wins (some top-N)&lt;/li&gt;
&lt;/ol&gt;
&lt;p&gt;overview (example) :&lt;/p&gt;
&lt;p&gt;&lt;img src="https://i.stack.imgur.com/fIqOK.jpg" alt="enter image description here"&gt;&lt;/p&gt;
&lt;p&gt;I have search some paper for reference :&lt;/p&gt;
&lt;ul&gt;
&lt;li&gt;&lt;a href="http://research.microsoft.com/pubs/122435/recomfriend-zheng-published.pdf" rel="nofollow noreferrer"&gt;Recommending Friends and Locations Based on Individual Location History&lt;/a&gt;&lt;/li&gt;
&lt;li&gt;&lt;a href="http://research.microsoft.com/pubs/191797/Recommendations%20in%20Location-based%20Social%20Networks.pdf" rel="nofollow noreferrer"&gt;A Survey on Recommendations in Location-based Social Networks&lt;/a&gt;&lt;/li&gt;
&lt;/ul&gt;
&lt;p&gt;But I've not found the proper method for my case, method that does not require a rating from user. Does anybody know a method or algorithm for my case?&lt;/p&gt;</t>
  </si>
  <si>
    <t>2014-01-26 12:07:47.930000+00:00</t>
  </si>
  <si>
    <t>2014-01-27 07:13:27.147000+00:00</t>
  </si>
  <si>
    <t>2014-01-26 12:15:47.867000+00:00</t>
  </si>
  <si>
    <t>algorithm|recommendation-engine</t>
  </si>
  <si>
    <t>Processing - Loops - amount of circles decrease</t>
  </si>
  <si>
    <t>&lt;p&gt;Here is a grid of crosses in circles currently 5x5. I'm attempting to get a row of 5, followed by a row of 4 underneath, then 3, then 2 etc. I've tried changing the for loops and the values but nothing is working. Do I need to use rows and columns?&lt;/p&gt;
&lt;pre&gt;&lt;code&gt;int x=20;
int y=30;
size(100,100); //set size of canvas screen
for(int i=0; i&amp;lt;5 ; i++) 
{
for (int j=0; j&amp;lt;5; j++)
{
x=x+10; //add 10 to value stored in variable x
ellipse(x,y,10,10);
line (x-5,y,x+5,y);
line (x,y-5,x,y+5);
}
x=20;
y=y+10;
}
&lt;/code&gt;&lt;/pre&gt;
&lt;p&gt;Thank you!&lt;/p&gt;</t>
  </si>
  <si>
    <t>2017-10-26 02:18:28.850000+00:00</t>
  </si>
  <si>
    <t>2018-01-05 22:19:58.823000+00:00</t>
  </si>
  <si>
    <t>for-loop|processing|nested-loops</t>
  </si>
  <si>
    <t>How to find value of type from list</t>
  </si>
  <si>
    <t>&lt;p&gt;So im in the early stages of learning how to use functional programming and I ran into this problem when I tried to compare a string with a string in a list, so that I could get the matching patterns.&lt;/p&gt;
&lt;p&gt;Here is my code:&lt;/p&gt;
&lt;p&gt;&lt;strong&gt;F# Code&lt;/strong&gt;&lt;/p&gt;
&lt;pre&gt;&lt;code&gt;type name = string;;
type number = string;;
type sex = string;;
type year = int;;
type interest = string list;;
type criteria = (sex * year * interest) list;;
type Register = (name * number * criteria) list;;
let reg = [("Lars","28551086",("male",1992,["soccer";"golf"])); ("Hanne","28598653",("female",1989,["cooking";"jewelry"]));
           ("Viktor","26587297",("male",1973,["clothes";"soccer"])); ("Henrik","22157864",("male",1985,["internet";"facebook"]));
           ("Lotte","23589462",("female",1997,["bombing";"internet"])); ("Susanne","25896742",("female",1923,["soccer";"cooking"]));
           ("Marie","22658943",("female",1975,["clothes";"jewelry"])) ];;
let rec findYear n = function
    | [] -&amp;gt; failwith("No person with that year is registrered")
    | (name,_,(_,n',_))  when n = n' -&amp;gt; name
    | (name,_,(_,n',_))::tail  when n &amp;lt;&amp;gt; n' -&amp;gt; findYear(tail);;
&lt;/code&gt;&lt;/pre&gt;
&lt;p&gt;What im trying to do, is to retrieve all the people in the &lt;strong&gt;reg&lt;/strong&gt; that has the same name as the one im searching for. 
So a F# Interactive call could be:&lt;/p&gt;
&lt;pre&gt;&lt;code&gt;findYear 1992;;
&lt;/code&gt;&lt;/pre&gt;
&lt;p&gt;And then it should give me the details of the persons with that year. Im not sure how to search through my &lt;strong&gt;reg&lt;/strong&gt;&lt;/p&gt;</t>
  </si>
  <si>
    <t>2014-09-21 13:34:05.883000+00:00</t>
  </si>
  <si>
    <t>2014-09-22 08:09:30.903000+00:00</t>
  </si>
  <si>
    <t>list|recursion|f#</t>
  </si>
  <si>
    <t>Find all tables in database By primaryKey</t>
  </si>
  <si>
    <t>&lt;p&gt;I'm searching for a query that can retrieve all the tables by the specified key/keys name on a specific database.
Something like this:&lt;/p&gt;
&lt;pre&gt;&lt;code&gt;SELECT table_name 
FROM   information_Schema.columns 
WHERE  column_name='ID_UNICO' 
AND    Constraint_Type = 'PRIMARY KEY'
&lt;/code&gt;&lt;/pre&gt;
&lt;p&gt;I've been searching and the best I could find was:&lt;/p&gt;
&lt;pre&gt;&lt;code&gt;SELECT Col.Column_Name from 
    INFORMATION_SCHEMA.TABLE_CONSTRAINTS Tab, 
    INFORMATION_SCHEMA.CONSTRAINT_COLUMN_USAGE Col 
WHERE 
    Col.Constraint_Name = Tab.Constraint_Name
    AND Col.Table_Name = Tab.Table_Name
    AND Constraint_Type = 'PRIMARY KEY'
    AND Col.Table_Name = '&amp;lt;your table name&amp;gt;'
&lt;/code&gt;&lt;/pre&gt;
&lt;p&gt;this retrieves the PK's of a specific table, I want to find table_name BY PK name.&lt;/p&gt;
&lt;pre&gt;&lt;code&gt;SELECT table_name 
FROM   information_Schema.columns 
WHERE  column_name='ID_UNICO' 
and    ordinal_position = 1; 
&lt;/code&gt;&lt;/pre&gt;
&lt;p&gt;also found this but this gives me the first column of the table, which doesn't ensure me that it it the PK.&lt;/p&gt;
&lt;p&gt;Couldn't find any duplicate either.&lt;/p&gt;</t>
  </si>
  <si>
    <t>2017-06-05 14:11:32.967000+00:00</t>
  </si>
  <si>
    <t>2017-06-05 14:29:21.520000+00:00</t>
  </si>
  <si>
    <t>2017-06-05 14:13:31.227000+00:00</t>
  </si>
  <si>
    <t>Removing query string from url in django while keeping GET information</t>
  </si>
  <si>
    <t>&lt;p&gt;I am working on a Django setup where I can receive a url containining a query string as part of a GET. I would like to be able to process the data provided in the query string and return a page that is adjusted for that data but does not contain the query string in the URL.&lt;/p&gt;
&lt;p&gt;Ordinarily I would just use &lt;code&gt;reverse()&lt;/code&gt;, but I am not sure how to apply it in this case. Here are the details of the situation:&lt;/p&gt;
&lt;p&gt;&lt;strong&gt;Example URL:&lt;/strong&gt; &lt;code&gt;.../test/123/?list_options=1&amp;amp;list_options=2&amp;amp;list_options=3&lt;/code&gt;&lt;/p&gt;
&lt;p&gt;&lt;strong&gt;urls.py&lt;/strong&gt;&lt;/p&gt;
&lt;pre&gt;&lt;code&gt;urlpatterns = patterns('', 
    url(r'test/(P&amp;lt;testrun_id&amp;gt;\d+)/'), views.testrun, name='testrun')
    )
&lt;/code&gt;&lt;/pre&gt;
&lt;p&gt;&lt;strong&gt;views.py&lt;/strong&gt;&lt;/p&gt;
&lt;pre&gt;&lt;code&gt;def testrun(request, testrun_id):
    if 'list_options' in request.GET.keys():
        lopt = request.GET.getlist('list_options')
        :
        :
        [process lopt list] 
        :
        :
    :
    :
    [other processing]
    :
    :
    context = { ...stuff... }
    return render(request, 'test_tracker/testview.html', context)
&lt;/code&gt;&lt;/pre&gt;
&lt;p&gt;When the example URL is processed, Django will return the page I want but with the URL still containing the query string on the end. The standard way of stripping off the unwanted query string would be to return the testrun function with &lt;code&gt;return HttpResponseRedirect(reverse('testrun', args=(testrun_id,)))&lt;/code&gt;. However, if I do that here then I'm going to get an infinite loop through the &lt;code&gt;testrun&lt;/code&gt; function. Furthermore, I am unsure if the list_options data that was on the original request will still be available after the redirect given that it has been removed from the URL.&lt;/p&gt;
&lt;p&gt;How should I work around this? I can see that it might make sense to move the parsing of the list_options variable out into a separate function to avoid the infinite recursion, but I'm afraid that it will lose me the list_options data from the request if I do it that way. Is there a neat way of simultaneously lopping the query string off the end of the URL and returning the page I want in one place so I can avoid having separate things out into multiple functions?&lt;/p&gt;
&lt;p&gt;EDIT: A little bit of extra background, since there have been a couple of "Why would you want to do this?" queries.&lt;/p&gt;
&lt;p&gt;The website I'm designing is to report on the results of various tests of the software I'm working on. This particular page is for reporting on the results of a single test, and often I will link to it from a bigger list of tests. &lt;/p&gt;
&lt;p&gt;The &lt;code&gt;list_options&lt;/code&gt; array is a way of specifying the other tests in the list I have just come from. This allows me to populate a drop-down menu with other relevant tests to allow me to easily switch between them.&lt;/p&gt;
&lt;p&gt;As such, I could easily end up passing in 15-20 different values and creating huge URLs, which I'd like to avoid. The page is designed to have a default set of other tests to fill in the menu in question if I don't suggest any others in the URL, so it's not a big deal if I remove the &lt;code&gt;list_options&lt;/code&gt;. If the user wishes to come back to the page directly he won't care about the other tests in the list, so it's not a problem if that information is not available.&lt;/p&gt;</t>
  </si>
  <si>
    <t>2013-08-08 16:48:03.797000+00:00</t>
  </si>
  <si>
    <t>2013-08-08 22:24:30.810000+00:00</t>
  </si>
  <si>
    <t>delete old records and keep 10 latest in sql compact</t>
  </si>
  <si>
    <t>&lt;p&gt;i'm using a sql compact database(sdf) in MS SQL 2008.
in the table 'Job', each id has multiple jobs.
there is a system regularly add jobs into the table.&lt;/p&gt;
&lt;p&gt;I would like to keep the 10 latest records for each id order by their 'datecompleted'
and delete the rest of the records&lt;/p&gt;
&lt;p&gt;how can i construct my query? failed in using #temp table and cursor&lt;/p&gt;</t>
  </si>
  <si>
    <t>2010-11-25 06:06:53.587000+00:00</t>
  </si>
  <si>
    <t>2010-11-25 07:37:36.277000+00:00</t>
  </si>
  <si>
    <t>2010-11-25 06:39:11.707000+00:00</t>
  </si>
  <si>
    <t>I can't call my class in to main function</t>
  </si>
  <si>
    <t>&lt;pre&gt;&lt;code&gt;#include&amp;lt;iostream&amp;gt;  
using namespace std;
class student 
   {
        private:
            char name [30], location[50], ic[20];
            int age;
        public:
            void set_data()
            {
                cout&amp;lt;&amp;lt;"Enter name       :";
                cin.getline(name, 30);
                cout&amp;lt;&amp;lt;"Enter location       :";
                cin.getline(location, 50);
                cout&amp;lt;&amp;lt;"Enter IC     :";
                cin.getline(ic, 20);
                cout&amp;lt;&amp;lt;"Enter age        :";
                cin&amp;gt;&amp;gt;age;
            }
            void display()
           {
               cout&amp;lt;&amp;lt;"Name       :"&amp;lt;&amp;lt;name&amp;lt;&amp;lt;endl;
               cout&amp;lt;&amp;lt;"IC         :"&amp;lt;&amp;lt;ic&amp;lt;&amp;lt;endl;
               cout&amp;lt;&amp;lt;"Location   :"&amp;lt;&amp;lt;location&amp;lt;&amp;lt;endl;
               cout&amp;lt;&amp;lt;"Age        :"&amp;lt;&amp;lt;age&amp;lt;&amp;lt;endl;
           }
    }student s1;
   int main()
{   
    cout&amp;lt;&amp;lt;"--------------------------------"&amp;lt;&amp;lt;endl;
    cout&amp;lt;&amp;lt;"WELCOME TO A-PLUS TUITION CENTER"&amp;lt;&amp;lt;endl;
    cout&amp;lt;&amp;lt;"--------------------------------"&amp;lt;&amp;lt;endl;
    student set_data();
    cout&amp;lt;&amp;lt;"--------------------------------"&amp;lt;&amp;lt;endl;
    cout&amp;lt;&amp;lt;"STUDENT INFORMATION"&amp;lt;&amp;lt;endl;
    cout&amp;lt;&amp;lt;"--------------------------------"&amp;lt;&amp;lt;endl;
    student display();
return 0;
}
&lt;/code&gt;&lt;/pre&gt;
&lt;p&gt;guys please help me... I'm stucked here.. i need the output to be like this but i have problems of calling the class into main function.. what should I do?&lt;/p&gt;
&lt;pre&gt;&lt;code&gt;--------------------------------
WELCOME TO A-PLUS TUITION CENTER
--------------------------------
Enter Name     : Usha Vellappan
Enter Location : Melaka
Enter IC       : 750217016680
Enter age      : 30
--------------------------------
STUDENT INFOMATION
--------------------------------
Name      : Usha Vellappan
IC        : 750217016680
Location  : Melaka
Age       : 30
Press any key to continue
&lt;/code&gt;&lt;/pre&gt;</t>
  </si>
  <si>
    <t>2014-07-11 02:47:48.710000+00:00</t>
  </si>
  <si>
    <t>2014-07-11 03:04:31.857000+00:00</t>
  </si>
  <si>
    <t>2014-07-11 02:49:59.803000+00:00</t>
  </si>
  <si>
    <t>c++|function|class|object|main</t>
  </si>
  <si>
    <t>Application.Terminate doesn't</t>
  </si>
  <si>
    <t>&lt;p&gt;If I call Application.Terminate &lt;em&gt;OR&lt;/em&gt; Application.MaiForm.Close inside a method. the application doesn't terminate!&lt;/p&gt;
&lt;pre&gt;&lt;code&gt;procedure doSomething;
var
  ErrorFound: boolean;
begin
  [...]
  try
    if ErrorFound then
      Application.Terminate;
  finally
  [...]
  end;
end;
&lt;/code&gt;&lt;/pre&gt;
&lt;p&gt;I cannot understand why.&lt;/p&gt;
&lt;p&gt;Please note that I'm calling Application.Terminate from inside a Try...Finally block, in the Try section.&lt;/p&gt;</t>
  </si>
  <si>
    <t>2011-11-10 11:13:12.753000+00:00</t>
  </si>
  <si>
    <t>2018-09-26 03:05:27.037000+00:00</t>
  </si>
  <si>
    <t>2011-11-10 15:07:22.397000+00:00</t>
  </si>
  <si>
    <t>delphi</t>
  </si>
  <si>
    <t>TableRegistry unable to find table (namespace issue ?)</t>
  </si>
  <si>
    <t>&lt;p&gt;I'm currently using CakePHP 3's ORM on a Slim Framework 3 project.&lt;/p&gt;
&lt;p&gt;I used CakePHP's naming conventions for my namespaces and classes. I'm trying to get my users by accessing the users' table (location : &lt;em&gt;App\Model\Table\UsersTable.php&lt;/em&gt;).&lt;/p&gt;
&lt;p&gt;In my controller (&lt;em&gt;App\Controller\UsersController.php&lt;/em&gt;), when I try :&lt;/p&gt;
&lt;pre&gt;&lt;code&gt;$usersTable = TableRegistry::get('Users'); // NOT working
$usersTable = TableRegistry::get('Users', ['className' =&amp;gt; \App\Model\Table\UsersTable::class]); // working
&lt;/code&gt;&lt;/pre&gt;
&lt;p&gt;I have to specifically set my className (which is horrible, because I need to do this in every controller and table (for associations) classes). I don't get what I did wrong and why CakePHP is not able to retrieve these classes.&lt;/p&gt;
&lt;p&gt;My &lt;strong&gt;composer.json&lt;/strong&gt; is as following :&lt;/p&gt;
&lt;pre&gt;&lt;code&gt;{
    "require": {
        "slim/slim": "^3.0",
        "cakephp/orm": "^3.2",
        "cakephp/validation": "^3.2",
        "cakephp/i18n": "^3.2",
    },
    "autoload": {
        "psr-4": {
            "App\\": "src"
        }
    }
}
&lt;/code&gt;&lt;/pre&gt;
&lt;p&gt;My project's files are located under &lt;em&gt;src/&lt;/em&gt; (for example, users' table is in &lt;em&gt;src/Model/Table&lt;/em&gt;).&lt;/p&gt;
&lt;p&gt;Does anyone have an idea on how I could fix this and directly be able to use &lt;code&gt;TableRegistry::get('Users');&lt;/code&gt; and being forced to add the className ?&lt;/p&gt;</t>
  </si>
  <si>
    <t>2016-06-08 10:12:17.040000+00:00</t>
  </si>
  <si>
    <t>2016-06-08 12:29:05.057000+00:00</t>
  </si>
  <si>
    <t>cakephp|orm|cakephp-3.0|autoload</t>
  </si>
  <si>
    <t>yum update error in RHEL 5.11</t>
  </si>
  <si>
    <t>&lt;pre&gt;&lt;code&gt;http://10.91.209.2:81/builds/rhel/RHEL6.4-Server-x86_64/Server/repodata/af55926cd66a289d9c7eaf352b2ed91ca0e28f91a505fff2b5c4c7cc2f1885e0-primary.sqlite.bz2: [Errno -3] Error performing checksum
Trying other mirror.
http://10.91.209.2:81/builds/rhel/RHEL6.4-Server-x86_64/Server/repodata/af55926cd66a289d9c7eaf352b2ed91ca0e28f91a505fff2b5c4c7cc2f1885e0-primary.sqlite.bz2: [Errno -3] Error performing checksum
Trying other mirror.
Error: failure: repodata/af55926cd66a289d9c7eaf352b2ed91ca0e28f91a505fff2b5c4c7cc2f1885e0-primary.sqlite.bz2 from RHEL_Server: [Errno 256] No more mirrors to try.
&lt;/code&gt;&lt;/pre&gt;
&lt;p&gt;I am getting this error in RHEL 5.7 version,but this error is not occurring in RHEL 6 .&lt;/p&gt;
&lt;p&gt;In RHEL 6.7 :-&lt;/p&gt;
&lt;pre&gt;&lt;code&gt;yum repolist
Loaded plugins: product-id, security, subscription-manager
This system is not registered to Red Hat Subscription Management. You can use subscription-manager to register.
repo id repo name status
NetAct-product-16.2.0.677 NetAct product 16.2.0.677 1,051
RHEL_HighAvailability "RHEL HighAvailability" 56
RHEL_LoadBalancer "RHEL LoadBalancer" 4
RHEL_ScalableFileSystem "RHEL ScalableFileSystem" 7
RHEL_Server "RHEL Server" 3,648
RHEL_cpf_Errata "RHEL cpf Errata" 4,255
repolist: 9,021
&lt;/code&gt;&lt;/pre&gt;
&lt;p&gt;In RHEL 5.11:-&lt;/p&gt;
&lt;pre&gt;&lt;code&gt;yum repolist
RHEL_Server/primary_db | 3.1 MB 00:00 &amp;lt;link&amp;gt; [Errno -3] Error performing checksum
Trying other mirror.
repo id repo name status
NetAct-product-16.2.0.677 NetAct product 16.2.0.677 1051
RHEL_Server "RHEL Server" 0
RHEL_cpf_Errata "RHEL cpf Errata" 0
repolist: 1051
&lt;/code&gt;&lt;/pre&gt;</t>
  </si>
  <si>
    <t>2016-01-13 14:18:08.180000+00:00</t>
  </si>
  <si>
    <t>2016-03-06 21:48:38.610000+00:00</t>
  </si>
  <si>
    <t>repository|yum|rhel</t>
  </si>
  <si>
    <t>Why does NSMutableDictionary writeToFile return no?</t>
  </si>
  <si>
    <t>&lt;p&gt;I have the following, where path is the documents folder. myArray is an NSMutableDictionary. I'm running this in the simulator.&lt;/p&gt;
&lt;pre&gt;&lt;code&gt;BOOL success = [self.myArray writeToFile:path atomically:YES];
&lt;/code&gt;&lt;/pre&gt;
&lt;p&gt;The above always returns no.  I can see in the target folder that nothing was written.&lt;/p&gt;
&lt;p&gt;The path looks like this:&lt;/p&gt;
&lt;pre&gt;&lt;code&gt;/Users/username/Library/Application Support/iPhone Simulator/7.1/Applications/79D8982F-9995-4831-83B9-E2749F2261CD/Documents/
&lt;/code&gt;&lt;/pre&gt;
&lt;p&gt;Any ideas what I'm doing wrong?&lt;/p&gt;</t>
  </si>
  <si>
    <t>2014-05-02 14:54:26.587000+00:00</t>
  </si>
  <si>
    <t>2014-05-08 07:11:00.930000+00:00</t>
  </si>
  <si>
    <t>2014-05-08 07:02:46.627000+00:00</t>
  </si>
  <si>
    <t>objective-c|ios7|xcode5</t>
  </si>
  <si>
    <t>Uncaught TypeError: slider.slides.on is not a function</t>
  </si>
  <si>
    <t>&lt;p&gt;I am using flexSlider in my website.I am using Slider with Carousel Slider as Navigation .It is not working,It is giving error &lt;/p&gt;
&lt;p&gt;"Uncaught TypeError: slider.slides.on is not a function"&lt;/p&gt;
&lt;p&gt;in the console of my browser.I don't know how to solve this problem?&lt;/p&gt;
&lt;p&gt;Here is the code&lt;/p&gt;
&lt;pre&gt;&lt;code&gt;&amp;lt;html&amp;gt;
&amp;lt;head&amp;gt;
&amp;lt;link rel="stylesheet" href="flexslider.css" type="text/css"&amp;gt;
&amp;lt;script src="https://ajax.googleapis.com/ajax/libs/jquery/1.6.2/jquery.min.js"&amp;gt;&amp;lt;/script&amp;gt;
&amp;lt;script src="jquery.flexslider.js"&amp;gt;&amp;lt;/script&amp;gt;
&amp;lt;/head&amp;gt;
&amp;lt;script&amp;gt;
$(window).load(function() {
// The slider being synced must be initialized first
$('#carousel').flexslider({
animation: "slide",
controlNav: false,
animationLoop: false,
slideshow: false,
itemWidth: 210,
itemMargin: 5,
asNavFor: '#slider'
});
$('#slider').flexslider({
animation: "slide",
controlNav: false,
animationLoop: false,
slideshow: false,
sync: "#carousel"
});
});
&amp;lt;/script&amp;gt;
&amp;lt;div id="slider" class="flexslider"&amp;gt;
&amp;lt;ul class="slides"&amp;gt;
&amp;lt;li&amp;gt;
  &amp;lt;img src="back1.jpg" /&amp;gt;
&amp;lt;/li&amp;gt;
&amp;lt;li&amp;gt;
  &amp;lt;img src="back2.jpg" /&amp;gt;
&amp;lt;/li&amp;gt;
&amp;lt;li&amp;gt;
  &amp;lt;img src="back3.jpg" /&amp;gt;
&amp;lt;/li&amp;gt;
&amp;lt;li&amp;gt;
  &amp;lt;img src="back4.jpg" /&amp;gt;
&amp;lt;/li&amp;gt;
&amp;lt;!-- items mirrored twice, total of 12 --&amp;gt;
&amp;lt;/ul&amp;gt;
&amp;lt;/div&amp;gt;
&amp;lt;div id="carousel" class="flexslider"&amp;gt;
&amp;lt;ul class="slides"&amp;gt;
&amp;lt;li&amp;gt;
  &amp;lt;img src="back1.jpg" /&amp;gt;
&amp;lt;/li&amp;gt;
&amp;lt;li&amp;gt;
  &amp;lt;img src="back2.jpg" /&amp;gt;
&amp;lt;/li&amp;gt;
&amp;lt;li&amp;gt;
  &amp;lt;img src="back3.jpg" /&amp;gt;
&amp;lt;/li&amp;gt;
&amp;lt;li&amp;gt;
  &amp;lt;img src="back4.jpg" /&amp;gt;
&amp;lt;/li&amp;gt;
&amp;lt;!-- items mirrored twice, total of 12 --&amp;gt;
&amp;lt;/ul&amp;gt;
&amp;lt;/div&amp;gt;
&amp;lt;/html&amp;gt;
&lt;/code&gt;&lt;/pre&gt;</t>
  </si>
  <si>
    <t>2015-07-01 19:06:31.613000+00:00</t>
  </si>
  <si>
    <t>2015-07-19 18:56:41.317000+00:00</t>
  </si>
  <si>
    <t>2015-07-07 13:41:46.807000+00:00</t>
  </si>
  <si>
    <t>flexslider</t>
  </si>
  <si>
    <t>How to find the differences between frames using OpenCV?</t>
  </si>
  <si>
    <t>&lt;p&gt;How can I find the differences between frames when I'm running video on OpenCV? I need to do a loop that checks the changes from frame to frame and displays the result in another window?
Can I  do it in the loop that i attach here? Or is there another way to do it? &lt;/p&gt;
&lt;pre&gt;&lt;code&gt;while( key != 'x' )  
{  
   frame = cvQueryFrame( capture );
   cvCvtColor(frame, gray, CV_RGB2GRAY);
   //gray_frame = cvQueryFrame( capture );
   //cvCvtColor(frame, gray_frame, CV_BGR2GRAY);
   if(key==27)
        break;
   cvShowImage( "video",frame );
   cvShowImage( "grayvideo",gray );
   key = cvWaitKey( 1000 / fps );  
}  
cvDestroyWindow( "video" );  
cvDestroyWindow( "grayvideo" ); 
cvReleaseCapture( &amp;amp;capture );  
return 0;
&lt;/code&gt;&lt;/pre&gt;
&lt;hr&gt;
&lt;p&gt;i get this error on the command window:Compiler did not align stack variables. Libavcodec has been miscompiled
and may be very slow or crash. This is not a bug in libavcodec,
but in the compiler. You may try recompiling using gcc &gt;= 4.2.
Do not report crashes to FFmpeg developers.
OpenCV Error: Assertion failed (src1.size() == dst.size() &amp;amp;&amp;amp; src1.type() == dst.
type()) in unknown function, file ........\ocv\opencv\src\cxcore\cxarithm.cpp
, line 1563&lt;/p&gt;
&lt;p&gt;what is wrong maby the maby the size of depth?
how can i fix it? or maby something wrong with the code?
thanks a lot for your help&lt;/p&gt;</t>
  </si>
  <si>
    <t>2012-04-03 17:17:47.397000+00:00</t>
  </si>
  <si>
    <t>2014-01-15 15:56:13.317000+00:00</t>
  </si>
  <si>
    <t>2012-10-06 12:50:37.170000+00:00</t>
  </si>
  <si>
    <t>NullPointerException on setContentView() but it exists</t>
  </si>
  <si>
    <t>&lt;p&gt;I have an &lt;strong&gt;adapter&lt;/strong&gt; class extended to BaseAdapter that starts another activity through intent. That another activity is giving me the error:&lt;/p&gt;
&lt;pre&gt;&lt;code&gt;10-10 23:58:57.171: E/AndroidRuntime(3651): java.lang.RuntimeException: Unable to start activity ComponentInfo{com.migdinny.passman/com.migdinny.passman.DataActivity}: java.lang.NullPointerException
&lt;/code&gt;&lt;/pre&gt;
&lt;p&gt;...&lt;/p&gt;
&lt;pre&gt;&lt;code&gt;10-10 23:58:57.171: E/AndroidRuntime(3651): Caused by: java.lang.NullPointerException
10-10 23:58:57.171: E/AndroidRuntime(3651):     at android.support.v7.app.ActionBarActivity.setContentView(ActionBarActivity.java:77)
10-10 23:58:57.171: E/AndroidRuntime(3651):     at com.migdinny.passman.DataActivity.onCreate(DataActivity.java:20)
&lt;/code&gt;&lt;/pre&gt;
&lt;p&gt;Here's the code:&lt;/p&gt;
&lt;p&gt;THE CODE THAT STARTS THE NEW ACTIVITY (this is inside a new listener)&lt;/p&gt;
&lt;pre&gt;&lt;code&gt;            @Override
        public void onClick(View view) {
            // TODO Auto-generated method stub
            Intent intent = new Intent(context, DataActivity.class);
            intent.putExtra("category", category);
            context.startActivity(intent);
        }
&lt;/code&gt;&lt;/pre&gt;
&lt;p&gt;THIS CODE IS THE NEW ACTIVITY THAT IS STARTED BY THE CODE ABOVE&lt;/p&gt;
&lt;pre&gt;&lt;code&gt;public class DataActivity extends ActionBarActivity {
String category;
@Override
protected void onCreate(Bundle savedInstanceState) {
    super.onCreate(savedInstanceState); // i've tried this line on all places and it doesnt fix the problem, after the setcontentview, before, etc
    Intent intent = getIntent(); // this works
    category = intent.getExtras().getString("category"); // this exists 
    setContentView(R.layout.activity_data); // THIS IS THE LINE 20 OF DATA ACTIVITY and of course that the activity_data layout exists. the eclipse does not warn me anything.
}
........
&lt;/code&gt;&lt;/pre&gt;
&lt;p&gt;EDIT:&lt;/p&gt;
&lt;p&gt;here's the activity_data.xml&lt;/p&gt;
&lt;pre&gt;&lt;code&gt;&amp;lt;RelativeLayout xmlns:android="http://schemas.android.com/apk/res/android"
xmlns:tools="http://schemas.android.com/tools"
android:layout_width="match_parent"
android:layout_height="match_parent"
android:paddingBottom="@dimen/activity_vertical_margin"
android:paddingLeft="@dimen/activity_horizontal_margin"
android:paddingRight="@dimen/activity_horizontal_margin"
android:paddingTop="@dimen/activity_vertical_margin"
tools:context="com.migdinny.passman.DataActivity" &amp;gt;
&amp;lt;TextView
    android:id="@+id/test"
    android:layout_width="wrap_content"
    android:layout_height="wrap_content"
/&amp;gt;
&amp;lt;/RelativeLayout&amp;gt;
&lt;/code&gt;&lt;/pre&gt;
&lt;p&gt;the category variable that is used on onClick:&lt;/p&gt;
&lt;pre&gt;&lt;code&gt;final String category = list.get(position).getCatname(); // on the beginning of getView method and i think the error is not here
&lt;/code&gt;&lt;/pre&gt;</t>
  </si>
  <si>
    <t>2014-10-10 23:12:58.840000+00:00</t>
  </si>
  <si>
    <t>2014-10-11 20:53:33.847000+00:00</t>
  </si>
  <si>
    <t>2014-10-11 19:44:13.027000+00:00</t>
  </si>
  <si>
    <t>android|android-activity|nullpointerexception|setcontentview</t>
  </si>
  <si>
    <t>Printing a binary tree hierarchy using a Depth-first iterative deepening method or Breadth-First</t>
  </si>
  <si>
    <t>&lt;p&gt;I'm not a programmer, but I'm currently experimenting with binary trees in Python, and I'm wanting to create a good method for printing out the binary tree, level by level; currently I have implemented a &lt;strong&gt;breadth-first&lt;/strong&gt; method, printing each level starting at the root - which works fine, but was interested in a widely accepted recursive solution.&lt;/p&gt;
&lt;p&gt;If I was to use a recursive method, that doesn't simply emulate the iterative breadth-first method - would I/could I use &lt;strong&gt;depth-first iterative deepening&lt;/strong&gt; solution?&lt;/p&gt;
&lt;p&gt;I know depth-first iterative deepening is used as an efficient search method, could it be used to give me a level by level print of my tree? Or is the accepted solution here to simply keep my &lt;strong&gt;breadth-first&lt;/strong&gt; method?&lt;/p&gt;
&lt;p&gt;Here is code to my tree class, the instantiation creates a tree structure of Fibonacci function recursion calls; I have amended this so that is saves the level into each &lt;code&gt;Node&lt;/code&gt;:&lt;/p&gt;
&lt;pre&gt;&lt;code&gt;from collections import deque
class FibTree(object):
"""Class which builds binary tree from Fibonacci function call graph"""
def __init__(self, n, parent, level=None):
    if level is None:
        level = 0
    self.n = n
    self.parent = parent
    self.level = level
    if n &amp;lt; 2:
        self.left = None
        self.right = None
        self.value = n
    else:
        self.left = FibTree(n - 1, self, level + 1)
        self.right = FibTree(n - 2, self, level + 1)
        self.value = self.left.value + self.right.value
&lt;/code&gt;&lt;/pre&gt;
&lt;p&gt;The Iterative Breadth-First traversal method implemented:&lt;/p&gt;
&lt;pre&gt;&lt;code&gt;def level_order_breadth_first_traversal(self):
    """Level order Breadth First Traversal, returning nodes by level"""
    this_level = deque([self])  
    while this_level:
        next_level = deque()
        yield this_level
        while this_level:
            u = this_level.popleft()
            if u.left is not None:
                next_level.extend([u.left])
            if u.right is not None:
                next_level.extend([u.right])
        this_level = next_level
&lt;/code&gt;&lt;/pre&gt;
&lt;p&gt;Could I in any way now make use of the &lt;code&gt;Level&lt;/code&gt; order stored in each &lt;code&gt;Node&lt;/code&gt; in my Breadth-First Traversal to Print out my Binary Tree, or do I have to do some kind of traversal regardless to the fact that I have the level order stored into the Node.&lt;/p&gt;
&lt;p&gt;EDIT: To show my Iteratve Deepening Depth level traversal, to attempt to print out my binary tree in level order:&lt;/p&gt;
&lt;pre&gt;&lt;code&gt;def _getChildren(self,node):
    """Method to expand node"""
    hasLeft = node.left is not None
    hasRight = node.right is not None
    if hasLeft:
        yield node.left
    if hasRight:
        yield node.right
def dls(self, node, depth):
    """Depth Limited Search"""
    if (depth == 0):
        return node
    elif (depth &amp;gt; 0):
        print "(" + repr(node.i) + ")" + repr(node.value),
        children = self._getChildren(node)
        for child in children:
            self.dls(child, depth-1)
    else:
        return False
def iterative_deepening(self):
    """Iterative Deepening to print out binary tree level order"""
    depth = 0
    while True:
        result = self.dls(self, depth)
        if result is not False:
            return result
        depth += 1
&lt;/code&gt;&lt;/pre&gt;
&lt;p&gt;When calling the &lt;code&gt;iterative_deepening&lt;/code&gt; method just returns the &lt;code&gt;root&lt;/code&gt; node, instead of a list of nodes in level order.&lt;/p&gt;
&lt;p&gt;Thanks
Alex&lt;/p&gt;</t>
  </si>
  <si>
    <t>2012-02-28 14:01:47.847000+00:00</t>
  </si>
  <si>
    <t>2012-03-18 12:27:22.133000+00:00</t>
  </si>
  <si>
    <t>python|data-structures|recursion</t>
  </si>
  <si>
    <t>ReferenceError: $httpProvider is not defined</t>
  </si>
  <si>
    <t>&lt;p&gt;This is my script.&lt;/p&gt;
&lt;pre&gt;&lt;code&gt;var rtsTaxi =  angular.module("rtsTaxi",['ngAnimate', 'ui.bootstrap']);\
rtsTaxi.config(['$httpProvider',function($httpProdvider)
{
           $httpProvider.defaults.headers.post['Content-Type'] = 'application/json;charset=utf-8';
           $httpProdvider.defaults.useXDomain = true;
           delete $httpProdvider.defaults.headers.common['X-Requested-With'];
}]);
rtsTaxi.controller("bookingController",function($scope){
var message ="Success";
$scope.bookNow = function()
{
     $http({
     method : 'POST',
     url: 'request-url',
     data: {messages : message},
     header : { 'Content-Type' : 'application/json; charset-utf-8'}
     });
};
&lt;/code&gt;&lt;/pre&gt;
&lt;p&gt;When I run my application, Chrome console give me a Reference error for $httpProvider. I have tried other solutions in StackOverflow but still I am having the issue&lt;/p&gt;</t>
  </si>
  <si>
    <t>2016-11-15 12:45:04.137000+00:00</t>
  </si>
  <si>
    <t>2016-11-15 12:50:43.970000+00:00</t>
  </si>
  <si>
    <t>which .net collection can contain more than Int32.MaxValue elements?</t>
  </si>
  <si>
    <t>&lt;blockquote&gt;
  &lt;p&gt;&lt;strong&gt;Possible Duplicate:&lt;/strong&gt;&lt;br&gt;
  &lt;a href="https://stackoverflow.com/questions/6005660/are-there-any-collection-classes-or-special-data-types-that-support-more-than-2"&gt;Are there any collection classes or special data types that support more than 2 ^ 31 items in .NET 3.5?&lt;/a&gt;  &lt;/p&gt;
&lt;/blockquote&gt;
&lt;p&gt;which .net collection can contain more than Int32.MaxValue elements?&lt;/p&gt;
&lt;p&gt;List can only hold Int32&lt;/p&gt;</t>
  </si>
  <si>
    <t>2011-09-14 07:54:52.500000+00:00</t>
  </si>
  <si>
    <t>2017-05-23 12:12:00.087000+00:00</t>
  </si>
  <si>
    <t>.net|collections</t>
  </si>
  <si>
    <t>neural network to train a image so as to get its unicode as output- python</t>
  </si>
  <si>
    <t>&lt;p&gt;I have an image of a character. I wanted to make a neural network so that it takes the linear array of pixels as input and generate the Unicode of character so that i can compare it with the actual Unicode of that character. I tried it using pybrain but not able to write a code which can generate a Unicode. These are the parameters which i will be using for neural network:&lt;/p&gt;
&lt;p&gt;��� Learning rate = 150&lt;/p&gt;
&lt;p&gt;��� Sigmoid Slope = 0.026&lt;/p&gt;
&lt;p&gt;��� Weight bias = 30&lt;/p&gt;
&lt;p&gt;��� Number of Epochs = 300 ( Maximum)&lt;/p&gt;
&lt;p&gt;��� Mean error threshold value = 0.0002&lt;/p&gt;
&lt;p&gt;I am thinking of following algo:&lt;/p&gt;
&lt;ol&gt;
&lt;li&gt;Form network according to the specified topology
parameters&lt;/li&gt;
&lt;li&gt;Initialize weights with random values within the
specified �� weight bias value.[7]&lt;/li&gt;
&lt;li&gt;load trainer set files (both input image and desired
output text)&lt;/li&gt;
&lt;li&gt;analyze input image and map all detected symbols
into linear arrays&lt;/li&gt;
&lt;li&gt;read desired output text from file and convert each
character to a binary Unicode value to store
separately&lt;/li&gt;
&lt;li&gt;for each character :
a. calculate the output of the feed forward
network
b. compare with the desired output
corresponding to the symbol and compute
error
c. back propagate error across each link to
adjust the weights&lt;/li&gt;
&lt;li&gt;move to the next character and repeat step 6 until all
characters are visited&lt;/li&gt;
&lt;li&gt;compute the average error of all characters&lt;/li&gt;
&lt;li&gt;repeat steps 6 and 8 until the specified number of
epochs
a. Is error threshold reached? If so abort
iteration
b. If not continue iteration&lt;/li&gt;
&lt;/ol&gt;
&lt;p&gt;I am not able to generate unicode as output from neural network at step 6.
Please help&lt;/p&gt;</t>
  </si>
  <si>
    <t>2012-09-13 10:22:28.280000+00:00</t>
  </si>
  <si>
    <t>2012-09-13 11:40:29.333000+00:00</t>
  </si>
  <si>
    <t>python|pybrain</t>
  </si>
  <si>
    <t>How to construct SQL for this scenario</t>
  </si>
  <si>
    <t>&lt;p&gt;I have a table with 4 fields (date, AssetName, Price) and in this table I have one record per asset per business day. using this table I would like to construct a query that will give me the following&lt;/p&gt;
&lt;p&gt;(AssetName , LastPrice, Price a month ago, Price a Year ago, Price 3 years ago) 
I would appreciate for any help&lt;/p&gt;</t>
  </si>
  <si>
    <t>2017-05-08 18:09:09.907000+00:00</t>
  </si>
  <si>
    <t>2017-09-13 18:43:22.137000+00:00</t>
  </si>
  <si>
    <t>Web Services : Creating a Project : beginner</t>
  </si>
  <si>
    <t>&lt;p&gt;Webservices : This is my first project using web services and I have an error while creating one. &lt;/p&gt;
&lt;pre&gt;&lt;code&gt;Error occured when adding the module, &amp;lt;Project name&amp;gt;, to the server 
Error occured when adding the module, Hello, to the server
    org.eclipse.core.runtime.CoreException: Could not load the Tomcat server configuration at \Servers\Tomcat v7.0 Server at localhost-config. The configuration may be corrupt or incomplete.
    at org.eclipse.jst.server.tomcat.core.internal.Tomcat70Configuration.load(Tomcat70Configuration.java:367)
    at org.eclipse.jst.server.tomcat.core.internal.TomcatServer.getTomcatConfiguration(TomcatServer.java:124)
    at org.eclipse.jst.server.tomcat.core.internal.TomcatServer.modifyModules(TomcatServer.java:531)
    at org.eclipse.wst.server.core.internal.ServerWorkingCopy.modifyModules(ServerWorkingCopy.java:551)
    at org.eclipse.wst.server.core.ServerUtil.modifyModules(ServerUtil.java:398)
    at org.eclipse.jst.ws.internal.consumption.command.common.AddModuleToServerCommand.execute(AddModuleToServerCommand.java:112)
    at org.eclipse.jst.ws.internal.creation.ui.extension.PreServiceInstallCommand.execute(PreServiceInstallCommand.java:100)
    at org.eclipse.wst.command.internal.env.core.fragment.CommandFragmentEngine.runCommand(CommandFragmentEngine.java:419)
    at org.eclipse.wst.command.internal.env.core.fragment.CommandFragmentEngine.visitTop(CommandFragmentEngine.java:359)
    at org.eclipse.wst.command.internal.env.core.fragment.CommandFragmentEngine.moveForwardToNextStop(CommandFragmentEngine.java:254)
    at org.eclipse.wst.command.internal.env.ui.widgets.SimpleCommandEngineManager$6.run(SimpleCommandEngineManager.java:294)
    at org.eclipse.jface.operation.ModalContext.runInCurrentThread(ModalContext.java:464)
    at org.eclipse.jface.operation.ModalContext.run(ModalContext.java:372)
    at org.eclipse.jface.wizard.WizardDialog.run(WizardDialog.java:1028)
    at org.eclipse.wst.command.internal.env.ui.widgets.SimpleCommandEngineManager.runForwardToNextStop(SimpleCommandEngineManager.java:264)
    at org.eclipse.wst.command.internal.env.ui.widgets.WizardPageManager.runForwardToNextStop(WizardPageManager.java:91)
    at org.eclipse.wst.command.internal.env.ui.widgets.WizardPageManager.getNextPage(WizardPageManager.java:154)
    at org.eclipse.wst.command.internal.env.ui.widgets.SimpleWizardPage.getNextPage(SimpleWizardPage.java:136)
    at org.eclipse.jface.wizard.WizardDialog.nextPressed(WizardDialog.java:908)
    at org.eclipse.jface.wizard.WizardDialog.buttonPressed(WizardDialog.java:428)
    at org.eclipse.jface.dialogs.Dialog$2.widgetSelected(Dialog.java:628)
    at org.eclipse.swt.widgets.TypedListener.handleEvent(TypedListener.java:248)
    at org.eclipse.swt.widgets.EventTable.sendEvent(EventTable.java:84)
    at org.eclipse.swt.widgets.Widget.sendEvent(Widget.java:1057)
    at org.eclipse.swt.widgets.Display.runDeferredEvents(Display.java:4170)
    at org.eclipse.swt.widgets.Display.readAndDispatch(Display.java:3759)
    at org.eclipse.jface.window.Window.runEventLoop(Window.java:826)
    at org.eclipse.jface.window.Window.open(Window.java:802)
    at org.eclipse.ui.internal.handlers.WizardHandler$New.executeHandler(WizardHandler.java:259)
    at org.eclipse.ui.internal.handlers.WizardHandler.execute(WizardHandler.java:279)
    at org.eclipse.ui.internal.handlers.HandlerProxy.execute(HandlerProxy.java:290)
    at org.eclipse.ui.internal.handlers.E4HandlerProxy.execute(E4HandlerProxy.java:90)
    at sun.reflect.NativeMethodAccessorImpl.invoke0(Native Method)
    at sun.reflect.NativeMethodAccessorImpl.invoke(Unknown Source)
    at sun.reflect.DelegatingMethodAccessorImpl.invoke(Unknown Source)
    at java.lang.reflect.Method.invoke(Unknown Source)
    at org.eclipse.e4.core.internal.di.MethodRequestor.execute(MethodRequestor.java:56)
    at org.eclipse.e4.core.internal.di.InjectorImpl.invokeUsingClass(InjectorImpl.java:243)
    at org.eclipse.e4.core.internal.di.InjectorImpl.invoke(InjectorImpl.java:224)
    at org.eclipse.e4.core.contexts.ContextInjectionFactory.invoke(ContextInjectionFactory.java:132)
    at org.eclipse.e4.core.commands.internal.HandlerServiceHandler.execute(HandlerServiceHandler.java:167)
    at org.eclipse.core.commands.Command.executeWithChecks(Command.java:499)
    at org.eclipse.core.commands.ParameterizedCommand.executeWithChecks(ParameterizedCommand.java:508)
    at org.eclipse.e4.core.commands.internal.HandlerServiceImpl.executeHandler(HandlerServiceImpl.java:213)
    at org.eclipse.ui.internal.handlers.LegacyHandlerService.executeCommand(LegacyHandlerService.java:420)
    at org.eclipse.ui.internal.actions.CommandAction.runWithEvent(CommandAction.java:157)
    at org.eclipse.jface.action.ActionContributionItem.handleWidgetSelection(ActionContributionItem.java:584)
    at org.eclipse.jface.action.ActionContributionItem.access$2(ActionContributionItem.java:501)
    at org.eclipse.jface.action.ActionContributionItem$5.handleEvent(ActionContributionItem.java:411)
    at org.eclipse.swt.widgets.EventTable.sendEvent(EventTable.java:84)
    at org.eclipse.swt.widgets.Widget.sendEvent(Widget.java:1057)
    at org.eclipse.swt.widgets.Display.runDeferredEvents(Display.java:4170)
    at org.eclipse.swt.widgets.Display.readAndDispatch(Display.java:3759)
    at org.eclipse.e4.ui.internal.workbench.swt.PartRenderingEngine$9.run(PartRenderingEngine.java:1113)
    at org.eclipse.core.databinding.observable.Realm.runWithDefault(Realm.java:332)
    at org.eclipse.e4.ui.internal.workbench.swt.PartRenderingEngine.run(PartRenderingEngine.java:997)
    at org.eclipse.e4.ui.internal.workbench.E4Workbench.createAndRunUI(E4Workbench.java:140)
    at org.eclipse.ui.internal.Workbench$5.run(Workbench.java:611)
    at org.eclipse.core.databinding.observable.Realm.runWithDefault(Realm.java:332)
    at org.eclipse.ui.internal.Workbench.createAndRunWorkbench(Workbench.java:567)
    at org.eclipse.ui.PlatformUI.createAndRunWorkbench(PlatformUI.java:150)
    at org.eclipse.ui.internal.ide.application.IDEApplication.start(IDEApplication.java:124)
    at org.eclipse.equinox.internal.app.EclipseAppHandle.run(EclipseAppHandle.java:196)
    at org.eclipse.core.runtime.internal.adaptor.EclipseAppLauncher.runApplication(EclipseAppLauncher.java:110)
    at org.eclipse.core.runtime.internal.adaptor.EclipseAppLauncher.start(EclipseAppLauncher.java:79)
    at org.eclipse.core.runtime.adaptor.EclipseStarter.run(EclipseStarter.java:354)
    at org.eclipse.core.runtime.adaptor.EclipseStarter.run(EclipseStarter.java:181)
    at sun.reflect.NativeMethodAccessorImpl.invoke0(Native Method)
    at sun.reflect.NativeMethodAccessorImpl.invoke(Unknown Source)
    at sun.reflect.DelegatingMethodAccessorImpl.invoke(Unknown Source)
    at java.lang.reflect.Method.invoke(Unknown Source)
    at org.eclipse.equinox.launcher.Main.invokeFramework(Main.java:636)
    at org.eclipse.equinox.launcher.Main.basicRun(Main.java:591)
    at org.eclipse.equinox.launcher.Main.run(Main.java:1450)
    at org.eclipse.equinox.launcher.Main.main(Main.java:1426)
    Caused by: org.eclipse.core.runtime.CoreException: Could not load the Tomcat server configuration at \Servers\Tomcat v7.0 Server at localhost-config. The configuration may be corrupt or incomplete.
    at org.eclipse.jst.server.tomcat.core.internal.Tomcat70Configuration.load(Tomcat70Configuration.java:313)
    ... 74 more
&lt;/code&gt;&lt;/pre&gt;</t>
  </si>
  <si>
    <t>2015-04-21 15:58:47.447000+00:00</t>
  </si>
  <si>
    <t>2017-05-25 12:45:43.140000+00:00</t>
  </si>
  <si>
    <t>2015-04-21 16:12:39.967000+00:00</t>
  </si>
  <si>
    <t>web-services</t>
  </si>
  <si>
    <t>retrieving the attribute value from the request.getSession</t>
  </si>
  <si>
    <t>&lt;p&gt;Correct me if i am doing wrong.&lt;/p&gt;
&lt;p&gt;I am using the below code to display in the jsp page. Can use the below code snippet to display companyName value.?&lt;/p&gt;
&lt;pre&gt;&lt;code&gt;        &amp;lt;% String compName = (String)request.getSession().getAttribute("companyName"); %&amp;gt;
//    inside the form     
    &amp;lt;input type="hidden" name="companyName" value="&amp;lt;c:out value="${compName}" /&amp;gt;" /&amp;gt;
            &amp;lt;script&amp;gt;
                $('#myLink').on('click', function() { $('#apForm').submit(); });
            &amp;lt;/script&amp;gt;
&lt;/code&gt;&lt;/pre&gt;</t>
  </si>
  <si>
    <t>2018-04-25 15:05:39.163000+00:00</t>
  </si>
  <si>
    <t>2018-04-25 15:20:13.760000+00:00</t>
  </si>
  <si>
    <t>java|jsp|session|servlets|request</t>
  </si>
  <si>
    <t>'Deadlock' in scala</t>
  </si>
  <si>
    <t>&lt;p&gt;I want to rewrite in scala the example from Sun's tutorial about concurrency in java. The original code is here: &lt;a href="http://java.sun.com/docs/books/tutorial/essential/concurrency/deadlock.html" rel="nofollow noreferrer"&gt;http://java.sun.com/docs/books/tutorial/essential/concurrency/deadlock.html&lt;/a&gt;&lt;/p&gt;
&lt;p&gt;This code is incorrect. It freezes at where the comment indicates. Could anyone correct this? Thanks in advance.&lt;/p&gt;
&lt;pre&gt;&lt;code&gt;import scala.actors.Actor
class Person(val name: String) extends Actor {
  def bow(other: Person) {
    other ! Bow(this)
  }
  private def bowBack(backTo: Person) {
    println(this.name + " is bowing back to " + backTo.name)
    backTo ! Bowed(this)
  }
  def act() {
    while (true) {
      receive {
        case Bow(p) =&amp;gt;
          println(this.name + " is bowing to " + p.name)
          p ! BowBack(this)
          println("    wating for bowing back...")
          var received = false
          while (true &amp;amp;&amp;amp; received == false) {
            receive {    //blocked here
              case Bowed(other) if p == other =&amp;gt;
                println(" ... " + this.name + " has bowed to " + other.name)
            received == true
            }
          }
          println(this.name + " has bowed to " + p.name)
        case BowBack(p) =&amp;gt;
          println(this.name + " is bowing back to " + p.name)
          p ! Bowed(this)
        case "EXIT" =&amp;gt; return
        case x =&amp;gt; println(x)
      }
    }
  }
}
abstract case class Action()
case class Bow(person: Person) extends Action
case class BowBack(person: Person) extends Action
case class Bowed(person: Person) extends Action
object BowTest extends Application {
  val a = new Person("Alphone")
  val g = new Person("Gaston")
  a.start()
  g.start()
  a ! Bow(g)
  //g.bow(a)
  a ! "EXIT"
  g ! "EXIT"
}
&lt;/code&gt;&lt;/pre&gt;</t>
  </si>
  <si>
    <t>2010-03-04 09:53:54.003000+00:00</t>
  </si>
  <si>
    <t>2010-03-04 12:15:24.013000+00:00</t>
  </si>
  <si>
    <t>scala|actor</t>
  </si>
  <si>
    <t>Rose diagram in R</t>
  </si>
  <si>
    <t>&lt;p&gt;I want to draw a rose diagram of some circular data. I have been using the &lt;code&gt;circular&lt;/code&gt; package and within this package it allows you to draw a simple rose diagram using the function: &lt;code&gt;rose.diag&lt;/code&gt;. While this draws the diagram I want to be able to improve the plots but I can't find away to add to the plot or adjust it slightly. I have looked at drawing it in &lt;code&gt;ggplot2&lt;/code&gt; but this doesn't seem clear to me and I am struggling to find another package in R which draws rose diagrams like this. If anyone can help with this then I would be grateful to hear your replies.&lt;/p&gt;
&lt;p&gt;I post a sample of data and my current code below along with my queries:&lt;/p&gt;
&lt;pre&gt;&lt;code&gt;Angle
0.65454759
0.01355458
0.5052027
0.2264302
-0.350552
-0.428481
0.1231778
0.258787
0.06723504
0.06906181
2.54608572
-1.6591672
3.00437314
-0.0503291
-0.828578
-1.9616418
-0.6468774
0.01438686
0.1162713
0.9938797
0.1861583
0.1547071
0.2577813
0.5110576
0.08714113
&lt;/code&gt;&lt;/pre&gt;
&lt;p&gt;These data are radian turning angles. Using the &lt;code&gt;circular&lt;/code&gt; package I make this data a vector of class &lt;code&gt;circular&lt;/code&gt;: &lt;/p&gt;
&lt;pre&gt;&lt;code&gt;x &amp;lt;- circular(Angle)
&lt;/code&gt;&lt;/pre&gt;
&lt;p&gt;Then draw a rose diagram using the following code where it plots the diagram in degrees and not radians:&lt;/p&gt;
&lt;pre&gt;&lt;code&gt;rose.diag(x, pch = 16, cex = 1, axes = TRUE, shrink = 1, col=3, prop = 2, 
    bins=36, upper=TRUE, ticks=TRUE, units="degrees")
&lt;/code&gt;&lt;/pre&gt;
&lt;p&gt;There are 3 things I would like to add to this plot:&lt;/p&gt;
&lt;ol&gt;
&lt;li&gt;Change the plot orientation so that 0 is at the top and not on the right.&lt;/li&gt;
&lt;li&gt;Add concentric circles to the plot to help with visual interpretation of the size and weight of each of the "bins".&lt;/li&gt;
&lt;li&gt;Add a line to identify the mean angle (with sd error bars if possible)&lt;/li&gt;
&lt;/ol&gt;</t>
  </si>
  <si>
    <t>2012-11-17 09:01:14.280000+00:00</t>
  </si>
  <si>
    <t>2014-02-10 12:49:50.530000+00:00</t>
  </si>
  <si>
    <t>r|ggplot2|circular|rose-diagram</t>
  </si>
  <si>
    <t>EXT JS 4.2 Grid - Automatically check selection model checkbox</t>
  </si>
  <si>
    <t>&lt;p&gt;I have an EXT JS 4.2 Grid 5 columns, the 2 far right columns (1 a checkbox and 1 a radio) are not part of the EXT selection model but when one of those items are checked I would like the selection checkbox on the far left to always get selected by default.&lt;/p&gt;
&lt;p&gt;Right now in my grid if I select 'Full' or 'Primary' the main selection checkbox is not getting selected by default, I would like it to if possible.&lt;/p&gt;
&lt;p&gt;Here is my grid:
&lt;img src="https://i.stack.imgur.com/XVuuu.png" alt="enter image description here"&gt;&lt;/p&gt;
&lt;p&gt;Here is my code:&lt;/p&gt;
&lt;pre&gt;&lt;code&gt;Ext.require([
'Ext.grid.*',
'Ext.data.*',
'Ext.selection.CheckboxModel'
]);
Ext.onReady(function(){
Ext.QuickTips.init();
// Data store
var data =  Ext.create('Ext.data.JsonStore', {
    autoLoad: true,
    fields: [ 'name', 'market', 'expertise', 'id', 'isFull', 'isPrimary'],
    proxy: {
        type: 'ajax',
        url: '/opsLibrary/getLibraryJson'
    },
    sorters: [{
        property: 'market',
        direction: 'ASC'
    }, {
        property: 'expertise',
        direction: 'ASC'
    }]
});
// Selection model
var selModel = Ext.create('Ext.selection.CheckboxModel', {
    columns: [
        {xtype : 'checkcolumn', text : 'Active', dataIndex : 'id'}
        ],
    checkOnly: true,
    mode: 'multi',
    enableKeyNav: false,
    listeners: {
        selectionchange: function(value, meta, record, row, rowIndex, colIndex){
            var selectedRecords = grid4.getSelectionModel().getSelection();
            var selectedParams = [];
            // Clear input and reset vars
            $('#selected-libraries').empty();
            var record = null;
            var isFull = null;
            var isPrimary = null;
            // Loop through selected records
            for(var i = 0, len = selectedRecords.length; i &amp;lt; len; i++){
                record = selectedRecords[i];
                // Is full library checked?
                isFull = record.get('isFull');
                // Is this primary library?
                isPrimary = record.get('isPrimary');
                // Build data object
                selectedParams.push({
                    id: record.getId(),
                    full: isFull,
                    primary: isPrimary
                });
            }
            // JSON encode object and set hidden input
            $('#selected-libraries').val(JSON.stringify(selectedParams));
}}
});
// Render library grid
var grid4 = Ext.create('Ext.grid.Panel', {
    xtype: 'gridpanel',
    id:'button-grid',
    store: data,
    forceSelection : false,
    autocomplete: false,
    typeAhead: false,
    columns: [
        {text: "Library", width: 170, sortable: true, dataIndex: 'name'},
        {text: "Market", width: 125, sortable: true, dataIndex: 'market'},
        {text: "Expertise", width: 125, sortable: true, dataIndex: 'expertise'},
        {text: 'Full', dataIndex:'isFull', stopSelection: false, width: 72,
            renderer: function (value, meta, record) {
                return '&amp;lt;center&amp;gt;&amp;lt;input type="checkbox" name="checkbox"' + (value ? 'checked' : '') + ' onclick="var s = Ext.getCmp(\'button-grid\').store; s.getAt(s.findExact(\'id\',\'' + record.get('id') + '\')).set(\'isFull\', this.value)"'
            }},
        {text: 'Primary', dataIndex:'isPrimary', stopSelection: false, width: 72,
            renderer: function(value, meta, record)
            {
                return '&amp;lt;center&amp;gt;&amp;lt;input type="radio" name="radio" ' + (value ? 'checked' : '') + ' onclick="var s = Ext.getCmp(\'button-grid\').store; s.getAt(s.findExact(\'id\',\'' + record.get('id') + '\')).set(\'isPrimary\', this.value)"'
            }},
    ],
    columnLines: false,
    selModel: selModel,
    width: 600,
    height: 300,
    frame: true,
    title: 'Available Libraries',
    iconCls: 'icon-grid',
    renderTo: Ext.get('library-grid')
});
&lt;/code&gt;&lt;/pre&gt;
&lt;p&gt;});&lt;/p&gt;</t>
  </si>
  <si>
    <t>2013-08-20 16:22:37.703000+00:00</t>
  </si>
  <si>
    <t>2013-08-21 14:54:10.087000+00:00</t>
  </si>
  <si>
    <t>2013-08-20 20:30:53.037000+00:00</t>
  </si>
  <si>
    <t>extjs|extjs4.2|extjs-grid</t>
  </si>
  <si>
    <t>How can get returned values from jquery $.get?</t>
  </si>
  <si>
    <t>&lt;p&gt;Bellow is my code. It works now, but if I delete the following line alert(currentIntervalPosition+"__1"); from the getIncidentTime function, the code will not work, and I need to delete that line. When I say the code doesn't work, means that in the initializeVideoInformation function, after getIncidentTime call, variable currentIntervalPosition is undefined.
How can I access the returned data?&lt;/p&gt;
&lt;pre&gt;&lt;code&gt;   function initializeVideoInformation(json) {
        $.each(json, function(idx, obj) {
            if (obj) {
                var result = obj.timeStamp.split(" ");
                var dateFolder = result[0].replace(/-/g, "_");
                var videoName = result[1].substr(0, 2);
                var videoFileWithPath =  "/video/"+dateFolder+"/"+videoName;
                var syncFile = videoFileWithPath + ".sync";
                videoFileWithPath += ".mp4";
                var currentIntervalPosition = getIncidentTime(syncFile, result[1]);
                getVideoScreenShot(videoFileWithPath, currentIntervalPosition, idx);
            }
        });
    }
    function getIncidentTime(syncFile, incidentTime) {
        var currentIntervalPosition;
        $.get(syncFile, function(json) {
            var fileContent = JSON.parse(json);
            var fps = fileContent.fps;
            var frames = fileContent.frames;
            var syncData = [];
            for (var index=0; index&amp;lt;frames.length; index++) {
                syncData[index] = timeToMillies(frames[index].t);
            }
            var jumpTime = timeToMillies(incidentTime);
            var BinaryIndex = BinarySearch(jumpTime, syncData);
            var currentTime = (1 + BinaryIndex) / 25 + 0.0001;    // fps
            var frameNo = Math.floor(25*currentTime) - 1;   //fps
            currentIntervalPosition = syncData[frameNo];
        });
        alert(currentIntervalPosition+"__1");
        return currentIntervalPosition;
    }
&lt;/code&gt;&lt;/pre&gt;</t>
  </si>
  <si>
    <t>2015-11-24 10:47:03.587000+00:00</t>
  </si>
  <si>
    <t>jquery|get|jquery-get</t>
  </si>
  <si>
    <t>Inline XSD schema into an XML document</t>
  </si>
  <si>
    <t>&lt;p&gt;I wondering if there's a way to define xsd schema directly into an xml document.
I see somthing like this write on MSXML &lt;/p&gt;
&lt;pre&gt;&lt;code&gt;&amp;lt;?xml version="1.0"?&amp;gt;
&amp;lt;catalog xmlns:xsd="http://www.w3.org/2001/XMLSchema" 
         xmlns:x="urn:book"&amp;gt; 
&amp;lt;!-- START OF SCHEMA --&amp;gt;
&amp;lt;xsd:schema targetNamespace="urn:book"&amp;gt;
 &amp;lt;xsd:element name="book"&amp;gt;
  &amp;lt;xsd:complexType&amp;gt;
    &amp;lt;xsd:sequence&amp;gt;
      &amp;lt;xsd:element name="author" type="xsd:string"/&amp;gt;
      &amp;lt;xsd:element name="title" type="xsd:string"/&amp;gt;
      &amp;lt;xsd:element name="genre" type="xsd:string"/&amp;gt;
      &amp;lt;xsd:element name="price" type="xsd:float"/&amp;gt;
      &amp;lt;xsd:element name="publish_date" type="xsd:date"/&amp;gt;
      &amp;lt;xsd:element name="description" type="xsd:string"/&amp;gt;
    &amp;lt;/xsd:sequence&amp;gt;
    &amp;lt;xsd:attribute name="id" type="xsd:string"/&amp;gt;
  &amp;lt;/xsd:complexType&amp;gt;
 &amp;lt;/xsd:element&amp;gt;
&amp;lt;/xsd:schema&amp;gt;
&amp;lt;!-- END OF SCHEMA --&amp;gt;
   &amp;lt;x:book id="bk101"&amp;gt;
      &amp;lt;author&amp;gt;Gambardella, Matthew&amp;lt;/author&amp;gt;
      &amp;lt;title&amp;gt;XML Developer's Guide&amp;lt;/title&amp;gt;
      &amp;lt;genre&amp;gt;Computer&amp;lt;/genre&amp;gt;
      &amp;lt;price&amp;gt;44.95&amp;lt;/price&amp;gt;
      &amp;lt;publish_date&amp;gt;2000-10-01&amp;lt;/publish_date&amp;gt;
      &amp;lt;description&amp;gt;An in-depth look at creating applications with
      XML.&amp;lt;/description&amp;gt;
   &amp;lt;/x:book&amp;gt;
&amp;lt;/catalog&amp;gt;
&lt;/code&gt;&lt;/pre&gt;
&lt;p&gt;There's something like in standard XML ? &lt;/p&gt;
&lt;p&gt;Just to present you the context, I've got a code that dynamicaly create an XML and his XSD and sent the XML through a one stream. So my goal is to provide the XML with his schema at the same time.&lt;/p&gt;
&lt;p&gt;Any ideas ? Is it possible ? Or the schema MUST be web accessible before sent my XML through my stream ?&lt;/p&gt;
&lt;p&gt;Thanks for your help.&lt;/p&gt;</t>
  </si>
  <si>
    <t>2012-05-09 16:18:48.247000+00:00</t>
  </si>
  <si>
    <t>2012-05-09 16:20:55.523000+00:00</t>
  </si>
  <si>
    <t>Getting Manufacturer Vendor ID for ADB</t>
  </si>
  <si>
    <t>&lt;p&gt;Is there any "universal" vendor ID that I can use so that ADB can detect my China-made Tablet? I can't find the vendor ID of the manufacturer. When I look into Device Manager in Windows the  Vendor is a string and not a number. The device is a Cherry Mobile Fusion Bolt tablet.&lt;/p&gt;</t>
  </si>
  <si>
    <t>2013-07-20 15:23:35.663000+00:00</t>
  </si>
  <si>
    <t>2015-12-17 19:03:35.740000+00:00</t>
  </si>
  <si>
    <t>2015-12-17 18:42:57.397000+00:00</t>
  </si>
  <si>
    <t>android|vendor</t>
  </si>
  <si>
    <t>How can I source files relative to file?</t>
  </si>
  <si>
    <t>&lt;p&gt;I'm trying to split my &lt;code&gt;vimrc&lt;/code&gt; up into multiple files - &lt;code&gt;init.vim&lt;/code&gt;, &lt;code&gt;keybindings.vim&lt;/code&gt;, &lt;code&gt;ui.vim&lt;/code&gt;, etc. - but I can't get Vim to source files relative to &lt;code&gt;init.vim&lt;/code&gt; (it instead sources relative to where I launch Vim from.&lt;/p&gt;
&lt;p&gt;This is what I've got at the top of &lt;code&gt;init.vim&lt;/code&gt;:&lt;/p&gt;
&lt;pre&gt;&lt;code&gt;source keybindings.vim
source ui.vim
&lt;/code&gt;&lt;/pre&gt;
&lt;p&gt;If I run &lt;code&gt;vim&lt;/code&gt; from the same directory as those files, it works fine; if I run it from any other directory, I get the following errors:&lt;/p&gt;
&lt;pre&gt;&lt;code&gt;Error detected while processing /path/to/vimrc:
line 1:
E484: Can't open file keybindings.vim
line 2:
E484: Can't open file ui.vim
Press ENTER or type command to continue
&lt;/code&gt;&lt;/pre&gt;
&lt;p&gt;Edit: It's worth noting that I'm using NixOS, so I don't know what the absolute paths will be, nor if they would be constant if I found out.&lt;/p&gt;</t>
  </si>
  <si>
    <t>2017-10-26 21:57:37.223000+00:00</t>
  </si>
  <si>
    <t>2018-07-03 22:53:26.247000+00:00</t>
  </si>
  <si>
    <t>2017-10-27 07:31:16.700000+00:00</t>
  </si>
  <si>
    <t>Dispose user created bindingContext knockout</t>
  </si>
  <si>
    <t>&lt;p&gt;In our scenario need to create ko template inside js-render template. Need to create grid like item where &lt;/p&gt;
&lt;pre&gt;&lt;code&gt;&amp;lt;tr&amp;gt;
&amp;lt;td&amp;gt;...
&amp;lt;/td&amp;gt;
....
&amp;lt;td&amp;gt;Ko template 
&amp;lt;/td&amp;gt;
&amp;lt;/tr&amp;gt;
&lt;/code&gt;&lt;/pre&gt;
&lt;p&gt;Here we need to create childcontext which is used to render those ko template elements with data. &lt;/p&gt;
&lt;p&gt;How we can dispose the child binding context created ?&lt;/p&gt;
&lt;p&gt;The concept is to have grid like appearance and we bind datasource (records) to table. Inside table we have the ko template, since we need to bind this template with data externally i am creating new binding context for it with data iteration &lt;/p&gt;
&lt;pre&gt;&lt;code&gt; bindingContext = new ko.bindingContext();
        if (!ej.isNullOrUndefined(index)) {
            if (!bindingContext.items)
                bindingContext.items = [];
            bindingContext.items[index] = data;
        } else {
            index = 1;
            bindingContext.items = [data];
        }
&lt;/code&gt;&lt;/pre&gt;
&lt;p&gt;and render it using renderTemplate method&lt;/p&gt;
&lt;pre&gt;&lt;code&gt;for (var i = 0; i &amp;lt; el.length;i++) {
                ko.renderTemplate(template.replace("#", ""), tmpl[template]["bindingContext"]["items"][i], {}, el[i]);
            }
&lt;/code&gt;&lt;/pre&gt;</t>
  </si>
  <si>
    <t>2016-10-18 07:06:14.320000+00:00</t>
  </si>
  <si>
    <t>2016-10-18 08:58:37.510000+00:00</t>
  </si>
  <si>
    <t>javascript|templates|knockout.js|jsrender</t>
  </si>
  <si>
    <t>Git pulled from one branch, edited, now push on a different branch</t>
  </si>
  <si>
    <t>&lt;p&gt;Good day all.
I've pulled the master branch of a project, edited it but now I'd like to push this edits to a brand new branch (and also switch to that branch).&lt;/p&gt;
&lt;p&gt;to be clear, now I'm on:
master&lt;/p&gt;
&lt;p&gt;I'd like to push on a new remote branch, called "investment" (that doesn't exist at this time) and switch on that branch, so later doing a git status it should appear like:&lt;/p&gt;
&lt;p&gt;master&lt;/p&gt;
&lt;p&gt;investment*&lt;/p&gt;
&lt;p&gt;I don't want to push these edits on the master, that branch must remain clean as was in the moment I have pulled.&lt;/p&gt;
&lt;p&gt;is that possible, or I have to clone back everything, change the branch, redo the mods and push?&lt;/p&gt;
&lt;p&gt;EDIT:&lt;/p&gt;
&lt;p&gt;What happens is that I pulled the master, then start to edit, but what I intended to do was to first switch on a new branch THEN edit. Now I'd like to preserv all those modification into a new branch AND have the original (pre modification) master.&lt;/p&gt;</t>
  </si>
  <si>
    <t>2016-12-22 13:01:04.090000+00:00</t>
  </si>
  <si>
    <t>2016-12-23 02:08:14.757000+00:00</t>
  </si>
  <si>
    <t>2016-12-22 16:12:09.817000+00:00</t>
  </si>
  <si>
    <t>git|version-control</t>
  </si>
  <si>
    <t>Call CSS Class instead of inserting Attribute using JQuery (.css())</t>
  </si>
  <si>
    <t>&lt;p&gt;I am building a fixed header with using JQuery&lt;/p&gt;
&lt;p&gt;Everything is working fine at the moment but instead of setting attributes to classes and I want to call them from css directly. I am not quite familiar with this method.&lt;/p&gt;
&lt;p&gt;One of the example is below;&lt;/p&gt;
&lt;pre class="lang-css prettyprint-override"&gt;&lt;code&gt;#header-main {
  background-color: #ffffff;
  min-height: 107px;
  color: #8c8c8c;
}
#header-main .sabit{
position : fixed;
width: 100%;
z-index: 98;
padding-top: 35px;
border-bottom: 3px ridge #7BBD42;
}
&lt;/code&gt;&lt;/pre&gt;
&lt;p&gt;How I am doing is; &lt;strong&gt;&lt;em&gt;(Working)&lt;/em&gt;&lt;/strong&gt;&lt;/p&gt;
&lt;pre&gt;&lt;code&gt;var menu = $('#header-main');
if (...)
    menu.css('position','fixed').css('width','100%').css('z-index','98').css('padding-top','35px').css('border-bottom','3px ridge #7BBD42');
else
    menu.removeAttr('style'); //Back to normal
&lt;/code&gt;&lt;/pre&gt;
&lt;p&gt;What I am doing to achieve what I want; &lt;strong&gt;&lt;em&gt;(Not working)&lt;/em&gt;&lt;/strong&gt;&lt;/p&gt;
&lt;pre&gt;&lt;code&gt;var menu = $('#header-main');
if(...)
    menu.addClass("sabit");
else
    menu.removeClass("sabit"); //Back to normal
&lt;/code&gt;&lt;/pre&gt;
&lt;p&gt;I also tried &lt;code&gt;menu.addClass(".sabit");&lt;/code&gt; or &lt;code&gt;menu.addClass("#header-main .sabit");&lt;/code&gt; but none of them worked. &lt;/p&gt;
&lt;p&gt;What part am I doing wrong to add directly css class using JQuery?&lt;/p&gt;</t>
  </si>
  <si>
    <t>2015-03-18 10:41:12.763000+00:00</t>
  </si>
  <si>
    <t>2015-03-18 10:45:48.047000+00:00</t>
  </si>
  <si>
    <t>Can't upload a html file by dropping</t>
  </si>
  <si>
    <t>&lt;p&gt;I try to upload a html file to my server by clicking a button and dropping file into a div.
While i click a button its work fine but in case of drop its not working.&lt;/p&gt;
&lt;p&gt;My HTML&lt;/p&gt;
&lt;pre&gt;&lt;code&gt;&amp;lt;div class="UploadPnl" id="UploadPnl"&amp;gt;
&amp;lt;span id="tempUpload" class="glyphicon glyphicon-upload uploadIcon"&amp;gt;&amp;lt;br&amp;gt;&amp;lt;/span&amp;gt;
&amp;lt;p class="uploadIcon"&amp;gt;Upload&amp;lt;/p&amp;gt;
&amp;lt;input id="inputUpload" type="file" class="file" name="files[]"
    data-preview-file-type="text" style="display: none" accept=".html"&amp;gt;
&lt;/code&gt;&lt;/pre&gt;
&lt;p&gt;&lt;/p&gt;
&lt;p&gt;My Jquery:&lt;/p&gt;
&lt;pre&gt;&lt;code&gt;$( "#UploadPnl" ).droppable({
      drop: function( e, ui ) {
         e.preventDefault();
         e.stopPropagation();
         $(this).css('border', '2px dotted #0B85A1'); 
         var files = e.originalEvent.dataTransfer.files;
         //We need to send dropped files to Server
         alert(files[0]);
      }
    });
&lt;/code&gt;&lt;/pre&gt;
&lt;p&gt;Thanks for your help in advance.&lt;/p&gt;</t>
  </si>
  <si>
    <t>2016-04-04 05:35:14.663000+00:00</t>
  </si>
  <si>
    <t>2016-04-04 08:05:02.347000+00:00</t>
  </si>
  <si>
    <t>2016-04-04 07:15:38.600000+00:00</t>
  </si>
  <si>
    <t>jquery|html|jquery-ui|drag-and-drop</t>
  </si>
  <si>
    <t>Uploading my ios app to the app store?</t>
  </si>
  <si>
    <t>&lt;p&gt;Hi guys i was wondering why app loader keeps doing this. i filled out all the necessary information about the app and it appears in itunes connect ( manage my applications ). And it says ( prepare for upload ) below the app in itunes connect. but when i start app loader it says i dont have any eligible applications for upload. can anyone help ? &lt;/p&gt;</t>
  </si>
  <si>
    <t>2011-02-23 04:09:17.640000+00:00</t>
  </si>
  <si>
    <t>2011-02-23 04:20:01.417000+00:00</t>
  </si>
  <si>
    <t>ios|upload</t>
  </si>
  <si>
    <t>Generated AssembyInfo-file causes Multilingual-App-Toolkit to reset translations</t>
  </si>
  <si>
    <t>&lt;p&gt;When building our .Net application (Target Framework net461), MSBuild generates the  AssemblyInfo files like: &lt;/p&gt;
&lt;pre&gt;&lt;code&gt;[ApplicationName]_[randomHash]_wpftmp.AssemblyInfo.cs.
&lt;/code&gt;&lt;/pre&gt;
&lt;p&gt;Additionally we are using MultilingualAppToolkit which references the *.resx file of the project &lt;/p&gt;
&lt;pre&gt;&lt;code&gt;...original="[ApplicationName]/PROPERTIES/RESOURCES.RESX" 
&lt;/code&gt;&lt;/pre&gt;
&lt;p&gt;in the translation file (*.de.xlf). But this path is replaced by &lt;/p&gt;
&lt;pre&gt;&lt;code&gt;...original="[ApplicationName]_[randomHash]_wpftmp/PROPERTIES/RESOURCES.RESX") 
&lt;/code&gt;&lt;/pre&gt;
&lt;p&gt;and therefore all translations (*.de.resx) are resetted, because they are not existing in the new namespace. &lt;/p&gt;
&lt;p&gt;Is there any workaround to avoid replacing the "original"-references in the *.xlf file?&lt;/p&gt;</t>
  </si>
  <si>
    <t>2018-09-25 07:08:28.197000+00:00</t>
  </si>
  <si>
    <t>2018-09-26 09:57:02.007000+00:00</t>
  </si>
  <si>
    <t>c#|msbuild|resx|multilingual-app-toolkit</t>
  </si>
  <si>
    <t>byte[] to string conversion</t>
  </si>
  <si>
    <t>&lt;p&gt;Hiii,&lt;/p&gt;
&lt;p&gt;I am using Gearman to handle communication between PHP and java. I am trying to send array from PHP using json_encode to java worker.
At php Side:&lt;/p&gt;
&lt;pre&gt;&lt;code&gt;public function test()
{
    $test = $this-&amp;gt;serviceManager-&amp;gt;get('test\Model\test');
    //print_r($test);exit;
    $message = array(
        'to'        =&amp;gt;  'abhi',
        'message'   =&amp;gt;  'this is a test',
    );
    $test-&amp;gt;sendtoJavaWorker(json_encode($message));
}
&lt;/code&gt;&lt;/pre&gt;
&lt;p&gt;At java side:&lt;/p&gt;
&lt;pre&gt;&lt;code&gt;@Override
public byte[] work(String function, byte[] data, GearmanFunctionCallback callback) throws Exception {
    String json = new String(data, "UTF-8");
    JSONObject jsonObject = new JSONObject(String.valueOf(json)); 
    String to = (String) jsonObject.get("to");
    return data;
}
&lt;/code&gt;&lt;/pre&gt;
&lt;p&gt;Now I am getting json value as shown in picture like ""{\"to\":\"abhi\",\"message\":\"this is a test\"}"". Can someone help.&lt;/p&gt;
&lt;p&gt;&lt;img src="https://i.stack.imgur.com/Glxoy.png" alt="enter image description here"&gt;&lt;/p&gt;
&lt;p&gt;For time being, I m fixing this by using this code&lt;/p&gt;
&lt;pre&gt;&lt;code&gt;String json = new String(data);
    json = json.toString().replace("\\", "");
    StringBuilder sb = new StringBuilder(json);
    sb.deleteCharAt(0);
    sb.deleteCharAt(sb.length()-1);
    json = sb.toString();
    System.out.println(json);
&lt;/code&gt;&lt;/pre&gt;
&lt;p&gt;And then I am getting answer like:&lt;/p&gt;
&lt;p&gt;&lt;img src="https://i.stack.imgur.com/GPGy9.png" alt="enter image description here"&gt;&lt;/p&gt;</t>
  </si>
  <si>
    <t>2014-11-28 07:09:50.967000+00:00</t>
  </si>
  <si>
    <t>2014-11-28 08:18:51.427000+00:00</t>
  </si>
  <si>
    <t>2014-11-28 07:21:24.923000+00:00</t>
  </si>
  <si>
    <t>java|php|gearman</t>
  </si>
  <si>
    <t>Weblogic scripting tool beginRepositorySession() fails</t>
  </si>
  <si>
    <t>&lt;p&gt;I'm trying to use oracle's OWSM to secure my application. And i have scripts to create policies and authenticators. And when i try to run those script it fails at very first line, which is&lt;/p&gt;
&lt;pre&gt;&lt;code&gt; beginRepositorySession()
&lt;/code&gt;&lt;/pre&gt;
&lt;p&gt;I'm getting the following error:&lt;/p&gt;
&lt;pre&gt;&lt;code&gt; "The MBean ,@ oracle.wsm:*,name=WSMDocumentManager,type=Repository was not found"
&lt;/code&gt;&lt;/pre&gt;
&lt;p&gt;After going through some links i found that this error occur when i try to execute the wlst.sh from wrong location. But i'm executing it from the Oracle_common and still i'm getting this error. &lt;/p&gt;
&lt;p&gt;Any idea.. why is this occurring? Is this some setup issue? or i need to do add some code before executing this &lt;strong&gt;beginRepositorySession&lt;/strong&gt; ?&lt;/p&gt;
&lt;p&gt;My wlst.sh location is &lt;/p&gt;
&lt;pre&gt;&lt;code&gt; $ORACLE_MIDDLEWARE/oracle_common/common/bin/wlst.sh
&lt;/code&gt;&lt;/pre&gt;
&lt;p&gt;Thank You.&lt;/p&gt;
&lt;p&gt;complete Exception trace :&lt;/p&gt;
&lt;pre&gt;&lt;code&gt;wls:/myOWSM/serverConfig&amp;gt; beginRepositorySession()
Location changed to domainRuntime tree. This is a read-only tree with DomainMBean as the root. 
For more help, use help(domainRuntime)
Traceback (innermost last):
File "&amp;lt;console&amp;gt;", line 1, in ?
File "$ORACLE_MIDDLEWARE/oracle_common/common/wlst/wsmManage.py", line 172, in beginRepositorySession
File "$ORACLE_MIDDLEWARE/oracle_common/common/wlst/lib/ora_util.py", line 51, in raiseScriptingException
OracleScriptingException: The MBean oracle.wsm:*,name=WSMDocumentManager,type=Repository was not found.
&lt;/code&gt;&lt;/pre&gt;</t>
  </si>
  <si>
    <t>2015-03-26 19:49:42.493000+00:00</t>
  </si>
  <si>
    <t>2017-05-31 12:28:42.803000+00:00</t>
  </si>
  <si>
    <t>2015-03-27 06:21:06.203000+00:00</t>
  </si>
  <si>
    <t>oracle|weblogic11g|wlst|rcu</t>
  </si>
  <si>
    <t>Reading XML with Retrofit2</t>
  </si>
  <si>
    <t>&lt;p&gt;I'm trying to read a XML response from a webpage using Retrofit2 and SimpleXmlConverterFactory:&lt;/p&gt;
&lt;pre&gt;&lt;code&gt;Retrofit retrofit = new Retrofit.Builder()
                    .baseUrl("http://www.somesite.com/")
                    .addConverterFactory(SimpleXmlConverterFactory.create())
                    .build();
            sicaeService = retrofit.create(SicaeRequests.class);
&lt;/code&gt;&lt;/pre&gt;
&lt;p&gt;The response is a very complex xml.&lt;/p&gt;
&lt;p&gt;Note: Please ignore the "-Deleted -" fields. Even though the information on the webpage is open to all, I didn't want to expose any sensitive information, in case there was any.&lt;/p&gt;
&lt;pre&gt;&lt;code&gt;&amp;lt;!DOCTYPE html PUBLIC "-//W3C//DTD XHTML 1.0 Transitional//EN" "http://www.w3.org/TR/xhtml1/DTD/xhtml1-transitional.dtd"&amp;gt;
&amp;lt;html xmlns="http://www.w3.org/1999/xhtml" xml:lang="pt" lang="pt"&amp;gt;
    &amp;lt;head&amp;gt;
        &amp;lt;link rel="stylesheet" media="all" type="text/css" href="all.css" /&amp;gt;
        &amp;lt;link rel="icon" type="image/x-icon" href="images/favicon.ico" /&amp;gt;
        &amp;lt;title&amp;gt;
     -Deleted - 
&amp;lt;/title&amp;gt;
        &amp;lt;meta name="description" content=" -Deleted - " /&amp;gt;
    &amp;lt;/head&amp;gt;
    &amp;lt;body&amp;gt;
        &amp;lt;a name="topo"&amp;gt;&amp;lt;/a&amp;gt;
        &amp;lt;form name="aspnetForm" method="post" action="Consulta.aspx" id="aspnetForm"&amp;gt;
            &amp;lt;div&amp;gt;
                &amp;lt;input type="hidden" name="__VIEWSTATE" id="__VIEWSTATE" value=" -Deleted - " /&amp;gt;
            &amp;lt;/div&amp;gt;
            &amp;lt;a href="#fundo" style="visibility:hidden"&amp;gt;fundo&amp;lt;/a&amp;gt;
            &amp;lt;div style="width: 1000px;"&amp;gt;
                &amp;lt;div id="container"&amp;gt;
                    &amp;lt;div id="header"&amp;gt;
                        &amp;lt;strong class="logo"&amp;gt;
                            &amp;lt;a href="Default.aspx"&amp;gt;SICAE&amp;lt;/a&amp;gt;
                        &amp;lt;/strong&amp;gt;
                        &amp;lt;div class="header-box"&amp;gt;
                            &amp;lt;ul&amp;gt;
                                &amp;lt;li&amp;gt;
                                    &amp;lt;a id="ctl00_LnkBtnLanguage" href="javascript:__doPostBack(&amp;amp;#39;ctl00$LnkBtnLanguage&amp;amp;#39;,&amp;amp;#39;&amp;amp;#39;)"&amp;gt;English Version&amp;lt;/a&amp;gt;
                                &amp;lt;/li&amp;gt;
                            &amp;lt;/ul&amp;gt;
                            &amp;lt;div class="mask"&amp;gt;&amp;amp;nbsp;&amp;lt;/div&amp;gt;
                        &amp;lt;/div&amp;gt;
                    &amp;lt;/div&amp;gt;
                &amp;lt;/div&amp;gt;
                &amp;lt;div id="main"&amp;gt;
                    &amp;lt;div class="sidebar"&amp;gt;
                        &amp;lt;ul&amp;gt;
                            &amp;lt;li&amp;gt;
                                &amp;lt;a id="ctl00_iniciohl" href="Default.aspx"&amp;gt;In��cio&amp;lt;/a&amp;gt;
                            &amp;lt;/li&amp;gt;
                            &amp;lt;li&amp;gt;
                                &amp;lt;a id="ctl00_consultachl" href="Consulta.aspx"&amp;gt; -Deleted - &amp;lt;/a&amp;gt;
                            &amp;lt;/li&amp;gt;
                            &amp;lt;li&amp;gt;
                                &amp;lt;a id="ctl00_lteracaoh1" href="Alteracao.aspx"&amp;gt; -Deleted - &amp;lt;/a&amp;gt;
                            &amp;lt;/li&amp;gt;
                            &amp;lt;li&amp;gt;
                                &amp;lt;a id="ctl00_notificacaochl" href="Notificacoes.aspx"&amp;gt;Notifica����o&amp;lt;/a&amp;gt;
                            &amp;lt;/li&amp;gt;
                            &amp;lt;li&amp;gt;
                                &amp;lt;a id="ctl00_faqshl" href="faqs.aspx"&amp;gt;Perguntas frequentes&amp;lt;/a&amp;gt;
                            &amp;lt;/li&amp;gt;
                            &amp;lt;li&amp;gt;
                                &amp;lt;a id="ctl00_legislacaohl" href="Legislacao.aspx"&amp;gt;Legisla����o&amp;lt;/a&amp;gt;
                            &amp;lt;/li&amp;gt;
                            &amp;lt;li&amp;gt;
                                &amp;lt;a id="ctl00_contactoshl" href="Contactos.aspx"&amp;gt;Contactos&amp;lt;/a&amp;gt;
                            &amp;lt;/li&amp;gt;
                            &amp;lt;li&amp;gt;
                                &amp;lt;a id="ctl00_linkshl" href="Links.aspx"&amp;gt;Links&amp;lt;/a&amp;gt;
                            &amp;lt;/li&amp;gt;
                        &amp;lt;/ul&amp;gt;
                        &amp;lt;a href="Contactos.aspx" target="_self" class="ads"&amp;gt;LINHA&amp;lt;/a&amp;gt;
                        &amp;lt;div class="visitcounter"&amp;gt;Visitas
                            &amp;lt;br /&amp;gt;
                            &amp;lt;img src="http://c.statcounter.com/10532297/0/4d4d6334/0/" border="0" alt="Visitas" /&amp;gt;
                        &amp;lt;/div&amp;gt;
                    &amp;lt;/div&amp;gt;
                &amp;lt;/div&amp;gt;
                &amp;lt;div class="caixaPrincipal"&amp;gt;
                    &amp;lt;div&amp;gt;
                        &amp;lt;div id="ctl00_MainContent_Panel1" class="form"&amp;gt;
                            &amp;lt;h1&amp;gt;
                                &amp;lt;span id="ctl00_MainContent_lblTitle" class="titulos floatLeft"&amp;gt;Consultas&amp;lt;/span&amp;gt;
                            &amp;lt;/h1&amp;gt;
                            &amp;lt;div style="float: left; margin-left: 7px; margin-top: 3px; cursor: pointer;"&amp;gt;
                                &amp;lt;img id="ctl00_MainContent_conscaeinfo" title=" -Deleted - " src="images/help.gif" style="border-width:0px;" /&amp;gt;
                            &amp;lt;/div&amp;gt;
                            &amp;lt;div class="middleDiv"&amp;gt;
                                &amp;lt;table class="floatLeft" style="margin-top:10px; margin-left:5px;"&amp;gt;
                                    &amp;lt;tr&amp;gt;
                                        &amp;lt;td&amp;gt;
                    &amp;lt;/td&amp;gt;
                                    &amp;lt;/tr&amp;gt;
                                    &amp;lt;tr&amp;gt;
                                        &amp;lt;td&amp;gt;
                                            &amp;lt;span id="ctl00_MainContent_lblFirma" class="letras"&amp;gt;Firma/Denomina����o&amp;lt;/span&amp;gt;
                                        &amp;lt;/td&amp;gt;
                                        &amp;lt;td&amp;gt;
                                            &amp;lt;input name="ctl00$MainContent$ipFirma" type="text" id="ctl00_MainContent_ipFirma" size="43" maxlength="160" class="text" value="sentilant" /&amp;gt;
                                        &amp;lt;/td&amp;gt;
                                    &amp;lt;/tr&amp;gt;
                                    &amp;lt;tr&amp;gt;
                                        &amp;lt;td&amp;gt;
                                            &amp;lt;span id="ctl00_MainContent_lblNIPC" class="letras"&amp;gt;NIPC&amp;lt;/span&amp;gt;
                                        &amp;lt;/td&amp;gt;
                                        &amp;lt;td&amp;gt;
                                            &amp;lt;input name="ctl00$MainContent$ipNipc" type="text" id="ctl00_MainContent_ipNipc" maxlength="9" size="9" class="text" /&amp;gt;
                                        &amp;lt;/td&amp;gt;
                                    &amp;lt;/tr&amp;gt;
                                    &amp;lt;tr&amp;gt;
                                        &amp;lt;td&amp;gt;
                                            &amp;lt;span id="ctl00_MainContent_lblCAE" class="letras"&amp;gt; -Deleted - &amp;lt;/span&amp;gt;
                                        &amp;lt;/td&amp;gt;
                                        &amp;lt;td&amp;gt;
                                            &amp;lt;input name="ctl00$MainContent$ipCae" type="text" id="ctl00_MainContent_ipCae" maxlength="5" size="5" class="text" /&amp;gt;
                                            &amp;lt;input id="ctl00_MainContent_chbCae" type="checkbox" name="ctl00$MainContent$chbCae" /&amp;gt;
                                            &amp;lt;span id="ctl00_MainContent_lblchboxCae" class="chboxCae"&amp;gt; -Deleted - &amp;lt;/span&amp;gt;
                                        &amp;lt;/td&amp;gt;
                                    &amp;lt;/tr&amp;gt;
                                    &amp;lt;tr&amp;gt;
                                        &amp;lt;td&amp;gt;
                    &amp;lt;/td&amp;gt;
                                        &amp;lt;td&amp;gt;
                                            &amp;lt;a id="ctl00_MainContent_linkcaerev3" class="letras" href="http://smi.ine.pt/Categoria/Parent/554?lang=PT" target="_blank"&amp;gt; -Deleted - &amp;lt;/a&amp;gt;
                                        &amp;lt;/td&amp;gt;
                                    &amp;lt;/tr&amp;gt;
                                &amp;lt;/table&amp;gt;
                                &amp;lt;div class="clearBoth"&amp;gt;
            &amp;lt;/div&amp;gt;
                                &amp;lt;div id="ctl00_MainContent_panelBtnsPesquisa" class="row"&amp;gt;
                                    &amp;lt;input type="submit" name="ctl00$MainContent$btnLimpas" value="Limpar" id="ctl00_MainContent_btnLimpas" class="button" /&amp;gt;
                                    &amp;lt;input type="submit" name="ctl00$MainContent$btnPesquisa" value="Pesquisar" onclick="this.value=&amp;amp;#39;Aguarde&amp;amp;#39;;" id="ctl00_MainContent_btnPesquisa" class="button" /&amp;gt;
                                &amp;lt;/div&amp;gt;
                            &amp;lt;/div&amp;gt;
                        &amp;lt;/div&amp;gt;
                        &amp;lt;table class="gridMain" cellspacing="0" border="0" id="ctl00_MainContent_ConsultaDataGrid" style="border-collapse:collapse;text-align: center"&amp;gt;
                            &amp;lt;tr class="gridHeader"&amp;gt;
                                &amp;lt;td&amp;gt; -Deleted - &amp;lt;/td&amp;gt;
                                &amp;lt;td&amp;gt; -Deleted - &amp;lt;/td&amp;gt;
                                &amp;lt;td&amp;gt; -Deleted - &amp;lt;/td&amp;gt;
                                &amp;lt;td&amp;gt; -Deleted - &amp;lt;/td&amp;gt;
                                &amp;lt;td&amp;gt; -Deleted - &amp;lt;/td&amp;gt;
                            &amp;lt;/tr&amp;gt;
                            &amp;lt;tr&amp;gt;
                                &amp;lt;td&amp;gt;510665500&amp;lt;/td&amp;gt;
                                &amp;lt;td class="upperFirma"&amp;gt;
                                    &amp;lt;div style="cursor: pointer;" title="S -Deleted - "&amp;gt; -Deleted - &amp;lt;/div&amp;gt;
                                &amp;lt;/td&amp;gt;
                                &amp;lt;td&amp;gt;
                                    &amp;lt;div style="cursor: pointer;" title=" -Deleted - "&amp;gt;
                        62010&amp;lt;/div&amp;gt;
                                &amp;lt;/td&amp;gt;
                                &amp;lt;td class="centerCae"&amp;gt;
                                    &amp;lt;div style="cursor: pointer; float: left; padding-left:50px;" title=" -Deleted - "&amp;gt;
                        62020,&amp;lt;/div&amp;gt;
                                    &amp;lt;div style="cursor: pointer; float: left; padding-left:15px;" title=" -Deleted - "&amp;gt;
                        63110,&amp;lt;/div&amp;gt;
                                    &amp;lt;div style="cursor: pointer; float: left; padding-left:15px;" title=" -Deleted - "&amp;gt;
                        74900&amp;lt;/div&amp;gt;
                                &amp;lt;/td&amp;gt;
                                &amp;lt;td&amp;gt;
                                    &amp;lt;div style="cursor: pointer; float: left; padding-left:15px;" title=" -Deleted - "&amp;gt;
                                        &amp;lt;a target="_self" href='Detalhe.aspx?NIPC=510665500' &amp;gt;  -Deleted - &amp;lt;/a&amp;gt;
                                    &amp;lt;/div&amp;gt;
                                &amp;lt;/td&amp;gt;
                            &amp;lt;/tr&amp;gt;
                        &amp;lt;/table&amp;gt;
                        &amp;lt;div id="ctl00_MainContent_Footer" class="divboxnpaginabtnpaginas"&amp;gt;
                            &amp;lt;span id="ctl00_MainContent_lblpagecount" class="lblnpaginas"&amp;gt;P��gina 1 de 1&amp;lt;/span&amp;gt;
                        &amp;lt;/div&amp;gt;
                    &amp;lt;/div&amp;gt;
                &amp;lt;/div&amp;gt;
                &amp;lt;div id="ctl00_PtLINKS"&amp;gt;
                    &amp;lt;ul class="ads-list"&amp;gt;
                        &amp;lt;li&amp;gt;
                            &amp;lt;a href="http://www.mj.gov.pt" target="_blank"&amp;gt;
                                &amp;lt;img src="images/site_links/logo_mj.png" alt=" -Deleted - " height="35" /&amp;gt;
                            &amp;lt;/a&amp;gt;
                        &amp;lt;/li&amp;gt;
                        &amp;lt;li&amp;gt;
                            &amp;lt;a href="http://www.e-financas.gov.pt" target="_blank"&amp;gt;
                                &amp;lt;img src="images/site_links/logo_mf.jpg" alt=" -Deleted - " /&amp;gt;
                            &amp;lt;/a&amp;gt;
                        &amp;lt;/li&amp;gt;
                        &amp;lt;li&amp;gt;
                            &amp;lt;a href="http://www.ine.pt" target="_blank"&amp;gt;
                                &amp;lt;img src="images/site_links/logo_ine.gif" alt=" -Deleted - " /&amp;gt;
                            &amp;lt;/a&amp;gt;
                        &amp;lt;/li&amp;gt;
                        &amp;lt;li&amp;gt;
                            &amp;lt;a href="http://cse.ine.pt" target="_blank"&amp;gt;
                                &amp;lt;img src="images/site_links/logo_cse.gif" alt=" -Deleted - " /&amp;gt;
                            &amp;lt;/a&amp;gt;
                        &amp;lt;/li&amp;gt;
                        &amp;lt;li&amp;gt;
                            &amp;lt;a href="http://www.irn.mj.pt" target="_blank"&amp;gt;
                                &amp;lt;img src="images/site_links/logo_irn.jpg" alt=" -Deleted - " /&amp;gt;
                            &amp;lt;/a&amp;gt;
                        &amp;lt;/li&amp;gt;
                        &amp;lt;li&amp;gt;
                            &amp;lt;a href="http://www.igfej.mj.pt" target="_blank"&amp;gt;
                                &amp;lt;img src="images/site_links/logo_igfej.jpg" alt=" -Deleted - " height="35" /&amp;gt;
                            &amp;lt;/a&amp;gt;
                        &amp;lt;/li&amp;gt;
                    &amp;lt;/ul&amp;gt;
                &amp;lt;/div&amp;gt;
            &amp;lt;/div&amp;gt;
            &amp;lt;script type="text/javascript"&amp;gt;
    (function (i, s, o, g, r, a, m) {
        i['GoogleAnalyticsObject'] = r; i[r] = i[r] || function () {
            (i[r].q = i[r].q || []).push(arguments)
        }, i[r].l = 1 * new Date(); a = s.createElement(o),
  m = s.getElementsByTagName(o)[0]; a.async = 1; a.src = g; m.parentNode.insertBefore(a, m)
    })(window, document, 'script', '//www.google-analytics.com/analytics.js', 'ga');
    ga('create', 'UA-36775459-3', 'auto');
    ga('send', 'pageview');
&amp;lt;/script&amp;gt;
            &amp;lt;noscript&amp;gt;Your browser does not support JavaScript!&amp;lt;/noscript&amp;gt;
            &amp;lt;a href="#topo" style="visibility:hidden"&amp;gt;topo&amp;lt;/a&amp;gt;
            &amp;lt;input type="submit" style="visibility:hidden" /&amp;gt;
            &amp;lt;a name="fundo"&amp;gt;&amp;lt;/a&amp;gt;
            &amp;lt;div&amp;gt;
                &amp;lt;input type="hidden" name="__EVENTVALIDATION" id="__EVENTVALIDATION" value=" -Deleted - " /&amp;gt;
            &amp;lt;/div&amp;gt;
        &amp;lt;/form&amp;gt;
    &amp;lt;/body&amp;gt;
&amp;lt;/html&amp;gt;
&lt;/code&gt;&lt;/pre&gt;
&lt;p&gt;I want to reach the numbers 62010, 62020, 63110 and 74900. I never read XML using Retrofit2, so I saw some tutorials and tried to start really simple. Here is my response model:&lt;/p&gt;
&lt;pre&gt;&lt;code&gt;@Root(strict = false)
public class SicaeResponse {
    public SicaeResponse() {
    }
}
&lt;/code&gt;&lt;/pre&gt;
&lt;p&gt;But I always get Retrofit's onFailure response, with a XMLStreamException:&lt;/p&gt;
&lt;pre&gt;&lt;code&gt;06-22 16:23:20.367 23735-23735/com.sentilant.driviantasks E/tbtCaeRetriever: onFailure: javax.xml.stream.XMLStreamException: ParseError at [row,col]:[27,45]
    Message: could not resolve entity named 'nbsp'
&lt;/code&gt;&lt;/pre&gt;
&lt;p&gt;Here is the full stack trace:&lt;/p&gt;
&lt;pre&gt;&lt;code&gt;06-22 16:23:20.367 23735-23735/com.sentilant.driviantasks W/System.err: java.lang.RuntimeException: javax.xml.stream.XMLStreamException: ParseError at [row,col]:[27,45]
06-22 16:23:20.368 23735-23735/com.sentilant.driviantasks W/System.err: Message: could not resolve entity named 'nbsp'
        at retrofit2.converter.simplexml.SimpleXmlResponseBodyConverter.convert(SimpleXmlResponseBodyConverter.java:44)
        at retrofit2.converter.simplexml.SimpleXmlResponseBodyConverter.convert(SimpleXmlResponseBodyConverter.java:23)
06-22 16:23:20.369 23735-23735/com.sentilant.driviantasks W/System.err:     at retrofit2.ServiceMethod.toResponse(ServiceMethod.java:119)
        at retrofit2.OkHttpCall.parseResponse(OkHttpCall.java:218)
        at retrofit2.OkHttpCall$1.onResponse(OkHttpCall.java:112)
        at okhttp3.RealCall$AsyncCall.execute(RealCall.java:141)
        at okhttp3.internal.NamedRunnable.run(NamedRunnable.java:32)
06-22 16:23:20.370 23735-23735/com.sentilant.driviantasks W/System.err:     at java.util.concurrent.ThreadPoolExecutor.runWorker(ThreadPoolExecutor.java:1162)
        at java.util.concurrent.ThreadPoolExecutor$Worker.run(ThreadPoolExecutor.java:636)
        at java.lang.Thread.run(Thread.java:764)
06-22 16:23:20.371 23735-23735/com.sentilant.driviantasks W/System.err: Caused by: javax.xml.stream.XMLStreamException: ParseError at [row,col]:[27,45]
    Message: could not resolve entity named 'nbsp'
        at com.bea.xml.stream.MXParser.nextImpl(MXParser.java:1856)
        at com.bea.xml.stream.MXParser.next(MXParser.java:1333)
        at com.bea.xml.stream.XMLEventReaderBase.parseSome(XMLEventReaderBase.java:200)
06-22 16:23:20.372 23735-23735/com.sentilant.driviantasks W/System.err:     at com.bea.xml.stream.XMLEventReaderBase.nextEvent(XMLEventReaderBase.java:126)
        at org.simpleframework.xml.stream.StreamReader.read(StreamReader.java:110)
        at org.simpleframework.xml.stream.StreamReader.next(StreamReader.java:94)
        at org.simpleframework.xml.stream.NodeReader.readElement(NodeReader.java:121)
        at org.simpleframework.xml.stream.NodeReader.skipElement(NodeReader.java:337)
06-22 16:23:20.373 23735-23735/com.sentilant.driviantasks W/System.err:     at org.simpleframework.xml.stream.InputElement.skip(InputElement.java:245)
        at org.simpleframework.xml.core.Composite.readElement(Composite.java:529)
        at org.simpleframework.xml.core.Composite.readElements(Composite.java:445)
        at org.simpleframework.xml.core.Composite.access$400(Composite.java:59)
        at org.simpleframework.xml.core.Composite$Builder.read(Composite.java:1383)
06-22 16:23:20.374 23735-23735/com.sentilant.driviantasks W/System.err:     at org.simpleframework.xml.core.Composite.read(Composite.java:201)
        at org.simpleframework.xml.core.Composite.read(Composite.java:148)
        at org.simpleframework.xml.core.Traverser.read(Traverser.java:92)
        at org.simpleframework.xml.core.Persister.read(Persister.java:625)
06-22 16:23:20.375 23735-23735/com.sentilant.driviantasks W/System.err:     at org.simpleframework.xml.core.Persister.read(Persister.java:606)
        at org.simpleframework.xml.core.Persister.read(Persister.java:584)
        at org.simpleframework.xml.core.Persister.read(Persister.java:562)
        at retrofit2.converter.simplexml.SimpleXmlResponseBodyConverter.convert(SimpleXmlResponseBodyConverter.java:36)
        ... 9 more
&lt;/code&gt;&lt;/pre&gt;
&lt;p&gt;I tried to mark the respective @Element annoations, setting the @Root to a specific line, and so on, but I could never get past that exception.&lt;/p&gt;
&lt;p&gt;Can you please help me reach the numbers I want?&lt;/p&gt;
&lt;p&gt;I wouldn't mind using something else other than SimpleXmlConverterFactory, if it helps me reach my goal.&lt;/p&gt;
&lt;p&gt;Thank you in advance.&lt;/p&gt;</t>
  </si>
  <si>
    <t>2018-06-22 15:41:31.480000+00:00</t>
  </si>
  <si>
    <t>xml|parsing|retrofit2</t>
  </si>
  <si>
    <t>Creating LLVMTargetMachineRef from C API</t>
  </si>
  <si>
    <t>&lt;p&gt;Digging through the source of &lt;a href="https://github.com/llvm-mirror/llvm/blob/master/tools/llc/llc.cpp" rel="nofollow"&gt;lli&lt;/a&gt; which uses the LLVM C++ API, I can clearly follow, how to construct a TargetMachine (&lt;a href="https://github.com/llvm-mirror/llvm/blob/master/tools/llc/llc.cpp#L342" rel="nofollow"&gt;L342&lt;/a&gt;). It uses the cpu and features strings obtained from calls to the respective support functions (&lt;a href="https://github.com/llvm-mirror/llvm/blob/master/tools/llc/llc.cpp#L322" rel="nofollow"&gt;L322&lt;/a&gt;).&lt;/p&gt;
&lt;p&gt;How is this accomplished using just the C API?&lt;/p&gt;</t>
  </si>
  <si>
    <t>2016-06-21 21:42:38.270000+00:00</t>
  </si>
  <si>
    <t>c|llvm|llvm-c++-api</t>
  </si>
  <si>
    <t>Safari and iPhone not rendering HTML code at all</t>
  </si>
  <si>
    <t>&lt;p&gt;I'm having trouble with a page I'm making on my work and I can't seem to find the solution to it.&lt;/p&gt;
&lt;p&gt;The problem is I have an internet application and it displays correctly on Windows and Mac (using other browser than safari) however it doesn't render on Safari (for Mac users) and it doesn't render at all on any browser while using an iPhone.&lt;/p&gt;
&lt;p&gt;I tried adding the &lt;/p&gt;
&lt;pre&gt;&lt;code&gt;&amp;lt;meta http-equiv="content-type" content="text/html; charset=UTF-8" /&amp;gt;
&lt;/code&gt;&lt;/pre&gt;
&lt;p&gt;line and also on my web controller I have this:&lt;/p&gt;
&lt;pre&gt;&lt;code&gt;response.setContentType("text/html");
request.setCharacterEncoding("UTF-8");
response.setHeader("Content-Type", "text/html");
&lt;/code&gt;&lt;/pre&gt;
&lt;p&gt;And still instead of showing the rendered page all I can see is the HTML code itself.&lt;/p&gt;
&lt;p&gt;Here you can look at my HTML code:&lt;/p&gt;
&lt;pre&gt;&lt;code&gt; &amp;lt;!DOCTYPE html&amp;gt;
&amp;lt;html&amp;gt;
    &amp;lt;head&amp;gt;
        &amp;lt;meta http-equiv="content-type" content="text/html; charset=UTF-8" /&amp;gt;
        &amp;lt;link rel="stylesheet" th:href="@{/css/custom.css}"
              href="../../custom.css" /&amp;gt;                                                                                                                                                                                                                                                                                                                                                                                                                                                                                                                                                                                                                                                               
    &amp;lt;/head&amp;gt;
    &amp;lt;body&amp;gt;
        &amp;lt;div class="content"&amp;gt;
            &amp;lt;img alt="" th:src="@{/img/logo.gif}" /&amp;gt;
            &amp;lt;h1&amp;gt;Hello &amp;lt;/h1&amp;gt;
            &amp;lt;h2&amp;gt;Some other text 
            &amp;lt;/h2&amp;gt;
            &amp;lt;form action="/confirm" method="POST" class="form"&amp;gt;
                &amp;lt;div th:if="${variable1==true}"&amp;gt;&amp;lt;input type="checkbox" name="variable1"/&amp;gt;Option 1&amp;lt;/div&amp;gt;
                &amp;lt;div th:if="${variable2==true}"&amp;gt;&amp;lt;input type="checkbox" name="variable2"/&amp;gt;Option 2&amp;lt;/div&amp;gt;
                &amp;lt;div th:if="${variable3==true}"&amp;gt;&amp;lt;input type="checkbox" name="variable3"/&amp;gt;Option 3&amp;lt;/div&amp;gt;
                &amp;lt;div&amp;gt;&amp;lt;input type="submit" value="Send" /&amp;gt;&amp;lt;/div&amp;gt;
                &amp;lt;input type="hidden" th:name="${_csrf.parameterName}" th:value="${_csrf.token}" /&amp;gt;
                &amp;lt;input type="hidden" th:name="id" th:value="${id}" /&amp;gt;
            &amp;lt;/form&amp;gt;
        &amp;lt;/div&amp;gt;
    &amp;lt;/body&amp;gt;
&amp;lt;/html&amp;gt;
&lt;/code&gt;&lt;/pre&gt;
&lt;p&gt;And here is my controller's get method:&lt;/p&gt;
&lt;pre&gt;&lt;code&gt;@RequestMapping(method = RequestMethod.GET)
    public String home(Map&amp;lt;String, Object&amp;gt; model, HttpServletRequest request, HttpServletResponse response) throws ServletException, IOException {
        response.setContentType("text/html");
        request.setCharacterEncoding("UTF-8");
        response.setHeader("Content-Type", "text/html");
        System.out.println(response.getContentType());//Verifying this has been set
        String id = request.getParameter("id");
        try {
            if(id==null) throw new Exception("Error del ID");
            List&amp;lt;Boolean&amp;gt; yesOrNo = icfi.getSiONo(id);
            model.put("variable1", yesOrNo.get(0));
            model.put("variable2", yesOrNo.get(1));
            model.put("variable3", yesOrNo.get(2));
            model.put("id", id);
            return "index";
        } catch (Exception e) {
            return "error";
        }
    }
&lt;/code&gt;&lt;/pre&gt;
&lt;p&gt;I don't know if it's relevant but I'm using thymeleaf (in case you find the th: attributes disturbing) and Spring.&lt;/p&gt;
&lt;p&gt;I'm adding some of the text I have on the properties file names application.properties:&lt;/p&gt;
&lt;pre&gt;&lt;code&gt;#application.thymeleaf.templatesdir is relative to application path
application.thymeleaf.templatesdir = resources/templates/
application.thymeleaf.cache = false
#Undertow seems to read files only in Windows-1252 enconding.
application.thymeleaf.encoding = Windows-1252
application.thymeleaf.mode = HTML5
application.thymeleaf.content-type = text/html # ;charset=&amp;lt;encoding&amp;gt; is added
application.thymeleaf.suffix = .html
&lt;/code&gt;&lt;/pre&gt;</t>
  </si>
  <si>
    <t>2016-02-22 18:01:15.193000+00:00</t>
  </si>
  <si>
    <t>2016-10-03 19:44:57.317000+00:00</t>
  </si>
  <si>
    <t>2016-02-24 22:28:09.830000+00:00</t>
  </si>
  <si>
    <t>html|ios|iphone|safari|thymeleaf</t>
  </si>
  <si>
    <t>How to upload logo to my fb application?</t>
  </si>
  <si>
    <t>&lt;p&gt;I have an application created in facebook, along with the integration for my existing website.    When users on my website use the facebook connect button and receive the facebook message that "WebsiteABC" will receive the following info:  your public profile, friend list and email address," I need to get my logo updated in the box within that pop up window.&lt;/p&gt;
&lt;p&gt;I'm looking at all of the settings within the app at developers.facebook.com, but cannot find anywhere to upload that logo.  Can someone help please?&lt;/p&gt;
&lt;p&gt;Thanks&lt;/p&gt;</t>
  </si>
  <si>
    <t>2014-06-13 03:51:58.540000+00:00</t>
  </si>
  <si>
    <t>2014-07-25 16:46:09.447000+00:00</t>
  </si>
  <si>
    <t>facebook|image</t>
  </si>
  <si>
    <t>Show alert before confirmation</t>
  </si>
  <si>
    <t>&lt;p&gt;I want to display an alert first and then show the confirmation box.
The alert should only be displayed if the treeview contains childnodes.&lt;/p&gt;
&lt;p&gt;Here is my code so far, the code shows confirmation box first and then alert. Is there any way to switch them around so the alert is shown before confirmation?&lt;/p&gt;
&lt;pre&gt;&lt;code&gt;//shows the confirmation box
    if (!Page.IsPostBack)
                {              
                        btn_save_delete.Attributes.Add("onclick", "return confirm('Deleting the Selected Item will also delete any existing Children under it! Confirm Changes?');");
                   }
&lt;/code&gt;&lt;/pre&gt;
&lt;p&gt;//shows the alert message&lt;/p&gt;
&lt;pre&gt;&lt;code&gt;protected void btn_save_delete_Click(object sender, EventArgs e)
        {
            if (tree_items.SelectedNode.ChildNodes.Count &amp;gt;= 1)
            {
                ScriptManager.RegisterStartupScript(this.tree_items, typeof(string), "Alert", "alert('Message here');", true);
            }
            else
            {
                ScriptManager.RegisterStartupScript(this.tree_items, typeof(string), "Alert", "alert('Message here2');", true);
            }
}
&lt;/code&gt;&lt;/pre&gt;
&lt;p&gt;Thank you&lt;/p&gt;
&lt;p&gt;Further detail:&lt;/p&gt;
&lt;p&gt;I have a tree view and a delete button on the webpage.
The tree view loads with parent nodes and child nodes.
If I click on delete after selecting a parent node with child nodes, it should give me an alert and then a confirmation box. If I select a child node or a parent node without any child nodes then it should only show me the confirmation box.&lt;/p&gt;</t>
  </si>
  <si>
    <t>2011-12-19 17:07:05.593000+00:00</t>
  </si>
  <si>
    <t>2011-12-19 17:41:59.640000+00:00</t>
  </si>
  <si>
    <t>How to offer multiple versions of an API with different database schemas?</t>
  </si>
  <si>
    <t>&lt;p&gt;In Kevin Goldsmith's 2015 talk about &lt;a href="https://youtu.be/7LGPeBgNFuU?t=925" rel="noreferrer"&gt;microservices at Spotify&lt;/a&gt; (from 15:25 - 17:43), he mentions that when they create a new version of an API they just create a new server, and keep the old server running with the old version for as long as there are still clients calling it (in this case, a smart lamp with Spotify embedded on it).&lt;/p&gt;
&lt;p&gt;I am confused about how they would be able to maintain and offer older versions for potentially years, when surely there would be database schema changes during that timeframe?&lt;/p&gt;
&lt;p&gt;I can see a few possible solutions, but none of them seem very reasonable:&lt;/p&gt;
&lt;ol&gt;
&lt;li&gt;Using the same database across all versions, only ever add new tables, and new nullable fields. Never delete fields, nor rename fields, nor set fields to non-nullable, nor delete tables, nor rename tables.&lt;/li&gt;
&lt;li&gt;Using a different database per version, keep each version's data separate.&lt;/li&gt;
&lt;li&gt;Using a different database per version, keep each version's data separate, but write a way to migrate and pass the requests from one version to another, so that each version receives the request with the valid parameters for that version.&lt;/li&gt;
&lt;/ol&gt;
&lt;p&gt;Solution 1 sounds like it would induce way too much code smell, with legacy code everywhere (which Kevin, in my opinion, seems to suggest they certainly do not do).&lt;/p&gt;
&lt;p&gt;Solution 2 sounds like a nightmare to pull data out of for other services, or for reporting. What if the information about an entity that you want is in another version's database than the one you request?&lt;/p&gt;
&lt;p&gt;Solution 3 sounds like more of a nightmare as you would have to write code to migrate a request for your version, to the versions above and below yours. This would mean that you can't just leave the existing (the one currently in production) version as-is when creating a new version, as you would need to add migrations to move the request both forward and backward so that all versions received the correct parameters for the request.&lt;/p&gt;
&lt;p&gt;Hopefully I am just missing something simple here, and there is a magic solution to make this problem easier, but I really cannot see how they could accomplish this?&lt;/p&gt;
&lt;p&gt;Thanks!&lt;/p&gt;</t>
  </si>
  <si>
    <t>2017-06-04 14:44:09.277000+00:00</t>
  </si>
  <si>
    <t>2017-06-05 01:38:32.473000+00:00</t>
  </si>
  <si>
    <t>database|versioning|microservices</t>
  </si>
  <si>
    <t>Qt design and performance issue</t>
  </si>
  <si>
    <t>&lt;p&gt;I am having some troubles while designing a C++ QT application. Among other things, the application displays the beams (or rays) of some lasers (each laser is composed by around 700 segments starting from the same position and spaced by a constant angle, and a small circle at the other end of the segment materializing the end point). &lt;a href="https://i-msdn.sec.s-msft.com/dynimg/IC171786.jpg" rel="nofollow"&gt;Here is a drafting of one laser I found on the internet&lt;/a&gt; . Most of the time I have to display 12 lasers (so 12*700 segments), at 30 frames per second. My first implementation works, but it takes a huge amount of CPU (&gt;12%) and the GUI lags a lot.&lt;/p&gt;
&lt;p&gt;What I did for the implementation is quite simple: I have a &lt;code&gt;LaserModel&lt;/code&gt; class, filled by a thread receiving TCP beacons; A &lt;code&gt;MainWindow&lt;/code&gt; class with a &lt;code&gt;QGraphicsScene* _scene&lt;/code&gt;; and a &lt;code&gt;LaserView&lt;/code&gt; class, whose instances are added to the scene. A signal at 30fps triggers the passage of the datas from the model to the view using the &lt;code&gt;setData()&lt;/code&gt; method.&lt;/p&gt;
&lt;p&gt;I did a performance analysis and it seems that 80% of the work of the gui (There is way more than just displaying these lasers) is done by the &lt;code&gt;drawLine(/*���*/)&lt;/code&gt; methods.&lt;/p&gt;
&lt;p&gt;I am sure that there is a more elegant and efficient way to do that. &lt;/p&gt;
&lt;ul&gt;
&lt;li&gt;&lt;p&gt;First the &lt;code&gt;setData(/*���*/)&lt;/code&gt; method seems quite ugly to me. I know that I should probably emit a signal (like &lt;code&gt;laserHasChanged(const LaserModel&amp;amp;))&lt;/code&gt; from the model and catch it in the view (with a slot &lt;code&gt;onNewData(const LaserModel&amp;amp;)&lt;/code&gt;) but for the performance point of view it seems worse (but it looks better for the coupling point of view, especially because in the future I will probably also display a property tree with the configuration of the lasers(so another view of the same model)).&lt;/p&gt;&lt;/li&gt;
&lt;li&gt;&lt;p&gt;More important I am not quite sure about what the &lt;code&gt;drawLine(const QLine&amp;amp; line)&lt;/code&gt; does, but this part of the code should just ���render��� the line, not recreate it.&lt;/p&gt;&lt;/li&gt;
&lt;/ul&gt;
&lt;p&gt;So the question is: how can I drastically improve the performances of the rendering? Especially the drawline part of the paint() method? &lt;/p&gt;
&lt;p&gt;Here is the relevant code: &lt;/p&gt;
&lt;pre&gt;&lt;code&gt;class LaserView : public QGraphicsItem {
    /* c-tor, d-tor, members... */
    std::vector&amp;lt;Beam&amp;gt; _beams;
    QRectF _boundingRect;
    void setData(const Sim::Pose&amp;amp; pose, const std::vector&amp;lt;Beam&amp;gt;&amp;amp; beams, const QRectF&amp;amp; boundingRect, const bool&amp;amp; showMaxRanges) {
        /*...*/
        _beams = beams;
        _boundingRect = boundingRect;
    }
    void paint(QPainter *painter, const QStyleOptionGraphicsItem *option, QWidget *) {
        painter-&amp;gt;setPen(_color);
        // Display only the beams that are stopped by an obstacle
        if (!_showMaxRanges) {
            for (unsigned int i = 0 ; i &amp;lt; _beams.size() -1 ; i++) {
                if (!_beams[i].endPointType == laserBeamEndPointType::MAX_RANGE) {
                    _beams[i]._line.setLine(_pose.x, _pose.y, _beams[i]._mapEndPose.x(), _beams[i]._mapEndPose.y());
                    painter-&amp;gt;drawLine(_beams[i]._line);
                }
            }
        }
        // Display all beams
        else {
            for (unsigned int i = 0 ; i &amp;lt; _beams.size() -1 ; i++) {
                _beams[i]._line.setLine(_pose.x, _pose.y, _beams[i]._mapEndPose.x(), _beams[i]._mapEndPose.y());
                painter-&amp;gt;drawLine(_beams[i]._line);
            }
        }
        // Draw a small circle to visualize easily the end points of the beams when they stop against an obstacle
        for (unsigned int i = 0; i &amp;lt; _beams.size() - 1 ; i++) {
            // Draw the end point in blue if the obstacle is reflective
            if (_beams[i].endPointType == laserBeamEndPointType::REFLECTIVE_OBJECT) {
                painter-&amp;gt;setBrush(REFLETIVE_END_POINT_COLOR);
                painter-&amp;gt;drawEllipse(_beams[i]._mapEndPose, END_POINT_SIZE, END_POINT_SIZE);                
            }
            // Draw the end point in red if the obstacle is NOT reflective
            else if (_beams[i].endPointType == laserBeamEndPointType::NOT_REFLECTIVE_OBJECT) {
                painter-&amp;gt;setBrush(NOT_REFLETIVE_END_POINT_COLOR);
                painter-&amp;gt;drawEllipse(_beams[i]._mapEndPose, END_POINT_SIZE, END_POINT_SIZE);                                
        }
    }
}
&lt;/code&gt;&lt;/pre&gt;
&lt;p&gt;}&lt;/p&gt;</t>
  </si>
  <si>
    <t>2015-03-20 23:22:48.797000+00:00</t>
  </si>
  <si>
    <t>2015-03-21 08:37:29.100000+00:00</t>
  </si>
  <si>
    <t>c++|qt|model-view-controller|qgraphicsitem</t>
  </si>
  <si>
    <t>What's a better way to combine two fields before saving to db in a Ruby on Rails app?</t>
  </si>
  <si>
    <t>&lt;p&gt;I have to select a date and a time for something. I'm using &lt;code&gt;simple_form&lt;/code&gt;, and twitter bootstrap with the &lt;code&gt;datepicker&lt;/code&gt; and &lt;code&gt;timepicker&lt;/code&gt; gems.&lt;/p&gt;
&lt;p&gt;First, I wasn't able to customize the form generators enough to get everything to work, so in my view i have, hardcoded:&lt;/p&gt;
&lt;pre&gt;&lt;code&gt;&amp;lt;div class="control-group string optional"&amp;gt;
          &amp;lt;label class="string optional control-label" for="publish_day"&amp;gt;Publish Date&amp;lt;/label&amp;gt;
          &amp;lt;div class="controls"&amp;gt;
            &amp;lt;div class="input-append date" id="publish_date" data-date="&amp;lt;%= @press_release.published_day %&amp;gt;" data-date-format="dd-mm-yyyy"&amp;gt;
              &amp;lt;input class="span2" type="text" name="press_release[publish_day]" value="&amp;lt;%= @press_release.published_day %&amp;gt;" readonly&amp;gt;
              &amp;lt;span class="add-on"&amp;gt;&amp;lt;i class="icon-calendar"&amp;gt;&amp;lt;/i&amp;gt;&amp;lt;/span&amp;gt;
            &amp;lt;/div&amp;gt;
          &amp;lt;/div&amp;gt;
        &amp;lt;/div&amp;gt;
       &amp;lt;div class="control-group string optional"&amp;gt;
          &amp;lt;label class="string optional control-label" for="publish_time"&amp;gt;Publish Time&amp;lt;/label&amp;gt;
          &amp;lt;div class="controls"&amp;gt;  
            &amp;lt;div class="input-append bootstrap-timepicker-component date"&amp;gt;
              &amp;lt;input class="span2" id="publish_time" name="press_release[publish_time]" type="text" readonly&amp;gt;
              &amp;lt;span class="add-on"&amp;gt;&amp;lt;i class="icon-time"&amp;gt;&amp;lt;/i&amp;gt;&amp;lt;/span&amp;gt;
            &amp;lt;/div&amp;gt;
          &amp;lt;/div&amp;gt;
        &amp;lt;/div&amp;gt;
&lt;/code&gt;&lt;/pre&gt;
&lt;p&gt;which is lame, and probably not 'correct', but i don't know how to customize simple_form enough to get it to do that for me.&lt;/p&gt;
&lt;p&gt;Second, to combine the fields to add to the database, here's what i'm doing in the controller:&lt;/p&gt;
&lt;pre&gt;&lt;code&gt;params[:press_release][:publish_date] = Time.parse("#{params[:press_release][:publish_day]} #{params[:press_release][:publish_time]}")
&lt;/code&gt;&lt;/pre&gt;
&lt;p&gt;which is seems really hacky, but i can't figure out another way to do it. what's a better way to take data from two forms fields and then combine and format it? i'm guessing it's something with before_save but i don't know how to pass the &lt;code&gt;params&lt;/code&gt; to a method called that way. &lt;/p&gt;
&lt;p&gt;any suggestions are appreciated. thanks in advance!&lt;/p&gt;</t>
  </si>
  <si>
    <t>2012-12-11 00:58:41.217000+00:00</t>
  </si>
  <si>
    <t>2016-12-09 21:50:10.507000+00:00</t>
  </si>
  <si>
    <t>ruby-on-rails|ruby-on-rails-3|twitter-bootstrap|simple-form</t>
  </si>
  <si>
    <t>Updating tuple elements of a list in Haskell</t>
  </si>
  <si>
    <t>&lt;p&gt;A program I am writing in Haskell has a list instance of my defined type: &lt;/p&gt;
&lt;pre&gt;&lt;code&gt;type Locals = [(String, Float)]
&lt;/code&gt;&lt;/pre&gt;
&lt;p&gt;I am trying to update this list by receiving a String and updating the corresponding float value, but the String might not be in the list at the time.&lt;/p&gt;
&lt;p&gt;Since Haskell lists are immutable, I decided the easiest way was to do this (in pseudocode):&lt;/p&gt;
&lt;pre&gt;&lt;code&gt;if a tuple containing the string exists:
    delete it
add the correct data
&lt;/code&gt;&lt;/pre&gt;
&lt;p&gt;I want to know:&lt;/p&gt;
&lt;p&gt;a) If there is an easier way to do this&lt;/p&gt;
&lt;p&gt;b) If not, how would I go about deleting the correct element&lt;/p&gt;
&lt;p&gt;Thanks&lt;/p&gt;</t>
  </si>
  <si>
    <t>2010-12-04 21:50:09.730000+00:00</t>
  </si>
  <si>
    <t>2011-05-12 03:10:58.920000+00:00</t>
  </si>
  <si>
    <t>list|haskell</t>
  </si>
  <si>
    <t>How to use simple_list_item_2 with android listview?</t>
  </si>
  <si>
    <t>&lt;p&gt;how did I have to extend my example to use a two line listview (for example read out the email from database)?&lt;/p&gt;
&lt;pre&gt;&lt;code&gt;    ArrayList&amp;lt;String&amp;gt; db_results = new ArrayList&amp;lt;String&amp;gt;();
    Cursor c = db.rawQuery("SELECT lastname, firstname FROM contacts ORDER BY lastname",null);
    while(c.moveToNext()) {
        db_results.add(String.valueOf(c.getString(c.getColumnIndex("lastname"))) + ", " + String.valueOf(c.getString(c.getColumnIndex("firstname"))));
    }
    c.close();
    lv1.setAdapter(new ArrayAdapter&amp;lt;String&amp;gt;(this,android.R.layout.simple_list_item_1,db_results));
&lt;/code&gt;&lt;/pre&gt;
&lt;p&gt;Thanks ...&lt;/p&gt;</t>
  </si>
  <si>
    <t>2011-05-12 18:48:07.990000+00:00</t>
  </si>
  <si>
    <t>2011-05-12 18:58:14.437000+00:00</t>
  </si>
  <si>
    <t>Django REST Framework serializer validation</t>
  </si>
  <si>
    <t>&lt;p&gt;How exactly do I use validators in my serializers? I have currently create my validators in &lt;code&gt;app/validators.py&lt;/code&gt; and have my serializers in &lt;code&gt;app/serializers.py&lt;/code&gt;.&lt;/p&gt;
&lt;pre&gt;&lt;code&gt;class OrderItemSerializer(serializers.ModelSerializer):
    item_id = serializers.IntegerField()
    item_date = serializers.DateTimeField()
    ...
    class Meta:
        model = Item
        validators = [validate_item_date]
        fields = ('item_id', 'item_date')
from rest_framework.serializers import ValidationError
&lt;/code&gt;&lt;/pre&gt;
&lt;p&gt;validators.py&lt;/p&gt;
&lt;pre&gt;&lt;code&gt;def validate_item_date(item_date):
    if item_date &amp;lt; {something}:
        raise ValidationError('')
&lt;/code&gt;&lt;/pre&gt;
&lt;p&gt;My question basically: do I provide the &lt;code&gt;item_date&lt;/code&gt; as parameter here or does it not work like this?&lt;/p&gt;</t>
  </si>
  <si>
    <t>2016-08-22 14:29:15.953000+00:00</t>
  </si>
  <si>
    <t>2018-04-27 12:36:34.960000+00:00</t>
  </si>
  <si>
    <t>Custom functionality of inner components on setting userControl "isEnabled"</t>
  </si>
  <si>
    <t>&lt;p&gt;I've created a silverlight UserControl with some inner elements that I'd like to custom change when the controls isEnabled property is set (for example changing some inner Image controls to look greyed out). With other properties I set up a DependencyProperty and do the code there, but this doesn't called for isEnabled (I assume because it's already declared). The code is below;&lt;/p&gt;
&lt;pre&gt;&lt;code&gt;public static readonly DependencyProperty EnabledProperty =
DependencyProperty.Register("isEnabled", typeof(bool), typeof(BreadcrumbElement), null);
    public bool isEnabled
    {
        get { return (bool)GetValue(TitleProperty); }
        set
        {
            SetValue(TitleProperty, value);
            if (value)
                Chevron.Source = new BitmapImage(new Uri("../Resources/ChevronRight.png", UriKind.Relative));
            else
                Chevron.Source = new BitmapImage(new Uri("../Resources/ChevronRight_Disabled.png", UriKind.Relative));
        }
    }
&lt;/code&gt;&lt;/pre&gt;
&lt;p&gt;I'd like to use isEnabled instead of something else, so is there a way to get this to function correctly? Thanks :)&lt;/p&gt;</t>
  </si>
  <si>
    <t>2011-12-15 10:38:35.083000+00:00</t>
  </si>
  <si>
    <t>2011-12-15 10:41:51.730000+00:00</t>
  </si>
  <si>
    <t>c#|silverlight</t>
  </si>
  <si>
    <t>Android device rooted check</t>
  </si>
  <si>
    <t>&lt;p&gt;I want to check my device is rooted or not. When I try this code below in real device is not rooted, its ok. But Non rooted emulator break in this line&lt;/p&gt;
&lt;pre&gt;&lt;code&gt;if (new File(path).exists())
    return true;
&lt;/code&gt;&lt;/pre&gt;
&lt;p&gt;"/system/xbin/su" path is exists.&lt;/p&gt;
&lt;pre&gt;&lt;code&gt;private static boolean isRooted() {
    String[] paths = { "/system/app/Superuser.apk", "/sbin/su", "/system/bin/su", "/system/xbin/su", "/data/local/xbin/su", "/data/local/bin/su", "/system/sd/xbin/su",
        "/system/bin/failsafe/su", "/data/local/su", "/su/bin/su"};
    for (String path : paths) {
        if (new File(path).exists())
            return true;
    }
    return false;
}
&lt;/code&gt;&lt;/pre&gt;
&lt;p&gt;Genymotion or Android studio's emulator always break in code block. &lt;/p&gt;
&lt;p&gt;Is all android emulators rooted?&lt;/p&gt;</t>
  </si>
  <si>
    <t>2018-10-31 12:01:57.987000+00:00</t>
  </si>
  <si>
    <t>2018-11-22 10:16:58.223000+00:00</t>
  </si>
  <si>
    <t>2018-10-31 12:25:33.050000+00:00</t>
  </si>
  <si>
    <t>android|root</t>
  </si>
  <si>
    <t>Best practice to avoid memory or performance issues related to binding a large number of DOM objects to a click event</t>
  </si>
  <si>
    <t>&lt;p&gt;First of all, I am testing various approaches using Chrome Dev Tools but I don't consider myself 'expert' with JS in todays modern browsers so I'm looking for additional feedback to compliment my testing.&lt;/p&gt;
&lt;p&gt;I have a page which will regularly have 600+ elements that need to handle click events. I can think of at least 3 fairly different ways to approach this but I'm thinking about page size, speed, JS memory issues, object count-related issues (in terms of both performance and stability).&lt;/p&gt;
&lt;ol&gt;
&lt;li&gt;Include onClick="foo(this);" for each of the elements and define the function in one of my included .js files. -- Larger page, function defined once, I would think a smaller memory footprint for the JS, but larger for the page as a whole.&lt;/li&gt;
&lt;li&gt;Use jQuery and $(selector).click(foo(this)); - Smaller page, function defined once, I'd think a larger memory footprint for the JS but smaller page overall.&lt;/li&gt;
&lt;li&gt;Use jQuery and $(selector).click(function(this) {  }); - Smallest page, function defined once, but I expect this to be the most demanding in terms of memory (and I'm concerned I might hit some obscure issue with jQuery or JS as a whole) but conceptually the most elegant.&lt;/li&gt;
&lt;/ol&gt;
&lt;p&gt;I must support just about every browser one might expect jQuery to run in. The number of items could increase even more (possibly by a factor of 4 or 5).&lt;/p&gt;
&lt;p&gt;If there's another approach that would be better, I'd love to hear it. If anyone wants to educate me on any advantages/pitfalls of my 3 approaches, I'd really appreciate that too.&lt;/p&gt;</t>
  </si>
  <si>
    <t>2013-03-24 02:55:07.693000+00:00</t>
  </si>
  <si>
    <t>2013-03-24 05:25:49.333000+00:00</t>
  </si>
  <si>
    <t>Change the format of the inline monospaced code in confluence to make it stand out</t>
  </si>
  <si>
    <t>&lt;p&gt;How do I change the format of the inline monospaced code in confluence to make it stand out like in &lt;em&gt;GitHub&lt;/em&gt; markdown where it gets a grey background. In confluence, inline code doesn't seem to stand out.&lt;/p&gt;</t>
  </si>
  <si>
    <t>2015-08-18 16:03:20.630000+00:00</t>
  </si>
  <si>
    <t>2015-08-18 22:41:15.717000+00:00</t>
  </si>
  <si>
    <t>2015-08-18 17:18:27.243000+00:00</t>
  </si>
  <si>
    <t>confluence|atlassian</t>
  </si>
  <si>
    <t>passing a value from a html page using jQuery ajax in spring mvc</t>
  </si>
  <si>
    <t>&lt;p&gt;i'm trying to learn jQuery AJAX in spring MVC and i'm trying to pass a value from a view to a controller and print that value in console from the controller, i would like later learn how to change that value in my controller and then pass it to my view but right now i'm having a  400 Bad Request.&lt;/p&gt;
&lt;p&gt;this is my controller methods&lt;/p&gt;
&lt;pre&gt;&lt;code&gt;@RequestMapping(value = "formNormal", method = RequestMethod.GET)
    public String formNormal(Model model) {
        return "formNormal";
    }
    @RequestMapping(value = "formNormal", method = RequestMethod.POST)
    public @ResponseBody String jsonMethod(@RequestBody String name) {
        String controllerVariable  =  name;
        System.out.println("controller variable value is  " + controllerVariable);
        return controllerVariable;
     }
&lt;/code&gt;&lt;/pre&gt;
&lt;p&gt;and this is my page formNormal.html&lt;/p&gt;
&lt;pre&gt;&lt;code&gt;&amp;lt;script src="http://ajax.googleapis.com/ajax/libs/jquery/2.0.2/jquery.min.js"&amp;gt;&amp;lt;/script&amp;gt;
   &amp;lt;script type="text/javascript"&amp;gt;
        function doAjaxPost() 
        {
            // get the form values
            var name = $('#name').val();
            var json = {"name" : name};
            $.ajax(
            {
                type: "POST",
                url: "formNormal",
                data: JSON.stringify(json),
                cache: false,
                beforeSend: function(xhr) 
                            {
                                xhr.setRequestHeader("Accept", "application/json");  
                                xhr.setRequestHeader("Content-Type", "application/json");  
                            },
                success: function(response) 
                        {
                            alert(response);
                            $('#name').val('');
                        },
                error: function (xhr, ajaxOptions, thrownError) 
                       {
                            alert(xhr.status);
                            alert(xhr.responseText);
                            alert(thrownError);
                        }
            });
        }
        &amp;lt;/script&amp;gt;
  &amp;lt;fieldset&amp;gt;
  &amp;lt;legend&amp;gt;Name in view&amp;lt;/legend&amp;gt;
        Name in view:   &amp;lt;input type="text" name="name"&amp;gt;
        &amp;lt;br&amp;gt;
        &amp;lt;input type="button" value="Add Users" onclick="doAjaxPost()"&amp;gt;
  &amp;lt;/fieldset&amp;gt;
 &amp;lt;br&amp;gt;
&lt;/code&gt;&lt;/pre&gt;
&lt;p&gt;EDITED** i change the data to &lt;code&gt;data: JSON.stringify(json),&lt;/code&gt; and i no longer have the 400 error, i change to the success block to: &lt;/p&gt;
&lt;pre&gt;&lt;code&gt;`success: function(response) 
                        {
                            alert( "Name: "+response);
                            $('#name').val('');
                        },`
&lt;/code&gt;&lt;/pre&gt;
&lt;p&gt;and it prints me [object Object] in the alert, and in my eclipse console the name variable value is &lt;code&gt;{}&lt;/code&gt;&lt;/p&gt;</t>
  </si>
  <si>
    <t>2015-02-11 19:24:10.893000+00:00</t>
  </si>
  <si>
    <t>2015-02-11 20:40:19.810000+00:00</t>
  </si>
  <si>
    <t>java|javascript|jquery|ajax|spring</t>
  </si>
  <si>
    <t>Turn on background color when highlighting with C-SPC on a mac?</t>
  </si>
  <si>
    <t>&lt;p&gt;I'm using emacs on a macbook. In linux, when I use C-SPC to start mark blocks, the area I marked has a yellowish background that tells me where I start &amp;amp; end. However, in my macbook the background is not highlighted, leaving me lost where the marked area is precisely sometimes. Can anyone tell me how to turn on the background color highlighting on a macbook?&lt;/p&gt;</t>
  </si>
  <si>
    <t>2013-08-06 20:59:33.473000+00:00</t>
  </si>
  <si>
    <t>2017-09-05 14:24:41.130000+00:00</t>
  </si>
  <si>
    <t>macos|emacs</t>
  </si>
  <si>
    <t>FOR LOOP in Angular Service NOT Working - While Loop Works</t>
  </si>
  <si>
    <t>&lt;p&gt;I've worked around this problem with a while loop
but thought I'd explain it here - because it seems odd&lt;/p&gt;
&lt;p&gt;I tried iterating through a string in a service using a for loop, but cannot get it to work&lt;/p&gt;
&lt;p&gt;When service defined like this&lt;/p&gt;
&lt;pre&gt;&lt;code&gt;.service('xtratxt', function()
 {
   var x = 0;
   var a = "";
   this.convert = function(srctxt)
   {
     this.a = "";
     this.x = 0;
     for (this.x=0; this.x++; this.x&amp;lt;srctxt.length)
     {
       this.a = ans + "X";
     }
     return ans;
   };
 })
&lt;/code&gt;&lt;/pre&gt;
&lt;p&gt;if I call this in my controller with &lt;/p&gt;
&lt;pre&gt;&lt;code&gt;$scope.newvalu = xtratxt.convert("Hello");
&lt;/code&gt;&lt;/pre&gt;
&lt;p&gt;I should get back a string of X's   Eg XXXXX
Instead I get an empty string ""&lt;/p&gt;
&lt;p&gt;If I change to a while loop - no problems works a treat&lt;/p&gt;
&lt;p&gt;Anyone know why ?&lt;/p&gt;
&lt;p&gt;I get no errors in the console either.
AFAIK it doesn't seem to enter the for loop at all&lt;/p&gt;</t>
  </si>
  <si>
    <t>2013-07-25 12:53:28.843000+00:00</t>
  </si>
  <si>
    <t>2014-01-22 08:01:54.047000+00:00</t>
  </si>
  <si>
    <t>javascript|angularjs|for-loop|service</t>
  </si>
  <si>
    <t>Is SOAP a stateful protocol? Is REST really stateless? How can one store data using REST?</t>
  </si>
  <si>
    <t>&lt;p&gt;Is SOAP designed to be a stateful? How can it be reached? SOAP use RPC, so where to store data?&lt;/p&gt;
&lt;p&gt;Is REST designed to be a stateless? Is it possible to store data in JSON ? Is it so wrong?&lt;/p&gt;
&lt;p&gt;Thanks &lt;/p&gt;</t>
  </si>
  <si>
    <t>2018-07-31 10:46:04.253000+00:00</t>
  </si>
  <si>
    <t>2018-07-31 11:47:48.893000+00:00</t>
  </si>
  <si>
    <t>rest|soap|protocols|stateless|stateful</t>
  </si>
  <si>
    <t>How to chain attribute lookups that might return None in Python?</t>
  </si>
  <si>
    <t>&lt;p&gt;My problem is a general one, how to chain a series of attribute lookups when one of the intermediate ones might return &lt;code&gt;None&lt;/code&gt;, but since I ran into this problem trying to use Beautiful Soup, I'm going to ask it in that context.&lt;/p&gt;
&lt;p&gt;Beautiful Soup parses an HTML document and returns an object that can be used to access the structured content of that document.  For example, if the parsed document is in the variable &lt;code&gt;soup&lt;/code&gt;, I can get its title with:&lt;/p&gt;
&lt;pre&gt;&lt;code&gt;title = soup.head.title.string
&lt;/code&gt;&lt;/pre&gt;
&lt;p&gt;My problem is that if the document doesn't have a title, then &lt;code&gt;soup.head.title&lt;/code&gt; returns &lt;code&gt;None&lt;/code&gt; and the subsequent &lt;code&gt;string&lt;/code&gt; lookup throws an exception.  I could break up the chain as:&lt;/p&gt;
&lt;pre&gt;&lt;code&gt;x = soup.head
x = x.title if x else None
title = x.string if x else None
&lt;/code&gt;&lt;/pre&gt;
&lt;p&gt;but this, to my eye, is verbose and hard to read.&lt;/p&gt;
&lt;p&gt;I could write:&lt;/p&gt;
&lt;pre&gt;&lt;code&gt;title = soup.head and soup.head.title and soup.title.head.string
&lt;/code&gt;&lt;/pre&gt;
&lt;p&gt;but that is verbose and inefficient.&lt;/p&gt;
&lt;p&gt;One solution if thought of, which I think is possible, would be to create an object (call it &lt;code&gt;nil&lt;/code&gt;) that would return &lt;code&gt;None&lt;/code&gt; for any attribute lookup.  This would allow me to write:&lt;/p&gt;
&lt;pre&gt;&lt;code&gt;title = ((soup.head or nil).title or nil).string
&lt;/code&gt;&lt;/pre&gt;
&lt;p&gt;but this is pretty ugly.  Is there a better way?&lt;/p&gt;</t>
  </si>
  <si>
    <t>2013-03-07 19:55:39.063000+00:00</t>
  </si>
  <si>
    <t>2014-04-24 16:50:33.107000+00:00</t>
  </si>
  <si>
    <t>2013-03-08 22:14:50.960000+00:00</t>
  </si>
  <si>
    <t>Convert a vector of strings to a deply-nested JSON object</t>
  </si>
  <si>
    <t>&lt;p&gt;I'm trying to get a deeply-nested JSON object from a vector of strings using &lt;a href="https://docs.rs/json/0.11.10/json/" rel="nofollow noreferrer"&gt;the &lt;code&gt;json&lt;/code&gt; crate&lt;/a&gt;: &lt;/p&gt;
&lt;pre&gt;&lt;code&gt;fn main() {   
    let my_vec = ["foo", "bar", "baz", "foobar", "barfoo"];
    let mut curr_obj = object!();
    for i in 0..my_vec.len() {
        let name = my_vec[i];
        curr_obj = addObj(curr_obj, name);   
    }
}
fn addObj(mut obj: json::JsonValue, name: &amp;amp;str) -&amp;gt; json::JsonValue {
    obj[name] = json::JsonValue::new_object();
    let retob = obj[name];
    retob.to_owned() // is empty but should be obj["foo"] = object!();
}
&lt;/code&gt;&lt;/pre&gt;
&lt;p&gt;The object is an empty one here. My desired output looks like this:&lt;/p&gt;
&lt;pre&gt;&lt;code&gt;{
  "foo": {
    "bar": {
      "baz": {
        "foobar": {
          "barfoo": {}
        }
      }
    }
  }
}
&lt;/code&gt;&lt;/pre&gt;
&lt;p&gt;I get the error &lt;/p&gt;
&lt;pre class="lang-none prettyprint-override"&gt;&lt;code&gt;error[E0507]: cannot move out of indexed content
  --&amp;gt; src/main.rs:15:17
   |
15 |     let retob = obj[name];
   |                 ^^^^^^^^^
   |                 |
   |                 cannot move out of indexed content
   |                 help: consider using a reference instead: `&amp;amp;obj[name]`
&lt;/code&gt;&lt;/pre&gt;</t>
  </si>
  <si>
    <t>2017-10-14 07:40:13.517000+00:00</t>
  </si>
  <si>
    <t>2017-10-14 14:06:30.060000+00:00</t>
  </si>
  <si>
    <t>2017-10-14 14:00:37.710000+00:00</t>
  </si>
  <si>
    <t>arrays|json|rust</t>
  </si>
  <si>
    <t>Graceful reboot on CentOS from command line (worried about database corruption)</t>
  </si>
  <si>
    <t>&lt;p&gt;I have always been a WHM/Cpanel guy so whenever the need to gracefully reboot the server came around I just used the gui command in WHM to do so.&lt;/p&gt;
&lt;p&gt;Now, I have a situation where I do not have WHM/Cpanel and need to do the same from command line after ssh'ing in.  This is a vm inside a vpc (VMware) that is dedicated to MySQL/MariaDB only running centos.  The kernel was recently updated through yum and the reboot is needed to take affect.&lt;/p&gt;
&lt;p&gt;I have found quite a lot of differing opinions on this when searching such as just doing something as simple as :&lt;/p&gt;
&lt;pre&gt;&lt;code&gt;# reboot
or
# shutdown -r
&lt;/code&gt;&lt;/pre&gt;
&lt;p&gt;&lt;strong&gt;My main concerns are :&lt;/strong&gt;&lt;/p&gt;
&lt;ol&gt;
&lt;li&gt;Using the correct command for my situation&lt;/li&gt;
&lt;li&gt;This vm is strictly for our databases which use innodb, but of course MySQL itself uses myisam.  The last thing I want to do is end up with corrupted data upon reboot and our db's don't function.  Does the &lt;code&gt;reboot&lt;/code&gt; take care of this or should I be doing a &lt;code&gt;service mysql stop&lt;/code&gt; before the reboot?  Along with that, will it restart automatically after reboot or is &lt;code&gt;service mysql start&lt;/code&gt; going to be needed?&lt;/li&gt;
&lt;/ol&gt;</t>
  </si>
  <si>
    <t>2016-04-07 17:18:05.307000+00:00</t>
  </si>
  <si>
    <t>2016-04-08 07:17:19.163000+00:00</t>
  </si>
  <si>
    <t>mysql|centos|mariadb|restart|reboot</t>
  </si>
  <si>
    <t>Jersey ChunkedOutput - how to detect client disconnections?</t>
  </si>
  <si>
    <t>&lt;p&gt;Using curl as the client, jersey and grizzly on the server side, I can not get server to detect clients disconnections. 
Even in the case when the server write message to the client the ChunkedOutput.write succeeds.&lt;/p&gt;
&lt;p&gt;Is there a configuration either in grizzly or in jersey that can make writes to the chunked output fail?&lt;/p&gt;</t>
  </si>
  <si>
    <t>2016-12-07 19:29:35.280000+00:00</t>
  </si>
  <si>
    <t>2016-12-08 19:03:56.723000+00:00</t>
  </si>
  <si>
    <t>2016-12-08 18:51:45.147000+00:00</t>
  </si>
  <si>
    <t>java|jersey|grizzly</t>
  </si>
  <si>
    <t>Visualizing data from database as line chart in Rails</t>
  </si>
  <si>
    <t>&lt;p&gt;I have a really simple request: I have a table that holds a users weight for a specific day (so two columns: kilograms and day). I now want to show this as a line chart to show a user's weight loss over time (x-Axis = day, y-Axis = kilograms).&lt;/p&gt;
&lt;p&gt;I installed Chartkick and it renders a chart but it I really don't know how to get these value to the line chart.&lt;/p&gt;
&lt;p&gt;Is Chartkick the right option for this purpose? And if yes, how should my code look like?&lt;/p&gt;
&lt;p&gt;&lt;strong&gt;weight.rb&lt;/strong&gt;&lt;/p&gt;
&lt;pre&gt;&lt;code&gt;class Weight &amp;lt; ActiveRecord::Base
  belongs_to :user
  validates :day, uniqueness: { scope: :user_id,
    message: "You already stored a weight today. Go back and edit if necessary." }
end
&lt;/code&gt;&lt;/pre&gt;
&lt;p&gt;&lt;strong&gt;user.rb&lt;/strong&gt;&lt;/p&gt;
&lt;pre&gt;&lt;code&gt;class User &amp;lt; ActiveRecord::Base
  # Include default devise modules. Others available are:
  # :confirmable, :lockable, :timeoutable and :omniauthable
  devise :database_authenticatable, :registerable,
         :recoverable, :rememberable, :trackable, :validatable
  after_create :create_profile
  has_one :profile, dependent: :destroy
  has_many :weights, dependent: :destroy
end
&lt;/code&gt;&lt;/pre&gt;</t>
  </si>
  <si>
    <t>2016-06-02 20:26:08.370000+00:00</t>
  </si>
  <si>
    <t>2016-06-05 11:27:36.093000+00:00</t>
  </si>
  <si>
    <t>2016-06-03 17:49:49.393000+00:00</t>
  </si>
  <si>
    <t>ruby-on-rails|chartkick</t>
  </si>
  <si>
    <t>The bubble image arrow is always on the right direction. How to change green bubbles' arrow direction to left?</t>
  </si>
  <si>
    <t>&lt;p&gt;&lt;a href="https://i.stack.imgur.com/TbXuz.png" rel="nofollow noreferrer"&gt;&lt;img src="https://i.stack.imgur.com/TbXuz.png" alt="enter image description here"&gt;&lt;/a&gt;&lt;/p&gt;
&lt;p&gt;In my JSQMessagesViewController, when I load text message bubbles, the arrow direction is always right side.
How to change arrow direction to left for green bubbles??&lt;/p&gt;
&lt;p&gt;My Code:&lt;/p&gt;
&lt;pre&gt;&lt;code&gt;@interface AckChatViewController (){
    JSQMessagesBubbleImage *outgoingBubbleImageView;
    JSQMessagesBubbleImage *incomingBubbleImageView;
    JSQMessagesAvatarImage *currentUserAvatar, *friendAvatar;
    NSMutableArray *messages;
}
@end
&lt;/code&gt;&lt;/pre&gt;
&lt;p&gt;@implementation AckChatViewController&lt;/p&gt;
&lt;h1&gt;pragma mark - life cycle methods&lt;/h1&gt;
&lt;pre&gt;&lt;code&gt;- (void)viewDidLoad {
    [super viewDidLoad];
    self.navigationController.navigationBar.tintColor = [UIColor whiteColor];
    self.navigationController.navigationBar.topItem.title = @"";
    //initial things for JSQMessageViewController
    [self setupBubbles];
    messages = [NSMutableArray new];
    AllUserDetailsModel *temp = [[AllUserDetailsModel alloc] initWithDictionary:[Neo_Constants getSavedDataFromUserDafaults:USER_INFO_DICTIONARY]];
    self.senderId = [NSString stringWithFormat:@"%@",temp.user_id];
    self.senderDisplayName = @"";
    self.automaticallyScrollsToMostRecentMessage = YES;
    //remove attachment button
    self.inputToolbar.contentView.leftBarButtonItem = nil;
    currentUserAvatar = [JSQMessagesAvatarImage avatarImageWithPlaceholder: [self cropAvatarImages:[UIImage imageNamed:[self defaultImageForGender:temp.userDetails.gender]]]];
    friendAvatar = [JSQMessagesAvatarImage avatarImageWithPlaceholder: [self cropAvatarImages:[UIImage imageNamed:[self defaultImageForGender:self.friendUserDetails.userDetails.gender]]]];
    NSString *imageUrlString = temp.userDetails.profile_pic;
    [self avatarImagesForUrlString:imageUrlString andOnCompletion:^(UIImage *image) {
        if(image){
            currentUserAvatar.avatarImage = image;
        }
    }];
    [self avatarImagesForUrlString:self.friendUserDetails.userDetails.profile_pic andOnCompletion:^(UIImage *image) {
        if(image){
            friendAvatar.avatarImage = image;
        }
    }];
    //set profile pic and name on navigation bar
    [self setNavigationBarTitleView];
    [self loadPreviousChatWithPageCount:0];
}
- (void)didReceiveMemoryWarning {
    [super didReceiveMemoryWarning];
    // Dispose of any resources that can be recreated.
}
&lt;/code&gt;&lt;/pre&gt;
&lt;h1&gt;pragma mark - JSQ Setups&lt;/h1&gt;
&lt;pre&gt;&lt;code&gt;-(void)setupBubbles{
    JSQMessagesBubbleImageFactory *bubbleImageFactory = [JSQMessagesBubbleImageFactory new];
    outgoingBubbleImageView = [bubbleImageFactory outgoingMessagesBubbleImageWithColor:[UIColor jsq_messageBubbleBlueColor]];
    incomingBubbleImageView = [bubbleImageFactory outgoingMessagesBubbleImageWithColor:[UIColor jsq_messageBubbleGreenColor]];
}
&lt;/code&gt;&lt;/pre&gt;
&lt;h1&gt;pragma mark Collection view JSQ&lt;/h1&gt;
&lt;pre&gt;&lt;code&gt;-(NSInteger)collectionView:(UICollectionView *)collectionView numberOfItemsInSection:(NSInteger)section{
    return messages.count;
}
-(id&amp;lt;JSQMessageData&amp;gt;)collectionView:(JSQMessagesCollectionView *)collectionView messageDataForItemAtIndexPath:(NSIndexPath *)indexPath{
    return messages[indexPath.item];
}
-(id&amp;lt;JSQMessageBubbleImageDataSource&amp;gt;)collectionView:(JSQMessagesCollectionView *)collectionView messageBubbleImageDataForItemAtIndexPath:(NSIndexPath *)indexPath{
    JSQMessage *message = messages[indexPath.item];
    if([message.senderId isEqualToString:self.senderId]){
        return outgoingBubbleImageView;
    }else{
        return incomingBubbleImageView;
    }
}
-(UICollectionViewCell *)collectionView:(UICollectionView *)collectionView cellForItemAtIndexPath:(NSIndexPath *)indexPath{
    JSQMessagesCollectionViewCell *cell = (JSQMessagesCollectionViewCell *)[super collectionView:collectionView cellForItemAtIndexPath:indexPath];
    JSQMessage *message = messages[indexPath.item];
    if([message.senderId isEqualToString:self.senderId]){
        [cell.textView setTextColor:[UIColor whiteColor]];
    }else{
        [cell.textView setTextColor:[UIColor blackColor]];
    }
    return cell;
}
-(id&amp;lt;JSQMessageAvatarImageDataSource&amp;gt;)collectionView:(JSQMessagesCollectionView *)collectionView avatarImageDataForItemAtIndexPath:(NSIndexPath *)indexPath{
    JSQMessage *message = messages[indexPath.item];
    if([message.senderId isEqualToString:self.senderId]){
        return currentUserAvatar;
    }else{
        return friendAvatar;
    }
}
-(void)collectionView:(JSQMessagesCollectionView *)collectionView header:(JSQMessagesLoadEarlierHeaderView *)headerView didTapLoadEarlierMessagesButton:(UIButton *)sender{
}
//time stamp
-(NSAttributedString *)collectionView:(JSQMessagesCollectionView *)collectionView attributedTextForCellTopLabelAtIndexPath:(NSIndexPath *)indexPath{
    return nil;
}
-(CGFloat)collectionView:(JSQMessagesCollectionView *)collectionView layout:(JSQMessagesCollectionViewFlowLayout *)collectionViewLayout heightForCellTopLabelAtIndexPath:(NSIndexPath *)indexPath{
    return 0;
}
#pragma mark - private functions
-(NSString *)defaultImageForGender:(NSString *)gender{
    if([gender isEqualToString:@"M"] || [gender isEqualToString:@""]){
        return @"no_image_male";
    }else{
        return @"no_image_female";
    }
}
-(void)setNavigationBarTitleView{
    UIView *whole = [[UIView alloc] initWithFrame:CGRectMake(0, 0, [UIScreen mainScreen].bounds.size.width - 100, 100)];
    UIImageView *imageView = [[UIImageView alloc] initWithFrame:CGRectMake(5, 20, 50, 50)];
    [imageView.layer setCornerRadius:25.0f];
    [imageView setClipsToBounds:YES];
    [imageView setContentMode:UIViewContentModeScaleAspectFill];
    if([self.friendUserDetails.userDetails.profile_pic isEqualToString:@""] || [self.friendUserDetails.userDetails.profile_pic isEqual:[NSNull null]]){
        if([self.friendUserDetails.userDetails.gender isEqualToString:@"M"]){
            [imageView setImage:[UIImage imageNamed:@"no_image_male"]];
        }else{
            [imageView setImage:[UIImage imageNamed:@"no_image_female"]];
        }
    }else{
        [imageView sd_setImageWithURL:[NSURL URLWithString:self.friendUserDetails.userDetails.profile_pic]];
    }
    UILabel *nameLabel = [[UILabel alloc] initWithFrame:CGRectMake(60, 20, [UIScreen mainScreen].bounds.size.width, 50)];
    [nameLabel setText:self.friendUserDetails.userDetails.fname];
    [whole addSubview:nameLabel];
    [whole addSubview:imageView];
    self.navigationItem.titleView = whole;
}
#pragma mark - Avtar images area
-(void)avatarImagesForUrlString:(NSString *)urlString andOnCompletion:(void(^)(UIImage *image))completion{
    if([urlString isEqualToString:@""] || [urlString isEqual:[NSNull null]]){
        completion(nil);
    }else{
        [[SDWebImageManager sharedManager] downloadImageWithURL:[NSURL URLWithString:urlString] options:0 progress:nil completed:^(UIImage *image, NSError *error, SDImageCacheType cacheType, BOOL finished, NSURL *imageURL) {
            completion ([self cropAvatarImages:image]);
        }];
    }
}
-(UIImage *)cropAvatarImages:(UIImage *)image{
    if(image){
        return [JSQMessagesAvatarImageFactory circularAvatarImage:image withDiameter:48];
    }else{
        if([self.friendUserDetails.userDetails.gender isEqualToString:@"M"]){
            return [UIImage imageNamed:@"no_image_male"];
        }else{
            return [UIImage imageNamed:@"no_image_female"];
        }
    }
}
#pragma mark - API calls
-(void)loadPreviousChatWithPageCount:(int)count{
    [API fetchChatListOfUserWithParams:paramsDict andOnCompletion:^(NSDictionary *result, NSError *error){
        if (!error) {
            if ([[result objectForKey:@"status"] intValue]==1) {
                NSArray *conversation_data = [result objectForKey:@"conversation_data"];
                [messages removeAllObjects];
                [conversation_data enumerateObjectsUsingBlock:^(id _Nonnull obj, NSUInteger idx, BOOL * _Nonnull stop){
                    JSQMessage *jsqMsg = [[JSQMessage alloc] initWithSenderId:obj[@"sender_id"] senderDisplayName:@"" date:obj[@"sent_date"] text:obj[@"message_content"]];
                    [messages insertObject:jsqMsg atIndex:idx];
                }];
                [self.collectionView reloadData];
            }else{
               [Neo_Constants showAlert:@"Error" Message:[result objectForKey:@"message"]];
            }
        }else{
            [Neo_Constants showAlert:@"Error" Message:[error localizedDescription]];
        }
    }];
}
-(void)didPressSendButton:(UIButton *)button withMessageText:(NSString *)text senderId:(NSString *)senderId senderDisplayName:(NSString *)senderDisplayName date:(NSDate *)date{
    //    [JSQSystemSoundPlayer jsq_playMessageSentSound];
    [API sendMessageFromUserWithParams:paramsDict andOnCompletion:^(NSDictionary *result, NSError *error){
        if (!error) {
            if ([[result objectForKey:@"status"] intValue]==1) {
                [self loadPreviousChatWithPageCount:0];
                [self.inputToolbar.contentView.textView setText:@""];
            }else{
                [Neo_Constants showAlert:@"Error" Message:[result objectForKey:@"message"]];
            }
        }else{
            [Neo_Constants showAlert:@"Error" Message:[error localizedDescription]];
        }
    }];
}
@end
&lt;/code&gt;&lt;/pre&gt;</t>
  </si>
  <si>
    <t>2016-11-17 13:17:10.293000+00:00</t>
  </si>
  <si>
    <t>2016-11-17 14:19:15.897000+00:00</t>
  </si>
  <si>
    <t>2016-11-17 13:31:58.477000+00:00</t>
  </si>
  <si>
    <t>ios|chat|jsqmessagesviewcontroller</t>
  </si>
  <si>
    <t>PhoneGap - How to parse an xml string using javascript</t>
  </si>
  <si>
    <t>&lt;p&gt;I'm developing an application in phone gap. In this i've to parse an xml to get the data and display in my app. 
Below I've given the XML from which I've to get data.&lt;/p&gt;
&lt;pre&gt;&lt;code&gt;&amp;lt;Result&amp;gt;
&amp;lt;Art Transaction="event/listAllUsersXml" Success="True"/&amp;gt;
&amp;lt;ExhibitorAndSponsor UserID="60" UserName="Economy Times" UserPhoto="http://www.bestbusinessplaces.com/event/admin/logos/big/100X100.gif" Latitude="" Longitude="" Country="" UserType="SponsorAndExhibitor"/&amp;gt;
&amp;lt;ExhibitorAndSponsor UserID="61" UserName="Cadbury" UserPhoto="http://www.bestbusinessplaces.com/event/admin/logos/big/100X100.gif" Latitude="" Longitude="" Country="Andorra" UserType="SponsorAndExhibitor"/&amp;gt;
&amp;lt;ExhibitorAndSponsor UserID="62" UserName="Pepsi" UserPhoto="http://www.bestbusinessplaces.com/event/admin/logos/big/100X100.gif" Latitude="" Longitude="" Country="" UserType="SponsorAndExhibitor"/&amp;gt;
&amp;lt;/Result&amp;gt;
&lt;/code&gt;&lt;/pre&gt;
&lt;p&gt;So can anyone tell me how to get the data from the xml string.&lt;/p&gt;
&lt;p&gt;Thanks in Advance&lt;/p&gt;
&lt;hr&gt;
&lt;pre&gt;&lt;code&gt;function displayData(){
            UserID = (x[i].getElementsByTagName("UserID")[0]);
            UserName = (x[i].getElementsByTagName("UserName")[0]);
            UserType = (x[i].getElementsByTagName("UserType")[0]);
            txt = "UserID: " + UserID + "&amp;lt;br /&amp;gt;UserName: " + UserName + "&amp;lt;br /&amp;gt;UserType: "+ UserType;
            document.getElementById("showCD").innerHTML = txt;
        }
&lt;/code&gt;&lt;/pre&gt;
&lt;p&gt;//&lt;/p&gt;
&lt;p&gt;i'm using this code to get the value from the xml. But the value in i've get is nothing(Undefined).&lt;/p&gt;</t>
  </si>
  <si>
    <t>2012-06-19 05:35:32.117000+00:00</t>
  </si>
  <si>
    <t>2012-06-19 06:04:31.093000+00:00</t>
  </si>
  <si>
    <t>javascript|cordova|xml-parsing</t>
  </si>
  <si>
    <t>How to get VCAP_SERVICES environment variables WITHOUT binding to an application?</t>
  </si>
  <si>
    <t>&lt;p&gt;Frequently, I'm create standalone services in Bluemix.  For example, Analytics for Apache Hadoop, Cloudant and DashDB.&lt;/p&gt;
&lt;p&gt;I don't need an application to work with these services, but it seems I have to bind to an application just to get access to the VCAP_SERVICES environment variables with urls, usernames, passwords, etc.&lt;/p&gt;
&lt;p&gt;&lt;strong&gt;Question&lt;/strong&gt;: How to get VCAP_SERVICES environment variables WITHOUT binding to an application?&lt;/p&gt;</t>
  </si>
  <si>
    <t>2015-10-13 09:10:10.780000+00:00</t>
  </si>
  <si>
    <t>2015-10-13 09:35:15.763000+00:00</t>
  </si>
  <si>
    <t>ibm-cloud</t>
  </si>
  <si>
    <t>Typescript Class Singleton vs Module Singleton</t>
  </si>
  <si>
    <t>&lt;p&gt;I was looking at some code in the vscode repository and noticed they used a class singleton for one of the modules see &lt;a href="https://github.com/Microsoft/vscode/blob/master/src/vs/base/browser/browser.ts" rel="nofollow noreferrer"&gt;here&lt;/a&gt;.&lt;/p&gt;
&lt;p&gt;Would it not be much cleaner to write this just as a regular module? What are the benefits of wrapping this up in a class, creating a singleton instance, and exporting the methods?&lt;/p&gt;</t>
  </si>
  <si>
    <t>2018-06-18 18:17:48.800000+00:00</t>
  </si>
  <si>
    <t>2018-06-18 19:04:53.600000+00:00</t>
  </si>
  <si>
    <t>javascript|node.js|typescript|electron</t>
  </si>
  <si>
    <t>python does not create json files from crontab</t>
  </si>
  <si>
    <t>&lt;p&gt;I have a python file that creates json files from database, when I run it from the terminal (python pythonfile.py) it works without problems, but when I create a crontab that executes that python every 2 minutes, it does not create the files, the crontab runs the python without problems, I know because before creating the files json makes a change in the database and I can see that change in the database, what will be the problem?&lt;/p&gt;
&lt;pre&gt;&lt;code&gt;-rwxrwxrwx 1 pi  pi 5721 nov 15 02:36 searchProgramData.py
@reboot python /home/pi/aufen/searchProgramData.py &amp;gt;&amp;gt; /tmp/log.txt
*/2 * * * * python /home/pi/aufen/searchProgramData.py &amp;gt;&amp;gt; /tmp/log.txt
query = "SELECT * FROM det_programacion where programacion_id = %s "%programacion_grupo[0][2]
            detalles_programacion = run_query(query)
            json_str = json.dumps(detalles_programacion,default=datetime_handler)
            #escribir json de array
            with open('datos.json', 'w') as file:
                json.dump(json_str, file)
&lt;/code&gt;&lt;/pre&gt;</t>
  </si>
  <si>
    <t>2017-11-15 05:57:22.293000+00:00</t>
  </si>
  <si>
    <t>python|json|cron</t>
  </si>
  <si>
    <t>cakePHP - Join with conditional virtual field</t>
  </si>
  <si>
    <t>&lt;p&gt;Is there a way I can generate this query with cakePHP : &lt;/p&gt;
&lt;pre&gt;&lt;code&gt;SELECT pl.zban_player_id 'Player', pl.display_info 'GUID', pl.source_group 'Source',     
IF(pv.variable_value is not null, 1,0) as  SyncProcessed
FROM banner_key_current bkc
INNER JOIN banner_key_current_ext bkce ON bkc.banner_key_id = bkce.banner_key_id
INNER JOIN operations op ON op.operation_id = bkc.operation_id
INNER JOIN players pl ON pl.zban_player_id = bkce.identifier
INNER JOIN playermap_now pmn ON pmn.zban_player_id = pl.zban_player_id
LEFT JOIN player_variables pv ON (pv.zban_player_id = pl.zban_player_id AND pv.variable_name = 'player_sync_processed')
WHERE bkc.date BETWEEN '2014-05-01' AND '2014-11-13'
AND op.category = 117
AND pmn.user_id IN (1)
Group By bkce.identifier
&lt;/code&gt;&lt;/pre&gt;
&lt;p&gt;What I want to return is the alias field &lt;code&gt;SyncProcessed&lt;/code&gt; based on the condition&lt;/p&gt;
&lt;p&gt;I'v tried using joins but couldn't get this result&lt;/p&gt;</t>
  </si>
  <si>
    <t>2014-11-13 16:49:41.753000+00:00</t>
  </si>
  <si>
    <t>2014-11-19 05:57:57.177000+00:00</t>
  </si>
  <si>
    <t>mysql|cakephp|join</t>
  </si>
  <si>
    <t>how to push table selections to array: jquery</t>
  </si>
  <si>
    <t>&lt;p&gt;&lt;strong&gt;Summary:&lt;/strong&gt; I have a html page which consists of two add buttons and two tables. When add button is clicked, rows are appended to respective table. In the back end i want to collect all the row elements when "button" is clicked and POST to other page.&lt;/p&gt;
&lt;pre&gt;&lt;code&gt;&amp;lt;div class="report"&amp;gt;
        &amp;lt;div class="panel"&amp;gt;
        &amp;lt;div&amp;gt;
        &amp;lt;button type="button" class="add btn btn-primary" data-toggle="tooltip" title="Add to configuration list."&amp;gt;
                            &amp;lt;i class="fa fa-plus"&amp;gt;&amp;lt;/i&amp;gt;
                            Add
                        &amp;lt;/button&amp;gt;
                    &amp;lt;/div&amp;gt;
                &amp;lt;div class ="configuration-table panel-body"&amp;gt;
                    &amp;lt;table class="table table-striped table-bordered table-condensed"&amp;gt;
                        &amp;lt;thead&amp;gt;
                            &amp;lt;tr&amp;gt;
                                &amp;lt;th&amp;gt;Remove&amp;lt;/th&amp;gt;
                                &amp;lt;th&amp;gt;Layer&amp;lt;/th&amp;gt;
                                &amp;lt;th&amp;gt;Display&amp;lt;/th&amp;gt;
                                &amp;lt;th&amp;gt;Unit&amp;lt;/th&amp;gt;
                                &amp;lt;th&amp;gt;Dataset&amp;lt;/th&amp;gt;
                                &amp;lt;th&amp;gt;Ordering&amp;lt;/th&amp;gt;
                            &amp;lt;/tr&amp;gt;
                        &amp;lt;/thead&amp;gt;
                        &amp;lt;tbody&amp;gt;&amp;lt;/tbody&amp;gt;
                    &amp;lt;/table&amp;gt;
                &amp;lt;/div&amp;gt;
    &amp;lt;/div&amp;gt;
        &amp;lt;div class = "done"&amp;gt;
        &amp;lt;input class="btn btn-success" formaction="{% url 'something' %}" formmethod="post" type="submit" value="Done"&amp;gt;&amp;lt;/input&amp;gt;
        &amp;lt;/div&amp;gt;
&amp;lt;/div&amp;gt;
&lt;/code&gt;&lt;/pre&gt;
&lt;p&gt;and here is reports.js&lt;/p&gt;
&lt;pre&gt;&lt;code&gt;var arr = [];
$('.report')
        .on('click','.add', function(){
              $(this)
                    .parents('.report')
                    .find('.configuration-table tbody')
                        .append(
                            '&amp;lt;tr&amp;gt;'+
                            '&amp;lt;td class="remove-row" role="button" aria-label="Remove Region"&amp;gt;&amp;lt;i class="fa fa-times" title="Remove this row." data-toggle="tooltip" data-placement="right" aria-hidden="true"&amp;gt;&amp;lt;/i&amp;gt;&amp;lt;/td&amp;gt;'+
                            '&amp;lt;td&amp;gt;'+layer_text+'&amp;lt;/td&amp;gt;'+
                            map_elements+
                            '&amp;lt;td&amp;gt;'+unit_text+'&amp;lt;/td&amp;gt;'+
                            '&amp;lt;td&amp;gt;'+dataset_text+'&amp;lt;/td&amp;gt;'+
                            '&amp;lt;td class="ordering" aria-label="Re-order"&amp;gt;&amp;lt;i class="fa fa-arrows" title="Re-arrange row order." data-toggle="tooltip" data-placement="right"&amp;gt;&amp;lt;/i&amp;gt;&amp;lt;/td&amp;gt;'+
                            '&amp;lt;/tr&amp;gt;'
                        )
                        .on('click','.remove-row',function() {
                            $(this).parents('tr').remove();
                        })
                        .sortable({
                            helper: script
                        })
                        .disableSelection();
        .on('submit','.done form',function(){
                //do domething to collect columns
              $('.configuration-table tbody').each(function(){
                arr.push({
                  column.name: column.value
                });
              });
     })
&lt;/code&gt;&lt;/pre&gt;
&lt;p&gt;Here as you can see that table &lt;strong&gt;rows can be removed/sortable&lt;/strong&gt;. Dont worry about POST method now. I just need the logic to collect columns from the table after done button is clicked. &lt;/p&gt;
&lt;p&gt;Assume script is correct in terms of class names and traversal-filters. I just need the logic to collect column elements and push to "arr".&lt;/p&gt;
&lt;p&gt;Thanks in advance&lt;/p&gt;</t>
  </si>
  <si>
    <t>2015-07-15 18:25:52.907000+00:00</t>
  </si>
  <si>
    <t>2015-07-15 18:36:59.290000+00:00</t>
  </si>
  <si>
    <t>javascript|jquery|arrays</t>
  </si>
  <si>
    <t>moving Drupal 6 site - get blank white page</t>
  </si>
  <si>
    <t>&lt;p&gt;I moved Drupal from one Linux server to another by copying files to PC then back to new server. I made changes to settings.php to reflect new database name.  I got PHPmyADMIN working, so I know database and server are running. &lt;/p&gt;
&lt;p&gt;When I run index.php, I get white screen. However in index.php when I echo out menu_execute_active_handler(), I get some part of my home page without menus. I think that this means that I am getting through bootstrap but failing somewhere else.  Any ideas?&lt;/p&gt;
&lt;p&gt;&lt;strong&gt;index.php&lt;/strong&gt;&lt;/p&gt;
&lt;pre&gt;
require_once './includes/bootstrap.inc';
drupal_bootstrap(DRUPAL_BOOTSTRAP_FULL);
$return = menu_execute_active_handler();
echo $return ;
&lt;/pre&gt;</t>
  </si>
  <si>
    <t>2011-04-28 01:08:17.193000+00:00</t>
  </si>
  <si>
    <t>2015-06-29 14:12:57.420000+00:00</t>
  </si>
  <si>
    <t>drupal|transfer|failed-installation|bootstrapping</t>
  </si>
  <si>
    <t>Java: How to get rid of only some numbers in a list?</t>
  </si>
  <si>
    <t>&lt;p&gt;I don't really know how to explain this but i can show. The goal i want to accomplish is that the first loop produces numbers 1,2,3,4,5. Then the second loop produces numbers 1,2,3,4,5,6,7,8,9. I want this second loop to output the numbers 6,7,8,9. Then in the third loop it would output 10,11,12,13,14,15. Now how would I go by doing this?&lt;/p&gt;
&lt;pre&gt;&lt;code&gt;                int horse= 5
        for (int w =1; w &amp;lt;= horse; w++)
        {
            System.out.println(w + " The first loop");
        }
        int test= horse + 4;
        for (int w =1; w &amp;lt;= test; w++)
        {
            System.out.println(w + " The second loop");
        }
        int try = test + 6;
        for (int w =1; w &amp;lt;= try; w++)
        {
            System.out.println(w + " The third loop");
        }
&lt;/code&gt;&lt;/pre&gt;</t>
  </si>
  <si>
    <t>2014-06-02 02:48:18.110000+00:00</t>
  </si>
  <si>
    <t>2014-06-02 14:20:45.917000+00:00</t>
  </si>
  <si>
    <t>How do I prevent jQuery .hover function from affecting all images simultaneously?</t>
  </si>
  <si>
    <t>&lt;p&gt;I'm not sure the title explains it well enough, but was trying to keep it quite short!&lt;/p&gt;
&lt;p&gt;So, I've got a number of images scattered around a page and have created a lightbox gallery for them all (.cboxElement is the class that calls it).  What i wanted to add into this was a hover effect on each image affected by the lightbox so the user knows it can be zoomed.&lt;/p&gt;
&lt;p&gt;The problem:&lt;/p&gt;
&lt;p&gt;I didn't write the original code for the site and this is a new feature.  Due to inconsistencies in classes across images, I had to prepend a  tag before each image with a unique class for the hover method to refer to, as follows:&lt;/p&gt;
&lt;pre&gt;&lt;code&gt;    $("a.cboxElement").each(function(){
        $(this).prepend("&amp;lt;span class='zoom'&amp;gt;&amp;lt;/span&amp;gt;");
    });
&lt;/code&gt;&lt;/pre&gt;
&lt;p&gt;Immediately following this, I've used the hover effect:&lt;/p&gt;
&lt;pre&gt;&lt;code&gt;    $("a.cboxElement").hover(function(){
        $("a.cboxElement span").fadeIn('fast');
    },
    function(){
        $("a.cboxElement span").fadeOut('fast');
    });
&lt;/code&gt;&lt;/pre&gt;
&lt;p&gt;The problem is that when I hover over an image on the page, the hover effect appears on every image simultaneously and I can't work out how to get it to affect only the image I'm hovering over.&lt;/p&gt;
&lt;p&gt;Does anyone have any ideas as to what I could do?&lt;/p&gt;
&lt;p&gt;Many thanks,&lt;/p&gt;
&lt;p&gt;Jon&lt;/p&gt;</t>
  </si>
  <si>
    <t>2011-08-26 13:39:46.157000+00:00</t>
  </si>
  <si>
    <t>2011-08-26 13:55:54.807000+00:00</t>
  </si>
  <si>
    <t>jquery-hover|jquery</t>
  </si>
  <si>
    <t>Creating, and updating a table or matrix in Matlab</t>
  </si>
  <si>
    <t>&lt;p&gt;Is it possible to create a matrix or table that is either an empty matrix or a table only of headers. That will add to the bottom row, that is i.e. not overwriting existing data, and not dependent on table/matrix placement indecies.&lt;/p&gt;
&lt;hr&gt;
&lt;p&gt;Example i have and empty matrix &lt;/p&gt;
&lt;pre&gt;&lt;code&gt;A = []
&lt;/code&gt;&lt;/pre&gt;
&lt;p&gt;I now get some data &lt;/p&gt;
&lt;pre&gt;&lt;code&gt;x = [1 2 3]
&lt;/code&gt;&lt;/pre&gt;
&lt;p&gt;I want to update A so that it becomes &lt;/p&gt;
&lt;pre&gt;&lt;code&gt;A = [1 2 3]
&lt;/code&gt;&lt;/pre&gt;
&lt;p&gt;Now, i get even more data&lt;/p&gt;
&lt;pre&gt;&lt;code&gt;z = 4 5 3
&lt;/code&gt;&lt;/pre&gt;
&lt;p&gt;and A becomes&lt;/p&gt;
&lt;pre&gt;&lt;code&gt;A = [1 2 3,
     4 5 3]
&lt;/code&gt;&lt;/pre&gt;
&lt;p&gt;And so forth and so on.&lt;/p&gt;
&lt;p&gt;x and z does not exist at the same time.&lt;/p&gt;</t>
  </si>
  <si>
    <t>2015-01-21 10:40:50.993000+00:00</t>
  </si>
  <si>
    <t>2015-01-21 11:06:28.323000+00:00</t>
  </si>
  <si>
    <t>Tracking database records consistently for change</t>
  </si>
  <si>
    <t>&lt;p&gt;I have a very basic communication software that uses database to save messages entered by PC1 and PC2 uses the same database to read these messages and vice versa. My problem is, I need a technique so that I can keep checking the database for new messages. Or I need something that invokes a method to download the message when new record is inserted in the database. At the moment I use a timer which checks the DB every minute regardless of a new record being inserted. I'm looking for a more efficient way to perform the same task.&lt;/p&gt;
&lt;p&gt;Any suggestion is welcome.&lt;/p&gt;
&lt;p&gt;Thank you&lt;/p&gt;</t>
  </si>
  <si>
    <t>2014-10-06 16:09:58.133000+00:00</t>
  </si>
  <si>
    <t>2014-10-06 16:34:12.220000+00:00</t>
  </si>
  <si>
    <t>java|database|communication</t>
  </si>
  <si>
    <t>Which statistical measures for 4 class classification?</t>
  </si>
  <si>
    <t>&lt;p&gt;I have a classification task with 4 classes which I solve with machine learning classifiers (SVM etc.).&lt;/p&gt;
&lt;p&gt;Which statistical measures can be used for 4 classes? I will for sure use p-value (with permutation test) but I need some more.&lt;/p&gt;
&lt;p&gt;Some interesting measures are true positive rate, true negative rate, positive predictive value, negative predictive value, are under ROC curve, are under the PR curve.... But I think that this are all only for 2 classes.&lt;/p&gt;</t>
  </si>
  <si>
    <t>2015-06-06 23:12:26.557000+00:00</t>
  </si>
  <si>
    <t>2015-06-08 18:47:57.503000+00:00</t>
  </si>
  <si>
    <t>2015-06-07 09:31:36.777000+00:00</t>
  </si>
  <si>
    <t>machine-learning|statistics|classification|multilabel-classification</t>
  </si>
  <si>
    <t>Paypal redirect to mobile native apps</t>
  </si>
  <si>
    <t>&lt;p&gt;I am using Paypal checkout as payment gateway for my mobile web application and it works fine.&lt;/p&gt;
&lt;p&gt;Now I am trying to create Mobile native app (android, ios, windows) using Phonegap and facing issue while redirecting Paypal back to my mobile app.&lt;/p&gt;
&lt;p&gt;What URL should I give as RETURURL in case of mobile native app?&lt;/p&gt;
&lt;p&gt;Is there any way I can return user back to the mobile native app?&lt;/p&gt;
&lt;p&gt;Thanks for your help in advance. Have a great day.&lt;/p&gt;
&lt;p&gt;Regards... Mehul Patel&lt;/p&gt;</t>
  </si>
  <si>
    <t>2013-10-25 15:24:55.313000+00:00</t>
  </si>
  <si>
    <t>2013-10-25 15:31:50.380000+00:00</t>
  </si>
  <si>
    <t>paypal|returnurl|nativeapplication</t>
  </si>
  <si>
    <t>How to overlap two screens on button click</t>
  </si>
  <si>
    <t>&lt;p&gt;I have created two ViewController in objective-c designed on storyboard. But my issue is that, i want to show like that (i have attached screenshot).&lt;a href="https://i.stack.imgur.com/yXHwe.jpg" rel="nofollow noreferrer"&gt;&lt;img src="https://i.stack.imgur.com/yXHwe.jpg" alt="enter image description here"&gt;&lt;/a&gt;&lt;/p&gt;
&lt;p&gt;Anybody can help me..&lt;/p&gt;</t>
  </si>
  <si>
    <t>2017-01-12 04:49:42.880000+00:00</t>
  </si>
  <si>
    <t>2017-01-12 05:03:56.937000+00:00</t>
  </si>
  <si>
    <t>How do make serialize / deserialize this entity?</t>
  </si>
  <si>
    <t>&lt;p&gt;The code below defines a dictionary used to transform field values. Data is read, some of the values are transformed based on this dictionary, and written to a table. It works as-is. The problem, I now want to move this configuration outside the .py file into a JSON configuration file.&lt;/p&gt;
&lt;pre&gt;&lt;code&gt; lookups = {
     11: {
         "ST1": ["ABC"],
         "UNK01": ["125", "ACD"],
         "A": ["52"],
         "B": ["91"],
         "C": ["92"],
         "D": ["95"]
        },
     10: {
         "XYZ01": ["91"],
         "XYZ02": ["83"],
         "XYZ03": ["27"]
        }
 }
&lt;/code&gt;&lt;/pre&gt;
&lt;p&gt;According to jsonlint.com, in order for the above value being assigned to &lt;code&gt;lookups&lt;/code&gt; to be valid JSON, I must quote the &lt;code&gt;11&lt;/code&gt; and &lt;code&gt;10&lt;/code&gt; keys. Doing so breaks my Python code and displays &lt;code&gt;TypeError: list indices must be integers, not str&lt;/code&gt;.&lt;/p&gt;
&lt;p&gt;How do I create valid JSON and minimize changes to my code?&lt;/p&gt;</t>
  </si>
  <si>
    <t>2015-02-06 20:57:02.490000+00:00</t>
  </si>
  <si>
    <t>2015-02-06 21:36:31.747000+00:00</t>
  </si>
  <si>
    <t>python|json|python-2.7</t>
  </si>
  <si>
    <t>jquery hover, mouseenter, and mouseleave not working after .appendTo</t>
  </si>
  <si>
    <t>&lt;p&gt;I bind the mouseenter and mouseleave event in $document.ready() like this:&lt;/p&gt;
&lt;pre&gt;&lt;code&gt;$( ".collection_add_to" ).hover(
    function() { $(this).find( ".playlists" ).fadeIn("fast"); },
    function() { $(this).find( ".playlists" ).fadeOut("fast"); }
);
&lt;/code&gt;&lt;/pre&gt;
&lt;p&gt;The user can request more search results which have the class ".collection_add_to". They are appended to the existing search results like this:&lt;/p&gt;
&lt;pre&gt;&lt;code&gt;$.get("context/collection/", $data, function(result) {
    $( result ).appendTo( "#collection_song_items" );
    // rebind_hover();
});
&lt;/code&gt;&lt;/pre&gt;
&lt;p&gt;I doubled checked that the returned results have the class ".collection_add_to". I also tried to rebind this in extra routine:&lt;/p&gt;
&lt;pre&gt;&lt;code&gt;function rebind_hover() {
    $( ".collection_add_to" ).hover(
        function() { $(this).find( ".playlists" ).fadeIn("fast"); },
        function() { $(this).find( ".playlists" ).fadeOut("fast"); }
    );
}
&lt;/code&gt;&lt;/pre&gt;
&lt;p&gt;Nothing worked, the hover event is not working anymore on the newly added items. When using the $load() function, it works. How can I make the hover-event working again on dynamically loaded content, especially when content is added with append() or appendTo()?&lt;/p&gt;
&lt;p&gt;&lt;strong&gt;edit&lt;/strong&gt;&lt;/p&gt;
&lt;p&gt;Thanks to sacho on irc and Raminson:&lt;/p&gt;
&lt;pre&gt;&lt;code&gt;$(document).on("mouseenter", ".collection_add_to", function() {
           console.log("MOUSEENTER");
});
$(document).on("mouseleave", ".collection_add_to", function() {
           console.log("MOUSELEAVE");
});
&lt;/code&gt;&lt;/pre&gt;
&lt;p&gt;It was not clear to me that event delegation should be done from a &lt;strong&gt;node which should be higher in the DOM&lt;/strong&gt; than the target element.&lt;/p&gt;</t>
  </si>
  <si>
    <t>2012-07-28 22:07:50.080000+00:00</t>
  </si>
  <si>
    <t>2014-03-17 20:17:08.960000+00:00</t>
  </si>
  <si>
    <t>2012-07-28 22:56:40.370000+00:00</t>
  </si>
  <si>
    <t>Symfony - New object created instead of update</t>
  </si>
  <si>
    <t>&lt;p&gt;I have &lt;code&gt;Apparel&lt;/code&gt; and &lt;code&gt;User&lt;/code&gt; classes. Each &lt;code&gt;user&lt;/code&gt; can have many &lt;code&gt;apparels&lt;/code&gt;. And &lt;code&gt;apparel&lt;/code&gt; can be belong to only one &lt;code&gt;User&lt;/code&gt;&lt;/p&gt;
&lt;pre&gt;&lt;code&gt;class Apparel
{
    /**
     * @ORM\ManyToOne(targetEntity="User", inversedBy="apparels", cascade={"persist"})
     * @ORM\JoinColumn(name="user_id", referencedColumnName="id", onDelete="CASCADE")
     */
    private $user;    
}
class User 
{
    /**
     * @ORM\OneToMany(targetEntity="Apparel", mappedBy="user")
     */
    private $apparels;
}
&lt;/code&gt;&lt;/pre&gt;
&lt;p&gt;The problem is that new user are added to database when I'm updating.&lt;/p&gt;
&lt;ul&gt;
&lt;li&gt;What is wrong with my code?&lt;/li&gt;
&lt;/ul&gt;
&lt;p&gt;Here's my &lt;strong&gt;Controller&lt;/strong&gt;&lt;/p&gt;
&lt;pre&gt;&lt;code&gt;$user = $this-&amp;gt;get('session')-&amp;gt;get('user');
$apparel-&amp;gt;setUser($user);
$entityManager = $this-&amp;gt;getDoctrine()-&amp;gt;getManager();
$entityManager-&amp;gt;persist($apparel);
$entityManager-&amp;gt;flush();
&lt;/code&gt;&lt;/pre&gt;
&lt;p&gt;&lt;img src="https://i.stack.imgur.com/awgEy.jpg" alt="enter image description here"&gt;&lt;/p&gt;</t>
  </si>
  <si>
    <t>2013-10-17 17:55:23.273000+00:00</t>
  </si>
  <si>
    <t>2013-10-28 15:40:41.603000+00:00</t>
  </si>
  <si>
    <t>2013-10-28 15:39:25.673000+00:00</t>
  </si>
  <si>
    <t>php|symfony|doctrine2|doctrine|symfony-2.1</t>
  </si>
  <si>
    <t>How to send message with attached image in telegram bot c#</t>
  </si>
  <si>
    <t>&lt;p&gt;I want send message with attached image via telegram bot like this:
&lt;a href="https://i.stack.imgur.com/vS5mQ.jpg" rel="nofollow noreferrer"&gt;&lt;img src="https://i.stack.imgur.com/vS5mQ.jpg" alt="Sample liked Result"&gt;&lt;/a&gt;&lt;/p&gt;
&lt;p&gt;My code is here but message is nothing:&lt;/p&gt;
&lt;pre&gt;&lt;code&gt;//var path = "&amp;lt;b&amp;gt;Hello&amp;lt;/b&amp;gt;\n"
        //+ "&amp;lt;a href=\"Image\\2.jpg\"&amp;gt;&amp;amp;#8203;&amp;lt;/a&amp;gt;";
        //+ "&amp;lt;code&amp;gt;and a little bit code&amp;lt;/code&amp;gt;\n"
        //string path = System.IO.Path.Combine("Image\\2.jpg");
        string path = @"D:\2.jpg";
        bot.SendTextMessageAsync(chatId, "&amp;lt;a href='" + path + "'&amp;gt;My file&amp;lt;/a&amp;gt;", ParseMode.Html, false);
&lt;/code&gt;&lt;/pre&gt;
&lt;p&gt;please resolve this.!&lt;/p&gt;</t>
  </si>
  <si>
    <t>2018-04-05 11:50:23.383000+00:00</t>
  </si>
  <si>
    <t>2018-04-05 14:15:18.113000+00:00</t>
  </si>
  <si>
    <t>c#|telegram-bot</t>
  </si>
  <si>
    <t>error comming while adding new component and adding tree structure in that component in the application of angular 6</t>
  </si>
  <si>
    <t>&lt;p&gt;&lt;div class="snippet" data-lang="js" data-hide="false" data-console="true" data-babel="false"&gt;_x000D_
&lt;div class="snippet-code"&gt;_x000D_
&lt;pre class="snippet-code-js lang-js prettyprint-override"&gt;&lt;code&gt;import { CommonModule } from '@angular/common';_x000D_
import { HttpClient, HttpClientModule } from '@angular/common/http';_x000D_
import { NgModule } from '@angular/core';_x000D_
import { BrowserModule } from '@angular/platform-browser';_x000D_
import { BrowserAnimationsModule } from '@angular/platform-browser/animations';_x000D_
import { TranslateLoader, TranslateModule } from '@ngx-translate/core';_x000D_
import { TranslateHttpLoader } from '@ngx-translate/http-loader';_x000D_
_x000D_
import { AppRoutingModule } from './app-routing.module';_x000D_
import { AppComponent } from './app.component';_x000D_
import { AuthGuard } from './shared';_x000D_
import { CookieService} from 'ngx-cookie-service';_x000D_
import {SelectModule} from 'ng-select';_x000D_
_x000D_
import { NgbModule } from '@ng-bootstrap/ng-bootstrap';_x000D_
import { ReactiveFormsModule } from '@angular/forms';_x000D_
_x000D_
import {ToastrModule} from 'ngx-toastr';_x000D_
//import { TreeComponent } from './tree/tree.component';_x000D_
import { MatTreeModule, MatIconModule, MatButtonModule } from '@angular/material';_x000D_
_x000D_
_x000D_
// AoT requires an exported function for factories_x000D_
export const createTranslateLoader = (http: HttpClient) =&amp;gt; {_x000D_
    /* for development_x000D_
    return new TranslateHttpLoader(_x000D_
        http,_x000D_
        '/start-angular/SB-Admin-BS4-Angular-6/master/dist/assets/i18n/',_x000D_
        '.json'_x000D_
    ); */_x000D_
    return new TranslateHttpLoader(http, './assets/i18n/', '.json');_x000D_
};_x000D_
_x000D_
@NgModule({_x000D_
    _x000D_
    imports: [_x000D_
        CommonModule,_x000D_
        BrowserModule,_x000D_
        BrowserAnimationsModule,_x000D_
        HttpClientModule,_x000D_
        NgbModule.forRoot(),_x000D_
        // NgMultiSelectDropDownModule.forRoot(),_x000D_
        // NgSelectModule,_x000D_
        // FormsModule,_x000D_
        SelectModule,_x000D_
        ToastrModule.forRoot(),_x000D_
        TranslateModule.forRoot({_x000D_
            loader: {_x000D_
                provide: TranslateLoader,_x000D_
                useFactory: createTranslateLoader,_x000D_
                deps: [HttpClient]_x000D_
            }_x000D_
        }),_x000D_
        AppRoutingModule,_x000D_
        ReactiveFormsModule, _x000D_
        MatTreeModule,_x000D_
        MatIconModule,_x000D_
        MatButtonModule_x000D_
    ],_x000D_
    declarations: [AppComponent],_x000D_
    providers: [AuthGuard, CookieService],_x000D_
    bootstrap: [AppComponent]_x000D_
})_x000D_
export class AppModule {}&lt;/code&gt;&lt;/pre&gt;_x000D_
&lt;pre class="snippet-code-css lang-css prettyprint-override"&gt;&lt;code&gt;.example-tree-invisible {_x000D_
    display: none;_x000D_
  }_x000D_
  _x000D_
  .example-tree ul,_x000D_
  .example-tree li {_x000D_
    margin-top: 0;_x000D_
    margin-bottom: 0;_x000D_
    list-style-type: none;_x000D_
  }_x000D_
  &lt;/code&gt;&lt;/pre&gt;_x000D_
&lt;pre class="snippet-code-html lang-html prettyprint-override"&gt;&lt;code&gt;&amp;lt;mat-tree [dataSource]="nestedDataSource" [treeControl]="nestedTreeControl" class="example-tree"&amp;gt;_x000D_
  &amp;lt;mat-tree-node *matTreeNodeDef="let node" matTreeNodeToggle&amp;gt;_x000D_
    &amp;lt;li class="mat-tree-node"&amp;gt;_x000D_
      &amp;lt;button mat-icon-button disabled&amp;gt;&amp;lt;/button&amp;gt;_x000D_
      {{node.filename}}:  {{node.type}}_x000D_
    &amp;lt;/li&amp;gt;_x000D_
  &amp;lt;/mat-tree-node&amp;gt;_x000D_
_x000D_
  &amp;lt;mat-nested-tree-node *matTreeNodeDef="let node; when: hasNestedChild"&amp;gt;_x000D_
    &amp;lt;li&amp;gt;_x000D_
      &amp;lt;div class="mat-tree-node"&amp;gt;_x000D_
        &amp;lt;button mat-icon-button matTreeNodeToggle_x000D_
                [attr.aria-label]="'toggle ' + node.filename"&amp;gt;_x000D_
          &amp;lt;mat-icon class="mat-icon-rtl-mirror"&amp;gt;_x000D_
            {{nestedTreeControl.isExpanded(node) ? 'expand_more' : 'chevron_right'}}_x000D_
          &amp;lt;/mat-icon&amp;gt;_x000D_
        &amp;lt;/button&amp;gt;_x000D_
        {{node.filename}}_x000D_
      &amp;lt;/div&amp;gt;_x000D_
      &amp;lt;ul [class.example-tree-invisible]="!nestedTreeControl.isExpanded(node)"&amp;gt;_x000D_
        &amp;lt;ng-container matTreeNodeOutlet&amp;gt;&amp;lt;/ng-container&amp;gt;_x000D_
      &amp;lt;/ul&amp;gt;_x000D_
    &amp;lt;/li&amp;gt;_x000D_
  &amp;lt;/mat-nested-tree-node&amp;gt;_x000D_
&amp;lt;/mat-tree&amp;gt;&lt;/code&gt;&lt;/pre&gt;_x000D_
&lt;/div&gt;_x000D_
&lt;/div&gt;_x000D_
&lt;/p&gt;
&lt;p&gt;Thank you for helping me in advance.&lt;/p&gt;
&lt;p&gt;I m biggener in Angular JS 6 need your help as i have tried implementing tree into the application link of this is shown below:-&lt;/p&gt;
&lt;p&gt;&lt;a href="https://material.angular.io/components/tree/overview" rel="nofollow noreferrer"&gt;https://material.angular.io/components/tree/overview&lt;/a&gt;&lt;/p&gt;
&lt;p&gt;While implementing facing an issue can any person help me to get out of that error. Please find attached error log which found on browser when done inspect element. &lt;/p&gt;
&lt;p&gt;{ ERROR Error: "Uncaught (in promise): Error: Unexpected value 'TreeComponent' declared by the module 'TreeModule'. Please add a @Pipe/@Directive/@Component annotation.
syntaxError}&lt;/p&gt;
&lt;p&gt;If you need anything else to check the issue please do let me know.&lt;/p&gt;
&lt;p&gt;Thank you for Answer.&lt;/p&gt;</t>
  </si>
  <si>
    <t>2018-11-12 12:11:51.117000+00:00</t>
  </si>
  <si>
    <t>2018-11-12 12:16:54.907000+00:00</t>
  </si>
  <si>
    <t>javascript|node.js|typescript|angular6</t>
  </si>
  <si>
    <t>How to magnify html2canvas generated image with a jquery plugin?</t>
  </si>
  <si>
    <t>&lt;p&gt;I have generated an image using html2canvas library, and now i'm trying to use a jquery magnifier plugin (&lt;a href="https://www.jqueryscript.net/zoom/Simple-Yet-Versatile-jQuery-Image-Magnifying-Plugin-Zoomple.html" rel="nofollow noreferrer"&gt;zoomple&lt;/a&gt;) It works perfectly when I give it a static image link, but I want it to magnify the dynamically generated image which it doesn't :(   &lt;/p&gt;
&lt;p&gt;Html&lt;/p&gt;
&lt;pre&gt;&lt;code&gt;   &amp;lt;a class="zoomple"&amp;gt; &amp;lt;/a&amp;gt;
&lt;/code&gt;&lt;/pre&gt;
&lt;p&gt;Jquery&lt;/p&gt;
&lt;pre&gt;&lt;code&gt; html2canvas(document.querySelector(".canvas-container"),{scale: 2}).then(function (canvas){
    var img = new Image();
    var img_url = canvas.toDataURL("image/png");
    img.src = canvas.toDataURL("image/png");
    $(".zoomple").attr('href',img_url);
    document.getElementsByClassName('zoomple')[0].appendChild(img);
        $('.zoomple').zoomple({ 
        offset : {x:-150,y:-150},
        zoomWidth : 300,  
        zoomHeight : 300,
        roundedCorners : true
      });
    });
&lt;/code&gt;&lt;/pre&gt;</t>
  </si>
  <si>
    <t>2018-11-11 13:54:54.363000+00:00</t>
  </si>
  <si>
    <t>html2canvas</t>
  </si>
  <si>
    <t>Get start and end values of kendo slider</t>
  </si>
  <si>
    <t>&lt;p&gt;I'm trying to get the start value and end value of kendo slider.&lt;/p&gt;
&lt;p&gt;&lt;a href="http://demos.kendoui.com/web/slider/events.html" rel="nofollow"&gt;http://demos.kendoui.com/web/slider/events.html&lt;/a&gt;&lt;/p&gt;
&lt;p&gt;I'm using normal slider and not the range slider.For example, lets assume that initial slider value is set to 10 then user slides it to 30 and then i need to get the difference between those two values, which should be 20.&lt;/p&gt;
&lt;pre&gt;&lt;code&gt;@(Html.Kendo().Slider()
          .Name("VariableSlider")
          .Min(0)
           .Max(100)
          .SmallStep(1)
          .LargeStep(10)
                //.Value(50)
          .Events(events =&amp;gt; events
              .Change("VariableSliderChange"))
          .HtmlAttributes(new { @class = "temperature", @style = "width:500px" }))
        &amp;lt;script&amp;gt;
            function VariableSliderChange(e) {
                // get the difference between start and end values here.
            }
        &amp;lt;/script&amp;gt;
&lt;/code&gt;&lt;/pre&gt;</t>
  </si>
  <si>
    <t>2014-01-24 04:18:03.453000+00:00</t>
  </si>
  <si>
    <t>2014-01-24 06:21:26.363000+00:00</t>
  </si>
  <si>
    <t>javascript|jquery|kendo-ui|kendo-asp.net-mvc</t>
  </si>
  <si>
    <t>jQuery callback functions</t>
  </si>
  <si>
    <t>&lt;p&gt;I have a function - &lt;code&gt;vertToggle()&lt;/code&gt; - that toggles an element to slide up and down off the screen. I want to create a chain of events that slides the element off screen, changes the content within it, then slides it back up. However they need to be fired one after the other, not at the same time so they need to be setup as callbacks to one another.&lt;/p&gt;
&lt;p&gt;The current, non-working, setup is:&lt;/p&gt;
&lt;pre&gt;&lt;code&gt;vertToggle( '-' );
$(".content").hide()
$("#"+load).show();
vertToggle( '+' );
&lt;/code&gt;&lt;/pre&gt;
&lt;p&gt;However I don't have my head around the necessary callback function syntax to make these trigger correctly, ie perform &lt;code&gt;vertToggle()&lt;/code&gt;, when complete do the &lt;code&gt;hide/show&lt;/code&gt; inbetween, then when these are done perform the second &lt;code&gt;vertToggle()&lt;/code&gt;.&lt;/p&gt;
&lt;p&gt;Thanks for any pointers.&lt;/p&gt;
&lt;p&gt;EDIT: as requested this is the vertToggle function, not sure if it's relevant.. $overlay is the element that is being animated:&lt;/p&gt;
&lt;pre&gt;&lt;code&gt;function vertToggle( offset ) {
    var height = $overlay.outerHeight();
    var props = {};
    var distance = ( offset == '-' ) ? height : 0 ;
    props["bottom"] = offset+distance+'px';
    if( !Modernizr.csstransitions ) {
        $overlay.animate(props, 750);
        $overlay.toggleClass("open");
    }
    else {
        $overlay.css(props);
        $overlay.toggleClass("open");
    }
}
&lt;/code&gt;&lt;/pre&gt;</t>
  </si>
  <si>
    <t>2013-02-08 13:32:46.017000+00:00</t>
  </si>
  <si>
    <t>2013-02-08 13:42:18.807000+00:00</t>
  </si>
  <si>
    <t>javascript|jquery|callback</t>
  </si>
  <si>
    <t>Sharing Sessions with 302 Redirects/IMG SRC/ JSON-P and implications with Google SEO/Pagerank or Other Problems</t>
  </si>
  <si>
    <t>&lt;p&gt;I am currently researching the best way to share the same session across two domains (for a shared shopping cart / shared account feature).  I have decided on two of three different approaches:&lt;/p&gt;
&lt;p&gt;Every 15 minutes, send a one time only token (made from a secret and user IP/user agent) to "sync the sessions" using:&lt;/p&gt;
&lt;ol&gt;
&lt;li&gt;&lt;p&gt;img src tag&lt;/p&gt;
&lt;p&gt;img src="http://domain-two.com/sessionSync.png?token="urlsafebase64_hash"&lt;/p&gt;
&lt;ul&gt;
&lt;li&gt;&lt;p&gt;displays an empty 1x1 pixel image and starts a remote session session with the same session ID on the remote server.  The png is actually a PHP script with some mod_rewrite action.&lt;/p&gt;&lt;/li&gt;
&lt;li&gt;&lt;p&gt;Drawbacks:  what if images are disabled?&lt;/p&gt;&lt;/li&gt;
&lt;/ul&gt;&lt;/li&gt;
&lt;li&gt;&lt;p&gt;a succession of 302 redirect headers (almost same as above, just sending token using 302's instead:&lt;/p&gt;
&lt;ul&gt;
&lt;li&gt;redirect to domain-2.com/sessionSync.php?token="urlsafebase64_hash"&lt;/li&gt;
&lt;li&gt;&lt;p&gt;then from domain-2.com/sessionSync, set(or refresh) the session and redirect back to domain-1.com to continue original request. &lt;/p&gt;&lt;/li&gt;
&lt;li&gt;&lt;p&gt;QuestionL What does Google think about this in terms of SEO/Pagerank??  Will their bots have issues crawling my site properly?  Will they think I am trying to trick the user?&lt;/p&gt;&lt;/li&gt;
&lt;li&gt;&lt;p&gt;Drawbacks:  3 requests before a user gets a page load, which is slower than the IMG technique.&lt;/p&gt;&lt;/li&gt;
&lt;li&gt;Advantages: Almost always works?&lt;/li&gt;
&lt;/ul&gt;&lt;/li&gt;
&lt;li&gt;&lt;p&gt;use jsonp  to do the same as above.&lt;/p&gt;
&lt;ul&gt;
&lt;li&gt;Drawbacks: won't work if javascript is disabled.  I am avoiding this option because of particularly this.&lt;/li&gt;
&lt;li&gt;Advantages:  callback function on success may be useful (but not really in this situation)&lt;/li&gt;
&lt;/ul&gt;&lt;/li&gt;
&lt;/ol&gt;
&lt;p&gt;My questions are:&lt;/p&gt;
&lt;ul&gt;
&lt;li&gt;What will google think of using 302's as stated in example 2 above?  Will they punish me?&lt;/li&gt;
&lt;li&gt;What do you think the best way is?&lt;/li&gt;
&lt;li&gt;Are there any security considerations introduced by any of these methods?&lt;/li&gt;
&lt;li&gt;Am I not realizing something else that might cause problems?&lt;/li&gt;
&lt;/ul&gt;
&lt;p&gt;Thanks for all the help in advance!&lt;/p&gt;</t>
  </si>
  <si>
    <t>2011-02-07 07:54:53.573000+00:00</t>
  </si>
  <si>
    <t>2011-02-07 12:35:47.463000+00:00</t>
  </si>
  <si>
    <t>2011-02-07 08:43:15.187000+00:00</t>
  </si>
  <si>
    <t>php|javascript|apache|session</t>
  </si>
  <si>
    <t>How to list from A to Z in PHP, and then on to AA, AB, AC, etc</t>
  </si>
  <si>
    <t>&lt;p&gt;I know how to list from A to Z:&lt;/p&gt;
&lt;pre&gt;&lt;code&gt;foreach (range('A', 'Z') as $char) {
  echo $char . "\n";
}
&lt;/code&gt;&lt;/pre&gt;
&lt;p&gt;But how do I go on from there to list AA, AB, AC, AD, ... AZ, BA, BB, BC and so on?&lt;/p&gt;
&lt;p&gt;I did a quick Google search and couldn't find anything, though I guess the approach will be different.&lt;/p&gt;
&lt;p&gt;I think I can do it by using a for loop and an array with the letters inside, though that way seems a bit uncouth.&lt;/p&gt;
&lt;p&gt;Any other way?&lt;/p&gt;
&lt;p&gt;Thanks.&lt;/p&gt;</t>
  </si>
  <si>
    <t>2014-09-21 11:03:48.657000+00:00</t>
  </si>
  <si>
    <t>2018-05-19 13:58:12.223000+00:00</t>
  </si>
  <si>
    <t>Why Arrays.asList(...).contains(...) isn't working?</t>
  </si>
  <si>
    <t>&lt;p&gt;I'm starting to create game and now I'm testing for player input.&lt;/p&gt;
&lt;pre&gt;&lt;code&gt;package main;
import java.io.IOException;
import java.io.InputStreamReader;
import java.util.Arrays;
public class Game {
    public static void main(String[] args) throws IOException {
        final char[] keyCodesArray = {'w','a','s','d'};
        while(true) {
            char tmp = (char) new InputStreamReader(System.in).read ();
            if(Arrays.asList(keyCodesArray).contains(tmp)) {
                System.out.println("You entered : " + tmp);
            } else {
                System.out.println("Type valid game char");
            }
        }
    }
}
&lt;/code&gt;&lt;/pre&gt;
&lt;p&gt;Why, when I press 'w' or 'a', console prints second communicate: "Type valid game char" and not the first one? I searched StackOverflow for an answer but nothing really helped me.&lt;/p&gt;</t>
  </si>
  <si>
    <t>2017-06-16 20:00:55.747000+00:00</t>
  </si>
  <si>
    <t>2017-06-16 20:17:08.640000+00:00</t>
  </si>
  <si>
    <t>OpenGL - alignment of vertex structs to 32-bytes?</t>
  </si>
  <si>
    <t>&lt;p&gt;I have read that some graphics cards benefit if you align your vertex data to be 32 bytes.&lt;/p&gt;
&lt;p&gt;This usually involves adding padding:&lt;/p&gt;
&lt;pre&gt;&lt;code&gt;typedef struct {
  float x, y, z;
  int padding[5];
} Vertex;
&lt;/code&gt;&lt;/pre&gt;
&lt;p&gt;But I have been wondering, does this also mean you should allocate the data to be aligned to 32-bytes (malloc aligns to 1-byte)? Meaning the pointer to the data would divide evenly into 32? Does it matter?&lt;/p&gt;
&lt;p&gt;(I am uploading this data to a VBO)&lt;/p&gt;
&lt;p&gt;Thanks&lt;/p&gt;</t>
  </si>
  <si>
    <t>2011-02-02 20:02:34.830000+00:00</t>
  </si>
  <si>
    <t>2011-02-02 21:07:18.810000+00:00</t>
  </si>
  <si>
    <t>2011-02-02 20:17:27.647000+00:00</t>
  </si>
  <si>
    <t>c|opengl|alignment|padding|vertex</t>
  </si>
  <si>
    <t>CSS inline style for colour not applied to text in email template in Laravel 4.2</t>
  </si>
  <si>
    <t>&lt;p&gt;I am setting up Laravel 4.2 to send emails. I have an email template ready for the message. The data input for the emails are stored in an array. However, if I pass a parameter for example $variable, the style are only applied to part of the text.&lt;/p&gt;
&lt;p&gt;app/view/email.blade.php&lt;/p&gt;
&lt;pre&gt;&lt;code&gt;//let's say $variable = 'This'
&amp;lt;td align="center" 
class="heading1" 
style="display:block!important; 
max-width:654px!important; 
margin:0 auto!important; 
clear:both!important; 
font-family:&amp;amp;#39;Helvetica Neue&amp;amp;#39;, Helvetica, Arial, sans-serif; 
color:#212121; 
font-size: 28px;"&amp;gt;
&amp;lt;strong&amp;gt; {{ $variable }} &amp;lt;br&amp;gt; is some text. &amp;lt;/strong&amp;gt;&amp;lt;/td&amp;gt;
&lt;/code&gt;&lt;/pre&gt;
&lt;p&gt;As shown above,  the output should be "This is some text.". However, the colour only apply to the text before the &amp;lt; br &gt; and not entire text. Any ideas what may have gone wrong?&lt;/p&gt;
&lt;p&gt;Example output:&lt;/p&gt;
&lt;pre&gt;&lt;code&gt;This &amp;lt;-- colour #212121 is applied
is some text &amp;lt;-- text turned purple (should be #212121).
&lt;/code&gt;&lt;/pre&gt;</t>
  </si>
  <si>
    <t>2014-09-03 09:14:26.903000+00:00</t>
  </si>
  <si>
    <t>2014-09-03 11:29:28.290000+00:00</t>
  </si>
  <si>
    <t>php|html|css|email|laravel-4</t>
  </si>
  <si>
    <t>Datepicker within a select dropdown</t>
  </si>
  <si>
    <t>&lt;p&gt;I'm wondering if the following may be possible using something like jQuery. I've looked all over but haven't found a solution.&lt;/p&gt;
&lt;p&gt;I am using MVC 3/razor for my project. I have jQuery 1.5.1.&lt;/p&gt;
&lt;p&gt;We want a dropdown (select) box that will show a few options:
- Monthly
- Annually
- Weekly
- Date&lt;/p&gt;
&lt;p&gt;If the user selects 'Date' I'd like to show a calendar box and then record the selected date as the value in the select box. If they click the select box again they can change the values as per the original select values. &lt;/p&gt;
&lt;p&gt;In my project there are several of these boxes on the same page. Perhaps I could tie them to a click action via a class value?&lt;/p&gt;
&lt;p&gt;The closest request I've found to this point was here: &lt;a href="https://stackoverflow.com/questions/2100605/jquery-ui-datepicker-on-select-element"&gt;jQuery ui.datepicker on &amp;#39;select&amp;#39; element&lt;/a&gt;
... but I've not been able to get that working for my project quite yet.&lt;/p&gt;
&lt;p&gt;Any help is appreciated.&lt;/p&gt;
&lt;p&gt;&lt;strong&gt;Update&lt;/strong&gt;
The added elements which I need to tie to are inserted to the page dynamically. Perhaps this is where my challenge is coming from.&lt;/p&gt;
&lt;p&gt;&lt;strong&gt;Update&lt;/strong&gt;&lt;/p&gt;
&lt;p&gt;Here is some code I'm using/messing with at this moment:&lt;/p&gt;
&lt;p&gt;First - my code is added dynamically from a template. The field that I'm looking to tie to is below and may exist multiple times across the page:&lt;/p&gt;
&lt;pre&gt;&lt;code&gt;&amp;lt;td&amp;gt;&amp;lt;select id="f${FormCount}_PeriodWorked[]" name="PeriodWorked" class="periodworked"&amp;gt;
                &amp;lt;option value="month"&amp;gt;Month&amp;lt;/option&amp;gt;
                &amp;lt;option value="annual"&amp;gt;Annual&amp;lt;/option&amp;gt;
                &amp;lt;option value="date" class="datepick"&amp;gt;Date&amp;lt;/option&amp;gt;
                &amp;lt;/select&amp;gt;
&amp;lt;/td&amp;gt;
&lt;/code&gt;&lt;/pre&gt;
&lt;p&gt;On the main page, where the form is dynamically added to, I have the following which attempts to add the datepicker to the option 'date'.&lt;/p&gt;
&lt;pre&gt;&lt;code&gt;$(".periodworked").live("change", function () {
    if ($(this).val() == "date") {
        alert("In... now how to throw date picker....");
    }
})
&lt;/code&gt;&lt;/pre&gt;
&lt;p&gt;Lastly - tying this to respective fields... is there a way to use $(this) for handling that or do I have to come up with some other way to find the specific select I've chosen?&lt;/p&gt;
&lt;p&gt;&lt;strong&gt;UPDATE&lt;/strong&gt;&lt;/p&gt;
&lt;p&gt;Thanks for the help - I managed to get it working. I understand my circumstance is very specific, but here's the code if it helps anyone else...&lt;/p&gt;
&lt;p&gt;First - via CSS I use colors to hide the form fields (same bg color as table - emulating an MS Excel look). The font color for the input field showing the datepicker is using this same color to prevent any text being seen (though if seen it's only a flicker before the field is hidden).&lt;/p&gt;
&lt;p&gt;In my template I modified the cell as below:&lt;/p&gt;
&lt;pre&gt;&lt;code&gt;&amp;lt;td&amp;gt;&amp;lt;select id="f${FormCount}_PeriodWorked[]" name="PeriodWorked" class="periodworked add-date"&amp;gt;
                &amp;lt;option value="month"&amp;gt;Month&amp;lt;/option&amp;gt;
                &amp;lt;option value="annual"&amp;gt;Annual&amp;lt;/option&amp;gt;
                &amp;lt;option value="date" class="datepick"&amp;gt;Date&amp;lt;/option&amp;gt;
                &amp;lt;/select&amp;gt;
                &amp;lt;input name="tempDatePicker" type="text" size="1" class="datepicker for-option" style="display:none; color: #EFEFEF;" /&amp;gt;&amp;lt;/td&amp;gt;
&lt;/code&gt;&lt;/pre&gt;
&lt;p&gt;In my main page I had to do a few 'funny' things. Here's the code:&lt;/p&gt;
&lt;pre&gt;&lt;code&gt;$("select.add-date").live("change", function () {
    if ($(this).val() == "date") {
        //alert("In... now how to throw date picker....");         
        $(this).parents('td').find('input.datepicker').show();
        $(this).parents('td').find('input.datepicker').datepicker({
            onSelect: function (dateText, inst) {
                var opt = $('&amp;lt;option /&amp;gt;').attr('value', dateText).attr('selected', 'selected').text(dateText);
                var select = $(this).parents('td').find('select.add-date');
                // NOTE: ommitted code to check if the date is already in the select     
                $(select).append(opt);
            }
        }).focus();
    } else {
        $(this).parents('td').find('input.datepicker').hide();
    }
});
$('input.datepicker.for-option').live('blur', function (dateText, inst) {     
    $(this).hide(); 
});
&lt;/code&gt;&lt;/pre&gt;
&lt;p&gt;You will notice I've added the datepicker to the input within the live/change function. For some reason this is the only way it would work (opposed to placing the datepicker outside of the live). This also allowed me to use the onSelect method which pulled the chosen value from the calendar properly where as the blur wasn't retrieving the value and returned blank results, for whatever reason.&lt;/p&gt;
&lt;p&gt;My blur method simply hides the input field containing the calendar.&lt;/p&gt;
&lt;p&gt;This all works fine - but in my case I am adding many fields dynamically by copying the first row of a table and appending it to the existing table. Everything worked fine unless you use the datepicker within that row. At that point a class and id is assigned to the input object of the datepicker, which is then copied, and screws everything up. To fix this I added a method to my insertRow function to basically drop the insert and re-write it. God I hope that makes sense... code:&lt;/p&gt;
&lt;pre&gt;&lt;code&gt;    function addLines(formNum, lines) {
        for (var l = 0; l &amp;lt; lines; l++) {
            var table = document.getElementById("formTable_" + formNum);
            var rowCount = table.rows.length;
            var row = table.insertRow(rowCount);
            var colCount = table.rows[0].cells.length;
            for (var i = 0; i &amp;lt; colCount; i++) {
                var newcell = row.insertCell(i);
                if (table.rows[1].cells[i].innerHTML.search('name="PeriodWorked"') != -1) {
                    newcell.innerHTML = table.rows[1].cells[i].innerHTML.substr(0, table.rows[1].cells[i].innerHTML.search("&amp;lt;input"));
                    newcell.innerHTML = newcell.innerHTML +
                        '&amp;lt;input name="tempDatePicker" type="text" size="1" class="datepicker for-option" style="display:none; color: #EFEFEF;" /&amp;gt;';
                } else {
                    newcell.innerHTML = (table.rows[1].cells[i].innerHTML);//.replace(" hasDatepicker", "");
                }
                //newcell.childNodes[0].id = "f" + formNum + "_" + newcell.childNodes + (1 + parseInt(newcell.childNodes[0].id.substr(newcell.childNodes[0].id.lastIndexOf("_") + 1));
                switch (newcell.childNodes[0].type) {
                    case "text":
                        newcell.childNodes[0].value = "";
                        break;
                    case "checkbox":
                        newcell.childNodes[0].checked = false;
                        break;
                    case "select-one":
                        newcell.childNodes[0].selectedIndex = 0;
                        //resetDatePicker();
                        break;
//                  default:
//                      newcell.innerHTML = "";
//                      break;
                }
            }
        }
    }
&lt;/code&gt;&lt;/pre&gt;
&lt;p&gt;Again - I appreciate the help!&lt;/p&gt;</t>
  </si>
  <si>
    <t>2012-01-03 13:16:12.947000+00:00</t>
  </si>
  <si>
    <t>2012-01-04 15:03:30.010000+00:00</t>
  </si>
  <si>
    <t>2017-05-23 12:27:39.523000+00:00</t>
  </si>
  <si>
    <t>jquery|asp.net-mvc-3|jquery-ui-datepicker</t>
  </si>
  <si>
    <t>Excel VBA: copy method of range class failed</t>
  </si>
  <si>
    <t>&lt;p&gt;This is the code:&lt;/p&gt;
&lt;pre&gt;&lt;code&gt;Dim rngReason As Range, rngDest As Variant
Set rngDest = wksRemoved.Range("A1").CurrentRegion
Set rngDest = rngDest.Cells(rngDest.Rows.Count + 1, 1)
Set rngReason = Range("A1").CurrentRegion
Set rngReason = rngReason.Columns(rngReason.Columns.Count).offset(0, 1)
Set rngReason = Intersect(rngReason, rngDupeRows)
rngReason.Cells.Value2 = "Duplicate " &amp;amp; strDedupeField
''Fails here with the error message:
''  Copy method of range class failed
rngDupeRows.Copy Destination:=rngDest 
&lt;/code&gt;&lt;/pre&gt;
&lt;p&gt;&lt;code&gt;rngDupeRows&lt;/code&gt; is a range. The values of &lt;code&gt;rngDupeRows&lt;/code&gt; and &lt;code&gt;rngDest&lt;/code&gt; addresses at the time of the error are:&lt;/p&gt;
&lt;pre&gt;&lt;code&gt;rngDest.Address      "$A$2"       Variant/String
rngDupeRows.Address  "$3:$98301"  String
&lt;/code&gt;&lt;/pre&gt;
&lt;p&gt;The purpose of the code is to copy rows from one workbook and paste them into another. I've ran this multiple times on different ranges and it works fine.&lt;/p&gt;
&lt;p&gt;Any ideas what the reason for the error might be?&lt;/p&gt;</t>
  </si>
  <si>
    <t>2014-10-08 14:12:03.557000+00:00</t>
  </si>
  <si>
    <t>2014-10-08 19:51:54.213000+00:00</t>
  </si>
  <si>
    <t>CMake: Linking Fortran against static C library fails</t>
  </si>
  <si>
    <t>&lt;p&gt;Using CMake and GCC to build a very basic Fortran project with an &lt;code&gt;iso_c_binding&lt;/code&gt; fails at linking stage. Compiling and linking manually just works fine:&lt;/p&gt;
&lt;pre&gt;&lt;code&gt;$ gcc6 -c getkey.c
$ gfortran6 -Wl,-rpath=/usr/local/lib/gcc6/ -o key key.f08 getkey.o
&lt;/code&gt;&lt;/pre&gt;
&lt;p&gt;The minimal &lt;code&gt;CMakeLists.txt&lt;/code&gt;:&lt;/p&gt;
&lt;pre&gt;&lt;code&gt;cmake_minimum_required(VERSION 3.9)
project(GetKey)
set(VERSION 1.0)
set(CMAKE_Fortran_COMPILER "gfortran6")
set(GCC_LIB "-Wl,-rpath=/usr/local/lib/gcc6")
set(CMAKE_Fortran_FLAGS "${CMAKE_Fortran_FLAGS} ${GCC_LIB}")
enable_language(Fortran)
add_library(getkey STATIC getkey.c)
add_executable(key key.f08)
set_target_properties(key PROPERTIES LINKER_LANGUAGE Fortran)
target_link_libraries(key getkey)
&lt;/code&gt;&lt;/pre&gt;
&lt;p&gt;Building the project leads to the following linker error:&lt;/p&gt;
&lt;pre&gt;&lt;code&gt;[...]
[100%] Linking Fortran executable key
/usr/lib/crt1.o: In function `_start':
/usr/src/lib/csu/amd64/crt1.c:(.text+0x17b): undefined reference to `main'
collect2: error: ld returned 1 exit status
&lt;/code&gt;&lt;/pre&gt;
&lt;p&gt;The linker seems to search for a &lt;code&gt;main()&lt;/code&gt; function, that Fortran does not feature. Trying to force the Fortran linker makes no difference:&lt;/p&gt;
&lt;pre&gt;&lt;code&gt;set(CMAKE_Fortran_LINKER_PREFERENCE 100)
set(CMAKE_C_LINKER_PREFERENCE_PROPAGATES False)
&lt;/code&gt;&lt;/pre&gt;
&lt;p&gt;Help is appreciated.&lt;/p&gt;
&lt;h1&gt;Example Code&lt;/h1&gt;
&lt;p&gt;The linker error does not depend on the actual implementation. Anyway, a basic example would be:&lt;/p&gt;
&lt;p&gt;&lt;code&gt;key.f08&lt;/code&gt;:&lt;/p&gt;
&lt;pre&gt;&lt;code&gt;program main
    implicit none
    interface
        function get_key() bind(c, name='get_key')
            use iso_c_binding
            integer(kind=c_int) :: get_key
        end function get_key
    end interface
    write(*, '(i0)') get_key()
end program main
&lt;/code&gt;&lt;/pre&gt;
&lt;p&gt;And the &lt;code&gt;getkey.c&lt;/code&gt;:&lt;/p&gt;
&lt;pre&gt;&lt;code&gt;int get_key()
{
    return 10000;
}
&lt;/code&gt;&lt;/pre&gt;
&lt;h1&gt;Verbose Make&lt;/h1&gt;
&lt;p&gt;Running &lt;code&gt;make VERBOSE=1&lt;/code&gt;:&lt;/p&gt;
&lt;pre&gt;&lt;code&gt;/usr/local/bin/cmake -H"/home/user/fortran" -B"/home/user/fortran" --check-build-system CMakeFiles/Makefile.cmake 0
/usr/local/bin/cmake -E cmake_progress_start "/home/user/fortran/CMakeFiles" "/home/user/fortran/CMakeFiles/progress.marks"
make -f CMakeFiles/Makefile2 all
make -f CMakeFiles/key.dir/build.make CMakeFiles/key.dir/depend
cd "/home/user/fortran" &amp;amp;&amp;amp; /usr/local/bin/cmake -E cmake_depends "Unix Makefiles" "/home/user/fortran" "/home/user/fortran" "/home/user/fortran" "/home/user/fortran" "/home/user/fortran/CMakeFiles/key.dir/DependInfo.cmake" --color=
make -f CMakeFiles/key.dir/build.make CMakeFiles/key.dir/build
[ 50%] Linking Fortran executable key
/usr/local/bin/cmake -E cmake_link_script CMakeFiles/key.dir/link.txt --verbose=1
/usr/local/bin/gfortran6    CMakeFiles/key.dir/getkey.c.o  -o key
/usr/lib/crt1.o: In function `_start':
/usr/src/lib/csu/amd64/crt1.c:(.text+0x17b): undefined reference to `main'
collect2: error: ld returned 1 exit status
*** Error code 1
Stop.
make[2]: stopped in /usr/home/user/fortran
*** Error code 1
Stop.
make[1]: stopped in /usr/home/user/fortran
*** Error code 1
Stop.
make: stopped in /usr/home/user/fortran
&lt;/code&gt;&lt;/pre&gt;</t>
  </si>
  <si>
    <t>2017-12-24 00:52:31.530000+00:00</t>
  </si>
  <si>
    <t>2017-12-24 13:24:50.793000+00:00</t>
  </si>
  <si>
    <t>2017-12-24 10:53:05.433000+00:00</t>
  </si>
  <si>
    <t>c|cmake|linker|fortran|linker-errors</t>
  </si>
  <si>
    <t>.NET Standard class library referenced in WPF - sign error in XAML at design time</t>
  </si>
  <si>
    <t>&lt;p&gt;I've made a netstandard class library. I target netstandard 1.6. My csproj is like:&lt;/p&gt;
&lt;pre&gt;&lt;code&gt;&amp;lt;Project Sdk="Microsoft.NET.Sdk"&amp;gt;
  &amp;lt;PropertyGroup Label="Globals"&amp;gt;
    &amp;lt;SccProjectName&amp;gt;SAK&amp;lt;/SccProjectName&amp;gt;
    &amp;lt;SccProvider&amp;gt;SAK&amp;lt;/SccProvider&amp;gt;
    &amp;lt;SccAuxPath&amp;gt;SAK&amp;lt;/SccAuxPath&amp;gt;
    &amp;lt;SccLocalPath&amp;gt;SAK&amp;lt;/SccLocalPath&amp;gt;
  &amp;lt;/PropertyGroup&amp;gt;
  &amp;lt;PropertyGroup&amp;gt;
    &amp;lt;TargetFramework&amp;gt;netstandard1.6&amp;lt;/TargetFramework&amp;gt;
  &amp;lt;/PropertyGroup&amp;gt;
  &amp;lt;ItemGroup&amp;gt;
    &amp;lt;PackageReference Include="System.Runtime" Version="4.3.0" /&amp;gt;
    &amp;lt;PackageReference Include="System.Runtime.Serialization.Primitives" Version="4.3.0" /&amp;gt;
    &amp;lt;PackageReference Include="System.Runtime.Serialization.Xml" Version="4.3.0" /&amp;gt;
  &amp;lt;/ItemGroup&amp;gt;
&amp;lt;/Project&amp;gt;
&lt;/code&gt;&lt;/pre&gt;
&lt;p&gt;And I have a WPF-Project, in which I reference this dll. I can use the classes of the netstandard dll in c#. I can use them in xaml, too. I get even intellicence for them. &lt;strong&gt;But xaml designer says, my xaml is invalid.&lt;/strong&gt; I can compile the solution, I can run the application. At runtime is everything ok. But the designer cannot work with it.&lt;/p&gt;
&lt;p&gt;&lt;a href="https://i.stack.imgur.com/TknSK.png" rel="nofollow noreferrer"&gt;&lt;img src="https://i.stack.imgur.com/TknSK.png" alt="enter image description here"&gt;&lt;/a&gt;&lt;/p&gt;
&lt;p&gt;The Person class looks like:&lt;/p&gt;
&lt;pre&gt;&lt;code&gt;using System;
using System.Collections.Generic;
using System.ComponentModel;
using System.Runtime.CompilerServices;
using System.Runtime.Serialization;
using System.Text;
namespace DS.Publications.Common
{
    [DataContract(Namespace = Constants.NamespaceConstants.DataContractNamespace)]
    public class Person : INotifyPropertyChanged
    {
        private string _Title = string.Empty;
        [DataMember]
        public string Title { get { return _Title; } set { Set(ref _Title, value); } }
        private string _ForeName;
        [DataMember]
        public string ForeName { get { return _ForeName; } set { Set(ref _ForeName, value); } }
        private string _LastName;
        [DataMember]
        public string LastName { get { return _LastName; } set { Set(ref _LastName, value); } }
        public event PropertyChangedEventHandler PropertyChanged;
        private void OnPropertyChanged(string propertyName)
        {
            this.PropertyChanged?.Invoke(this, new PropertyChangedEventArgs(propertyName));
        }
        private bool Set&amp;lt;T&amp;gt;(ref T field, T value, [CallerMemberName] string propertyName = null)
        {
            if (field == null || !field.Equals(value))
            {
                field = value;
                this.OnPropertyChanged(propertyName);
                return true;
            }
            return false;
        }
    }
}
&lt;/code&gt;&lt;/pre&gt;
&lt;p&gt;Do you know a workaround, or do you have an idea, how can I correct it?&lt;/p&gt;</t>
  </si>
  <si>
    <t>2017-10-06 06:13:00.853000+00:00</t>
  </si>
  <si>
    <t>2018-01-10 13:55:10.450000+00:00</t>
  </si>
  <si>
    <t>c#|wpf|xaml|.net-standard</t>
  </si>
  <si>
    <t>Speed up VBA marco</t>
  </si>
  <si>
    <t>&lt;p&gt;I have a macro that does work, it's just really slow when there is a lot of data and I'm hoping that someone on here can help me to speed it up.&lt;/p&gt;
&lt;p&gt;When my VBA does is check the columns of a sheet for the value "NULL" and if it's there it clears that cell. Here's the code:&lt;/p&gt;
&lt;pre&gt;&lt;code&gt;Sub RemoveNullColumn()
    Dim c, count, r, lc, FirstCell
    Application.ScreenUpdating = False
    count = 0
    r = ActiveCell.row      'lets you choose where you want to start even if it is not at "A1"
    c = ActiveCell.Column   'lets you choose where you want to start even if it is not at "A1"
    c = GetLetterFromNumber(c)  'Gets the column letter from the number provided above
    FirstCell = c &amp;amp; r       'sets the cell that you selected to start in so that you will end thereafter removing all the NULL
    lc = ActiveSheet.Cells(1, Columns.count).End(xlToLeft).Column   'Finding the last used column
    For H = ActiveCell.Column To lc Step 1      'Starts with where you selected a cell and moves right to the last column
        For x = 1 To Range(c &amp;amp; Rows.count).End(xlUp).row Step 1     'Starts with the first row and moves through the last row
            count = count + 1
            If Range(c &amp;amp; x).Value = "NULL" Then 'Checks the contents fo the cell to see if it is "NULL"
                Range(c &amp;amp; x).Clear
            End If
            If count = 1000 Then    'This was used testing but is not seen with the ScreenUpdating set to false
                Range(c &amp;amp; x).Select
                count = 1
            End If
        Next x
        ActiveCell.Offset(0, 1).Select  'select the next column
        c = ActiveCell.Column
        c = GetLetterFromNumber(c)      'get the letter of the next column
    Next H
    Application.ScreenUpdating = True
    MsgBox "Finished"
    Range(FirstCell).Select
End Sub
Function GetLetterFromNumber(Number)
    GetLetterFromNumber = Split(Cells(1, Number).Address(True, False), "$")(0)
End Function
&lt;/code&gt;&lt;/pre&gt;
&lt;p&gt;When there are not a lot of rows it is pretty fast, but there are a lot of rows it is slow.&lt;/p&gt;
&lt;p&gt;I have a file that I ran it on that has columns from A to AD and 61k+ rows, it took more than 30 minutes to finish and I'm hoping to make that much faster.&lt;/p&gt;</t>
  </si>
  <si>
    <t>2017-09-22 14:22:52.033000+00:00</t>
  </si>
  <si>
    <t>2017-09-22 15:12:22.627000+00:00</t>
  </si>
  <si>
    <t>Is it possible to write auto-cast operator outside a struct?</t>
  </si>
  <si>
    <t>&lt;p&gt;The exact situation is next:
I have defined in system API structs &lt;code&gt;CGPoint&lt;/code&gt; and &lt;code&gt;CGSize&lt;/code&gt;, and I want to be able to write &lt;code&gt;my_point = my_size&lt;/code&gt;.
I can't modify &lt;code&gt;CGPoint&lt;/code&gt; struct, only can write external operator. I can write binary operators (&lt;code&gt;+&lt;/code&gt;, &lt;code&gt;-&lt;/code&gt;, ...) but &lt;code&gt;operator=&lt;/code&gt; must by declared inside struct. So is there any other solution?&lt;/p&gt;</t>
  </si>
  <si>
    <t>2011-05-25 07:18:27.193000+00:00</t>
  </si>
  <si>
    <t>2011-05-25 09:38:12.547000+00:00</t>
  </si>
  <si>
    <t>2011-05-25 07:21:08.067000+00:00</t>
  </si>
  <si>
    <t>c++|casting|operator-keyword</t>
  </si>
  <si>
    <t>Is it wrong to use viewController.view = newView instead of [viewController.view addSubView:newView];</t>
  </si>
  <si>
    <t>&lt;p&gt;Is it wrong to use&lt;/p&gt;
&lt;p&gt;viewController.view = newView;&lt;/p&gt;
&lt;p&gt;instead of &lt;/p&gt;
&lt;p&gt;[viewController.view addSubView:newView];&lt;/p&gt;
&lt;p&gt;The first removes the additional level of the viewControllers automatically created view, and if I create newView like this&lt;/p&gt;
&lt;p&gt;UIView *newView = [[UIView alloc] initWithFrame:[[UIScreen mainScreen] applicationFrame]];
or like this
UIView *newView = [[UIView alloc] initWithFrame:self.view.frame];&lt;/p&gt;
&lt;p&gt;addSubview displaces the frame.origin.y by the height of the Status Bar.&lt;/p&gt;
&lt;p&gt;Does anyone know a reason for using, or not using either method?&lt;/p&gt;</t>
  </si>
  <si>
    <t>2010-01-08 10:58:31.197000+00:00</t>
  </si>
  <si>
    <t>2011-07-19 14:30:48.137000+00:00</t>
  </si>
  <si>
    <t>uiview|viewcontroller</t>
  </si>
  <si>
    <t>how to pay for users gas fee with my private key on node.js ,web3?</t>
  </si>
  <si>
    <t>&lt;p&gt;I have a button in my node.js dapp that interacts with a smart contract ,that button is created  for people that don't have eth or metamask .&lt;/p&gt;
&lt;p&gt;How can i pay gas from my account for other people when they press that btn using my private key ?&lt;/p&gt;
&lt;p&gt;Example:&lt;/p&gt;
&lt;pre&gt;&lt;code&gt;     onSubmit = async (event) =&amp;gt; {
        const mypublickey = "0x1";
        const myprivatekey = "xyz"
        const addr = this.state.theContract;
        const theContract = GetContrat(addr);
        await theContract.methods
           UserVote()
           .send({
            from:mypublickey,
            privatekey:myprivatekey
        }); 
};
&lt;/code&gt;&lt;/pre&gt;</t>
  </si>
  <si>
    <t>2018-11-30 17:45:02.890000+00:00</t>
  </si>
  <si>
    <t>node.js|ethereum|web3|metamask</t>
  </si>
  <si>
    <t>Can't import python module from a subdirectory with a simple import statement</t>
  </si>
  <si>
    <t>&lt;p&gt;So I want to import a module from a python package that is a subdirectory of the one where the main script is located. This is the directory structure:&lt;/p&gt;
&lt;pre&gt;&lt;code&gt;maindir \
  - main.py
  - modules \
    - __init__.py
    - module.py
&lt;/code&gt;&lt;/pre&gt;
&lt;p&gt;What I find weird is that I can't import &lt;code&gt;module.py&lt;/code&gt; with a simple &lt;code&gt;import modules.module&lt;/code&gt;, because when I then try to call the function &lt;code&gt;module.foo()&lt;/code&gt; in &lt;code&gt;main.py&lt;/code&gt; it returns &lt;code&gt;NameError: name 'module' is not defined&lt;/code&gt;. However, when I do &lt;code&gt;import modules.module as module&lt;/code&gt;, everything works fine, the same with &lt;code&gt;from modules import module&lt;/code&gt;. And when &lt;code&gt;module.py&lt;/code&gt; is located in the same directory as &lt;code&gt;main.py&lt;/code&gt;, a simple &lt;code&gt;import module&lt;/code&gt; is completely sufficient for calling &lt;code&gt;module.foo()&lt;/code&gt;.&lt;/p&gt;
&lt;p&gt;Now the question is, why is that? Why isn't a simple &lt;code&gt;import&lt;/code&gt; statement enough for importing a module from a package instead of the directory the script is in? Or am I doing something else wrong? An answer would be really appreciated since I am rather confused right now...&lt;/p&gt;</t>
  </si>
  <si>
    <t>2013-01-27 19:28:38.340000+00:00</t>
  </si>
  <si>
    <t>2013-01-27 19:36:39.347000+00:00</t>
  </si>
  <si>
    <t>PHP eregi() error</t>
  </si>
  <si>
    <t>&lt;p&gt;I have some code in PHP and HTML, I'm trying to create a photo gallery, my function reads all the png/jpg/gif files in a folder then displays them on a table in my browser, this is my code.&lt;/p&gt;
&lt;pre&gt;&lt;code&gt;&amp;lt;div class="container"&amp;gt;
&amp;lt;div class="jumbotron"&amp;gt;
    &amp;lt;table class="table table-hover"&amp;gt;
        &amp;lt;?php
        $contador = 1;
        $directory="galeria";
        $dirint = dir($directory);
        while (($archivo = $dirint-&amp;gt;read()) !== false){
            if (eregi("gif", $archivo) || eregi("jpg", $archivo) || eregi("png", $archivo)){
                if($contador == 5){
                    echo '&amp;lt;/tr&amp;gt;&amp;lt;tr&amp;gt;';
                    $contador = 1;
                }
                echo '&amp;lt;td valign="bottom"&amp;gt;&amp;lt;img class="img-rounded" src="'.$directory."/".$archivo.'" width="250px"&amp;gt;&amp;lt;/td&amp;gt;';
                $contador++;
            }
        }
        $dirint-&amp;gt;close();
        ?&amp;gt;
    &amp;lt;/table&amp;gt;
&amp;lt;/div&amp;gt;
&lt;/code&gt;&lt;/pre&gt;
&lt;p&gt;&lt;/p&gt;
&lt;p&gt;When running this file PHP gives me this error:
&lt;a href="https://i.stack.imgur.com/ZHDtW.jpg" rel="nofollow noreferrer"&gt;&lt;img src="https://i.stack.imgur.com/ZHDtW.jpg" alt="MyImage"&gt;&lt;/a&gt;&lt;/p&gt;
&lt;p&gt;I only have two images in my folder (the same image, copied), why am I getting so many errors as if it was looping through a lot of files?&lt;/p&gt;</t>
  </si>
  <si>
    <t>2015-10-27 18:51:42.540000+00:00</t>
  </si>
  <si>
    <t>php|html|eregi</t>
  </si>
  <si>
    <t>PHP file_get_contents x-domain causes page-load to wait. cant it be done asynchronously somehow?</t>
  </si>
  <si>
    <t>&lt;p&gt;I need to do two things... &lt;/p&gt;
&lt;ol&gt;
&lt;li&gt;&lt;code&gt;file_get_contents&lt;/code&gt; and then use it in javascript  &lt;/li&gt;
&lt;li&gt;&lt;code&gt;file_get_contents&lt;/code&gt; and then use it in php&lt;/li&gt;
&lt;/ol&gt;
&lt;p&gt;the loading of the source files caused a delay in the loading of my website so if the source is slow or offline it has terrible consequences.&lt;/p&gt;
&lt;p&gt;what is a good work around or solution for this?&lt;/p&gt;</t>
  </si>
  <si>
    <t>2012-03-08 21:21:25.283000+00:00</t>
  </si>
  <si>
    <t>2013-10-02 21:15:03.510000+00:00</t>
  </si>
  <si>
    <t>2012-03-08 21:25:59.657000+00:00</t>
  </si>
  <si>
    <t>php|asynchronous|timeout|delay|file-get-contents</t>
  </si>
  <si>
    <t>update php version on usbwebserver</t>
  </si>
  <si>
    <t>&lt;p&gt;I installed an usbwebserver (version 8.7) and a mediawiki on an USB- stick.&lt;/p&gt;
&lt;p&gt;When I start usbwebserver it works fine and tells me php Version 5.4.17 is installed.&lt;/p&gt;
&lt;p&gt;If I start mediawiki I get the error "required php- Version is at least 5.5.9.&lt;/p&gt;
&lt;p&gt;How can I install a newer php on the stick? &lt;/p&gt;
&lt;p&gt;I do not know, what information you need to answer my question. It is installed as a windows Version.&lt;/p&gt;</t>
  </si>
  <si>
    <t>2016-11-04 16:25:37.283000+00:00</t>
  </si>
  <si>
    <t>2018-03-23 02:25:57.650000+00:00</t>
  </si>
  <si>
    <t>php|mediawiki</t>
  </si>
  <si>
    <t>Stream dd stdout from ec2 to s3</t>
  </si>
  <si>
    <t>&lt;p&gt;Trying to save money on EBS snapshots, so the idea is to take manual copies of the file systems (using &lt;code&gt;dd&lt;/code&gt;) and storing manually in S3 to lifecycle to IA and Glacier.&lt;/p&gt;
&lt;p&gt;The following works fine for smaller files (tested with 1GB), but on larger (~800GB), after around 40GB, everything slows to a crawl and never finishes &lt;/p&gt;
&lt;pre&gt;&lt;code&gt;sudo dd if=/dev/sdb bs=64M status=progress | aws s3 cp - s3://my-bucket/sdb_backup.img --sse AES256 --storage-class STANDARD_IA
&lt;/code&gt;&lt;/pre&gt;
&lt;p&gt;Running this from an m4.4xlarge instance (16 vcpu, 64GB RAM)&lt;/p&gt;
&lt;p&gt;Not exactly sure why it's crawling to a halt, or whether this is the best way to solve this problem (manually storing file systems on s3 Infrequent Access storage class)&lt;/p&gt;
&lt;p&gt;Any thoughts?&lt;/p&gt;
&lt;p&gt;Thanks!!&lt;/p&gt;</t>
  </si>
  <si>
    <t>2017-08-11 15:54:00.297000+00:00</t>
  </si>
  <si>
    <t>2017-08-15 22:13:04.300000+00:00</t>
  </si>
  <si>
    <t>linux|amazon-web-services|amazon-s3|amazon-ec2|dd</t>
  </si>
  <si>
    <t>XNA - Reading Directly from Speaker Output on Windows</t>
  </si>
  <si>
    <t>&lt;p&gt;I was wondering if it is possible to read speaker output from XNA. For instance, if the user plays a song via Spotify or Youtube, the application can read the output stream and get the spectrum data.  My platform is Windows.&lt;/p&gt;
&lt;p&gt;Thanks,&lt;/p&gt;
&lt;p&gt;Kevin&lt;/p&gt;</t>
  </si>
  <si>
    <t>2012-03-15 05:34:39.947000+00:00</t>
  </si>
  <si>
    <t>2012-03-15 20:11:36.083000+00:00</t>
  </si>
  <si>
    <t>2012-03-15 20:03:12.300000+00:00</t>
  </si>
  <si>
    <t>c#|audio|xna</t>
  </si>
  <si>
    <t>Laggy scrolling in UITextView while a CABasicAnimation is running</t>
  </si>
  <si>
    <t>&lt;p&gt;I've implemented a simple animation in my app. I achieve the animation by cross-fading between four image frames using a &lt;code&gt;CABasicAnimation&lt;/code&gt; that has a from and to value set to &lt;code&gt;(id)(myimage.CGImage)&lt;/code&gt;. The animation is on its own CALayer but while scrolling a pop-up UITextView in its own small subview, the text scrolling is very jerky during a frame blend, and also pauses the animation while scrolling. Would putting the animation in its own thread alleviate the problem or is this simply to do with a complex operation being done by Core Animation?&lt;/p&gt;
&lt;p&gt;Thanks for any help!&lt;/p&gt;</t>
  </si>
  <si>
    <t>2011-05-06 14:05:05.687000+00:00</t>
  </si>
  <si>
    <t>2012-05-28 07:25:45.790000+00:00</t>
  </si>
  <si>
    <t>iphone|objective-c|multithreading|core-animation</t>
  </si>
  <si>
    <t>How to load native library on android?</t>
  </si>
  <si>
    <t>&lt;p&gt;I've got a .so library, which I've extracted from an other APK.&lt;/p&gt;
&lt;p&gt;I've copied it into /libs/armeabi location in my project.&lt;/p&gt;
&lt;p&gt;In my class, I'm loading it with &lt;/p&gt;
&lt;pre&gt;&lt;code&gt;static {
    System.loadLibrary("mylib"); 
}
&lt;/code&gt;&lt;/pre&gt;
&lt;p&gt;The app crashes with &lt;/p&gt;
&lt;pre&gt;&lt;code&gt;08-03 07:52:08.089: E/AndroidRuntime(932): FATAL EXCEPTION: main
java.lang.ExceptionInInitializerError
at java.lang.Class.newInstanceImpl(Native Method)
at java.lang.Class.newInstance(Class.java:1319)
at android.app.Instrumentation.newActivity(Instrumentation.java:1053)
at android.app.ActivityThread.performLaunchActivity(ActivityThread.java:1974)
at android.app.ActivityThread.handleLaunchActivity(ActivityThread.java:2084)
at android.app.ActivityThread.access$600(ActivityThread.java:130)
at android.app.ActivityThread$H.handleMessage(ActivityThread.java:1195)
at android.os.Handler.dispatchMessage(Handler.java:99)
at android.os.Looper.loop(Looper.java:137)
at android.app.ActivityThread.main(ActivityThread.java:4745)
at java.lang.reflect.Method.invokeNative(Native Method)
at java.lang.reflect.Method.invoke(Method.java:511)
at com.android.internal.os.ZygoteInit$MethodAndArgsCaller.run(ZygoteInit.java:786)
at com.android.internal.os.ZygoteInit.main(ZygoteInit.java:553)
at dalvik.system.NativeStart.main(Native Method)
Caused by: java.lang.UnsatisfiedLinkError: Couldn't load mylib: findLibrary returned null
at java.lang.Runtime.loadLibrary(Runtime.java:365)
at java.lang.System.loadLibrary(System.java:535)
at com.example.mytestandroidapp.MainActivity.&amp;lt;clinit&amp;gt;(MainActivity.java:11)
08-03 07:52:08.089: E/AndroidRuntime(932):  ... 15 more
&lt;/code&gt;&lt;/pre&gt;
&lt;p&gt;I'm doing this in eclipse.&lt;/p&gt;
&lt;p&gt;Here's the screen of the layout of my project:&lt;/p&gt;
&lt;p&gt;&lt;img src="https://i.stack.imgur.com/j1Zie.png" alt="enter image description here"&gt;&lt;/p&gt;
&lt;p&gt;What should I do for this to start working?&lt;/p&gt;</t>
  </si>
  <si>
    <t>2012-08-03 08:02:58.513000+00:00</t>
  </si>
  <si>
    <t>2016-03-24 03:02:01.813000+00:00</t>
  </si>
  <si>
    <t>java|android|android-ndk|native</t>
  </si>
  <si>
    <t>How do you do exception management with delayed job?</t>
  </si>
  <si>
    <t>&lt;p&gt;My application needs to parse a user-generated CSV file. And, once uploaded, the application will queue it in delayed job to be processed. My question is, how do you usually handle the exceptions that might happen during the content parsing stage? Do you store all the error messages in exception-objects before display it to user?&lt;/p&gt;
&lt;p&gt;Thank you.&lt;/p&gt;</t>
  </si>
  <si>
    <t>2010-06-04 08:52:14.190000+00:00</t>
  </si>
  <si>
    <t>2012-01-29 16:54:24.333000+00:00</t>
  </si>
  <si>
    <t>2010-06-07 22:12:32.847000+00:00</t>
  </si>
  <si>
    <t>need count of how many files are in folder, mysql tables</t>
  </si>
  <si>
    <t>&lt;p&gt;I have two tables&lt;/p&gt;
&lt;pre&gt;&lt;code&gt;documents: id, folder_id
folders: id, title
&lt;/code&gt;&lt;/pre&gt;
&lt;p&gt;I want to retrieve a list of folders and count of how many files relate to that folder (documents.folder_id = folders.id)&lt;/p&gt;
&lt;p&gt;I tried this&lt;/p&gt;
&lt;pre&gt;&lt;code&gt;select 
 f.title, count(d.id) as file_count
from
 folders f
left join
 documents d on f.id = d.folder_id
&lt;/code&gt;&lt;/pre&gt;
&lt;p&gt;But that only returns one row, with the total number of rows in the documents table&lt;/p&gt;</t>
  </si>
  <si>
    <t>2012-01-17 21:24:06.740000+00:00</t>
  </si>
  <si>
    <t>2012-01-17 21:27:58.873000+00:00</t>
  </si>
  <si>
    <t>How to make manifest available for a generic type in scala?</t>
  </si>
  <si>
    <t>&lt;p&gt;Given a scala http client being parsed through json4s, I had the following working code to transform a Future of a HttpResponse into a Future of a case class:&lt;/p&gt;
&lt;pre&gt;&lt;code&gt;  def getJobIds(): Future[Seq[Job]] = {
    ... 
    var req = HttpRequest(
      method = HttpMethods.GET,
      uri = uri
    )
    val res: Future[HttpResponse] = Http().singleRequest(req)
    res.flatMap {
      case response@HttpResponse(StatusCodes.OK, _, _, _) =&amp;gt; {
        val buffer = ByteString("")
        response.entity.dataBytes
          .runFold(buffer)(_ ++ _)
          .map(_.utf8String)
          .map(
            (body: String) =&amp;gt; {
              parse(body).as[Seq[Job]]
            }
          )
      }
      case _: Any =&amp;gt; throw new Throwable("Error!")
    }
  }
&lt;/code&gt;&lt;/pre&gt;
&lt;p&gt;Now I wanted to extract the logic to transform the HttpResponse to a case classes using generics in order to not repeat myself for other calls:&lt;/p&gt;
&lt;pre&gt;&lt;code&gt;  def getJobIds(): Future[Seq[Job]] = {
    ...
    val res: Future[HttpResponse] = Http().singleRequest(req)
    transformResponse[Seq[Job]](res)
  }
  private def transformResponse[T](r: Future[HttpResponse]): Future[T] = {
    r.flatMap {
      case response@HttpResponse(StatusCodes.OK, _, _, _) =&amp;gt; {
        val buffer = ByteString("")
        response.entity.dataBytes
          .runFold(buffer)(_ ++ _)
          .map(_.utf8String)
          .map(parse(_).extract[T])
      }
      case _: Any =&amp;gt; throw new Throwable("Error!")
    }
  }
&lt;/code&gt;&lt;/pre&gt;
&lt;p&gt;Yet this now throws:&lt;/p&gt;
&lt;pre&gt;&lt;code&gt; Metronome.scala:46:32: No Manifest available for T
&lt;/code&gt;&lt;/pre&gt;
&lt;p&gt;for the line&lt;/p&gt;
&lt;pre&gt;&lt;code&gt;.map(parse(_).extract[T])
&lt;/code&gt;&lt;/pre&gt;
&lt;p&gt;How do I make the code work with the use of generics?&lt;/p&gt;</t>
  </si>
  <si>
    <t>2018-04-19 10:01:22.723000+00:00</t>
  </si>
  <si>
    <t>scala|generics|generic-programming|json4s</t>
  </si>
  <si>
    <t>error using isBrowser function in angular universal</t>
  </si>
  <si>
    <t>&lt;p&gt;I'm trying to use the isBrowser function in angular universal but I keep getting the same error when I build. I did install the npm package of angular-universal&lt;/p&gt;
&lt;p&gt;&lt;code&gt;npm i angular2-universal --save&lt;/code&gt;&lt;/p&gt;
&lt;p&gt;'ng build -prod -aot'&lt;/p&gt;
&lt;pre&gt;&lt;code&gt; ERROR in Illegal state: symbol without members expected, but got {"filePath":"C:/dir/universal/website/node_modules/@angular/platform-browser/platform-browser.d.ts","name":"__platform_browser_private__","members":["BROWSER_SANITIZATION_PROVIDERS"]}.
    ERROR in ./src/main.ts
    Module not found: Error: Can't resolve './$$_gendir/app/app.module.ngfactory' in 'C:/dir/universal/website\src'
     @ ./src/main.ts 4:0-74
     @ multi ./src/main.ts
&lt;/code&gt;&lt;/pre&gt;
&lt;p&gt;this is my app.module.ts:&lt;/p&gt;
&lt;pre&gt;&lt;code&gt;//modules
import { HomeModule } from './home/home.module';
import { IntakeFormulierModule } from './intake-formulier/intake-formulier.module';
import { BrowserModule } from '@angular/platform-browser';
import { UniversalModule } from 'angular2-universal/browser';
import { NgModule } from '@angular/core';
//routing
import { routing } from "./app.routing";
//pages
import { AppComponent } from './app.component';
//isbrowser
import { isBrowser } from 'angular2-universal';
@NgModule({
  declarations: [
    AppComponent,
  ],
  imports: [
    BrowserModule.withServerTransition({
        appId: 'website-u - (starter)'
    }),
    HomeModule,
    IntakeFormulierModule,
    routing,
  ],
  providers: [
  { provide: 'isBrowser', useValue: isBrowser }
  ],
  bootstrap: [AppComponent]
})
export class AppModule { }
&lt;/code&gt;&lt;/pre&gt;
&lt;p&gt;this is my app/home/landing/landing.ts&lt;/p&gt;
&lt;pre&gt;&lt;code&gt;import { Component, Inject } from '@angular/core';
import { Router } from '@angular/router';
@Component({
...
})
export class LandingComponent {
  constructor(//public updateTop: TopImageUpdateService, 
  public router: Router,
   @Inject('isBrowser') public isBrowser: boolean) {}
  navigateToResults(name) {
    if (this.isBrowser) {  
    let scrollToTop = window.setInterval(() =&amp;gt; {
      let pos = window.pageYOffset;
      if (pos &amp;gt; 0) {
        window.scrollTo(0, pos - 10); // how far to scroll on each step
      } else {
        window.clearInterval(scrollToTop);
        this.router.navigate(['home/page', name]);
      }
    }, 9)
  }
}
}
&lt;/code&gt;&lt;/pre&gt;</t>
  </si>
  <si>
    <t>2017-04-24 10:43:44+00:00</t>
  </si>
  <si>
    <t>2017-04-25 19:45:32.070000+00:00</t>
  </si>
  <si>
    <t>angular-universal</t>
  </si>
  <si>
    <t>Gradle javadoc hide specified method</t>
  </si>
  <si>
    <t>&lt;p&gt;is there any way to hide specified method from javadoc if I'm using gradle for generate javadoc?&lt;/p&gt;
&lt;p&gt;Right now I can hide specified package and classes but still don't know how to hide specified method. I have tried some annotations like @exclude or @hide in my method but the result is build failed. Kindly advise, since I don't want to mark my method as @deprecated.&lt;/p&gt;
&lt;p&gt;Please find below my gradle configuration so far for generate javadoc and thank you for any kind help &lt;/p&gt;
&lt;pre&gt;&lt;code&gt;android.libraryVariants.all { variant -&amp;gt;
task("generate${variant.name.capitalize()}Javadoc", type: Javadoc) {
    // title = ''
    // description = ''
    source = variant.javaCompile.source
    classpath = files(variant.javaCompile.classpath.files, project.android.getBootClasspath())
    destinationDir = file("../javadoc/")
    options {
        links "http://docs.oracle.com/javase/7/docs/api/"
        linksOffline "http://d.android.com/reference","${android.sdkDirectory}/docs/reference"
    }
    exclude '**/BuildConfig.java'
    exclude '**/R.java'
    exclude '**/com/green/iot/ax/lib/domain/controller/device/AirTemperatureSensorManager.java'
    exclude '**/com/green/iot/ax/lib/domain/controller/device/ButtonManager.java' 
    exclude '**/com/green/iot/ax/lib/domain/internal'
}
&lt;/code&gt;&lt;/pre&gt;
&lt;p&gt;}&lt;/p&gt;</t>
  </si>
  <si>
    <t>2015-12-14 07:21:55.353000+00:00</t>
  </si>
  <si>
    <t>java|android|android-studio|gradle|javadoc</t>
  </si>
  <si>
    <t>Ozzie hadoop action error : type mismatch</t>
  </si>
  <si>
    <t>&lt;p&gt;I am having a problem when I run my Hadoop Jobs via OOzie.
I have run the jobs normally with the following configuration:&lt;/p&gt;
&lt;pre&gt;&lt;code&gt;public int run(String[] args) throws Exception {
        // TODO Auto-generated method stub
        Job job = new Job(getConf(), "GCAnalyzer");
        job.setJarByClass(GCMapper.class);
        job.setMapperClass(getMapperClass());
        job.setReducerClass(getReducerClass());
        job.setOutputKeyClass(Text.class);
        job.setOutputValueClass(NullWritable.class);
        job.setInputFormatClass(TextInputFormat.class);
        job.setOutputFormatClass(TextOutputFormat.class);
        FileInputFormat.addInputPath(job, new Path(args[0]));
        FileOutputFormat.setOutputPath(job, new Path(args[1]));
        job.setNumReduceTasks(1);
        return job.waitForCompletion(true) ? 0 : 1;
    }
    public static void main(String args[]) throws Exception {
        int res = ToolRunner.run(new Configuration(), new GCMapper(), args);
        System.exit(res);
    }
&lt;/code&gt;&lt;/pre&gt;
&lt;p&gt;When I run the same job with the following OOzie config I get error:&lt;/p&gt;
&lt;pre&gt;&lt;code&gt;&amp;lt;workflow-app xmlns="uri:oozie:workflow:0.2" name="log_analysis"&amp;gt;
&amp;lt;start to="gclogs" /&amp;gt; 
&amp;lt;action name="gclogs"&amp;gt;
&amp;lt;map-reduce&amp;gt;
    &amp;lt;job-tracker&amp;gt;${jobTracker}&amp;lt;/job-tracker&amp;gt; 
    &amp;lt;name-node&amp;gt;${nameNode}&amp;lt;/name-node&amp;gt; 
    &amp;lt;prepare&amp;gt;
    &amp;lt;delete path="${gcouput}"/&amp;gt;
    &amp;lt;/prepare&amp;gt;
    &amp;lt;configuration&amp;gt;
&amp;lt;property&amp;gt;
  &amp;lt;name&amp;gt;mapred.mapper.new-api&amp;lt;/name&amp;gt; 
  &amp;lt;value&amp;gt;true&amp;lt;/value&amp;gt; 
  &amp;lt;/property&amp;gt;
 &amp;lt;property&amp;gt;
  &amp;lt;name&amp;gt;mapred.reducer.new-api&amp;lt;/name&amp;gt; 
  &amp;lt;value&amp;gt;true&amp;lt;/value&amp;gt; 
  &amp;lt;/property&amp;gt;
&amp;lt;property&amp;gt;
&amp;lt;name&amp;gt;mapred.map.class&amp;lt;/name&amp;gt; 
&amp;lt;value&amp;gt;${gcmapper}&amp;lt;/value&amp;gt;
&amp;lt;/property&amp;gt;
&amp;lt;property&amp;gt;
&amp;lt;name&amp;gt;mapreduce.reduce.class&amp;lt;/name&amp;gt; 
&amp;lt;value&amp;gt;${gcreducer}&amp;lt;/value&amp;gt; 
&amp;lt;/property&amp;gt;
&amp;lt;property&amp;gt;
&amp;lt;name&amp;gt;mapred.mapoutput.key.class&amp;lt;/name&amp;gt; 
 &amp;lt;value&amp;gt;org.apache.hadoop.io.Text&amp;lt;/value&amp;gt; 
 &amp;lt;/property&amp;gt;
&amp;lt;property&amp;gt;
 &amp;lt;name&amp;gt;mapred.mapoutput.value.class&amp;lt;/name&amp;gt; 
 &amp;lt;value&amp;gt;org.apache.hadoop.io.NullWritable&amp;lt;/value&amp;gt; 
 &amp;lt;/property&amp;gt;
&amp;lt;property&amp;gt; 
 &amp;lt;name&amp;gt;mapreduce.inputformat.class&amp;lt;/name&amp;gt; 
 &amp;lt;value&amp;gt;org.apache.hadoop.mapreduce.lib.input.TextInputFormat&amp;lt;/value&amp;gt; 
 &amp;lt;/property&amp;gt;
 &amp;lt;property&amp;gt;
  &amp;lt;name&amp;gt;mapreduce.outputformat.class&amp;lt;/name&amp;gt; 
  &amp;lt;value&amp;gt;org.apache.hadoop.mapreduce.lib.output.TextOutputFormat&amp;lt;/value&amp;gt; 
  &amp;lt;/property&amp;gt;
&amp;lt;property&amp;gt;
&amp;lt;name&amp;gt;mapred.input.dir&amp;lt;/name&amp;gt; 
&amp;lt;value&amp;gt;${gcinput}&amp;lt;/value&amp;gt;
&amp;lt;/property&amp;gt;
&amp;lt;property&amp;gt;
&amp;lt;name&amp;gt;mapred.output.dir&amp;lt;/name&amp;gt; 
&amp;lt;value&amp;gt;${gcoutput}&amp;lt;/value&amp;gt;
&amp;lt;/property&amp;gt;
&amp;lt;property&amp;gt;
  &amp;lt;name&amp;gt;mapred.reduce.tasks&amp;lt;/name&amp;gt; 
  &amp;lt;value&amp;gt;1&amp;lt;/value&amp;gt; 
  &amp;lt;/property&amp;gt;
&amp;lt;property&amp;gt;
  &amp;lt;name&amp;gt;mapred.job.queue.name&amp;lt;/name&amp;gt; 
  &amp;lt;value&amp;gt;default&amp;lt;/value&amp;gt; 
  &amp;lt;/property&amp;gt;
&amp;lt;/configuration&amp;gt;
&amp;lt;/map-reduce&amp;gt;
&amp;lt;ok to="end" /&amp;gt; 
 &amp;lt;error to="fail" /&amp;gt; 
&amp;lt;/action&amp;gt;
 &amp;lt;kill name="fail"&amp;gt;
  &amp;lt;message&amp;gt;Map/Reduce failed, error message[${wf:errorMessage(wf:lastErrorNode())}]&amp;lt;/message&amp;gt; 
  &amp;lt;/kill&amp;gt;
  &amp;lt;end name="end" /&amp;gt; 
&amp;lt;/workflow-app&amp;gt;
&lt;/code&gt;&lt;/pre&gt;
&lt;p&gt;Job properties file as follows:&lt;/p&gt;
&lt;pre&gt;&lt;code&gt;oozie.wf.application.path=${nameNode}/user/svc_hdp/ozzie/apps/log_analyzer
oozie.libpath=${nameNode}/user/svc_hdp/oozie/apps/share-lib
nameNode=hdfs://path
jobTracker=path
queueName=default
# GCMApred
gcinput=${nameNode}/user/a.ntimbadi/inputgc
gcoutput=${nameNode}/user/a.ntimbadi/ouputgc
gcmapper=edu.*******.hadoop.log.GCMapper$CasMap
gcreducer=org.apache.hadoop.mapreduce.Reducer
&lt;/code&gt;&lt;/pre&gt;
&lt;p&gt;Error is as follows:&lt;/p&gt;
&lt;pre&gt;&lt;code&gt;java.io.IOException: Type mismatch in key from map: expected org.apache.hadoop.io.Text, recieved org.apache.hadoop.io.LongWritable
&lt;/code&gt;&lt;/pre&gt;
&lt;p&gt;I am sure that my hadoop code is fine since it runs when I run it manually. Something wrong with my oozie config. Please let me know if there is an obvious error.&lt;/p&gt;</t>
  </si>
  <si>
    <t>2013-08-05 20:09:53.263000+00:00</t>
  </si>
  <si>
    <t>2013-08-06 15:59:01.853000+00:00</t>
  </si>
  <si>
    <t>oozie</t>
  </si>
  <si>
    <t>Discrepant results between XOR operation in Javascript and Python</t>
  </si>
  <si>
    <t>&lt;p&gt;I'm porting a long, ugly function from JS to Python that basically calculates some kind of hash string given some input parameters. After porting and adapting the code, did some testing, and (suprise surprise), I don't get the same result.&lt;/p&gt;
&lt;p&gt;I did some debugging and got to the line that starts to mess up everything, turns out to be a XOR operation. So, long story short, I have isolated a simple example which shows how with the same values, a different result is obtained.&lt;/p&gt;
&lt;p&gt;This is JS code:&lt;/p&gt;
&lt;pre&gt;&lt;code&gt;hex_str = "0xA867DF55"
crc = -1349196347
new_crc = (crc &amp;gt;&amp;gt; 8) ^ hex_str
//new_crc == 1472744368
&lt;/code&gt;&lt;/pre&gt;
&lt;p&gt;This is the same code in Python:&lt;/p&gt;
&lt;pre&gt;&lt;code&gt;hex_str = "0xA867DF55"
crc = -1349196347
new_crc = (crc &amp;gt;&amp;gt; 8) ^ int(hex_str, 16)
//new_crc == -2822222928
&lt;/code&gt;&lt;/pre&gt;
&lt;p&gt;The only difference is that hex_str gets explicitly converted to an integer in Python.&lt;/p&gt;
&lt;p&gt;In the actual code, this calculation runs within a for loop. hex_str and crc get updated on each iteration. On the first few iterations everything works fine in python, but when hex_str and crc get the values shown above, everything starts to mess up.&lt;/p&gt;</t>
  </si>
  <si>
    <t>2016-12-08 11:48:31.683000+00:00</t>
  </si>
  <si>
    <t>2016-12-08 12:00:54.873000+00:00</t>
  </si>
  <si>
    <t>javascript|python|math|operators|xor</t>
  </si>
  <si>
    <t>SQL Loader missing comma error</t>
  </si>
  <si>
    <t>&lt;p&gt;UPDATE: My problem was solved, just wanted to add this helpful bit of code I stumbled upon. This will help you make a .ctl file much easier. Hopefully this is of use to some people out there.&lt;/p&gt;
&lt;pre&gt;&lt;code&gt;select
'LOAD DATA 
APPEND
INTO TABLE ' || '&amp;amp;TABLE_NAME' ||
' FIELDS TERMINATED BY "~"
TRAILING NULLCOLS
(' "Column Name",' ' "sql_loader_type" from dual
union all
select
COLUMN_NAME,
DECODE(DATA_TYPE,
'TIMESTAMP(6)','TIMESTAMP "YYYY-MM-DD HH24:MI:SS.FF",',
'NUMBER','DECIMAL EXTERNAL,',
'VARCHAR2','CHAR,',
'CHAR','CHAR',
'DATE','"TO_DATE(SUBSTR(:' || column_name || ',1,19),''YYYY-MM-DD HH24:MI:SS'')",'
) "sql_loader_type"
from all_tab_cols 
where owner=UPPER('&amp;amp;SCHEMA_NAME') AND TABLE_NAME = UPPER('&amp;amp;TABLE_NAME')
union all
select ')' "Column Name" , '' "sql_loader_type" from dual;
&lt;/code&gt;&lt;/pre&gt;
&lt;p&gt;I am trying to play around with SQL Loader to get a better understand of it and so far its been very interesting. My main problem right now though is that even though it says 42 rows have been commited, my table is still empty. &lt;/p&gt;
&lt;p&gt;** Just an FYI, I am using a excel spreadsheet save as .csv. The reason I am practicing with an excel file is because sooner or later I will be automating this process for a project. **&lt;/p&gt;
&lt;p&gt;Further review of the log file shows that I am getting an error saying that I am missing a column. Here is how my &lt;code&gt;ctl&lt;/code&gt; file is set up:&lt;/p&gt;
&lt;pre&gt;&lt;code&gt;options (skip=11, errors=10,rows=45)
load DATA
  infile 'location of my file'
  INTO TABLE t_legal_transactions
  fields terminated BY "," optionally enclosed by '"' trailing nullcols
  (ACCOUNT,
   transaction_date "to_date(:transaction_date, 'DD_MON_YY'",
   amount,
   fintran_id,
   attorney_id,
   description,
   ID constant '1',
   batch_id constant '1',
   org_id constant '239')
&lt;/code&gt;&lt;/pre&gt;
&lt;p&gt;Here is what the log shows after deciphering the terrible one line of death:&lt;/p&gt;
&lt;pre&gt;&lt;code&gt;Record 1: Rejected - Error on table T_LEGAL_TRANSACTIONS, column ORG_ID.
ORA-00917: missing comma
Record 2: Rejected - Error on table T_LEGAL_TRANSACTIONS, column ORG_ID.
ORA-00917: missing comma
Record 3: Rejected - Error on table T_LEGAL_TRANSACTIONS, column ORG_ID.
ORA-00917: missing comma
Record 4: Rejected - Error on table T_LEGAL_TRANSACTIONS, column ORG_ID.
ORA-00917: missing comma
Record 5: Rejected - Error on table T_LEGAL_TRANSACTIONS, column ORG_ID.
ORA-00917: missing comma
Record 6: Rejected - Error on table T_LEGAL_TRANSACTIONS, column ORG_ID.
ORA-00917: missing comma
Record 7: Rejected - Error on table T_LEGAL_TRANSACTIONS, column ORG_ID.
ORA-00917: missing comma
Record 8: Rejected - Error on table T_LEGAL_TRANSACTIONS, column ORG_ID.
ORA-00917: missing comma
Record 9: Rejected - Error on table T_LEGAL_TRANSACTIONS, column ORG_ID.
ORA-00917: missing comma
Record 10: Rejected - Error on table T_LEGAL_TRANSACTIONS, column ORG_ID.
ORA-00917: missing comma
&lt;/code&gt;&lt;/pre&gt;
&lt;p&gt;Now I have been scouring the internet trying to find what might be the cause of this error, but I am coming up with nothing. Can anyone here point me in the right direction?&lt;/p&gt;
&lt;p&gt;Also side question, is it possible to format the log so its not terrible to look at?&lt;/p&gt;</t>
  </si>
  <si>
    <t>2013-08-21 18:42:22.590000+00:00</t>
  </si>
  <si>
    <t>2013-08-22 04:15:23.027000+00:00</t>
  </si>
  <si>
    <t>sql|oracle|runtime-error|sql-loader</t>
  </si>
  <si>
    <t>Pass multiple parameters to rest API - Spring</t>
  </si>
  <si>
    <t>&lt;p&gt;I am trying to figure out if it is possible to pass a JSON object to rest API, Or pass a multiple parameters to that API ? And how to read these parameters in Spring ? Lets assume that the url looks like the below examples : &lt;/p&gt;
&lt;p&gt;Ex.1 &lt;code&gt;http://localhost:8080/api/v1/mno/objectKey?id=1&amp;amp;name=saif&lt;/code&gt;&lt;/p&gt;
&lt;p&gt;Is it valid to pass a JSON object like in the url below ?&lt;/p&gt;
&lt;p&gt;Ex.2 &lt;code&gt;http://localhost:8080/api/v1/mno/objectKey/{"id":1, "name":"Saif"}&lt;/code&gt;&lt;/p&gt;
&lt;p&gt;Questions:&lt;/p&gt;
&lt;p&gt;1) Is it possible to pass a JSON object to the url like in Ex.2?&lt;/p&gt;
&lt;p&gt;2) How can we pass and parse the parameters in Ex.1? &lt;/p&gt;
&lt;p&gt;I tried to write some methods to achieve my goal, but could not find the right solution?&lt;/p&gt;
&lt;p&gt;I tried to pass JSON object as @RequestParam&lt;/p&gt;
&lt;p&gt;&lt;code&gt;http://localhost:8080/api/v1/mno/objectKey?id=1&lt;/code&gt; There was an unexpected error &lt;code&gt;(type=Unsupported Media Type, status=415). Content type 'null' not supported&lt;/code&gt;&lt;/p&gt;
&lt;p&gt;&lt;code&gt;http://localhost:8080/api/v1/mno/objectKey/id=1&lt;/code&gt; There was an unexpected error &lt;code&gt;(type=Not Found, status=404). No message available&lt;/code&gt;&lt;/p&gt;
&lt;p&gt;&lt;code&gt;http://localhost:8080/api/v1/mno/objectKey/%7B%22id%22:1%7D&lt;/code&gt; There was an unexpected error &lt;code&gt;(type=Not Found, status=404). No message available&lt;/code&gt;&lt;/p&gt;
&lt;pre&gt;&lt;code&gt;@RequestMapping(value="mno/{objectKey}",
                method = RequestMethod.GET, 
                consumes="application/json")
    public List&amp;lt;Book&amp;gt; getBook4(@RequestParam ObjectKey objectKey) {
        ...
    }
&lt;/code&gt;&lt;/pre&gt;
&lt;p&gt;I tried to pass the JSON object as @PathVariable&lt;/p&gt;
&lt;pre&gt;&lt;code&gt;@RequestMapping(value="ghi/{objectKey}",method = RequestMethod.GET)
    public List&amp;lt;Book&amp;gt; getBook2(@PathVariable ObjectKey objectKey) {
        ...         
    }
&lt;/code&gt;&lt;/pre&gt;
&lt;p&gt;I created this object to hold the id parameter and other parameters like name , etc .... &lt;/p&gt;
&lt;pre&gt;&lt;code&gt;class ObjectKey{
        long id;
        public long getId() {
            return id;
        }
        public void setId(long id) {
            this.id = id;
        }
    }
&lt;/code&gt;&lt;/pre&gt;</t>
  </si>
  <si>
    <t>2016-06-25 20:20:52.240000+00:00</t>
  </si>
  <si>
    <t>2018-11-20 06:17:57.660000+00:00</t>
  </si>
  <si>
    <t>2016-06-25 21:18:41.090000+00:00</t>
  </si>
  <si>
    <t>java|json|spring|rest|spring-mvc</t>
  </si>
  <si>
    <t>Scale all fonts with css/js</t>
  </si>
  <si>
    <t>&lt;p&gt;I need to change the size of all fonts with one click (so it's adjusted for people with eyesight problems). After next click it should go back to normal. What's the easiest way to do so? I don't want to access every single text as there's a lot of them. I would like to scale all by approximately 20-50%. Is there an easy way to do so? I use bootstrap and jQuery.&lt;/p&gt;</t>
  </si>
  <si>
    <t>2018-09-03 05:37:22.663000+00:00</t>
  </si>
  <si>
    <t>2018-09-03 06:35:28.783000+00:00</t>
  </si>
  <si>
    <t>javascript|css|twitter-bootstrap|fonts|scaling</t>
  </si>
  <si>
    <t>Python library installed for version 2.6 instead of 2.7</t>
  </si>
  <si>
    <t>&lt;p&gt;I have a CentOS and I needed to install the Mysql-python library and I did it with yum install MySQL-python. The problem is that now it is installed for python2.6 and not for python2.7 that is the one that I need to use.
The library works with python 2.6 but is not recognized by python2.7
How can I fix it??&lt;/p&gt;
&lt;p&gt;Thanks&lt;/p&gt;</t>
  </si>
  <si>
    <t>2014-03-26 18:41:45.240000+00:00</t>
  </si>
  <si>
    <t>python|centos|yum</t>
  </si>
  <si>
    <t>sum values in a column with awk</t>
  </si>
  <si>
    <t>&lt;p&gt;Hi all I have a file which looks like this:&lt;/p&gt;
&lt;pre&gt;&lt;code&gt;AAAA  5
BBBB  4
CCCC  12
...
&lt;/code&gt;&lt;/pre&gt;
&lt;p&gt;(the file is tab separated and many 1000's of lines)&lt;/p&gt;
&lt;p&gt;What I am interested in doing is summing the second column of values, which is straight forward:&lt;/p&gt;
&lt;pre&gt;&lt;code&gt;awk '{sum +=$2}END{print sum}'
&lt;/code&gt;&lt;/pre&gt;
&lt;p&gt;Which in the case of these 3 rows would give a value of 21. What I want to do is to first sum all of the 2nd column in the file, then print col1, col2, col2/sum. So the output would look like this:&lt;/p&gt;
&lt;pre&gt;&lt;code&gt;AAAA 5 0.2380
BBBB 4 0.1904
CCCC 12 0.5714
&lt;/code&gt;&lt;/pre&gt;
&lt;p&gt;What I have tried is this:&lt;/p&gt;
&lt;pre&gt;&lt;code&gt;awk '{sum +=$2}END{print $1,$2,$2/sum}'
&lt;/code&gt;&lt;/pre&gt;
&lt;p&gt;But it doesn't seem to work, all I get is "CCCC 12 0.5714" to be printed. I have been trying to figure this out, but can't seem to get it. Any help would be appreciated.
Thanks&lt;/p&gt;</t>
  </si>
  <si>
    <t>2014-09-04 18:12:16.807000+00:00</t>
  </si>
  <si>
    <t>2016-02-15 01:57:56.060000+00:00</t>
  </si>
  <si>
    <t>Adding third party library dependencies to Android Library</t>
  </si>
  <si>
    <t>&lt;p&gt;I'm working on Android Library project and want to add Picasso to my library.
I've noticed that different libraries use different approaches to do this:&lt;/p&gt;
&lt;ul&gt;
&lt;li&gt;Some libraries use static library dependency (like gif_encoder and gif_decoder libraries in &lt;a href="https://github.com/bumptech/glide/tree/master/third_party" rel="nofollow"&gt;Glide lib&lt;/a&gt;)&lt;/li&gt;
&lt;li&gt;Some libraries use usual dynamic gradle or pom dependencies (like &lt;a href="https://github.com/square/picasso/blob/master/pom.xml" rel="nofollow"&gt;Picasso&lt;/a&gt; uses OKHttp or &lt;a href="https://github.com/square/wire/blob/master/wire-runtime/pom.xml" rel="nofollow"&gt;Wire&lt;/a&gt; uses Retrofit and RxJava). I don't mean dynamic versions here marked with + sign (like 2.3.3+)&lt;/li&gt;
&lt;li&gt;Some libraries require adding the explicit dependence to some lib together with the target library (like &lt;a href="https://github.com/ReactiveX/RxAndroid" rel="nofollow"&gt;RxAndroid&lt;/a&gt; uses RxJava)&lt;/li&gt;
&lt;/ul&gt;
&lt;p&gt;So the question: what's the best way to add third party libraries to the Android library project? I mean the way that would help to simplify library integration process for the end-user and to avoid versions conflict and other potential issues.
What are the advantages and disadvantages of a particular approach?&lt;/p&gt;</t>
  </si>
  <si>
    <t>2016-05-11 14:36:14.013000+00:00</t>
  </si>
  <si>
    <t>2016-05-12 11:59:33.880000+00:00</t>
  </si>
  <si>
    <t>android|maven|static-libraries|dynamic-library</t>
  </si>
  <si>
    <t>Google sheets importxml formula error</t>
  </si>
  <si>
    <t>&lt;p&gt;I try to import some Google Maps data into Google Sheets using the importxml function.&lt;/p&gt;
&lt;p&gt;My URL looks like this:
&lt;a href="https://maps.googleapis.com/maps/api/directions/xml?origin=Disneyland&amp;amp;destination=Universal+Studios+Hollywood4&amp;amp;sensor=false&amp;amp;alternatives=false&amp;amp;key=MYGOOGLEAPIKEY" rel="nofollow noreferrer"&gt;https://maps.googleapis.com/maps/api/directions/xml?origin=Disneyland&amp;amp;destination=Universal+Studios+Hollywood4&amp;amp;sensor=false&amp;amp;alternatives=false&amp;amp;key=MYGOOGLEAPIKEY&lt;/a&gt;
(replace MYGOOGLEAPIKEY with yours or remove the whole key parameter)&lt;/p&gt;
&lt;p&gt;In a browser this returns the XML as expected.&lt;/p&gt;
&lt;p&gt;However if I use &lt;/p&gt;
&lt;p&gt;=IMPORTXML("&lt;a href="https://maps.googleapis.com/maps/api/directions/xml?origin=Disneyland&amp;amp;destination=Universal+Studios+Hollywood4&amp;amp;sensor=false&amp;amp;alternatives=false&amp;amp;key=MYGOOGLEAPIKEY" rel="nofollow noreferrer"&gt;https://maps.googleapis.com/maps/api/directions/xml?origin=Disneyland&amp;amp;destination=Universal+Studios+Hollywood4&amp;amp;sensor=false&amp;amp;alternatives=false&amp;amp;key=MYGOOGLEAPIKEY&lt;/a&gt;","//leg/distance/value");&lt;/p&gt;
&lt;p&gt;in Google Spreadsheets I get a error message pop-up stating:&lt;/p&gt;
&lt;blockquote&gt;
  &lt;p&gt;There was a problem&lt;/p&gt;
  &lt;p&gt;It looks like your formula has an error. If you don't want to enter a
  formula, begin your text with an apostrophe (').&lt;/p&gt;
&lt;/blockquote&gt;
&lt;p&gt;&lt;a href="https://i.stack.imgur.com/IbQlz.png" rel="nofollow noreferrer"&gt;Screenshot of error message&lt;/a&gt;&lt;/p&gt;
&lt;p&gt;I am unable to figure out what the problem is.&lt;/p&gt;</t>
  </si>
  <si>
    <t>2018-06-12 17:01:03.277000+00:00</t>
  </si>
  <si>
    <t>2018-06-12 17:25:27.003000+00:00</t>
  </si>
  <si>
    <t>google-maps-api-3|google-sheets</t>
  </si>
  <si>
    <t>joining row with most recent date in mysql</t>
  </si>
  <si>
    <t>&lt;p&gt;i'm new to mysql and have been tryn to make this work without any luck.
i am joining 3 tables and i am tryn to join third table with the row with most recent record as per date.
here is my mysql query&lt;/p&gt;
&lt;pre&gt;&lt;code&gt;SELECT mg.region_name, mu.contact_person, 
    mu.contact_number, mu.status, mu.company_name, mu.user_type, MAX(mf.follow_up_date), mf.date, mu.user_id
FROM p1006_marketing_group as mg 
JOIN p1006_marketing_users as mu ON mg.id = mu.region_id 
JOIN ( SELECT user_id_fk,MAX(follow_up_date) 
        FROM p1006_marketing_follow_up ) as mf 
    ON mu.user_id = mf.user_id_fk 
    WHERE mu.user_id_done = "" AND ( mg.id = 3 OR mg.id = 7 OR mg.id = 6 ) 
GROUP BY mf.user_id_fk
&lt;/code&gt;&lt;/pre&gt;
&lt;p&gt;i get the following error&lt;/p&gt;
&lt;p&gt;Unknown column 'mf.follow_up_date' in 'field list'&lt;/p&gt;
&lt;p&gt;i am really confused because i do have to column follow_up_date.&lt;/p&gt;
&lt;p&gt;i would be really greateful for any help possible&lt;/p&gt;</t>
  </si>
  <si>
    <t>2017-09-08 06:19:55.647000+00:00</t>
  </si>
  <si>
    <t>2017-09-08 06:24:26.810000+00:00</t>
  </si>
  <si>
    <t>2017-09-08 06:23:39.507000+00:00</t>
  </si>
  <si>
    <t>How to set a title for X-axis and Y-axis in line chart using Charts Framework in iOS?</t>
  </si>
  <si>
    <t>&lt;p&gt;I am configuring Line Chart using Charts framework. I have done my research but couldn't find relevant information as to how to set the title for X and Y axes(marked by red rectangle) as shown in the attached image.&lt;/p&gt;
&lt;p&gt;&lt;a href="https://i.stack.imgur.com/YWhWr.png" rel="nofollow noreferrer"&gt;Chart Example&lt;/a&gt;&lt;/p&gt;</t>
  </si>
  <si>
    <t>2017-03-27 09:55:05.247000+00:00</t>
  </si>
  <si>
    <t>2017-03-27 11:06:20.607000+00:00</t>
  </si>
  <si>
    <t>ios|objective-c|charts</t>
  </si>
  <si>
    <t>how to find external sdcard(mnt/exdsdcard) path android?</t>
  </si>
  <si>
    <t>&lt;h1&gt;Exdsdcard path find&lt;/h1&gt;
&lt;blockquote&gt;
  &lt;p&gt;i need to find out external sdcard path(mnt/exdsdcard).i want to same some images to exdsdcard and i went access database also.&lt;/p&gt;
&lt;/blockquote&gt;</t>
  </si>
  <si>
    <t>2013-02-08 03:57:53.790000+00:00</t>
  </si>
  <si>
    <t>2013-02-08 04:45:11.397000+00:00</t>
  </si>
  <si>
    <t>android|android-sdcard</t>
  </si>
  <si>
    <t>Using mousetrap on a specific element?</t>
  </si>
  <si>
    <t>&lt;p&gt;I am using the Mousetrap javascript library and am wanting to capture input on a specific element.&lt;/p&gt;
&lt;p&gt;The scenario is I have a textbox for username and password which KnockoutJS binds to then when a button is pressed an ajax request is made to login the user. Now as there is no form and its not a &lt;em&gt;real&lt;/em&gt; button its an anchor that Jquery UI turns into a button I was wondering if there was some simple way to get mousetrap to bind to the element rather than at the document level.&lt;/p&gt;
&lt;p&gt;So for example a normal mousetrap binding would be:&lt;/p&gt;
&lt;pre&gt;&lt;code&gt;Mousetrap.bind('enter', function(event) { CallSomeAjaxMethod(); });
&lt;/code&gt;&lt;/pre&gt;
&lt;p&gt;Now that will check for any enter key press on the page (outside of a textbox element) and then do something based on it. Now the problem is in this case I am wanting to be able to ONLY capture this event whenever it is carried out within the scope of a specific element.&lt;/p&gt;
&lt;p&gt;So for example I would be wanting to do something likethis:&lt;/p&gt;
&lt;pre&gt;&lt;code&gt;var element = document.getElementById("some-element");
Mousetrap.bind('enter', element, function(event) { CallSomeAjaxMethod(); });
&lt;/code&gt;&lt;/pre&gt;
&lt;p&gt;or maybe more fluent like:&lt;/p&gt;
&lt;pre&gt;&lt;code&gt;Mousetrap.bind('enter', function(event) { CallSomeAjaxMethod(); }).on(element);
&lt;/code&gt;&lt;/pre&gt;
&lt;p&gt;Is there any way to do this? the only way I can see to do it (with Mousetrap) currently is to have this document scope binding and just try to get the element the event was raised on if it is possible.&lt;/p&gt;
&lt;p&gt;I know you can do this sort of thing with Jquery or vanilla js however as I already have Mousetrap loaded I would like to re-use it here if possible.&lt;/p&gt;</t>
  </si>
  <si>
    <t>2013-04-23 12:42:12.060000+00:00</t>
  </si>
  <si>
    <t>2015-03-28 19:14:22.963000+00:00</t>
  </si>
  <si>
    <t>javascript|keyboard-shortcuts|mousetrap</t>
  </si>
  <si>
    <t>how change sidebar menu depending on top navbar selection in mvc?</t>
  </si>
  <si>
    <t>&lt;p&gt;I created partial view with top navbar in mvc using some bootstrap like below (_layout.cshtml) and it works but I'd like to switch to different sidebar on each topbar nav selection. How to do this? where to switch sidemenu? Should I have separate partial view for each sidemenu? if yes how to change them in main _layout view?
thanks&lt;/p&gt;
&lt;pre&gt;&lt;code&gt;&amp;lt;!DOCTYPE html&amp;gt;
&amp;lt;html&amp;gt;
&amp;lt;head&amp;gt;
    &amp;lt;meta charset="utf-8" /&amp;gt;
    &amp;lt;meta name="viewport" content="width=device-width, initial-scale=1.0"&amp;gt;
    &amp;lt;title&amp;gt;@ViewBag.Title - My ASP.NET Application&amp;lt;/title&amp;gt;
    @Styles.Render("~/Content/css")
    @Scripts.Render("~/bundles/modernizr")
&amp;lt;/head&amp;gt;
&amp;lt;body&amp;gt;
    &amp;lt;div class="navbar navbar-inverse navbar-fixed-top"&amp;gt;
        &amp;lt;div class="container"&amp;gt;
            &amp;lt;div class="navbar-header"&amp;gt;
                &amp;lt;button type="button" class="navbar-toggle" data-toggle="collapse" data-target=".navbar-collapse"&amp;gt;
                    &amp;lt;span class="icon-bar"&amp;gt;&amp;lt;/span&amp;gt;
                    &amp;lt;span class="icon-bar"&amp;gt;&amp;lt;/span&amp;gt;
                    &amp;lt;span class="icon-bar"&amp;gt;&amp;lt;/span&amp;gt;
                &amp;lt;/button&amp;gt;
                @Html.ActionLink("Application name", "Index", "Home", new { area = "" }, new { @class = "navbar-brand" })
            &amp;lt;/div&amp;gt;
            &amp;lt;div class="navbar-collapse collapse"&amp;gt;
                &amp;lt;ul class="nav navbar-nav"&amp;gt;
                    &amp;lt;li&amp;gt;@Html.ActionLink("SideMenuA", "sm1", "top")&amp;lt;/li&amp;gt;
                    &amp;lt;li&amp;gt;@Html.ActionLink("SideMenuB", "sm2", "top")&amp;lt;/li&amp;gt;
                    &amp;lt;li&amp;gt;@Html.ActionLink("SideMenuC", "sm3", "top")&amp;lt;/li&amp;gt;
                &amp;lt;/ul&amp;gt;
            &amp;lt;/div&amp;gt;
        &amp;lt;/div&amp;gt;
    &amp;lt;/div&amp;gt;
    &amp;lt;div class="col-md-2"&amp;gt;
        &amp;lt;ul class="nav  navbar-fixed-side navbar-fixed-side-left"&amp;gt;
            &amp;lt;li&amp;gt;@Html.ActionLink("A", "A", "side")&amp;lt;/li&amp;gt;
            &amp;lt;li&amp;gt;@Html.ActionLink("B", "B", "side")&amp;lt;/li&amp;gt;
            &amp;lt;li&amp;gt;@Html.ActionLink("C", "C", "side")&amp;lt;/li&amp;gt;
        &amp;lt;/ul&amp;gt;
    &amp;lt;/div&amp;gt;
&amp;lt;div class="container body-content"&amp;gt;
        @RenderBody()
        &amp;lt;hr /&amp;gt;
        &amp;lt;footer&amp;gt;
            &amp;lt;p&amp;gt;&amp;amp;copy; @DateTime.Now.Year - My ASP.NET Application&amp;lt;/p&amp;gt;
        &amp;lt;/footer&amp;gt;
    &amp;lt;/div&amp;gt;
    @Scripts.Render("~/bundles/jquery")
    @Scripts.Render("~/bundles/bootstrap")
    @RenderSection("scripts", required: false)
&amp;lt;/body&amp;gt;
&amp;lt;/html&amp;gt;
&lt;/code&gt;&lt;/pre&gt;</t>
  </si>
  <si>
    <t>2015-06-06 22:19:05.380000+00:00</t>
  </si>
  <si>
    <t>2015-06-10 16:44:48.707000+00:00</t>
  </si>
  <si>
    <t>2015-06-10 14:12:06.187000+00:00</t>
  </si>
  <si>
    <t>asp.net|asp.net-mvc|twitter-bootstrap</t>
  </si>
  <si>
    <t>Why purely functional languages instead of "impure" functional languages?</t>
  </si>
  <si>
    <t>&lt;p&gt;What's the advantage, for someone who is not a theoretical computer scientist, of learning a purely functional language like Haskell or Erlang instead of an "impure" language with a strong functional component, like Python or version 2 of the D programming language?  My arguments are as follows:&lt;/p&gt;
&lt;ol&gt;
&lt;li&gt;No paradigm is perfect.  Languages that are single-paradigm, regardless of what paradigm that is, are very restrictive.&lt;/li&gt;
&lt;li&gt;Python or D will ease you into functional programming while you get real work done.  Haskell or Erlang will force you to learn functional style all at once before you can actually do anything of interest in them.&lt;/li&gt;
&lt;/ol&gt;
&lt;p&gt;Edit:  By "impure" functional languages, what I really mean is strongly multiparadigm languages w/ a functional flavor, not strongly functional languages with some non-functional abilities.&lt;/p&gt;</t>
  </si>
  <si>
    <t>2009-11-24 22:36:06.617000+00:00</t>
  </si>
  <si>
    <t>2013-03-13 10:33:33.197000+00:00</t>
  </si>
  <si>
    <t>2009-11-25 02:10:29.227000+00:00</t>
  </si>
  <si>
    <t>programming-languages|functional-programming</t>
  </si>
  <si>
    <t>checkbox listner problem</t>
  </si>
  <si>
    <t>&lt;p&gt;[android]
i want to make alistener on list view checkbox but i got null pointer exception at the line where i wrote the checkbox listner (check box id defined at row.xml layout )&lt;/p&gt;</t>
  </si>
  <si>
    <t>2011-03-24 14:54:40.367000+00:00</t>
  </si>
  <si>
    <t>2011-03-24 18:13:20.307000+00:00</t>
  </si>
  <si>
    <t>How to easily import XML into rails(activerecord) database</t>
  </si>
  <si>
    <t>&lt;p&gt;Looking for modules and docs to read about importing xml documents into rails.&lt;/p&gt;
&lt;p&gt;What I want to be able to.do.is have a persistent directory to have xml.files put into. Files will be same xml structure. I want files to be easily or automatically updated into the database.&lt;/p&gt;
&lt;p&gt;Can I do this with ruby on rails with activercord?&lt;/p&gt;</t>
  </si>
  <si>
    <t>2014-05-23 21:36:33.480000+00:00</t>
  </si>
  <si>
    <t>2014-05-24 11:36:59.897000+00:00</t>
  </si>
  <si>
    <t>2014-05-24 01:15:37.393000+00:00</t>
  </si>
  <si>
    <t>ruby-on-rails|ruby|activerecord|ruby-on-rails-4</t>
  </si>
  <si>
    <t>How to fix Invalid flag after regular expression in HTML Mail Merge</t>
  </si>
  <si>
    <t>&lt;p&gt;Please help me to fix the mail merge issue, I have attached code where I am getting "Invalid flag after regular expression. (line 41, file "Code")"
Here is the &lt;a href="https://docs.google.com/spreadsheets/d/1sS8_GQ3EMcsXCtj_j8LKg4jywKMu_8symTAFbIkGyh4/edit#gid=0" rel="nofollow noreferrer"&gt;sample sheet&lt;/a&gt; from where I am importing the data I want to add tables along with some text in the message body.&lt;/p&gt;
&lt;p&gt;&lt;div class="snippet" data-lang="js" data-hide="false" data-console="true" data-babel="false"&gt;_x000D_
&lt;div class="snippet-code"&gt;_x000D_
&lt;pre class="snippet-code-js lang-js prettyprint-override"&gt;&lt;code&gt;function DornmatSingle() {_x000D_
  var ss = SpreadsheetApp.getActiveSpreadsheet();_x000D_
  var sheet = SpreadsheetApp.getActiveSheet();_x000D_
  var dataRange = sheet.getRange("A2:AC2");_x000D_
  var data = dataRange.getValues();_x000D_
  for (i in data) {_x000D_
    var rowData = data[i];_x000D_
    var emailAddress = rowData[28];_x000D_
    var submiterEmail = rowData[1];_x000D_
    var ProjectName = rowData[2];_x000D_
    var SrDesign = "Sr. Design Architect Services";_x000D_
    var PerHourRate = rowData[4];    _x000D_
    var NumberOfHours = rowData[5];_x000D_
    var TotalRate = rowData[6];_x000D_
    var Contact  = "Contact Centre Expert";_x000D_
    var PerHourRate2 = rowData[8];_x000D_
    var NumberOfHours2 = rowData[9];_x000D_
    var NTotalRate2 = rowData[10];_x000D_
    var NJrDesign = "Jr. Design Architect";_x000D_
    var PerHourRate3 = rowData[12];_x000D_
    var NumberOfHours3 = rowData[13];_x000D_
    var TotalRate3 = rowData[14];_x000D_
    var Outsourced = "Outsourced Technical Support Resource";_x000D_
    var PerHourRate4 = rowData[16];_x000D_
    var NumberOfHours4 = rowData[17];_x000D_
    var TotalRate4 = rowData[18];_x000D_
    var Supplier = "Supplier Management";_x000D_
    var PerHourRate5 = rowData[20];_x000D_
    var NumberOfHours5 = rowData[21];_x000D_
    var TotalRate5 = rowData[22];_x000D_
    var Project = "Project Management &amp;amp; Execution";_x000D_
    var PerHourRate6 = rowData[24];_x000D_
    var NumberOfHours6 = rowData[25];_x000D_
    var TotalRate6 = rowData[26];_x000D_
    var UserAccount = rowData[28];_x000D_
    var GrandTotalRate = rowData[27];_x000D_
_x000D_
_x000D_
 var subject = 'Technology Charges for '+ProjectName+''; _x000D_
    var message = &amp;lt;table border="1" align="center" cellpadding="5" cellspacing="0" style="font-family:Verdana; fontsize=9px"&amp;gt;&amp;lt;tbody&amp;gt;&amp;lt;tr&amp;gt;&amp;lt;td style="background-color:#a4fff9;"&amp;gt;Sr.No.&amp;lt;/td&amp;gt;&amp;lt;td style="background-color:#a4fff9;"&amp;gt;Cost Element&amp;lt;/td&amp;gt;&amp;lt;td style="background-color:#a4fff9;"&amp;gt;Unit Price&amp;lt;/td&amp;gt;&amp;lt;td style="background-color:#a4fff9;"&amp;gt;UOM_x000D_
&amp;lt;/td&amp;gt;&amp;lt;td style="background-color:#a4fff9;"&amp;gt;Quantity&amp;lt;/td&amp;gt;&amp;lt;td style="background-color:#a4fff9;"&amp;gt;Total Cost&amp;lt;/td&amp;gt;&amp;lt;/tr&amp;gt;&amp;lt;tr&amp;gt;&amp;lt;td&amp;gt;1&amp;lt;/td&amp;gt;&amp;lt;td&amp;gt;Sr. Design Architect Services&amp;lt;/td&amp;gt;&amp;lt;td&amp;gt; +PerHourRate+ &amp;lt;/td&amp;gt;&amp;lt;td&amp;gt;Hrs &amp;lt;/td&amp;gt;&amp;lt;td&amp;gt; +NumberOfHours+ &amp;lt;/td&amp;gt;&amp;lt;td&amp;gt;+TotalRate+&amp;lt;/td&amp;gt;&amp;lt;/tr&amp;gt;&amp;lt;/tr&amp;gt;&amp;lt;td&amp;gt;2&amp;lt;/td&amp;gt;&amp;lt;td&amp;gt;Jr. Design Architect&amp;lt;/td&amp;gt;&amp;lt;td&amp;gt; +PerHourRate3+ &amp;lt;/td&amp;gt;&amp;lt;td&amp;gt;Hrs &amp;lt;/td&amp;gt;&amp;lt;td&amp;gt; +NumberOfHours3+ &amp;lt;/td&amp;gt;&amp;lt;td&amp;gt;+TotalRate3+&amp;lt;/td&amp;gt;&amp;lt;/tr&amp;gt;&amp;lt;/tr&amp;gt;&amp;lt;td&amp;gt;3&amp;lt;/td&amp;gt;&amp;lt;td&amp;gt;Contact Centre Expert&amp;lt;/td&amp;gt;&amp;lt;td&amp;gt; +PerHourRate2+ &amp;lt;/td&amp;gt;&amp;lt;td&amp;gt;Hrs &amp;lt;/td&amp;gt;&amp;lt;td&amp;gt; +NumberOfHours2+ &amp;lt;/td&amp;gt;&amp;lt;td&amp;gt; +NTotalRate2+ &amp;lt;/td&amp;gt;&amp;lt;/tbody&amp;gt;&amp;lt;/table&amp;gt;_x000D_
_x000D_
   _x000D_
MailApp.sendEmail({_x000D_
    to: emailAddress,_x000D_
    subject: subject,_x000D_
    htmlBody: message,_x000D_
  });_x000D_
_x000D_
  }}&lt;/code&gt;&lt;/pre&gt;_x000D_
&lt;/div&gt;_x000D_
&lt;/div&gt;_x000D_
&lt;/p&gt;</t>
  </si>
  <si>
    <t>2017-08-06 07:37:02.050000+00:00</t>
  </si>
  <si>
    <t>2017-08-06 11:41:49.127000+00:00</t>
  </si>
  <si>
    <t>Don't scale ImageBrush while resizing, Repeat it!</t>
  </si>
  <si>
    <t>&lt;p&gt;I have a problem with &lt;code&gt;ImageBrush&lt;/code&gt;:&lt;/p&gt;
&lt;pre&gt;&lt;code&gt;&amp;lt;Window ... &amp;gt;
    &amp;lt;Grid&amp;gt;
        &amp;lt;Grid.Background&amp;gt;
            &amp;lt;ImageBrush ImageSource="Controls\Images\notebook_paper_Line.jpg" TileMode="FlipX"
                        Viewport="0,0,1,0.09" /&amp;gt;
        &amp;lt;/Grid.Background&amp;gt;        
    &amp;lt;/Grid&amp;gt;
&amp;lt;/Window&amp;gt;
&lt;/code&gt;&lt;/pre&gt;
&lt;p&gt;I want to repeat image while user resizing window. But currently image gets scale while user resizing window. (Note that image size is small and I use &lt;code&gt;TileMode&lt;/code&gt; and &lt;code&gt;Viewport&lt;/code&gt; to repeat it, And problem occurs while resizing it!).&lt;/p&gt;
&lt;p&gt;Any XAML code will be great! :)&lt;/p&gt;
&lt;p&gt;&lt;em&gt;and i'm sorry for bad english!!!&lt;/em&gt;&lt;/p&gt;</t>
  </si>
  <si>
    <t>2010-12-21 17:54:04.063000+00:00</t>
  </si>
  <si>
    <t>2010-12-21 20:33:08.677000+00:00</t>
  </si>
  <si>
    <t>c#|wpf|resize|scale|imagebrush</t>
  </si>
  <si>
    <t>Variable will not work in switch case</t>
  </si>
  <si>
    <t>&lt;p&gt;When I try to compile the following:&lt;/p&gt;
&lt;p&gt;&lt;code&gt;bool matrix[h][w];&lt;/code&gt;&lt;/p&gt;
&lt;pre&gt;&lt;code&gt;bool c = 0;
switch(1) // was close?
{
  case matrix[y][x-1]: // up 1
  case matrix[y-2][x-1]: // down 1
  case matrix[y-1][x]: // right 1
  case matrix[y][x-2]: // left 1
    c = 1;
    break;
}
&lt;/code&gt;&lt;/pre&gt;
&lt;p&gt;It returns &lt;code&gt;the value of 'matrix' is not usable in a constant expression&lt;/code&gt;. What am I doing wrong?&lt;/p&gt;</t>
  </si>
  <si>
    <t>2016-02-25 16:03:39.393000+00:00</t>
  </si>
  <si>
    <t>2017-07-18 18:10:24.510000+00:00</t>
  </si>
  <si>
    <t>c++|arrays|boolean</t>
  </si>
  <si>
    <t>Rails Controller Triggering Both Branches Of If-Else Statement</t>
  </si>
  <si>
    <t>&lt;p&gt;I'm new here so I hope it's appropriate for new accounts to ask questions straight away. I've been working with Rails for sometime now and usually I'm pretty good at researching and solving my own problems - but this one has had me stumped for a few days now.&lt;/p&gt;
&lt;p&gt;I have a create action being called in a controller that contains an if-else statement that is conditional based on a check_box post parameter. I can see that the parameter is being posted to the controller so the statement should be able to correctly branch but something strange is happening. The controller executes both branches of the statement, but because my parameters are trimmed depending on that check_box, the second branch always errors out. I'm fairly confident this has little to do with routes.&lt;/p&gt;
&lt;p&gt;Please see my code below:&lt;/p&gt;
&lt;p&gt;Controller:&lt;/p&gt;
&lt;pre&gt;&lt;code&gt;  def create
@quote = Quote.find(params[:quote_id])
if params[:quote_item][:custom] == 1
  @quote_item = @quote.quote_items.new(quote_item_params)
  @quote_item.rate = nil
  @quote_item.custom = true
  @quote_item.unit_price = params[:quote_item][:unit_price]
  @quote_item.rate_name = params[:quote_item][:title]
else
  @quote_item = @quote.quote_items.new(quote_item_params)
  @quote_item.custom = false
  @rate = Rate.find(params[:quote_item][:rate_id])
    @quote_item.unit_price = @rate.price
  @quote_item.rate_name = @rate.product.name
end
respond_to do |format|
  if @quote.save
    format.html { redirect_to @quote, notice: 'Quote item was successfully added.' }
    format.json { render :show, status: :created, location: @quote }
  else
    format.html { redirect_to @quote }
    format.json { render json: @quote.errors, status: :unprocessable_entity }
  end
end
&lt;/code&gt;&lt;/pre&gt;
&lt;p&gt;View:&lt;/p&gt;
&lt;pre&gt;&lt;code&gt;    &amp;lt;% if @rates.any? %&amp;gt;
&amp;lt;%= bootstrap_form_for([@quote, @quote_item], layout: :inline) do |f| %&amp;gt;
    &amp;lt;%= f.text_field :title, class: 'input-sm', hide_label: true, :placeholder =&amp;gt; "Line Title" %&amp;gt;
  &amp;lt;%= f.select(:rate_id, @rates.collect {|r| [r.select_summary_text, r.id ] }, { hide_label: true }, { :class =&amp;gt; 'input-sm' }) %&amp;gt;
    &amp;lt;%= f.number_field :quantity, class: 'input-sm', hide_label: true, :min =&amp;gt; 1, :length =&amp;gt; 2,  :value =&amp;gt; 1 %&amp;gt;
  &amp;lt;%= f.text_field :unit_price, class: 'input-sm', hide_label: true, :min =&amp;gt; 1, :length =&amp;gt; 2, :prepend =&amp;gt; "$" %&amp;gt;
    &amp;lt;%= f.text_field :note, class: 'input-sm', hide_label: true, :placeholder =&amp;gt; "Note (Optional)" %&amp;gt;
  &amp;lt;%= f.submit "Add Quote Item", class: 'btn btn-sm btn-default' %&amp;gt;
  &amp;lt;%= f.check_box :custom, label: "Override" %&amp;gt;
&amp;lt;% end %&amp;gt;
&amp;lt;% else %&amp;gt;
&amp;lt;div class="well well-sm"&amp;gt;&amp;lt;i class="fa fa-usd"&amp;gt;&amp;lt;/i&amp;gt; No pricing for this customer has been set. Set product pricing for this jobs customer &amp;lt;%= link_to user_path(@quote.job.user) do %&amp;gt;here.&amp;lt;% end %&amp;gt;&amp;lt;/div&amp;gt;
&amp;lt;% end %&amp;gt;
&lt;/code&gt;&lt;/pre&gt;
&lt;p&gt;My create method errors out here:&lt;/p&gt;
&lt;pre&gt;&lt;code&gt;@rate = Rate.find(params[:quote_item][:rate_id])
&lt;/code&gt;&lt;/pre&gt;
&lt;p&gt;With:&lt;/p&gt;
&lt;pre&gt;&lt;code&gt;ActiveRecord::RecordNotFound (Couldn't find Rate with 'id'=):
&lt;/code&gt;&lt;/pre&gt;
&lt;p&gt;app/controllers/quote_items_controller.rb:19:in `create'&lt;/p&gt;
&lt;p&gt;This error is correct though, because the rate ID isn't processed in first branch of the if-else statement. I've tried different check_box form fields, directly overriding 'custom' and both branches still run.&lt;/p&gt;
&lt;p&gt;Any help here is greatly appreciated!&lt;/p&gt;</t>
  </si>
  <si>
    <t>2015-08-02 23:28:12.310000+00:00</t>
  </si>
  <si>
    <t>2015-08-02 23:34:59.863000+00:00</t>
  </si>
  <si>
    <t>Moving data between TSQL servers without backup or BCP</t>
  </si>
  <si>
    <t>&lt;p&gt;I have a very large database with near 21 million rows in various tables.  It took months to get it filled out, and I've been told that I now have to move it.&lt;/p&gt;
&lt;p&gt;The server it is on right now, I have VPN access and can work with the HDD at-will.  It runs Microsoft SQL Server 2014.&lt;/p&gt;
&lt;p&gt;The server I need to transfer it to is one of those SQL-only servers that do not allow you to VPN or access the HDD in any way.  It does have an FTP site that I can upload .bak files to, and then a way through their interface to restore .bak files to a database; however this will not work since the version of Microsoft SQL Server on this server is 2012.  It is not backwards compatible.&lt;/p&gt;
&lt;p&gt;Since I do not have access to the HDD I have also ruled out using bulk file commands (BCP).  I may be able to perform link server operations if I open the right ports, but I am afraid it will take a week to transfer this way.&lt;/p&gt;
&lt;p&gt;Does anyone know of any other options I can try here?&lt;/p&gt;</t>
  </si>
  <si>
    <t>2016-08-08 15:21:08.723000+00:00</t>
  </si>
  <si>
    <t>2016-08-08 15:45:27.447000+00:00</t>
  </si>
  <si>
    <t>2016-08-08 15:28:14.920000+00:00</t>
  </si>
  <si>
    <t>sql-server|database|tsql|database-migration</t>
  </si>
  <si>
    <t>Same file descriptor after fork()</t>
  </si>
  <si>
    <t>&lt;p&gt;I'm trying to understand what means duplicating a file descriptor after calling fork() and its possible effects on contention. &lt;/p&gt;
&lt;p&gt;In "The Linux Programming Interface" 24.2.1 (p517):&lt;/p&gt;
&lt;blockquote&gt;
  &lt;p&gt;When a fork() is performed, the child receives duplicates of all of
  the parent's file descriptors. These duplicates are made in the manner
  of dup(), which means that corresponding descriptors in the parent and
  the child refer to the same open file description.&lt;/p&gt;
&lt;/blockquote&gt;
&lt;p&gt;When I run this same code:&lt;/p&gt;
&lt;pre&gt;&lt;code&gt;#include &amp;lt;unistd.h&amp;gt;
#include &amp;lt;fcntl.h&amp;gt;
#include &amp;lt;stdio.h&amp;gt;
#include &amp;lt;sys/wait.h&amp;gt;
int main(void) {
    char* fl = "/tmp/test_fd";
    int fd;
    fd = open(fl, O_CREAT|O_TRUNC|O_WRONLY, 0666);
    if(!fork()) {
        printf("cfd=%d\n", fd);
        _exit(0);
    } else {
        int status;
        printf("ffd=%d\n", fd);
        wait(&amp;amp;status);
        close(fd);
        unlink(fl);
    }
}
&lt;/code&gt;&lt;/pre&gt;
&lt;p&gt;I get the same file descriptor (number?) for both processes: ffd=3 and cfd=3. But when run this code using dup():&lt;/p&gt;
&lt;pre&gt;&lt;code&gt;#include &amp;lt;unistd.h&amp;gt;
#include &amp;lt;fcntl.h&amp;gt;
#include &amp;lt;stdio.h&amp;gt;
int main(void) {
    char* fl = "/tmp/test_fd";
    int cfd, ffd;
    ffd = open(fl, O_CREAT|O_TRUNC|O_WRONLY, 0666);
    cfd = dup(ffd);
    printf("ffd=%d\n", ffd);
    printf("cfd=%d\n", cfd);
    close(ffd);
    unlink(fl);
}
&lt;/code&gt;&lt;/pre&gt;
&lt;p&gt;I get different file descriptors: ffd=3 and cfd=4. &lt;/p&gt;
&lt;p&gt;Then, I have the following questions: &lt;/p&gt;
&lt;ol&gt;
&lt;li&gt;What means fork() creates a &lt;em&gt;copy&lt;/em&gt; of the parent's file descriptors? &lt;/li&gt;
&lt;li&gt;Is there contention when two processes (father and child) perform an operation like fstat() concurrently on the same file descriptor?&lt;/li&gt;
&lt;li&gt;And what about two processes performing fstat() concurrently with two different file descriptors pointing to the same file?&lt;/li&gt;
&lt;/ol&gt;</t>
  </si>
  <si>
    <t>2015-05-13 22:53:15.327000+00:00</t>
  </si>
  <si>
    <t>2015-05-13 23:27:51.697000+00:00</t>
  </si>
  <si>
    <t>fork|file-descriptor|contention</t>
  </si>
  <si>
    <t>cmake is unable to download by protocol HTTPS while own cmake option procedure</t>
  </si>
  <si>
    <t>&lt;p&gt;When I aply my cmake option&lt;/p&gt;
&lt;pre&gt;&lt;code&gt;cmake -DCMAKE_BUILD_TYPE=RELEASE \
-DCMAKE_INSTALL_PREFIX=/usr/local \
-DINSTALL_C_EXAMPLES=OFF \
-DINSTALL_PYTHON_EXAMPLES=OFF \
-DBUILD_EXAMPLES=OFF \
-DOPENCV_EXTRA_MODULES_PATH=/home/luke/cv/last/opencv_contrib/modules  ..
&lt;/code&gt;&lt;/pre&gt;
&lt;p&gt;it will cause faults (written in warnings) with downloading some necessary files by HTTPS protocol. &lt;/p&gt;
&lt;pre&gt;&lt;code&gt;CMake Warning at cmake/OpenCVDownload.cmake:190 (message):
  IPPICV: Download failed: 1;"Unsupported protocol"
  For details please refer to the download log file:
  /home/luke/cv/last/oc/opencv/build/CMakeDownloadLog.txt
&lt;/code&gt;&lt;/pre&gt;
&lt;p&gt;&lt;a href="https://pastebin.com/CAWU6fdY" rel="nofollow noreferrer"&gt;Here&lt;/a&gt; is full output- result of entered CMake command. An info from file :&lt;/p&gt;
&lt;pre&gt;&lt;code&gt;  CMakeDownloadLog.txt
&lt;/code&gt;&lt;/pre&gt;
&lt;p&gt;is also shown &lt;a href="https://pastebin.com/Rf6CAKQd" rel="nofollow noreferrer"&gt;here&lt;/a&gt;. Seems like libcurl is not working. Ok I installed the last release of curl and also OpenSSL and I have make &lt;code&gt;./configure --with-ssl&lt;/code&gt; comand. When I see configured &lt;a href="https://pastebin.com/UBvRs8d0" rel="nofollow noreferrer"&gt;log of libcurl&lt;/a&gt; there I can see HTTPS on enum of protocols. Soo &lt;strong&gt;that should be supported&lt;/strong&gt;. But Cmake again while configuration and generating makes still that same fails with downloads written in that warnings ( shown above in my links ).  &lt;strong&gt;CMake tells: not supported&lt;/strong&gt; or &lt;strong&gt;disabled in libcurl&lt;/strong&gt; but &lt;strong&gt;libcurl says&lt;/strong&gt; (it seems like..) &lt;strong&gt;suported&lt;/strong&gt;. Ah. I am thinking about it but dont know what else is wrong.&lt;/p&gt;
&lt;p&gt;Does anybody know what could be wrong or do you have any idea/tips please ??&lt;/p&gt;</t>
  </si>
  <si>
    <t>2018-07-28 17:08:03.680000+00:00</t>
  </si>
  <si>
    <t>curl|https|cmake|openssl|libcurl</t>
  </si>
  <si>
    <t>PHP - How to read a private XML file?</t>
  </si>
  <si>
    <t>&lt;p&gt;I have a script on "domain 1" which performs a simplexml_load_file on an XML file on "domain 2" like so:&lt;/p&gt;
&lt;pre&gt;&lt;code&gt;$url = 'domain2.com/file.xml';
$xml  = simplexml_load_file($url);
$xmlEmail = $xml-&amp;gt;xpath("//users/user/email");
$userEmail = implode(", ", (array) $xmlEmail);
&lt;/code&gt;&lt;/pre&gt;
&lt;p&gt;However, this XML file contains private info about users. I don't want it to be directly accessible. Domain 2 will also be different according to the user so I can't filter by actual domains or IP's I'm afraid.&lt;/p&gt;
&lt;p&gt;&lt;strong&gt;Is it possible to set permissions to make it non accessible to the public, but somehow still readable via the simplexml call? Any alternative methods perhaps?&lt;/strong&gt;&lt;/p&gt;</t>
  </si>
  <si>
    <t>2012-04-06 18:13:34.877000+00:00</t>
  </si>
  <si>
    <t>2012-04-06 20:23:06.387000+00:00</t>
  </si>
  <si>
    <t>2012-04-06 18:35:39.310000+00:00</t>
  </si>
  <si>
    <t>php|xml|permissions|simplexml</t>
  </si>
  <si>
    <t>JS Async call freezes css3 animation</t>
  </si>
  <si>
    <t>&lt;p&gt;I'm creating a webapp that calls our API through AJAX.&lt;/p&gt;
&lt;p&gt;I'm not using any framework.&lt;/p&gt;
&lt;p&gt;Here is my indeterminate &lt;code&gt;progress&lt;/code&gt; HTML (just a copy from firefox building blocks)&lt;/p&gt;
&lt;pre&gt;&lt;code&gt;&amp;lt;progress class="pack-activity light" value="0" max="100" data-status="off"&amp;gt;
&amp;lt;/progress&amp;gt;
&lt;/code&gt;&lt;/pre&gt;
&lt;p&gt;Here is my CSS that triggers the progress&lt;/p&gt;
&lt;pre&gt;&lt;code&gt;progress[data-status="off"] {
    opacity: 0;
    -webkit-transition: opacity 1s;
       -moz-transition: opacity 1s;
        -ms-transition: opacity 1s;
            transition: opacity 1s;
}
progress[data-status="on"] {
    opacity: 1;
    -webkit-transition: opacity 0.2s;
       -moz-transition: opacity 0.2s;
        -ms-transition: opacity 0.2s;
            transition: opacity 0.2s;
}
&lt;/code&gt;&lt;/pre&gt;
&lt;p&gt;Here is the progress animation&lt;/p&gt;
&lt;pre&gt;&lt;code&gt;progress[value].pack-activity {
    background-image: url("../img/activity.png");
    background-repeat: repeat;
    background-size: auto 100%;
    animation: 0.5s move infinite steps(15);
}
@-webkit-keyframes move {
    from { background-position: 0 0; }
    to   { background-position: .64rem 0; }
}
&lt;/code&gt;&lt;/pre&gt;
&lt;p&gt;This works well if I turn &lt;code&gt;data-status&lt;/code&gt; on &lt;strong&gt;without&lt;/strong&gt; doing an AJAX call.&lt;/p&gt;
&lt;p&gt;When I do it, the animation 'freezes' until the AJAX call finishes. (I only could trigger the progress bar doing a &lt;code&gt;setTimeout&lt;/code&gt; on the request)&lt;/p&gt;
&lt;pre&gt;&lt;code&gt;window.setTimeout(function()
{
inevent.personController.signIn(email.value, password.value, function(data, exception)
{
    progress.setAttribute('data-status', 'off');
    if(exception !== undefined)
    {
        transition.message.setAttribute('data-status', 'on');
        window.setTimeout(function()
        {
            transition.message.setAttribute('data-status', 'off');
        }, 3000);
        switch(exception.content.status)
        {
            case 409:
                transition.message.innerHTML = "Please fill all fields!";
                break;
            case 401:
                transition.message.innerHTML = "Username or password incorrect!";
                break;
        }
    }
    else
    {
        transition.next('home');
    }
});
}, 200);
progress.setAttribute('data-status', 'on');
&lt;/code&gt;&lt;/pre&gt;
&lt;p&gt;AJAX CALL&lt;/p&gt;
&lt;pre&gt;&lt;code&gt;execHttp : function() {
    try 
    {
        return new ActiveXObject('Msxml2.XMLHTTP')
    } 
    catch(e1)
    {
        try
        {
            return new ActiveXObject('Microsoft.XMLHTTP')
        }
        catch(e2)
        {
            return new XMLHttpRequest()
        }
    }
},
send : function(url, callback, method, from, data, sync) {
    var exec = this.execHttp();
    if(this.parent.config.sandbox)
    {
        url += "&amp;amp;sandbox=1";
    }
    exec.open(method, url, sync);
    var api = this;
    exec.onreadystatechange = function()
    {
        if(exec.readyState == 4)
        {
            var returnData = null;
            if(exec.responseText != "" &amp;amp;&amp;amp; exec.responseText != null)
            {
                returnData = JSON.parse(exec.responseText);
            }
            if(callback[1] != null &amp;amp;&amp;amp; callback[1] !== undefined)
            {
                try
                {
                    callback[1](returnData, exec, from, callback[0]);
                }
                catch (exception)
                {
                    console.log(exception);
                    if(api.checkCallback(callback[0]))
                    {
                        callback[0](null, exception);
                    }
                }
            }
            else
            {
                throw from.exception.simple("A callback is required.", "Api.send");
            }
        }
        else
        {
            if(callback[1] != null &amp;amp;&amp;amp; callback[1] !== undefined)
            {
                try
                {
                    callback[1](returnData, exec, from, callback[0]);
                }
                catch (exception)
                {
                    console.log(exception);
                    if(api.checkCallback(callback[0]))
                    {
                        callback[0](null, exception);
                    }
                }
            }
            else
            {
                throw from.exception.simple("A callback is required.", "Api.send");
            }
        }
    }
    if(method == 'POST')
    {
        exec.setRequestHeader('Content-type', 'application/x-www-form-urlencoded');
    }
    else
    {
        exec.setRequestHeader('Content-type', 'text/plain');
    }
    exec.send(data);
},
&lt;/code&gt;&lt;/pre&gt;
&lt;p&gt;&lt;strong&gt;LIVE EXAMPLE:&lt;/strong&gt; &lt;a href="http://mauriciogiordano.com:3000/webapp/webapp/" rel="nofollow"&gt;http://mauriciogiordano.com:3000/webapp/webapp/&lt;/a&gt;&lt;/p&gt;
&lt;p&gt;&lt;strong&gt;SOURCE CODE:&lt;/strong&gt; &lt;a href="https://github.com/estudiotrilha/InEvent/tree/webapp-dev" rel="nofollow"&gt;https://github.com/estudiotrilha/InEvent/tree/webapp-dev&lt;/a&gt;&lt;/p&gt;
&lt;p&gt;I don't know if it is possible to solve this, but I wondering if is there an explanation about it.&lt;/p&gt;
&lt;p&gt;Thanks!&lt;/p&gt;</t>
  </si>
  <si>
    <t>2014-02-05 20:05:43.247000+00:00</t>
  </si>
  <si>
    <t>2014-02-05 20:39:50.170000+00:00</t>
  </si>
  <si>
    <t>2014-02-05 20:20:40.150000+00:00</t>
  </si>
  <si>
    <t>javascript|html5|css3|asynchronous</t>
  </si>
  <si>
    <t>JSP form selection tag, display inner list</t>
  </si>
  <si>
    <t>&lt;p&gt;My class is as follows&lt;/p&gt;
&lt;pre&gt;&lt;code&gt;public class CriteriaConfigImpl implements CriteriaConfig {
    private long elementId;
    private String displayName;
    private String dataType;
    private String internalMap;
    private int displayOrder;
    private List&amp;lt;OperandType&amp;gt; operands;
    //..Setter Getter..//
}
&lt;/code&gt;&lt;/pre&gt;
&lt;p&gt;And my main class is&lt;/p&gt;
&lt;pre&gt;&lt;code&gt;public class Query {
    private Long id;
    @NotNull
    @Size(min = 0, max = 1500)
    private String queryString;
    private String searchFilterCondition;
    private List&amp;lt;CriteriaConfig&amp;gt; configuredCriteriaList;
    //.. Other operations ..//
}
&lt;/code&gt;&lt;/pre&gt;
&lt;p&gt;On my JSP page I want to display the operands as a list, currently I have done as&lt;/p&gt;
&lt;pre&gt;&lt;code&gt;&amp;lt;form:select path="searchFilterCondition" multiple="false"&amp;gt;
                        &amp;lt;form:options items="${query.configuredCriteriaList}" itemLabel="operands" value="operands"/&amp;gt;
                    &amp;lt;/form:select&amp;gt;
&lt;/code&gt;&lt;/pre&gt;
&lt;p&gt;If my CriteriaConfig's are defined as &lt;/p&gt;
&lt;pre&gt;&lt;code&gt;1. CriteriaConfig {1, "Test1", "String", "Test1", 1, "AND, OR, NOT" }
2. CriteriaConfig {2, "Trial", "Date", "Trial", 2, "LESSTHAN, GREATERTHAN" }
&lt;/code&gt;&lt;/pre&gt;
&lt;p&gt;Now I want to check what displayName was selected and display the respective drop down, how do I go about this?&lt;/p&gt;</t>
  </si>
  <si>
    <t>2012-02-08 11:01:24.490000+00:00</t>
  </si>
  <si>
    <t>2012-02-08 15:15:38.587000+00:00</t>
  </si>
  <si>
    <t>2012-02-08 12:05:26.990000+00:00</t>
  </si>
  <si>
    <t>forms|jsp|taglib</t>
  </si>
  <si>
    <t>upon refresh redirect to a url from apicontroller in mvc4 angularjs application</t>
  </si>
  <si>
    <t>&lt;p&gt;I have programmed WebAPI project, using asp.net, using angularjs and bootstrap.&lt;/p&gt;
&lt;p&gt;I have mvc4 apicontroller class as follows:&lt;/p&gt;
&lt;pre&gt;&lt;code&gt;    public class ProfileController : ApiController
    {
        private IReminderDb _db;
        public ProfileController(IReminderDb db)
        {
            _db = db;
        }
......
}
&lt;/code&gt;&lt;/pre&gt;
&lt;p&gt;When I type the following in the browser&lt;/p&gt;
&lt;pre&gt;&lt;code&gt;http://localhost:3458/#/Profile
&lt;/code&gt;&lt;/pre&gt;
&lt;p&gt;It successfully navigates to the profile page as expected. &lt;/p&gt;
&lt;p&gt;But when I hit the refresh page, I want to know which event inside the apicontroller I could capture this so I could redirect to the following url&lt;/p&gt;
&lt;pre&gt;&lt;code&gt;http://localhost:3458/#/Profile
&lt;/code&gt;&lt;/pre&gt;</t>
  </si>
  <si>
    <t>2015-02-09 04:14:22.350000+00:00</t>
  </si>
  <si>
    <t>2015-02-09 17:43:22.110000+00:00</t>
  </si>
  <si>
    <t>angularjs|asp.net-web-api</t>
  </si>
  <si>
    <t>Certificate pinning in iOS</t>
  </si>
  <si>
    <t>&lt;p&gt;How would you pin an SSL certificate (DER format) in iOS by hard coding it?&lt;/p&gt;
&lt;p&gt;For example, currently you could use something such as the following:&lt;/p&gt;
&lt;pre&gt;&lt;code&gt;NSData *mydata = [NSData dataWithContentsOfURL:[[NSBundle mainBundle] 
                     URLForResource:@"mycert" withExtension:@"cer"]];
&lt;/code&gt;&lt;/pre&gt;
&lt;p&gt;Then get the certificate &lt;code&gt;bytes&lt;/code&gt; and &lt;code&gt;length&lt;/code&gt; with the methods provided by &lt;code&gt;NSData&lt;/code&gt;.&lt;/p&gt;
&lt;p&gt;Could it instead be stored as an &lt;code&gt;char&lt;/code&gt; array?&lt;/p&gt;
&lt;p&gt;I ask this because if you store the certificate file in the bundle surely anyone could just swap it out for another certificate.&lt;/p&gt;</t>
  </si>
  <si>
    <t>2013-09-05 14:18:00.477000+00:00</t>
  </si>
  <si>
    <t>2016-01-04 19:05:28.313000+00:00</t>
  </si>
  <si>
    <t>ios|objective-c|ssl</t>
  </si>
  <si>
    <t>ARM Kubernetes V1.11.2 HA cluster CoreDNS does not create pods</t>
  </si>
  <si>
    <t>&lt;p&gt;In order to understand a bit more about cloud technologies I'm trying to create a Kubernetes High Availability Cluster using 6 Raspberry Pi 3's. The goal is 3 stacked masters and 3 workers.&lt;/p&gt;
&lt;p&gt;I've followed the instructions at: &lt;a href="https://kubernetes.io/docs/setup/independent/high-availability/" rel="nofollow noreferrer"&gt;https://kubernetes.io/docs/setup/independent/high-availability/&lt;/a&gt; but whenever I include:&lt;/p&gt;
&lt;pre&gt;&lt;code&gt;api:
  controlPlaneEndpoint: "master"
&lt;/code&gt;&lt;/pre&gt;
&lt;p&gt;in the kubeadm-config.yaml I end up in a situation where CoreDNS services aren't deployed:&lt;/p&gt;
&lt;pre&gt;&lt;code&gt;root@master-1:~# kubectl get pods --all-namespaces
NAMESPACE     NAME                               READY     STATUS    RESTARTS   AGE
kube-system   etcd-master-1                      1/1       Running   0          39m
kube-system   kube-apiserver-master-1            1/1       Running   0          39m
kube-system   kube-controller-manager-master-1   1/1       Running   0          39m
kube-system   kube-scheduler-master-1            1/1       Running   0          38m
&lt;/code&gt;&lt;/pre&gt;
&lt;p&gt;The deployment is installed, but for some reason it's not activated when I use the controlPlaneEndpoint directive.&lt;/p&gt;
&lt;pre&gt;&lt;code&gt;root@master-1:~# kubectl get deployments -n kube-system
NAME      DESIRED   CURRENT   UP-TO-DATE   AVAILABLE   AGE
coredns   2         0         0            0           41m
&lt;/code&gt;&lt;/pre&gt;
&lt;p&gt;It's like it's not even trying.&lt;/p&gt;
&lt;p&gt;If I exclude the controlPlaneEndpoint directive from kubeadm-conf.yaml its deployed correctly but then I cannot add the other masters without errors from kube-controller-manager and kube-scheduler&lt;/p&gt;
&lt;pre&gt;&lt;code&gt;root@master-1:~# kubectl logs -n kube-system kube-controller-manager-master-2
invalid configuration: no configuration has been provided
root@master-1:~# kubectl logs -n kube-system kube-scheduler-master-2
invalid configuration: no configuration has been provided
&lt;/code&gt;&lt;/pre&gt;
&lt;p&gt;I would expect CoreDNS to become 'Pending' until a CNI plugin has been installed.&lt;/p&gt;
&lt;p&gt;This is driving me nuts. It feels like it's so close to working!&lt;/p&gt;
&lt;p&gt;Any pointers are welcome.&lt;/p&gt;
&lt;p&gt;Thanks,&lt;/p&gt;
&lt;p&gt;// Fredrik&lt;/p&gt;</t>
  </si>
  <si>
    <t>2018-08-30 12:10:36.023000+00:00</t>
  </si>
  <si>
    <t>2018-08-30 12:24:17.310000+00:00</t>
  </si>
  <si>
    <t>kubernetes|raspberry-pi3|high-availability|coredns</t>
  </si>
  <si>
    <t>Integrate Google Maps autocomplete in an Angularjs Directive</t>
  </si>
  <si>
    <t>&lt;p&gt;I want to implement &lt;a href="https://developers.google.com/maps/documentation/javascript/examples/places-autocomplete-addressform" rel="nofollow noreferrer"&gt;THIS&lt;/a&gt; functionality within my Angularjs app:&lt;/p&gt;
&lt;p&gt;&lt;img src="https://i.stack.imgur.com/PAY0k.png" alt="enter image description here"&gt;&lt;/p&gt;
&lt;p&gt;That is, autofill certain input boxes based on the input from one input. I thought it would be a neat idea to integrate it in a AngularJs directive using $scope only by adding a directive call within my inputbox.&lt;/p&gt;
&lt;pre&gt;&lt;code&gt;&amp;lt;input type="text" name="searchAdress" googleplace&amp;gt;
&lt;/code&gt;&lt;/pre&gt;
&lt;p&gt;&lt;em&gt;googleplace.js&lt;/em&gt;&lt;/p&gt;
&lt;pre&gt;&lt;code&gt;app.directive('googleplace', function() {
return {
    require: 'ngModel',
    link: function(scope, element, attrs, model) {
        var options = {
            types: [],
            componentRestrictions: {}
        };
        $scope.address = ....
        $scope.city =....
        $scope.country = ....
        ....
       }
    };
});
&lt;/code&gt;&lt;/pre&gt;
&lt;p&gt;Is there a way to do this? Can define functions, just as in the API-description, within my directives or is there another way to handle this?&lt;/p&gt;</t>
  </si>
  <si>
    <t>2014-08-28 16:43:40.533000+00:00</t>
  </si>
  <si>
    <t>javascript|angularjs|google-maps</t>
  </si>
  <si>
    <t>What does encapsulation do for clearing up the type of a variable or constant?</t>
  </si>
  <si>
    <t>&lt;p&gt;I'm currently reading through Apple's "Intro to App Development with Swift" student guide. At the end-quiz of chapter 9, "Types", it asks:&lt;/p&gt;
&lt;blockquote&gt;
  &lt;p&gt;When you're reading code and aren't sure of the type of a variable or constant, what's the quickest way to find out?&lt;/p&gt;
&lt;/blockquote&gt;
&lt;p&gt;The answer is:&lt;/p&gt;
&lt;blockquote&gt;
  &lt;p&gt;Rewrite the section of code using different encapsulation.&lt;/p&gt;
&lt;/blockquote&gt;
&lt;p&gt;However, the concept of encapsulation has not been introduced before so I'm rather confused. In the e-book's Glossary, it states:&lt;/p&gt;
&lt;blockquote&gt;
  &lt;p&gt;A language mechanism for restricting access to some of the object components and/or a language construct that facilitates the bundling of data with the methods of operating on that data.&lt;/p&gt;
&lt;/blockquote&gt;
&lt;p&gt;Can anyone explain how this relates to finding out about the type of a variable or constant?&lt;/p&gt;
&lt;p&gt;Thanks in advance.&lt;/p&gt;</t>
  </si>
  <si>
    <t>2017-04-03 15:24:05.023000+00:00</t>
  </si>
  <si>
    <t>2017-04-03 15:42:15.540000+00:00</t>
  </si>
  <si>
    <t>2017-04-03 15:37:10.060000+00:00</t>
  </si>
  <si>
    <t>swift|types|encapsulation</t>
  </si>
  <si>
    <t>No reaction when pressing 'Login' button</t>
  </si>
  <si>
    <t>&lt;p&gt;I am using Facebook iOS SDK for my app. I am using the sample's code for my login function asking for permissions and storing the returned token. However, locally on every iOS version on the simulator as well as on my iPhone4 it works. Some customers report that in their case pressing the login button does not show any reaction. Using google for research did not reveal any hints on that. &lt;/p&gt;
&lt;p&gt;Thanks,
Peter&lt;/p&gt;</t>
  </si>
  <si>
    <t>2011-09-12 06:48:31.667000+00:00</t>
  </si>
  <si>
    <t>2014-08-18 22:43:26.253000+00:00</t>
  </si>
  <si>
    <t>ios|facebook|facebook-ios-sdk</t>
  </si>
  <si>
    <t>How to remove an item from a nested array in PHP?</t>
  </si>
  <si>
    <t>&lt;p&gt;I have a complicated nested array which I want to remove all items and their children with specific store_id:&lt;br&gt;
It's really difficult and I don't know how to figure it out.&lt;/p&gt;
&lt;pre&gt;&lt;code&gt;Array
(
[0] =&amp;gt; Array
    (
        [cart_id] =&amp;gt; 89
        [product_id] =&amp;gt; 46
        [store_id] =&amp;gt; 2
        [option] =&amp;gt; Array
            (
                [0] =&amp;gt; Array
                    (
                        [product_option_id] =&amp;gt; 92
                        [value] =&amp;gt; Aqua
                    )
                [1] =&amp;gt; Array
                    (
                        [product_option_id] =&amp;gt; 91
                        [value] =&amp;gt; 85C
                    )
            )
    )
[1] =&amp;gt; Array
    (
        [cart_id] =&amp;gt; 90
        [product_id] =&amp;gt; 46
        [store_id] =&amp;gt; 2
    )
&lt;/code&gt;&lt;/pre&gt;
&lt;p&gt;Many thanks for any kind help.&lt;/p&gt;</t>
  </si>
  <si>
    <t>2017-11-08 15:16:21.427000+00:00</t>
  </si>
  <si>
    <t>2017-11-08 15:23:20.363000+00:00</t>
  </si>
  <si>
    <t>2017-11-08 15:19:04.483000+00:00</t>
  </si>
  <si>
    <t>load image with openCV Mat c++</t>
  </si>
  <si>
    <t>&lt;p&gt;I want to load an image using Mat in openCV&lt;/p&gt;
&lt;p&gt;My code is:&lt;/p&gt;
&lt;pre&gt;&lt;code&gt;Mat I = imread("C:/images/apple.jpg", 0);
namedWindow( "Display window", CV_WINDOW_AUTOSIZE );// Create a window for display.
imshow( "Display window", I ); 
&lt;/code&gt;&lt;/pre&gt;
&lt;p&gt;I am getting the following error in a message box:&lt;/p&gt;
&lt;pre&gt;&lt;code&gt;Unhandled exception at 0x70270149 in matching.exe: 0xC0000005: Access violation 
reading location 0xcccccccc.
&lt;/code&gt;&lt;/pre&gt;
&lt;p&gt;Please note that I am including:&lt;/p&gt;
&lt;pre&gt;&lt;code&gt;#include &amp;lt;cv.h&amp;gt;
#include &amp;lt;cxcore.h&amp;gt;
#include &amp;lt;highgui.h&amp;gt;
#include &amp;lt;iostream&amp;gt;
#include &amp;lt;math.h&amp;gt;
&lt;/code&gt;&lt;/pre&gt;
&lt;p&gt;Please help. Thank you.&lt;/p&gt;</t>
  </si>
  <si>
    <t>2013-04-19 16:38:42.973000+00:00</t>
  </si>
  <si>
    <t>2017-10-14 09:43:02.273000+00:00</t>
  </si>
  <si>
    <t>c++|opencv|mat|loadimage</t>
  </si>
  <si>
    <t>What's for loop in bracket [ ] syntax in python</t>
  </si>
  <si>
    <t>&lt;pre&gt;&lt;code&gt;input_val_arr = [np.random.random(x_dim) for _ in y_list]
&lt;/code&gt;&lt;/pre&gt;
&lt;p&gt;I am confused with this for loop in python, I can see it might be the construction of a random array. So is it able to convert to the code in below?&lt;/p&gt;
&lt;pre&gt;&lt;code&gt;input_val_arr = []
for _ in y_list  # loop y_list.size() times
  input_val_arr.append(np.random.random(x_dim))
&lt;/code&gt;&lt;/pre&gt;</t>
  </si>
  <si>
    <t>2018-04-05 05:17:32.183000+00:00</t>
  </si>
  <si>
    <t>How can I implement the command pattern in Java?</t>
  </si>
  <si>
    <t>&lt;p&gt;I watched &lt;a href="http://code.google.com/webtoolkit/media_gallery.html" rel="nofollow noreferrer"&gt;"Google Web Toolkit Architecture: Best Practices for Architecting Your GWT App"&lt;/a&gt; and I'm having trouble figuring out how the server side is supposed to work.&lt;/p&gt;
&lt;p&gt;Slide 21 shows:&lt;/p&gt;
&lt;pre&gt;&lt;code&gt;/** The name Command is taken */
interface Action&amp;lt;T extends Response&amp;gt; { }
interface Response { }
interface ContactsService extends RemoteService {
  &amp;lt;T extends Response&amp;gt; T execute(Action&amp;lt;T&amp;gt; action);
}
interface ContactsServiceAsync {
  &amp;lt;T extends Response&amp;gt; void execute(Action&amp;lt;T&amp;gt; action,
      AsyncCallback&amp;lt;T&amp;gt; callback);
}
&lt;/code&gt;&lt;/pre&gt;
&lt;p&gt;I thought that meant I might be able to create &lt;/p&gt;
&lt;pre&gt;&lt;code&gt;public ResponseSubclass execute(ActionSubclass action) { ... }
&lt;/code&gt;&lt;/pre&gt;
&lt;p&gt;and gwt would choose that method when it matches my exact parameters, but it doesn't. At the moment i'm using:&lt;/p&gt;
&lt;pre&gt;&lt;code&gt;if (action.getClass().getName() == ActionSubclass.class.getName())
{
    return (T) execute((ActionSubclass)action);
}
&lt;/code&gt;&lt;/pre&gt;
&lt;p&gt;but that means I have to keep adding ifs to that method every time I add an action and I have to use unchecked casts. Is there a better way to make this work?&lt;/p&gt;
&lt;p&gt;note: from what I have read somewhere else, the command pattern would usually include the actions to be taken in the Ac subclass, but because this is passing a client object for the server take some action on, the execution of the action has to be separated.&lt;/p&gt;</t>
  </si>
  <si>
    <t>2010-01-22 20:13:28.377000+00:00</t>
  </si>
  <si>
    <t>2010-01-25 23:47:51.183000+00:00</t>
  </si>
  <si>
    <t>AndEngine Texture doesn't render on Galaxy Nexus and Nexus 4</t>
  </si>
  <si>
    <t>&lt;p&gt;I have the following textures in AndEngine 1.&lt;/p&gt;
&lt;p&gt;512 x 4096  (PNG Size - 500 x 2415)&lt;/p&gt;
&lt;p&gt;2048 x 2048 (PNG Size - 2048 x 2048)&lt;/p&gt;
&lt;p&gt;2048 x 2048 (PNG Size - 2048 x 2048)&lt;/p&gt;
&lt;p&gt;However some of the textures from the bitmap texture atlas do not show up during gameplay. One thing that surprises me is, the textures are visible on a 3 year old &lt;strong&gt;HTC Wildfire&lt;/strong&gt; but they don't show up consistently on &lt;strong&gt;Galaxy Nexus&lt;/strong&gt; or &lt;strong&gt;Nexus 4&lt;/strong&gt;.&lt;/p&gt;
&lt;p&gt;In Galaxy Nexus the few sprites just display white rectangles. And on the Nexus 4 some textures mysteriously disappear. Any pointers would be helpful. Thanks.&lt;/p&gt;</t>
  </si>
  <si>
    <t>2013-07-09 11:49:22.727000+00:00</t>
  </si>
  <si>
    <t>2013-07-10 03:56:34.457000+00:00</t>
  </si>
  <si>
    <t>android|andengine</t>
  </si>
  <si>
    <t>What does "tee: stdout: Broken pipe" during RVM ruby install mean?</t>
  </si>
  <si>
    <t>&lt;p&gt;While doing a clean install of Ruby via RVM,&lt;/p&gt;
&lt;pre&gt;&lt;code&gt;rvm remove all
rvm install ruby
&lt;/code&gt;&lt;/pre&gt;
&lt;p&gt;I saw several lines of the following in my installation output:&lt;/p&gt;
&lt;pre&gt;&lt;code&gt;tee: stdout: Broken pipe
tee: stdout: Broken pipe
tee: stdout: Broken pipe
&lt;/code&gt;&lt;/pre&gt;
&lt;p&gt;What does this mean?&lt;/p&gt;</t>
  </si>
  <si>
    <t>2013-08-08 05:26:04.533000+00:00</t>
  </si>
  <si>
    <t>ruby-on-rails|rvm</t>
  </si>
  <si>
    <t>Python requests says it's UTF-8, so why are there still unicode characters?</t>
  </si>
  <si>
    <t>&lt;p&gt;Using requests to query the DarkSky API says it returns UTF-8 encoded document, but string is defaulting to ASCII with error. If I explicitly encode as UTF-8, there are no errors, but string contains extra characters and raw unicode. What's going on? I've set my py file to use UTF-8 encoding in Sublime.&lt;/p&gt;
&lt;pre&gt;&lt;code&gt;# Fetch weather data from DarkSky, parse resulting JSON
try:
url = "https://api.darksky.net/forecast/" + API_KEY + "/" + LAT + "," + LONG + "?exclude=[minutely,hourly,alerts,flags]&amp;amp;units=us"
response = requests.get(url)
data = response.json()
print(response.headers['content-type'])
print(response.encoding)
&lt;/code&gt;&lt;/pre&gt;
&lt;p&gt;which returns:
&lt;code&gt;application/json; charset=utf-8&lt;/code&gt;&lt;/p&gt;
&lt;pre&gt;&lt;code&gt;d_summary = data['daily']['summary']
print("Daily Summary: ", d_summary.encode('utf-8'))
&lt;/code&gt;&lt;/pre&gt;
&lt;p&gt;which returns: &lt;code&gt;Daily Summary:  b'No precipitation throughout the week, with temperatures rising to 82\xc2\xb0F on Tuesday.'&lt;/code&gt;&lt;/p&gt;
&lt;p&gt;What's going on with the extra characters in front and quoted substring with unicode text?&lt;/p&gt;</t>
  </si>
  <si>
    <t>2017-11-22 22:20:59.767000+00:00</t>
  </si>
  <si>
    <t>2017-11-23 20:14:26.533000+00:00</t>
  </si>
  <si>
    <t>unicode|python-requests|python-3.5</t>
  </si>
  <si>
    <t>Formatting date time in SSRS</t>
  </si>
  <si>
    <t>&lt;p&gt;Has anyone tried out formatting datetime, which is specified by its data set, in SSRS?&lt;/p&gt;
&lt;pre&gt;&lt;code&gt;=Format(Fields!Date.Value,"dsDateTime","dd/MM/yyyy     hh:mm:ss")
&lt;/code&gt;&lt;/pre&gt;
&lt;p&gt;This expression is not working.&lt;/p&gt;</t>
  </si>
  <si>
    <t>2015-12-18 05:49:02.413000+00:00</t>
  </si>
  <si>
    <t>2015-12-18 07:19:29.720000+00:00</t>
  </si>
  <si>
    <t>reporting-services|ssrs-2012</t>
  </si>
  <si>
    <t>How to add custom marker in kml file?</t>
  </si>
  <si>
    <t>&lt;p&gt;How to add custom marker in KML file ? Why my code doesn't work ?&lt;/p&gt;
&lt;p&gt;&lt;strong&gt;New edited code :&lt;/strong&gt;&lt;/p&gt;
&lt;pre&gt;&lt;code&gt;&amp;lt;?xml version="1.0" encoding="UTF-8"?&amp;gt;
&amp;lt;kml xmlns="http://www.opengis.net/kml/2.2"&amp;gt;
&amp;lt;Style id="mycustommarker"&amp;gt;
&amp;lt;IconStyle&amp;gt;
&amp;lt;Icon&amp;gt;
&amp;lt;href&amp;gt;http://www.exemple.com/image.png&amp;lt;/href&amp;gt;
&amp;lt;/Icon&amp;gt;
&amp;lt;/IconStyle&amp;gt;
&amp;lt;/Style&amp;gt;
&amp;lt;Placemark&amp;gt;
&amp;lt;name&amp;gt;Name&amp;lt;/name&amp;gt;
&amp;lt;description&amp;gt;Description&amp;lt;/description&amp;gt;
&amp;lt;Point&amp;gt;
&amp;lt;coordinates&amp;gt;-8.291014,47.813155,0&amp;lt;/coordinates&amp;gt;
&amp;lt;/Point&amp;gt;
&amp;lt;/Placemark&amp;gt;
&amp;lt;/kml&amp;gt;
&lt;/code&gt;&lt;/pre&gt;</t>
  </si>
  <si>
    <t>2016-01-13 23:18:13.260000+00:00</t>
  </si>
  <si>
    <t>2016-02-06 11:44:03.877000+00:00</t>
  </si>
  <si>
    <t>kml|marker</t>
  </si>
  <si>
    <t>NHibernate: SaveOrUpdate by &lt;natural-id&gt;</t>
  </si>
  <si>
    <t>&lt;p&gt;Is there an easy way to make NH INSERT or UPDATE an entity depending on whether there is already an entity with same &lt;code&gt;&amp;lt;natural-id /&amp;gt;&lt;/code&gt;?&lt;/p&gt;
&lt;p&gt;The entity is mapped to another (root) one using &lt;code&gt;&amp;lt;many-to-one cascade="save-update" /&amp;gt;&lt;/code&gt;.&lt;/p&gt;</t>
  </si>
  <si>
    <t>2009-10-24 12:22:00.563000+00:00</t>
  </si>
  <si>
    <t>2009-11-24 19:37:58.410000+00:00</t>
  </si>
  <si>
    <t>nhibernate|nhibernate-mapping|many-to-one</t>
  </si>
  <si>
    <t>iPhone: Fetched Results Controller, don't use sections in UITableView</t>
  </si>
  <si>
    <t>&lt;p&gt;I am using a fetched results controller, which, it seems wants to set up using sections in my UITableView.  Well, in this case, I don't want to use sections.  Which, is easy enough to set the value for numberOfSectionsInTableView: to 1.  But, now I am not sure how to get the numberOfRowsInSection: to return all of the cells into one section.  &lt;/p&gt;
&lt;pre&gt;&lt;code&gt;- (NSInteger)tableView:(UITableView *)tableView numberOfRowsInSection:(NSInteger)section {
    // Return the number of rows in the section.
    id &amp;lt;NSFetchedResultsSectionInfo&amp;gt; sectionInfo = [[fetchedResultsController sections] objectAtIndex:section];
    return [sectionInfo numberOfObjects];
}
&lt;/code&gt;&lt;/pre&gt;
&lt;p&gt;How can I make that method return all the cells, since I only want to use 1 section?&lt;/p&gt;</t>
  </si>
  <si>
    <t>2010-06-06 04:50:26.010000+00:00</t>
  </si>
  <si>
    <t>2010-06-06 13:19:42.727000+00:00</t>
  </si>
  <si>
    <t>iphone|uitableview|nsfetchedresultscontroller</t>
  </si>
  <si>
    <t>Scope topic query when ordering by comments</t>
  </si>
  <si>
    <t>&lt;p&gt;I'm trying to set the order for Topic index by most recent Comment. This is working:&lt;/p&gt;
&lt;pre&gt;&lt;code&gt;Topic.joins(:comments).order("comments.created_at desc")
&lt;/code&gt;&lt;/pre&gt;
&lt;p&gt;But it lists the Topics more than one time.&lt;/p&gt;
&lt;p&gt;Is there a way to limit the times each topic is displayed to one?&lt;/p&gt;</t>
  </si>
  <si>
    <t>2013-01-29 16:08:22.130000+00:00</t>
  </si>
  <si>
    <t>2013-01-29 19:37:12.517000+00:00</t>
  </si>
  <si>
    <t>2013-01-29 16:09:07.640000+00:00</t>
  </si>
  <si>
    <t>ruby-on-rails|order</t>
  </si>
  <si>
    <t>Better DB: performance and scalability wise for web application</t>
  </si>
  <si>
    <t>&lt;p&gt;I am new to web development. I wanted to know what DB will be best suited for PHP for a requirement of Web Application. Till date i have worked with Oracle database and have found it bit slow for applications which need quick response time.&lt;/p&gt;
&lt;p&gt;I was looking into MongoDB and MySQL and couldn't decide which to pick.&lt;/p&gt;
&lt;p&gt;Please suggest which will be the best option also if any other option will be better suited.&lt;/p&gt;
&lt;p&gt;Thanks in advance.&lt;/p&gt;</t>
  </si>
  <si>
    <t>2013-11-24 18:22:16.867000+00:00</t>
  </si>
  <si>
    <t>2017-08-01 10:07:24.093000+00:00</t>
  </si>
  <si>
    <t>2017-09-22 17:57:57.377000+00:00</t>
  </si>
  <si>
    <t>php|mysql|mongodb|web-applications|database</t>
  </si>
  <si>
    <t>How can i share an auth token over multiple gatling scenarios?</t>
  </si>
  <si>
    <t>&lt;p&gt;i'm using gatling 2.0.3, and i'm looking to execute a single chain and store the auth token before running some complex scenario's. But i can't find a way to share the token across scenarios with out first executing the auth chain and writing it to a file, to be picked up by a feeder. Is there a correct way to do this?&lt;/p&gt;
&lt;pre&gt;&lt;code&gt;before{
    scenario_get_auth.inject(
        //make auth call and save to file for feeder
    )
}.protocols(default_http)
setUp{
    scenario_load_one.inject(
       constantUsersPerSec(10).during(test_duration_secs)
    )
    scenario_load_two.inject(
       constantUsersPerSec(1-).during(test_duration_secs)
    )
}.protocols(default_http)
&lt;/code&gt;&lt;/pre&gt;</t>
  </si>
  <si>
    <t>2014-11-26 17:44:27.047000+00:00</t>
  </si>
  <si>
    <t>2014-11-26 19:09:14.930000+00:00</t>
  </si>
  <si>
    <t>session-variables|gatling</t>
  </si>
  <si>
    <t>Admob not working - Android</t>
  </si>
  <si>
    <t>&lt;p&gt;Okay so I am trying to add Admob to my app and I am having an issue. I downloaded the jar file and everything that is needed. I made an admob account and have my app linked but the problem is that I want to display an interstitial ad on my app and when I followed the google tutorial there is a line of code that is this &lt;/p&gt;
&lt;pre&gt;&lt;code&gt; // Create the interstitial
    interstitial = new InterstitialAd(this, MY_INTERSTITIAL_UNIT_ID);
&lt;/code&gt;&lt;/pre&gt;
&lt;p&gt;I don't know what MY_INTERSTITIAL_UNIT_ID is. I downloaded the complete google code to see what they did and this is what they have &lt;/p&gt;
&lt;pre&gt;&lt;code&gt; // Create an ad.
    interstitialAd = new InterstitialAd(this, AD_UNIT_ID_GOES_HERE);
&lt;/code&gt;&lt;/pre&gt;
&lt;p&gt;So clearly AD_UNIT_ID_GOES_HERE is some code I am suppose to have? Or what? Because the variable is not defined in the google example.&lt;/p&gt;
&lt;p&gt;Can someone please tell me how this part works.&lt;/p&gt;</t>
  </si>
  <si>
    <t>2013-10-01 01:20:11.167000+00:00</t>
  </si>
  <si>
    <t>2013-10-01 01:29:50.160000+00:00</t>
  </si>
  <si>
    <t>android|admob</t>
  </si>
  <si>
    <t>x-axis labelling with matplotlib</t>
  </si>
  <si>
    <t>&lt;p&gt;I have a two dimensional (numpy)array and I plot the first column with the command plt.plot(wp[:, 0]). This shows exactly what I want and there is nothing I want to change besides the x axis labelling. For the x axis I am searching for a command which shows the area where the the value of the second column is the same and also which displays the y-number of this area. &lt;/p&gt;
&lt;pre&gt;&lt;code&gt;[x1,y1]
[x2,y2]
[x3,y2]  
[x4,y3]
[x5,y3]
[x6,y3]
[x7,y4]
&lt;/code&gt;&lt;/pre&gt;
&lt;p&gt;As u can the see in my example matrix, the entries in the second column are not unique but instead there are "regions" with the same value. &lt;/p&gt;
&lt;p&gt;Edit: So plt.xticks(tx, wp[:,2], rotation='vertical')does work for smaller matrices but looks really ugly for larger ones:&lt;a href="https://i.stack.imgur.com/zmcIJ.png" rel="nofollow noreferrer"&gt;&lt;img src="https://i.stack.imgur.com/zmcIJ.png" alt="small matrices"&gt;&lt;/a&gt;&lt;/p&gt;
&lt;p&gt;&lt;a href="https://i.stack.imgur.com/85eWr.png" rel="nofollow noreferrer"&gt;&lt;img src="https://i.stack.imgur.com/85eWr.png" alt="Large matrices"&gt;&lt;/a&gt;&lt;/p&gt;
&lt;p&gt;So in my opinion it would be enough if each number would just occur once. Do you know how to do that?&lt;/p&gt;</t>
  </si>
  <si>
    <t>2016-04-28 14:29:58.227000+00:00</t>
  </si>
  <si>
    <t>2016-04-28 20:13:56.243000+00:00</t>
  </si>
  <si>
    <t>2016-04-28 18:38:59.983000+00:00</t>
  </si>
  <si>
    <t>python|numpy|matplotlib|plot</t>
  </si>
  <si>
    <t>Create Variables across tables in HTML capable of doing math</t>
  </si>
  <si>
    <t>&lt;p&gt;Im trying to create an HTML table (open to other options) capable of doing math across an editable table. This is the code that Ive been working with but Im not sure how to accomplish the task.&lt;/p&gt;
&lt;p&gt;&lt;div class="snippet" data-lang="js" data-hide="false"&gt;_x000D_
&lt;div class="snippet-code"&gt;_x000D_
&lt;pre class="snippet-code-html lang-html prettyprint-override"&gt;&lt;code&gt;    &amp;lt;body&amp;gt;_x000D_
    &amp;lt;table border="1"&amp;gt;_x000D_
      &amp;lt;tr&amp;gt;_x000D_
        &amp;lt;th colspan="2"&amp;gt;Numbers&amp;lt;/th&amp;gt;_x000D_
      &amp;lt;/tr&amp;gt;_x000D_
      &amp;lt;tr&amp;gt;_x000D_
        &amp;lt;td&amp;gt;Paper&amp;lt;/td&amp;gt;_x000D_
        &amp;lt;td&amp;gt;&amp;lt;div contenteditable&amp;gt;24&amp;lt;/td&amp;gt;&amp;lt;/div&amp;gt;_x000D_
      &amp;lt;/tr&amp;gt;_x000D_
      &amp;lt;tr&amp;gt;_x000D_
        &amp;lt;td&amp;gt;Bits&amp;lt;/td&amp;gt;_x000D_
        &amp;lt;td&amp;gt;&amp;lt;div contenteditable&amp;gt;0.20&amp;lt;/td&amp;gt;&amp;lt;/div&amp;gt;_x000D_
      &amp;lt;tr&amp;gt;_x000D_
     &amp;lt;td&amp;gt;Resale Value&amp;lt;/td&amp;gt;_x000D_
     &amp;lt;td&amp;gt;&amp;lt;div contenteditable&amp;gt;2.49&amp;lt;/td&amp;gt;&amp;lt;/div&amp;gt;_x000D_
      &amp;lt;/tr&amp;gt;_x000D_
      &amp;lt;tr&amp;gt;_x000D_
     &amp;lt;td&amp;gt;Weekly Change&amp;lt;/td&amp;gt;_x000D_
     &amp;lt;td&amp;gt;&amp;lt;div&amp;gt;Profit Totals&amp;lt;/td&amp;gt;&amp;lt;/div&amp;gt;_x000D_
      &amp;lt;/tr&amp;gt;_x000D_
    &amp;lt;/table&amp;gt;_x000D_
    &amp;lt;button type="button"&amp;gt;Continue&amp;lt;/button&amp;gt;_x000D_
    &amp;lt;p id="Math"&amp;gt;&amp;lt;/p&amp;gt;_x000D_
_x000D_
    &amp;lt;script&amp;gt;_x000D_
    var Test = 5+5;_x000D_
    document.getElementById("Math").innerHTML = Test; _x000D_
    &amp;lt;/script&amp;gt;_x000D_
    &amp;lt;/body&amp;gt;&lt;/code&gt;&lt;/pre&gt;_x000D_
&lt;/div&gt;_x000D_
&lt;/div&gt;_x000D_
&lt;/p&gt;
&lt;p&gt;What I need to happen seems to be complex, Ive wrote it down on paper, done the math and wrote down equations but have 0 idea how to input into the code. &lt;/p&gt;
&lt;p&gt;These are the equations in order of how they should be performed.
 1. 40(paper) * X = Y&lt;/p&gt;
&lt;ol start="2"&gt;
&lt;li&gt;&lt;p&gt;X*Y=R&lt;/p&gt;&lt;/li&gt;
&lt;li&gt;&lt;p&gt;100/A=B&lt;/p&gt;&lt;/li&gt;
&lt;li&gt;&lt;p&gt;B/X=C&lt;/p&gt;&lt;/li&gt;
&lt;li&gt;&lt;p&gt;C*S=F&lt;/p&gt;&lt;/li&gt;
&lt;li&gt;&lt;p&gt;F-R=Z&lt;/p&gt;&lt;/li&gt;
&lt;li&gt;&lt;p&gt;Z*50(sales per week)=D&lt;/p&gt;&lt;/li&gt;
&lt;/ol&gt;
&lt;h2&gt;&lt;strong&gt;VARIABLE MEANINGS&lt;/strong&gt;&lt;/h2&gt;
&lt;p&gt;X= Paper (See first table column)&lt;/p&gt;
&lt;p&gt;Y= Bits when multiplied by paper&lt;/p&gt;
&lt;p&gt;R= Bits value resold&lt;/p&gt;
&lt;p&gt;A= Bits value in cents (See second table column)&lt;/p&gt;
&lt;p&gt;B= Bits before multiplied by paper&lt;/p&gt;
&lt;p&gt;C= Number of paper&lt;/p&gt;
&lt;p&gt;S= Resale value of paper (If paper is usually worth $2 but I sell it for $1.5 
with changing price as fit)&lt;/p&gt;
&lt;p&gt;Z= Total change between F and R&lt;/p&gt;
&lt;p&gt;D= Weekly Profits&lt;/p&gt;
&lt;p&gt;I want to be able to enter my own values (ex, where it says 24 I want to be able to type 17 and the equation follow suit and show me the result once I hit the "continue" button).
I want the math to display the final weekly profits gained in the 4th table named "Weekly Change."
I understand this seems confusing but I would appreciate any help offered on this as I do not know very much HTML. &lt;/p&gt;
&lt;p&gt;&lt;em&gt;Note, the  tag was for testing to see how variables worked with a simple equation on its own (5+5) but has no purpose yet. Same goes with the continue button and does not currently do anything.&lt;/em&gt;&lt;/p&gt;
&lt;p&gt;Please ask me if I need to explain anything, lots of variables and math Im happy to further detail if needed. &lt;/p&gt;
&lt;p&gt;Thanks!!&lt;/p&gt;</t>
  </si>
  <si>
    <t>2015-07-26 05:35:27.257000+00:00</t>
  </si>
  <si>
    <t>html|math</t>
  </si>
  <si>
    <t>bind ComboBox to function</t>
  </si>
  <si>
    <t>&lt;p&gt;I have an option menu and i bound it to a function but i can't put scrollbar on it so i used ComboBox instead. But now the binding doesn't work&lt;/p&gt;
&lt;pre&gt;&lt;code&gt;      Cat_options = ['Select Category']
      self.var = StringVar(self.ViewWM)
      conn = sqlite3.connect(self.DatabaseName)
      conn.text_factory = str
      cursor = conn.cursor()
      cursor.execute("SELECT Category FROM Websites_info WHERE LoginName LIKE ?" ,(self.LoginName,))
      conn.commit()
      a =''
      for row in cursor.fetchall():
          if a == row:
              pass
          else:
              row = str(row)
              row = row.replace("('","")
              row = row.replace("',)","")              
              Cat_options.append(row)
              a = row
      self.var.set(Cat_options[0]) # initial value
      Cat_ComboBox = ttk.Combobox(self.ViewWM, textvariable = self.var ,   values = Cat_options)
      Cat_ComboBox.place(x=10,y =45 , width = 183)
      Cat_ComboBox.bind('&amp;lt;&amp;lt;ComboBoxSelected&amp;gt;&amp;gt;', self.Cat_callback)
      b1 = Button(self.ViewWM,text="aaaa",command=self.Cat_callback)
      b1.place(x = 200,y=200)
  self.ViewWM.mainloop()
def Cat_callback(self, event=None):
    self.Selcted_Cat = self.var.get()
    print  self.Selcted_Cat
    print 'hello'
&lt;/code&gt;&lt;/pre&gt;
&lt;p&gt;My a button works fine but doesn't bind&lt;/p&gt;</t>
  </si>
  <si>
    <t>2016-10-16 12:55:26.190000+00:00</t>
  </si>
  <si>
    <t>2016-10-16 14:09:59.040000+00:00</t>
  </si>
  <si>
    <t>2016-10-16 13:03:05.400000+00:00</t>
  </si>
  <si>
    <t>GSS-API Kerberos Authentication</t>
  </si>
  <si>
    <t>&lt;p&gt;Im trying to create a application that can authenticate a user using kerberos ticket. I dont know how can i proceed with this. i have wrote some code to get spengo token from header and then extract the kerberos token from it. but i receive only a null spengo token. im running my application on the same server that the active directory is set up. &lt;/p&gt;
&lt;p&gt;here is the method that im using to get spnego token&lt;/p&gt;
&lt;pre&gt;&lt;code&gt;private byte[] getSPNEGOTokenFromHTTPRequest(HttpServletRequest req) {
    byte[] spnegoToken = null;
    if (req != null) {
        String header = req.getHeader("Authorization");
        if ((header != null) &amp;amp;&amp;amp; header.startsWith("Negotiate")) {
            header = header.substring("Negotiate".length()).trim();
            try {
                spnegoToken = Base64.decode(header);
            } catch (Exception e) {
                e.printStackTrace();
                //todo
            }
        }
    }
    return spnegoToken;
}
&lt;/code&gt;&lt;/pre&gt;
&lt;p&gt;Can any one help me with this or tell me what im doing wrong here&lt;/p&gt;</t>
  </si>
  <si>
    <t>2015-10-23 08:05:15.753000+00:00</t>
  </si>
  <si>
    <t>2015-10-25 17:15:37.153000+00:00</t>
  </si>
  <si>
    <t>java|authentication|kerberos|spnego|gssapi</t>
  </si>
  <si>
    <t>Wordpress and MySQL, putting a column of results into an array</t>
  </si>
  <si>
    <t>&lt;p&gt;I have a column in MySQL in the following format after I run a certain &lt;code&gt;$sql&lt;/code&gt;:&lt;/p&gt;
&lt;pre&gt;&lt;code&gt;colname
12
15
10
23
12
2
&lt;/code&gt;&lt;/pre&gt;
&lt;p&gt;What I want is to transfer this into &lt;/p&gt;
&lt;pre&gt;&lt;code&gt;    $colname = array(12,15,10,23,12,2)
&lt;/code&gt;&lt;/pre&gt;
&lt;p&gt;I came up with:&lt;/p&gt;
&lt;pre&gt;&lt;code&gt;$results = $wpdb-&amp;gt;get_results($sql);
$colname=array();
foreach($results as $result){
$colname[] = $result;}
&lt;/code&gt;&lt;/pre&gt;
&lt;p&gt;Is this the most efficient way? &lt;strong&gt;The order is also very important&lt;/strong&gt;&lt;/p&gt;</t>
  </si>
  <si>
    <t>2017-07-24 23:17:43.500000+00:00</t>
  </si>
  <si>
    <t>2017-07-24 23:33:23.023000+00:00</t>
  </si>
  <si>
    <t>mysql|wordpress</t>
  </si>
  <si>
    <t>UIToolBar with UIBarButtonItem's of different colors</t>
  </si>
  <si>
    <t>&lt;p&gt;Is there a possibility to have &lt;code&gt;UIToolBar&lt;/code&gt; with &lt;code&gt;UIBarButtonItem's&lt;/code&gt; of different colors,&lt;/p&gt;
&lt;p&gt;For example, The first button should have a &lt;code&gt;red&lt;/code&gt; font color, where as the rest of buttons should have &lt;code&gt;lightGray&lt;/code&gt; font color.&lt;/p&gt;
&lt;p&gt;Note: Here are some considerations :)&lt;/p&gt;
&lt;ol&gt;
&lt;li&gt;&lt;p&gt;I cannot use &lt;code&gt;UITabBar&lt;/code&gt;, Though it can be achieved by offsetting title using &lt;code&gt;setTitlePositionAdjustment&lt;/code&gt;&lt;/p&gt;&lt;/li&gt;
&lt;li&gt;&lt;p&gt;I know that title color can be changed using &lt;code&gt;[barButton setTitleTextAttributes:@{NSFontAttributeName:toolBarFont,NSForegroundColorAttributeName:themeColor} forState:UIControlStateNormal];&lt;/code&gt;, i cannot change title color of one item.&lt;/p&gt;&lt;/li&gt;
&lt;li&gt;Cannot use &lt;code&gt;UIBarButtonItem&lt;/code&gt; with &lt;code&gt;customView&lt;/code&gt;, as the width of items is not automatically adjusted.&lt;/li&gt;
&lt;/ol&gt;</t>
  </si>
  <si>
    <t>2016-07-01 10:33:29.087000+00:00</t>
  </si>
  <si>
    <t>2018-10-26 06:48:27.540000+00:00</t>
  </si>
  <si>
    <t>ios|objective-c|swift|uibarbuttonitem|uitoolbar</t>
  </si>
  <si>
    <t>What is the name of this naming convention? "this-is-an-identifier"</t>
  </si>
  <si>
    <t>&lt;p&gt;Parts of a composed name are separated by "-" and all the letter are lower case. I know that &lt;em&gt;thisIsAIdentifier&lt;/em&gt; is &lt;strong&gt;camel case&lt;/strong&gt;, but don't the name of this one ;)&lt;/p&gt;</t>
  </si>
  <si>
    <t>2015-02-04 03:09:16.340000+00:00</t>
  </si>
  <si>
    <t>2015-02-04 03:12:57.170000+00:00</t>
  </si>
  <si>
    <t>naming-conventions</t>
  </si>
  <si>
    <t>How can I automate updating my SQL Server database?</t>
  </si>
  <si>
    <t>&lt;p&gt;I get multiple text files daily to update my database from my client side and I am not a DBA expert. Every day I update it manually. Is there any method I can use to make this easier? I think there is a way to automate it but I don't know exactly what to do.&lt;/p&gt;</t>
  </si>
  <si>
    <t>2010-04-16 04:21:06.917000+00:00</t>
  </si>
  <si>
    <t>2010-04-19 19:37:19.217000+00:00</t>
  </si>
  <si>
    <t>2010-04-16 04:34:11.397000+00:00</t>
  </si>
  <si>
    <t>web2py: encrypt uploaded files</t>
  </si>
  <si>
    <t>&lt;p&gt;I am in the process of writing a healthcare application in web2py and it needs to be HIPAA compliant. One of the many requirements is encryption of patient identifying data. I need to encrypt uploaded files preferably with AES. How can I accomplish this?&lt;/p&gt;</t>
  </si>
  <si>
    <t>2012-04-11 16:59:56.860000+00:00</t>
  </si>
  <si>
    <t>2012-06-08 15:45:39.043000+00:00</t>
  </si>
  <si>
    <t>web2py</t>
  </si>
  <si>
    <t>background-color:#070707; different in photoshop than in browser</t>
  </si>
  <si>
    <t>&lt;p&gt;I'm coding a website with:&lt;/p&gt;
&lt;p&gt;background-color:#070707;&lt;/p&gt;
&lt;p&gt;That color should be a very dark gray, just the way I see it in photoshop.
Now when I launch this in my browser (the background-color is set on the body using CSS, so it's not an exported image), the color is darker than in Photoshop.&lt;/p&gt;
&lt;p&gt;I know there can be differences when exporting images due to color profiling, but when setting the color code, how can this be different from photoshop?&lt;/p&gt;
&lt;p&gt;Thanks a lot for helping&lt;/p&gt;</t>
  </si>
  <si>
    <t>2010-05-04 06:44:55.687000+00:00</t>
  </si>
  <si>
    <t>2018-07-05 17:55:59.890000+00:00</t>
  </si>
  <si>
    <t>2010-05-04 06:47:20.427000+00:00</t>
  </si>
  <si>
    <t>html|photoshop|background-color</t>
  </si>
  <si>
    <t>Java program to print prime numbers until user input</t>
  </si>
  <si>
    <t>&lt;p&gt;I have this code so far but it doesn't give me the right input. It needs to print prime nos from 2 till the number that the user inputs. What am I doing wrong? &lt;/p&gt;
&lt;pre&gt;&lt;code&gt;import java.util.Scanner; 
public class Exhibit2 {
    public static void main(String args[]) { //forgot to add main
        System.out.println("This program takes the user input and prints the prime numbers until that number");
        System.out.println ("Enter Number:");
        Scanner sc = new Scanner(System.in);
        int num = sc.nextInt();
        for(int i=2;i&amp;lt;num;i++){
          for(int j=2; j&amp;lt;i; j++){
            if(num%j == 0){
              System.out.print(" ");
            }
            else{
              System.out.print(i);
            }
          }
        }
    }
}
&lt;/code&gt;&lt;/pre&gt;</t>
  </si>
  <si>
    <t>2017-10-13 15:17:30.660000+00:00</t>
  </si>
  <si>
    <t>2017-10-13 15:34:54.233000+00:00</t>
  </si>
  <si>
    <t>2017-10-13 15:18:29.123000+00:00</t>
  </si>
  <si>
    <t>java|primes</t>
  </si>
  <si>
    <t>Uima Ruta StringList</t>
  </si>
  <si>
    <t>&lt;p&gt;Is there a way to iterate StringList in Ruta, provided the strings in the StringList are not present in the input document?&lt;/p&gt;
&lt;p&gt;&lt;strong&gt;Sample StringList&lt;/strong&gt;&lt;/p&gt;
&lt;ul&gt;
&lt;li&gt;&lt;p&gt;Television&lt;/p&gt;&lt;/li&gt;
&lt;li&gt;&lt;p&gt;Computer&lt;/p&gt;&lt;/li&gt;
&lt;li&gt;&lt;p&gt;Tablet&lt;/p&gt;&lt;/li&gt;
&lt;li&gt;&lt;p&gt;Sound&lt;/p&gt;&lt;/li&gt;
&lt;/ul&gt;
&lt;p&gt;&lt;strong&gt;Sample Input Document&lt;/strong&gt;&lt;/p&gt;
&lt;p&gt;Flat-screen televisions for sale at a consumer electronics store in 2008.
&lt;strong&gt;Television&lt;/strong&gt; (TV), sometimes shortened to tele or telly is a telecommunication medium used for transmitting moving images in monochrome (black and white), or in colour, and in two or three dimensions and &lt;strong&gt;sound&lt;/strong&gt;. The term can refer to a &lt;strong&gt;television&lt;/strong&gt; set, a &lt;strong&gt;television&lt;/strong&gt; program ("TV show"), or the medium of &lt;strong&gt;television&lt;/strong&gt; transmission. &lt;strong&gt;Television&lt;/strong&gt; is a mass medium for advertising, entertainment and news.&lt;/p&gt;
&lt;p&gt;&lt;strong&gt;Problem&lt;/strong&gt;&lt;/p&gt;
&lt;p&gt;I want to get the values, &lt;strong&gt;Computer&lt;/strong&gt; and &lt;strong&gt;Tablet&lt;/strong&gt; as a result from the output CAS (say as an annotation or a feature). Is there a way to do so?&lt;/p&gt;</t>
  </si>
  <si>
    <t>2018-11-02 09:38:25.753000+00:00</t>
  </si>
  <si>
    <t>2018-11-30 13:35:15.930000+00:00</t>
  </si>
  <si>
    <t>uima|ruta</t>
  </si>
  <si>
    <t>how to register a new option with coap.registerOption</t>
  </si>
  <si>
    <t>&lt;p&gt;I'm using node-coap in order to send data to a coap server, I need to use a custom option in the packet so I'm running this code:&lt;/p&gt;
&lt;pre&gt;&lt;code&gt;var req = {
 hostname:"localhost",
 method:"PUT",
 pathname:"create1",
}
    var coapReq = coap.request(req)
    coap.registerOption('newOption',toBinary,toString)
    coapReq.setOption('newOption',b.from('Hello World'))
    coapReq.end()
&lt;/code&gt;&lt;/pre&gt;
&lt;p&gt;The function toBinary and toString are defined as follow:&lt;/p&gt;
&lt;pre&gt;&lt;code&gt;function toBinary(data){
    return b.from(data)
}
function toString(data){
    return data.toString()
}
&lt;/code&gt;&lt;/pre&gt;
&lt;p&gt;This piece of code is not working. What is the correct way to use the registerOption method?&lt;/p&gt;</t>
  </si>
  <si>
    <t>2017-06-13 13:56:31.210000+00:00</t>
  </si>
  <si>
    <t>2017-06-20 14:54:37.647000+00:00</t>
  </si>
  <si>
    <t>javascript|node.js|coap</t>
  </si>
  <si>
    <t>Methods not responding after UIAlerView button pressed</t>
  </si>
  <si>
    <t>&lt;p&gt;I have this problem where I show an alert view and then after a button is pressed certain methods should run but neither would.&lt;/p&gt;
&lt;pre&gt;&lt;code&gt;- (void)insertNewObject //Works fine
{
//AlertView is a subclass of UIAlertView I created.
    AlertView *al = [AlertView alloc];
    al = [al initWithTitle:@"title" message:@"message" delegate:[self view] cancelButtonTitle:@"cencel" okButtonTitle:@"ok"];
    [al.titlebox becomeFirstResponder];
    //[view setAlertViewStyle:UIAlertViewStylePlainTextInput];
    [al show];
} /Till here everything works fine.
&lt;/code&gt;&lt;/pre&gt;
&lt;p&gt;All the code below here dont work. Or they work, I just dont know coz they dont run.&lt;/p&gt;
&lt;pre&gt;&lt;code&gt;//This method does no run al all.
- (void)alertView:(UIAlertView *)alertView clickedButtonAtIndex:(NSInteger)buttonIndex2
{
    if(buttonIndex2 == 0)
    {
        _buttonIndex = buttonIndex2;
        [self showAbortAlert];
    } else 
    {
    _buttonIndex = buttonIndex2;
        [self addObject];
    }
}
- (void)addObject 
{
    if(_buttonIndex == 1) {
        // Create a new instance of the entity managed by the fetched results controller.
        NSManagedObjectContext *context = [self.fetchedResultsController managedObjectContext];
        NSEntityDescription *entity = [[self.fetchedResultsController fetchRequest] entity];
        NSManagedObject *newManagedObject = [NSEntityDescription insertNewObjectForEntityForName:[entity name] inManagedObjectContext:context];
    // If appropriate, configure the new managed object.
    // Normally you should use accessor methods, but using KVC here avoids the need to add a custom class to the template.
    [newManagedObject setValue:[NSDate date] forKey:@"timeStamp"];
    //[newManagedObject setValue:&amp;lt;#(id)#&amp;gt; forKey:&amp;lt;#(NSString *)#&amp;gt;];
    //[newManagedObject setValue:&amp;lt;#(id)#&amp;gt; forKey:&amp;lt;#(NSString *)#&amp;gt;];
    // Save the context.
        NSError *error = nil;
        if (![context save:&amp;amp;error]) {
            /*
             Replace this implementation with code to handle the error appropriately.
             abort() causes the application to generate a crash log and terminate. You should not use this function in a shipping application, although it may be useful during development. 
             */
            NSLog(@"Unresolved error %@, %@", error, [error userInfo]);
            abort();
        }
    } else {
        [self showAbortAlert];
    }
}
- (void)showAbortAlert
{
    UIAlertView *alert = [[UIAlertView alloc] initWithTitle:@"Action Aborted" message:nil delegate:self cancelButtonTitle:@"OK" otherButtonTitles:nil];
    [alert setAlertViewStyle:UIAlertViewStyleDefault];
    [alert show];
}
&lt;/code&gt;&lt;/pre&gt;
&lt;p&gt;No compilation errors.
Thanks in advance!&lt;/p&gt;</t>
  </si>
  <si>
    <t>2012-01-27 10:22:41.750000+00:00</t>
  </si>
  <si>
    <t>2012-01-27 10:29:15.750000+00:00</t>
  </si>
  <si>
    <t>objective-c|methods|uialertview|instance-variables</t>
  </si>
  <si>
    <t>Is it possible to aggregate efficiently by quartile in mongodb?</t>
  </si>
  <si>
    <t>&lt;p&gt;For example suppose I have 10,000 sorted documents that I want to &lt;code&gt;aggregate()&lt;/code&gt; on. But I'd like to group them into quartiles: top 25%, 25% - 50%, 50% - 75%, bottom 25%. Is there a way to this in one pipeline versus having to do 4 separate pipelines for each quartile?&lt;/p&gt;
&lt;p&gt;Something like:&lt;/p&gt;
&lt;pre&gt;&lt;code&gt;aggregate()
- Transform into {quartile1: [list of docs], quartile2: [list of docs], ...}
- Run other pipeline commands
&lt;/code&gt;&lt;/pre&gt;
&lt;p&gt;Or do I need to run 4 separate &lt;code&gt;aggregate()&lt;/code&gt; pipelines?&lt;/p&gt;
&lt;p&gt;Thanks!&lt;/p&gt;</t>
  </si>
  <si>
    <t>2015-01-05 02:19:18.520000+00:00</t>
  </si>
  <si>
    <t>2015-01-05 03:30:29.200000+00:00</t>
  </si>
  <si>
    <t>2015-01-05 03:03:49.003000+00:00</t>
  </si>
  <si>
    <t>mongodb|mapreduce|mongodb-query|aggregation-framework</t>
  </si>
  <si>
    <t>How import object from external JS file in React JS using web pack</t>
  </si>
  <si>
    <t>&lt;p&gt;I am building on my knowledge of React JS and I would like to import/include some external JS files that hold nothing more than an objects / object arrays. I've done this in jQuery, Vanilla JS and even in Angular JS. Sweet!!! &lt;/p&gt;
&lt;p&gt;How can I achieve the same thing in React JS.&lt;/p&gt;
&lt;p&gt;I have the following as my index.html:&lt;/p&gt;
&lt;pre&gt;&lt;code&gt;&amp;lt;!doctype html&amp;gt;
&amp;lt;html&amp;gt;
    &amp;lt;head&amp;gt;
        &amp;lt;meta charset="UTF-8"&amp;gt;
        &amp;lt;title&amp;gt;Hello React&amp;lt;/title&amp;gt;
    &amp;lt;/head&amp;gt;
    &amp;lt;body&amp;gt;
        &amp;lt;div id="hello"&amp;gt;&amp;lt;/div&amp;gt;
        &amp;lt;div id="world"&amp;gt;&amp;lt;/div&amp;gt;
        &amp;lt;div id="caseListing"&amp;gt;&amp;lt;/div&amp;gt;
        &amp;lt;script src="js/bundle.js"&amp;gt;&amp;lt;/script&amp;gt;
    &amp;lt;/body&amp;gt;
&amp;lt;/html&amp;gt;
&lt;/code&gt;&lt;/pre&gt;
&lt;p&gt;and my main.js (entry file) as the following:&lt;/p&gt;
&lt;pre&gt;&lt;code&gt;import Hello from './jsx/hello.jsx';
import World from './jsx/world.jsx';
var $ = require('./lib/jquery.js');
window.jQuery = $;
window.$ = $;
var Jobs = require('./data/jobs.js');
console.log('Jobs:', Jobs);
&lt;/code&gt;&lt;/pre&gt;
&lt;p&gt;Here, I have Jobs.js as:&lt;/p&gt;
&lt;pre&gt;&lt;code&gt;var Jobs = (function () {
    "use strict";
    return {
        "jobs": [
            {
                "jobType": "Web developer",
                "desc": "Creates website"
            },
            {
                "jobType": "Bin Man",
                "desc": "Collects bins"
            }
        ]
    };
}());
&lt;/code&gt;&lt;/pre&gt;
&lt;p&gt;And just for good measure, my webpack.config.js looks like this:&lt;/p&gt;
&lt;pre&gt;&lt;code&gt;var path = require('path');
var webpack = require('webpack');
module.exports = {
    entry: [
        './js/main.js'
    ],
    output: {
        path: __dirname,
        filename: 'js/bundle.js'
    },
    module: {
        loaders: [
            {
                test: /.jsx?$/,
                loader: 'babel-loader',
                exclude: /node_modules/,
                query: {
                    presets: [
                        'es2015',
                        'react'
                    ]
                }
            }
        ]
    }
};
&lt;/code&gt;&lt;/pre&gt;
&lt;p&gt;All help will be appreciated. :)&lt;/p&gt;</t>
  </si>
  <si>
    <t>2016-08-27 18:25:30.383000+00:00</t>
  </si>
  <si>
    <t>2017-03-11 01:15:38.463000+00:00</t>
  </si>
  <si>
    <t>javascript|reactjs|ecmascript-6|webpack|babeljs</t>
  </si>
  <si>
    <t>Whats the correct way to write nginx configuration for wordpress?</t>
  </si>
  <si>
    <t>&lt;p&gt;I have a problem with configuring my wordpress nginx settings.
This is my nginx configuraton&lt;/p&gt;
&lt;pre&gt;&lt;code&gt;server {
        listen                  80;
        server_name             wordpress.project;
        access_log              /var/log/nginx/wordpress.project/access.log;
        error_log               /var/log/nginx/wordpress.project/error.log;
        root                    /var/www/wordpress.project;
        location / {
                index app_dev.php;
                if (-f $request_filename) {
                break;
                }
                rewrite ^(.*)$ /app_dev.php last;
        }
        location ~ \.php$ {
                fastcgi_split_path_info         ^(.+\.php)(.*)$;
                fastcgi_pass                    unix:/var/run/php5-fpm.sock;
                #fastcgi_pass                    127.0.0.1:9000;
                fastcgi_index                   index.php;
                fastcgi_param                   SCRIPT_FILENAME  $request_filename;
                include                         fastcgi_params;
        }
}
&lt;/code&gt;&lt;/pre&gt;
&lt;p&gt;Hosts file is set as &lt;code&gt;127.0.0.1 wordpress.project&lt;/code&gt;&lt;/p&gt;
&lt;p&gt;Permissions of folders are set&lt;/p&gt;
&lt;pre&gt;&lt;code&gt;sudo chmod -R a+rw /var/www/wordpress.project
sudo chown -R www-data:www-data /var/www/wordpress.project
&lt;/code&gt;&lt;/pre&gt;
&lt;p&gt;And symbolic link is set&lt;/p&gt;
&lt;pre&gt;&lt;code&gt;sudo ln -s /etc/nginx/sites-available/wordpess.project /etc/nginx/sites-enabled/wordpess.project
&lt;/code&gt;&lt;/pre&gt;
&lt;p&gt;And there is still an error when i try accessing wordpress.project saying&lt;/p&gt;
&lt;blockquote&gt;
  &lt;p&gt;File not found&lt;/p&gt;
&lt;/blockquote&gt;
&lt;p&gt;Project has classic wordpress structure of files
&lt;a href="https://i.stack.imgur.com/av7eb.png" rel="nofollow noreferrer"&gt;&lt;img src="https://i.stack.imgur.com/av7eb.png" alt="enter image description here"&gt;&lt;/a&gt;
Is this correct configuration for wordpress in nginx and if its not what is the best way?&lt;/p&gt;</t>
  </si>
  <si>
    <t>2017-05-25 08:37:40.790000+00:00</t>
  </si>
  <si>
    <t>2017-05-25 09:14:20.010000+00:00</t>
  </si>
  <si>
    <t>wordpress|nginx|configuration|localhost</t>
  </si>
  <si>
    <t>Serialization Interface is empty in JDK Source. What is the use of implementing it</t>
  </si>
  <si>
    <t>&lt;p&gt;It was marked duplicate and i am expanding my question.&lt;/p&gt;
&lt;p&gt;&lt;strong&gt;My question is how JDK internally serializing objects.  How ObjectxxxStreams class serializing when the class implements that interface.?&lt;/strong&gt;&lt;/p&gt;
&lt;p&gt;I was looking into the serialization topic and deeply dived into the JDK Source code.  &lt;/p&gt;
&lt;p&gt;This was the source code of serialization Interface in JDK.&lt;/p&gt;
&lt;pre&gt;&lt;code&gt;package java.io;
public interface Serializable {
}
&lt;/code&gt;&lt;/pre&gt;
&lt;p&gt;There is nothing in this interface.  What is the use of implementing this interface.  I know that, to serialize a object we should implement this.  I know what serialization is and how to work with that.  But how serialization happens internally using &lt;code&gt;ObjectInputStream&lt;/code&gt; and &lt;code&gt;ObjectOutputStream&lt;/code&gt;.  These classes are how related to serialization. Alternatively let us keep that those two classes are doing their duty.  All my question is why we need to implement this empty interface to serialize and deserialize objects and how it works internally?  Please explain in detail about this.&lt;/p&gt;</t>
  </si>
  <si>
    <t>2013-07-04 12:26:25.507000+00:00</t>
  </si>
  <si>
    <t>2013-07-04 12:56:47.883000+00:00</t>
  </si>
  <si>
    <t>serialization|java</t>
  </si>
  <si>
    <t>PHP codes inserting foreign key value</t>
  </si>
  <si>
    <t>&lt;p&gt;I am trying to insert a foreign key value in my form. but fail to do so. Before I add FK, it is successfully added to the database. &lt;/p&gt;
&lt;p&gt;&lt;img src="https://i.stack.imgur.com/OIbku.png" alt="My form. &amp;quot;Empno&amp;quot; is a foreign key to a &amp;quot;compliance table&amp;quot;"&gt;&lt;/p&gt;
&lt;p&gt;&lt;img src="https://i.stack.imgur.com/CsBfJ.png" alt="Is this coding correct?"&gt;&lt;/p&gt;</t>
  </si>
  <si>
    <t>2017-05-29 03:46:11.320000+00:00</t>
  </si>
  <si>
    <t>2017-05-29 04:15:13.390000+00:00</t>
  </si>
  <si>
    <t>2017-05-29 04:01:19.333000+00:00</t>
  </si>
  <si>
    <t>php|mysql|foreign-keys</t>
  </si>
  <si>
    <t>Slider toggle without CSS</t>
  </si>
  <si>
    <t>&lt;p&gt;I'm relatively proud of this toggle: &lt;a href="http://jsfiddle.net/AmrnK/" rel="nofollow"&gt;http://jsfiddle.net/AmrnK/&lt;/a&gt;&lt;/p&gt;
&lt;p&gt;The problem is that it is not cross-browser because it uses CSS transitions.&lt;/p&gt;
&lt;p&gt;Any suggestions to build something similar using jQuery instead?&lt;/p&gt;</t>
  </si>
  <si>
    <t>2011-09-07 00:53:53.340000+00:00</t>
  </si>
  <si>
    <t>2011-09-07 14:25:22.563000+00:00</t>
  </si>
  <si>
    <t>2011-09-07 01:24:43.187000+00:00</t>
  </si>
  <si>
    <t>jquery|jquery-ui|css3</t>
  </si>
  <si>
    <t>PHP equivalent for UnderscoreJS each</t>
  </si>
  <si>
    <t>&lt;p&gt;Is there a built in each method - similar to that of UnderscoreJS- in php  that applies a callback for every entry in the array passing in the current $value, $key, $collection with the ability to mutate $value if needed.&lt;/p&gt;
&lt;p&gt;Here is a custom implementation. &lt;/p&gt;
&lt;pre&gt;&lt;code&gt;  function _each(array $collection, $callback) {
        foreach ($collection as $key =&amp;gt; &amp;amp;$value) {
            $callback($value, $key, $collection);
        }
        return $collection;
    }
&lt;/code&gt;&lt;/pre&gt;</t>
  </si>
  <si>
    <t>2015-10-05 19:27:33.663000+00:00</t>
  </si>
  <si>
    <t>2015-10-05 19:43:46.010000+00:00</t>
  </si>
  <si>
    <t>php|collections</t>
  </si>
  <si>
    <t>Why does css background-image not work?</t>
  </si>
  <si>
    <t>&lt;p&gt;I am trying to make a menu with a background-image but according to the web console, the browser can't find the image. I have this problem for a very long time and until now I don't know how to fix it. I think the solution is very simple but I don't find it.&lt;/p&gt;
&lt;p&gt;The image is in the right map because if I load the image in a img tag the browsers shows the image.&lt;br&gt;
I run it local host and I use Firefox&lt;/p&gt;
&lt;p&gt;see my code below.&lt;/p&gt;
&lt;p&gt;Can somebody help with solving this problem?&lt;/p&gt;
&lt;p&gt;&lt;div class="snippet" data-lang="js" data-hide="false"&gt;_x000D_
&lt;div class="snippet-code"&gt;_x000D_
&lt;pre class="snippet-code-css lang-css prettyprint-override"&gt;&lt;code&gt;body{_x000D_
 margin: 0px;_x000D_
}_x000D_
nav{_x000D_
 position: fixed;_x000D_
 top:0px;_x000D_
 width:100%;_x000D_
 height:50px;_x000D_
 background-image: url('img/menu1.jpg');_x000D_
}&lt;/code&gt;&lt;/pre&gt;_x000D_
&lt;pre class="snippet-code-html lang-html prettyprint-override"&gt;&lt;code&gt;&amp;lt;!DOCTYPE html&amp;gt;_x000D_
&amp;lt;html&amp;gt;_x000D_
&amp;lt;head&amp;gt;_x000D_
_x000D_
 &amp;lt;script src="https://ajax.googleapis.com/ajax/libs/jquery/2.1.1/jquery.min.js"&amp;gt;&amp;lt;/script&amp;gt;_x000D_
 &amp;lt;script src="js/svg.js"&amp;gt;&amp;lt;/script&amp;gt;_x000D_
 &amp;lt;link rel="stylesheet" type="text/css" href="css/index.css"/&amp;gt;_x000D_
&amp;lt;/head&amp;gt;_x000D_
&amp;lt;body&amp;gt;_x000D_
 &amp;lt;nav &amp;gt;_x000D_
  &amp;lt;ul class="banner"&amp;gt;_x000D_
   &amp;lt;li&amp;gt;Test menu&amp;lt;/li&amp;gt;_x000D_
  &amp;lt;/ul&amp;gt;_x000D_
  &amp;lt;ul class="menu"&amp;gt;_x000D_
  &amp;lt;/ul&amp;gt;_x000D_
_x000D_
 &amp;lt;/nav&amp;gt;_x000D_
&amp;lt;/body&amp;gt;_x000D_
&amp;lt;/html&amp;gt;&lt;/code&gt;&lt;/pre&gt;_x000D_
&lt;/div&gt;_x000D_
&lt;/div&gt;_x000D_
&lt;/p&gt;</t>
  </si>
  <si>
    <t>2014-12-27 15:42:09.893000+00:00</t>
  </si>
  <si>
    <t>2014-12-27 15:58:16.110000+00:00</t>
  </si>
  <si>
    <t>2014-12-27 15:48:26.810000+00:00</t>
  </si>
  <si>
    <t>How can I solve method POST not allowed error in python Login script?</t>
  </si>
  <si>
    <t>&lt;p&gt;I wrote a python script that makes me able to know how many new messages do I have.&lt;/p&gt;
&lt;p&gt;First,I want to Login my account.&lt;/p&gt;
&lt;p&gt;I executed my script.
But I got this message: "method POST not allowed"&lt;/p&gt;
&lt;p&gt;The site URL is:&lt;a href="http://miyanali.com" rel="nofollow"&gt;http://miyanali.com&lt;/a&gt;
Here is the HTML code of Login form in the site:&lt;/p&gt;
&lt;pre&gt;&lt;code&gt;&amp;lt;form id="loginform" action="loginstudent.php" method="post" style="height:50px" onsubmit="loginme(1053)"&amp;gt;
&amp;lt;table style="width:170px;font-size:11px;text-align:right;padding-right:3px;padding-top:2px" cellspacing="0"&amp;gt;
&amp;lt;tbody&amp;gt;&amp;lt;tr&amp;gt;
&amp;lt;td style="width:90px;height:20px"&amp;gt;
&amp;lt;input title="username" tabindex="1" style="font-family:tahoma;font-size:12px;width:94px;direction:ltr;background:url(username.png?ldd);border:none;padding:4px;padding-right:21px" name="username" value="" type="text"&amp;gt;
&amp;lt;/td&amp;gt;
&amp;lt;td rowspan="2"&amp;gt;&amp;lt;input tabindex="4" style="font-size:11px;font-family:tahoma;height:44px;width:47px" value=" Login " type="submit"&amp;gt;&amp;lt;/td&amp;gt;
&amp;lt;/tr&amp;gt;
&amp;lt;tr&amp;gt;
&amp;lt;td&amp;gt;
&amp;lt;input title="password" tabindex="2" style="font-family:tahoma;font-size:12px;width:94px;direction:ltr;background:url(password.png?ldd);border:none;padding:4px;padding-right:21px" name="password" id="pass1053" onkeypress="javascript:document.getElementById(&amp;amp;quot;signup&amp;amp;quot;).style.visibility=&amp;amp;quot;hidden&amp;amp;quot;;" type="password"&amp;gt;
&amp;lt;/td&amp;gt;
&amp;lt;/tr&amp;gt;
&amp;lt;tr&amp;gt;
&amp;lt;td colspan="3"&amp;gt;
&amp;lt;div style=";text-align:left"&amp;gt;
&amp;lt;a href="/forgetpass.php" style="font-size:11px;"&amp;gt;Forgot password?&amp;lt;/a&amp;gt;
&amp;lt;button onclick="document.getElementById(&amp;amp;quot;loginform&amp;amp;quot;).action=&amp;amp;quot;/signup.php&amp;amp;quot;;window.location=&amp;amp;quot;/signup.php&amp;amp;quot;" id="signup" style="font-size:11px;font-family:tahoma;width:47px"&amp;gt;Sign Up&amp;lt;/button&amp;gt;
&amp;lt;input style="font-size:11px;font-family:tahoma" name="passssl" id="passssl1053" value="" type="hidden"&amp;gt;
&amp;lt;/div&amp;gt;
&amp;lt;/td&amp;gt;
&amp;lt;/tr&amp;gt;
&amp;lt;/tbody&amp;gt;&amp;lt;/table&amp;gt;
&amp;lt;/form&amp;gt;
&lt;/code&gt;&lt;/pre&gt;
&lt;p&gt;And Here is my Python Codes:&lt;/p&gt;
&lt;pre&gt;&lt;code&gt;import cookielib
import urllib
import urllib2
cj = cookielib.CookieJar()
opener = urllib2.build_opener(urllib2.HTTPCookieProcessor(cj))
# headers
opener.addheaders = [('User-agent', 'Mozilla/5.0 (Windows; U; Windows NT 5.0; en-US; rv:1.7.12) Gecko/20050915 Firefox/1.0.7')]
urllib2.install_opener(opener)
authentication_url = 'http://www.miyanali.com/loginstudent.php'
# parametersd
payload = {
  'username': 'myusername',
  'password': 'password',
  'passssl': ''
  }
data = urllib.urlencode(payload)
req = urllib2.Request(authentication_url, data)
resp = urllib2.urlopen(req)
contents = resp.read()
print contents
&lt;/code&gt;&lt;/pre&gt;
&lt;p&gt;How can I fix this Error?
Thanks to all of you!&lt;/p&gt;</t>
  </si>
  <si>
    <t>2015-09-12 19:32:58.740000+00:00</t>
  </si>
  <si>
    <t>2015-09-13 09:14:19.100000+00:00</t>
  </si>
  <si>
    <t>python|methods|login</t>
  </si>
  <si>
    <t>search not working in angular data</t>
  </si>
  <si>
    <t>&lt;p&gt;I want to format the date and then search from the input box. I am trying to use a converter but for some reason the search does not work and my filter isnt working either
here is my fiddle example&lt;/p&gt;
&lt;p&gt;&lt;a href="https://jsfiddle.net/U3pVM/25662/" rel="nofollow"&gt;https://jsfiddle.net/U3pVM/25662/&lt;/a&gt;&lt;/p&gt;
&lt;p&gt;here is my code&lt;/p&gt;
&lt;pre&gt;&lt;code&gt;&amp;lt;div ng-app='app'&amp;gt;
  &amp;lt;h2&amp;gt;Todo&amp;lt;/h2&amp;gt;
  &amp;lt;div ng-controller="TodoCtrl"&amp;gt;
  &amp;lt;form&amp;gt;
      &amp;lt;div class="form-group"&amp;gt;
        &amp;lt;div class="input-group"&amp;gt;
          &amp;lt;div class="input-group-addon"&amp;gt;&amp;lt;i class="fa fa-search"&amp;gt;&amp;lt;/i&amp;gt;&amp;lt;/div&amp;gt;
          &amp;lt;input type="text" class="form-control"  ng-model="search"&amp;gt;
        &amp;lt;/div&amp;gt;
      &amp;lt;/div&amp;gt;
    &amp;lt;/form&amp;gt;
   &amp;lt;div ng-repeat="item in data"&amp;gt;
     {{item.date }}
   &amp;lt;/div&amp;gt;
  &amp;lt;/div&amp;gt;
&amp;lt;/div&amp;gt;
&lt;/code&gt;&lt;/pre&gt;
&lt;p&gt;and here is my controller&lt;/p&gt;
&lt;pre&gt;&lt;code&gt;var app = angular.module('app', []);
app.controller('TodoCtrl', function ($scope)  {
      $scope.data = [
  {
    name_object: "my Object",
    date: "2016-05-01 20:00:00",
    id: "123",
    name: "xy kaj Pl"
  },
  {
    name_object: "my Object2",
    date: "2014-15-01 20:10:00",
    id: "143",
    name: "Rose Jack"
  },
  {
    name_object: "my Object3",
    date: "2015-17-01 04:00:00",
    id: "143",
    name: "John Smith"
  },
  {
    name_object: "my Object4",
    date: "2016-18-01 04:00:00",
    id: "142",
    name: "Barbara Francis"
  }
]
});
$scope.dateFormat = function(string){
     return  isoDate(string);
    };
app.filter('isoDate', function(string){
   return new Date(string.split(' ').join('T'));
});
&lt;/code&gt;&lt;/pre&gt;
&lt;p&gt;When I enter the date, it does not filter and also my custom filter is not working to formate date either.&lt;/p&gt;
&lt;p&gt;Thanks&lt;/p&gt;</t>
  </si>
  <si>
    <t>2016-06-19 04:18:30.937000+00:00</t>
  </si>
  <si>
    <t>2016-06-19 19:19:42.743000+00:00</t>
  </si>
  <si>
    <t>angularjs|angularjs-directive|angularjs-scope|angularjs-service|angularjs-filter</t>
  </si>
  <si>
    <t>can spring inject EJBs into annotated fields of servlet in a Java SE webapp?</t>
  </si>
  <si>
    <t>&lt;p&gt;Spring has support for injecting &lt;code&gt;javax.ejb.EJB annotations&lt;/code&gt;, much like it injects &lt;code&gt;@Autowired&lt;/code&gt; and other jsr-220 injection annotations, thanks to the CommonAnnotationBeanPostProcessor class.&lt;/p&gt;
&lt;p&gt;However, injection doesn't work for servlets, since the servlet isn't created by spring.&lt;/p&gt;
&lt;p&gt;This article - &lt;a href="http://blog.frankel.ch/spring-can-inject-servlets-too#configurable" rel="nofollow"&gt;Spring injects servlets too&lt;/a&gt; - doesn't give an example using servlets, but claims it's possible using compile-time weaving of aspects. Unfortunately, compile-time weaving is not an option for us. Is it possible to do this at runtime? It's ok to introduce a subclass to the servlet if that helps, but I want to keep EJB annotations so the servlets can still deployed in a Java EE container.&lt;/p&gt;
&lt;p&gt;EDIT: The app will be deployed to a Java EE container in production, but I was thinking of using spring for running functional tests and for local deployment for development to take advantage of hot JSP loading in Tomcat.&lt;/p&gt;</t>
  </si>
  <si>
    <t>2011-10-06 15:47:57.130000+00:00</t>
  </si>
  <si>
    <t>2017-10-13 18:34:33.427000+00:00</t>
  </si>
  <si>
    <t>2013-05-19 11:13:12.440000+00:00</t>
  </si>
  <si>
    <t>spring|java-ee|servlets|dependency-injection</t>
  </si>
  <si>
    <t>recomendations for spring SEO</t>
  </si>
  <si>
    <t>&lt;p&gt;I have a site made with SPRING mvc and jstl. It has a product catalog on it. Can any one give me some recomendations for making it SEO friendly ? I understand that google's spiders searches in the html pages. However, how do i help them index on what it��s on the database (mysql), like the products and some content ? should i read/do something extra ?&lt;/p&gt;
&lt;p&gt;Thank you!&lt;/p&gt;</t>
  </si>
  <si>
    <t>2010-12-08 22:40:37.193000+00:00</t>
  </si>
  <si>
    <t>2011-01-08 02:41:47.477000+00:00</t>
  </si>
  <si>
    <t>spring|seo|jstl</t>
  </si>
  <si>
    <t>python list with true and false not True and False</t>
  </si>
  <si>
    <t>&lt;p&gt;-----------------------  UPDATED  ---------------------- &lt;/p&gt;
&lt;p&gt;Since there was so much confusion, I decided to give a more detailed explanation. Take a look at the code below, and focus on &lt;/p&gt;
&lt;pre&gt;&lt;code&gt;day = {"days": buildString2(day_array[i])}
&lt;/code&gt;&lt;/pre&gt;
&lt;p&gt;Here is the code:&lt;/p&gt;
&lt;pre&gt;&lt;code&gt;import csv, sys, requests, json, os, itertools, ast
def buildString(item):
    item_array = item.split(",")
    mod = []
    for i in range(len(item_array)):
        mod.append("%s" % item_array[i].strip())
    return mod
def buildString2(item):
    item_array = item.split(",")
    mod = "["
    for i in range(len(item_array)):
        if i == len(item_array) - 1:
            mod = mod + '%s' % item_array[i].strip()
        else:
            mod = mod + '%s, ' % item_array[i].strip()
    mod = mod + "]"
    return mod
if __name__ == '__main__':
    def main():
        filename = 'file.csv'
        dict = {"id":'c8d5185667f'}
        with open(filename, 'r', encoding='utf8') as f:
            reader = csv.reader(f)
            try:
                count = 0
                for row in reader:
                    count = count + 1
                    if count != 1:
                        dict["name"] = row[10]
                        dict["space_usages"] = buildString(row[19])
                        availablle_array = []
                        available_booking_hours = row[15]
                        days = row[18]
                        availability_array = available_booking_hours.split("*")
                        day_array = days.split("*")
                        for i in range(len(day_array)):
                            startEndTime = availability_array[i].split("-")
                            day = {"days": buildString2(day_array[i])}
                            times = {"start_time":startEndTime[0], "end_time":startEndTime[1]}
                            day["times"] = times
                            availablle_array.append(day)
                        dict["available_days"] = availablle_array
                        print(dict)
                        url = 'http://50.97.247.68:9000/api/v1/spaces'
                        response = requests.post(url, data=json.dumps(dict))
&lt;/code&gt;&lt;/pre&gt;
&lt;p&gt;When I print dict, I get the following &lt;/p&gt;
&lt;pre&gt;&lt;code&gt;{'id': 'c8d5185667f', 'available_days': [{'days': '[true, true, true, true, true, true, true]', 'times': {'start_time': '12:00', 'end_time': '10:00'}}], 'space_usages': ['Fitness', 'Events', 'Classes', 'Performance']}
&lt;/code&gt;&lt;/pre&gt;
&lt;p&gt;but my boss wants this &lt;/p&gt;
&lt;pre&gt;&lt;code&gt;{'id': 'c8d5185667f', 'available_days': [{'days': [true, true, true, true, true, true, true], 'times': {'start_time': '12:00', 'end_time': '10:00'}}], 'space_usages': ['Fitness', 'Events', 'Classes', 'Performance']}
&lt;/code&gt;&lt;/pre&gt;
&lt;p&gt;this doesn't work either&lt;/p&gt;
&lt;pre&gt;&lt;code&gt;{'id': 'c8d5185667f', 'available_days': [{'days': ['true', 'true', 'true', 'true', 'true', 'true', 'true'], 'times': {'start_time': '12:00', 'end_time': '10:00'}}], 'space_usages': ['Fitness', 'Events', 'Classes', 'Performance']}
&lt;/code&gt;&lt;/pre&gt;
&lt;p&gt;Does this make more sense? Is it possible to get &lt;/p&gt;
&lt;pre&gt;&lt;code&gt;[true, true, true, true, true, true, true]
&lt;/code&gt;&lt;/pre&gt;
&lt;p&gt;as a value? I tried doing this&lt;/p&gt;
&lt;pre&gt;&lt;code&gt;day = {"days": ast.literal_eval(buildString2(day_array[i]))}
&lt;/code&gt;&lt;/pre&gt;
&lt;p&gt;but it crashes. I'm out of ideas. I've tried googling a variety of things, and I can't seem to find anything. Your help is greatly appreciated. I honestly don't believe this is possible, but that's what I've been told to do.&lt;/p&gt;
&lt;p&gt;NOTE: They have to be lowercase. This doesn't work&lt;/p&gt;
&lt;pre&gt;&lt;code&gt;[True, True, True, True, True, True, True]
&lt;/code&gt;&lt;/pre&gt;</t>
  </si>
  <si>
    <t>2014-02-20 10:02:24.857000+00:00</t>
  </si>
  <si>
    <t>2014-02-20 20:51:47.450000+00:00</t>
  </si>
  <si>
    <t>2014-02-20 19:43:26.757000+00:00</t>
  </si>
  <si>
    <t>Website displaying white page on IE 8 and below</t>
  </si>
  <si>
    <t>&lt;p&gt;I know there are countless issues with IE but it seems that no one can access my clients site on it unless they have IE9. The site is running on WordPress and I am using a modified version of Max Magazine. I don't really know about this end of things so I'm not sure to even begin on fixing this or how a problem this big can be so specific to certain versions of a specific browser.&lt;/p&gt;
&lt;p&gt;If anyone could shine some light on the issue or provide help it would be greatly appreciated.&lt;/p&gt;
&lt;p&gt;&lt;a href="https://bolivares.com/" rel="nofollow"&gt;https://bolivares.com/&lt;/a&gt;&lt;/p&gt;</t>
  </si>
  <si>
    <t>2013-06-05 17:43:17.417000+00:00</t>
  </si>
  <si>
    <t>wordpress|internet-explorer</t>
  </si>
  <si>
    <t>How to remove an menu item from a QMenu for Qt4?</t>
  </si>
  <si>
    <t>&lt;p&gt;For a QMenu, we can insert two kind of items, one is QAction, which can be removed by removeAction method, the other is another QMenu, I cannot find a way to remove the menu item from a menu.&lt;/p&gt;
&lt;p&gt;How to do it? The only way I can think of now is to use clear() method to remove everything and re-generate the items.&lt;/p&gt;</t>
  </si>
  <si>
    <t>2011-08-29 18:23:13.463000+00:00</t>
  </si>
  <si>
    <t>2011-08-29 18:48:12.763000+00:00</t>
  </si>
  <si>
    <t>qt4</t>
  </si>
  <si>
    <t>click button type='button element with selenium webdriver in class using python</t>
  </si>
  <si>
    <t>&lt;p&gt;&lt;a href="https://i.stack.imgur.com/kmGGU.png" rel="nofollow noreferrer"&gt;enter image description here&lt;/a&gt;&lt;/p&gt;
&lt;p&gt;I am trying to click on this for whole day with python selenium with no luck, tried several selectors, xpath..nothing seems to be work for me. This is the element I try to click on:
i need to click on the button on sharepoint.com&lt;/p&gt;
&lt;p&gt;CODE&lt;/p&gt;
&lt;pre&gt;&lt;code&gt;log_but2 = "//button[@class='o365cs-nav-item o365cs-nav-button o365button ms-bgc-tdr-h o365cs-topnavText' and role='menuitem']"
driver.find_element_by_xpath(log_but2).click()
&lt;/code&gt;&lt;/pre&gt;
&lt;p&gt;It failed&lt;/p&gt;
&lt;p&gt;Problem : I need to open the onedrive from sharepoint.com(image attached)&lt;/p&gt;
&lt;p&gt;HTML CODE :&lt;/p&gt;
&lt;pre&gt;&lt;code&gt;&amp;lt;button type="button" class="o365cs-nav-item o365cs-nav-button o365button ms-bgc-tdr-h o365cs-topnavText" role="menuitem" title="Open the app launcher to access Office 365 apps" id="O365_MainLink_NavMenu_Responsive" aria-disabled="false" aria-selected="false" aria-label="App launcher"&amp;gt;
&amp;lt;span class="owaimg ms-Icon ms-Icon--Waffle ms-icon-font-size-24 o365cs-topnavText" aria-hidden="true"&amp;gt;
&amp;lt;/span&amp;gt;&amp;lt;div class="o365cs-flexPane-unseenitems"&amp;gt; 
&amp;lt;span class="o365cs-flexPane-unseenCount ms-bgc-tdr ms-fcl-w" style="display: none;"&amp;gt;
&amp;lt;/span&amp;gt; &amp;lt;span class="o365cs-flexPane-unseenCount owaimg ms-Icon--starburst ms-icon-font-size-12 ms-bgc-tdr ms-fcl-w" style="display: none;"&amp;gt; 
&amp;lt;/span&amp;gt; &amp;lt;/div&amp;gt;&amp;lt;/button&amp;gt;
&lt;/code&gt;&lt;/pre&gt;</t>
  </si>
  <si>
    <t>2018-03-14 10:35:21.907000+00:00</t>
  </si>
  <si>
    <t>2018-03-15 12:15:53.483000+00:00</t>
  </si>
  <si>
    <t>2018-03-15 12:03:30.210000+00:00</t>
  </si>
  <si>
    <t>python|selenium|xpath|selenium-webdriver|webdriver</t>
  </si>
  <si>
    <t>Copy between collection filtered by a third collection in other database with mongoDB</t>
  </si>
  <si>
    <t>&lt;p&gt;I have three collections, I want to move data from collection A to B filtered by a collection C that is in another database.&lt;/p&gt;
&lt;p&gt;Problem is that MongoDb fail, no matter the query I can't move more than 100 document and fail, I think I need an optimized query, I doing this:&lt;/p&gt;
&lt;pre&gt;&lt;code&gt;db.getSiblingDB('OTHERDATABASE').C.find().forEach(function (d) {
      db.getCollection('A').find({_id:d._id}).forEach(function (x) {
        db.getCollection('B').insert(x);
   })
});
&lt;/code&gt;&lt;/pre&gt;
&lt;hr&gt;
&lt;p&gt;At the below question, it fail with an error of network, I solved with this PHP script:&lt;/p&gt;
&lt;pre&gt;&lt;code&gt;$client=new MongoDB\Client(MONGODB);
$databaseab  = $client-&amp;gt;selectDatabase("DATABASAB");
$databasec  = $client-&amp;gt;selectDatabase("DATABASEC");
$A = $databaseab-&amp;gt;selectCollection("A");
$B     = $databaseab-&amp;gt;selectCollection("B");
$C    = $databasec-&amp;gt;selectCollection("C");
$list = $C-&amp;gt;distinct("_id");
do
{
    $split = [];
    $count = 0;
    while (($line = array_shift($list)) AND $count++ &amp;lt;= 500)
    {
        $split[] = $line;
    }
    $result = $A-&amp;gt;find([
        '_id' =&amp;gt; [
            '$in' =&amp;gt; $split     
        ]   
    ]);
    foreach ($result as $document)
    {
        $B-&amp;gt;findOneAndUpdate(
            [
                '_id' =&amp;gt; $document['_id']
            ],
            [
                '$setOnInsert' =&amp;gt; $document
            ],
            [
                'upsert' =&amp;gt; TRUE
            ]
        );
    }
    $A-&amp;gt;deleteMany([
        '_id' =&amp;gt; [
            '$in' =&amp;gt; $split
        ]   
    ]);
} while (count($list));
&lt;/code&gt;&lt;/pre&gt;</t>
  </si>
  <si>
    <t>2018-11-07 15:22:49.797000+00:00</t>
  </si>
  <si>
    <t>2018-11-27 04:36:06.803000+00:00</t>
  </si>
  <si>
    <t>php|mongodb|mongodb-query</t>
  </si>
  <si>
    <t>Javascript Popupbox display problems</t>
  </si>
  <si>
    <t>&lt;p&gt;I am start up programmer in JavaScript. 
I wrote following function to get the popup box on the click of email 
 on abc.php &lt;/p&gt;
&lt;pre&gt;&lt;code&gt;&amp;lt;span class="subbodyheader"&amp;gt;E-mail: &amp;lt;/span&amp;gt;
            &amp;lt;SCRIPT TYPE="text/javascript"&amp;gt;
            &amp;lt;!-- 
            // protected email script by Joe Maller(credit)
            // JavaScripts available at http://www.joemaller.com
             emailE=('abc@' + 'XYZ.com')
             document.write('&amp;lt;a onclick="show_confirm()" &amp;gt;' + emailE + '&amp;lt;/a&amp;gt;')
             //--&amp;gt;
            &amp;lt;/script&amp;gt;
&amp;lt;script type="text/javascript"&amp;gt;
 function show_confirm()
 {
    var title = "WXY LLP - Email Disclaimer"
    var msg1="The sending of an email to WXY  ('SAL') lawyer does not create an attorney-client relationship.  " 
    var msg2 = "This website presents general information about SAL and nothing contained in this site is intended as legal advice to you or anyone else and you should not consider it as such. Please be aware that anything you send to anyone at SAL will not be treated as or considered to be confidential from disclosure  unless we have formally agreed to represent you for a particular matter and we have completed a conflicts check. Unless we have created an attorney-client relationship.No information that you  provide to us will prevent SAL from representing a different client in the same matter. "
   //Also, please be aware that until an attorney-client relationship with you exists, SAL is entitled to use any  information that you provide to us in the representation of another client.As a result, you should not send  confidential information to anyone at SAL until you are notified that a formal attorney-client relationship has been established."
    var msg3 =" By clicking 'Ok' in this box and sending this email, you confirm that you have read and understand this notice."
 if (confirm(title + "\n"+ "\n" + msg1 + "\n"  +msg2 + "\n"+ "\n" + msg3 +"\n")==true)
 {
  //window.resizeTo(25,90); //For fixing the window size.
  emailE=('abc@' + 'XYZ.com')
  //document.write('&amp;lt;a href="mailto: ' + emailE + ' " &amp;gt;' + emailE + '&amp;lt;/a&amp;gt;') 
  window.location.href = "mailto:abc@XYZ.com"   
 }
 else
 {
  //alert("You pressed Cancel!");
 } 
}
 &amp;lt;/script&amp;gt;
&lt;/code&gt;&lt;/pre&gt;
&lt;p&gt;I have following questions about this --&lt;/p&gt;
&lt;blockquote&gt;
  &lt;ol&gt;
  &lt;li&gt;When I uncomment the last two line ie. [ //  Also, please be aware that until an attorney-client relationship with you exists, SAL is entitled to use any  information that you provide to us in the representation of another client.As a result, you should not send  confidential information to anyone at SAL until you are notified that a formal attorney-client relationship has been established."] 
  Entire page shifts to right. I don't know why it is doing so ?&lt;/li&gt;
  &lt;li&gt;I want to make var 'title' bold so I use title.bold() but it's not working with 'confirm'? what should I do to achieve this ?&lt;/li&gt;
  &lt;li&gt;Is this secure enough to do something like this on the page?&lt;/li&gt;
  &lt;/ol&gt;
&lt;/blockquote&gt;</t>
  </si>
  <si>
    <t>2011-12-08 21:18:01.063000+00:00</t>
  </si>
  <si>
    <t>Detect a fragment in the screen</t>
  </si>
  <si>
    <t>&lt;p&gt;I have a pager that contains three fragments&lt;/p&gt;
&lt;p&gt;adapter.addFragment (new PlainColorFragment (Color.red));&lt;/p&gt;
&lt;p&gt;adapter.addFragment (new PlainColorFragment (Color.green));&lt;/p&gt;
&lt;p&gt;adapter.addFragment (new PlainColorFragment (Color.blue));&lt;/p&gt;
&lt;p&gt;My question is whether it is possible to detect that fragmentation has focus or is being displayed to the user.&lt;/p&gt;
&lt;p&gt;For example, when the green fragment is the one on screen or has focus, show a "toast" on the screen&lt;/p&gt;
&lt;p&gt;I hope I have explained my question correctly.&lt;/p&gt;
&lt;p&gt;thanks&lt;/p&gt;</t>
  </si>
  <si>
    <t>2012-03-08 21:44:30.107000+00:00</t>
  </si>
  <si>
    <t>2014-03-30 11:53:04.880000+00:00</t>
  </si>
  <si>
    <t>android|fragment</t>
  </si>
  <si>
    <t>Django REST FrameWork JWT does not allow to provide data or decode itself</t>
  </si>
  <si>
    <t>&lt;p&gt;I have these endpoints:&lt;/p&gt;
&lt;pre&gt;&lt;code&gt;urlpatterns += [
    path('api-token-auth/', obtain_jwt_token),
    path('api-token-verify/', verify_jwt_token),
    path('api-token-refresh/', refresh_jwt_token),
    path('api/', include(router.urls)),
]
&lt;/code&gt;&lt;/pre&gt;
&lt;p&gt;For example I have a User on backend, and let's say he wants to login to the system. In login page he must provide his username and password, and login page will use "obtain_jwt_token" endpoint, which will automatically check if that user exists or not. If not, backend will return error message, if that User exists and username &amp;amp; password is correct than backend will return a Token, generated by JWT, and that token will live for let's say 1 hour. But the problem is that backend will not return additional data, it will return only Token itself, but not id of that user or something. And that is the problem. &lt;/p&gt;
&lt;p&gt;Am I understanding something wrong ? All I want is for backend to return not only the Token, but also id of that user. Or to decode the Token, and get id of User from it.&lt;/p&gt;</t>
  </si>
  <si>
    <t>2018-02-13 12:05:16.243000+00:00</t>
  </si>
  <si>
    <t>2018-02-13 15:14:35.373000+00:00</t>
  </si>
  <si>
    <t>2018-02-13 15:13:47.350000+00:00</t>
  </si>
  <si>
    <t>python|django|django-rest-framework|jwt</t>
  </si>
  <si>
    <t>Second word always disappears when using typeText in Xcode UITest</t>
  </si>
  <si>
    <t>&lt;p&gt;I have a UITest, and I'm trying to confirm the text is being saved correctly, entering it like so:&lt;/p&gt;
&lt;pre&gt;&lt;code&gt;let wonderfulTextView = elementsQuery.textViews["Wonderful"]
wonderfulTextView.tap()
wonderfulTextView.typeText("Think of all the beauty left around you and be happy")
&lt;/code&gt;&lt;/pre&gt;
&lt;p&gt;But it's always missing the second word, regardless of what text I put in. The above would end up "Think all the beauty..."&lt;/p&gt;</t>
  </si>
  <si>
    <t>2017-05-29 21:14:28.537000+00:00</t>
  </si>
  <si>
    <t>uitextview|xcode-ui-testing</t>
  </si>
  <si>
    <t>Binary Search Tree with Supernodes Algorithm</t>
  </si>
  <si>
    <t>&lt;blockquote&gt;
  &lt;p&gt;&lt;strong&gt;Possible Duplicate:&lt;/strong&gt;&lt;br&gt;
  &lt;a href="https://stackoverflow.com/questions/4494837/bst-supernodes-generation-in-c-c"&gt;BST Supernodes Generation in C/C++&lt;/a&gt;  &lt;/p&gt;
&lt;/blockquote&gt;
&lt;p&gt;Can someone help me implement the generation, addition and deletion of a binary search tree with supernodes? I really need an algorithm in C/C++.&lt;/p&gt;</t>
  </si>
  <si>
    <t>2011-01-04 12:05:05.733000+00:00</t>
  </si>
  <si>
    <t>2014-05-05 17:47:54.810000+00:00</t>
  </si>
  <si>
    <t>2017-05-23 12:11:50.737000+00:00</t>
  </si>
  <si>
    <t>c++|c|algorithm|binary-search-tree</t>
  </si>
  <si>
    <t>How to check if a service is running in chef?</t>
  </si>
  <si>
    <t>&lt;p&gt;In a recipe file, i need to check if a service is already running. If it is, I need to stop it.&lt;/p&gt;
&lt;p&gt;I have&lt;/p&gt;
&lt;pre&gt;&lt;code&gt;service "apache" do
    supports :status =&amp;gt; true
    action :stop
end
&lt;/code&gt;&lt;/pre&gt;
&lt;p&gt;Any help will be appreciated.&lt;/p&gt;</t>
  </si>
  <si>
    <t>2013-11-28 11:27:13.977000+00:00</t>
  </si>
  <si>
    <t>2016-09-07 13:23:10.060000+00:00</t>
  </si>
  <si>
    <t>2013-11-28 12:06:52.557000+00:00</t>
  </si>
  <si>
    <t>ruby|chef|chef-recipe</t>
  </si>
  <si>
    <t>Route to specific tab using anchor in ng-bootstrap</t>
  </si>
  <si>
    <t>&lt;p&gt;I am trying to create a link which opens a tab from ng-bootstrap. &lt;/p&gt;
&lt;p&gt;The tab has a specific id and I am creating the link as follows:&lt;/p&gt;
&lt;pre&gt;&lt;code&gt; [routerLink]="['/path/', i.name]" fragment="anchorid"
&lt;/code&gt;&lt;/pre&gt;
&lt;p&gt;The url is created correctly but the tab is not opened. It always shows the first tab on the page. &lt;/p&gt;
&lt;p&gt;I am using hash navigation with Angular 4.&lt;/p&gt;</t>
  </si>
  <si>
    <t>2017-11-15 15:43:43.453000+00:00</t>
  </si>
  <si>
    <t>2017-11-15 16:07:57.743000+00:00</t>
  </si>
  <si>
    <t>angular|ng-bootstrap</t>
  </si>
  <si>
    <t>Network Flow Problems explained in simple terms</t>
  </si>
  <si>
    <t>&lt;p&gt;I am reading through Skiena's Algorithm Design Manual and am very confused about the Network Flow Problem and how to evaluate it. For starters, I can't even figure out what exactly the problem is solving. I'm assuming you're trying to send a certain flow from the source to the sink using all available nodes/edges and you want to maximize efficiency of doing so, but please correct me if I'm wrong.&lt;/p&gt;
&lt;p&gt;The first thing that the manual explains is the Residual Flow Graph. For every edge (i, j), the Residual Flow Graph can have up to two edges:&lt;/p&gt;
&lt;ol&gt;
&lt;li&gt;An edge (i, j) with weight capacity(i, j) - flow(i, j) if capacity - flow &gt; 0&lt;/li&gt;
&lt;li&gt;An edge (j, i) with weight flow(i, j) if flow &gt; 0&lt;/li&gt;
&lt;/ol&gt;
&lt;p&gt;How am I supposed to know what the initial "flow" is through the source? Shouldn't there be some sort of starting point where a certain amount of "data" (or whatever) is trying to go from the source to the sink in order for me to know the initial flow going through it? Maybe I'm misinterpreting what flow even represents. &lt;/p&gt;
&lt;p&gt;The next thing is the talk of an "augmenting path". For the life of me, I can't seem to search Google for an explanation that makes sense. An augmenting path (if I understand correctly) is a path that only uses edges with positive capacity from the source to the sink. According to the book, "the flow through a network is optimal if and only if it contains no augmenting path". How is that possible? I'm not understanding how you can get from the source to the sink without using edges with positive capacity. Again, I'm probably misunderstanding.&lt;/p&gt;
&lt;p&gt;The last thing that I'm confused about is related to the picture in the textbook:
&lt;img src="https://i.stack.imgur.com/UP8Y0.jpg" alt="Maximum flow in sample graph"&gt;&lt;/p&gt;
&lt;p&gt;I'm very confused as to why a path no longer exists from S to T, at least in the directed residual graph. There are no arrows going into T, so wouldn't this show the maximum flow from T to S? I don't see how this can represent any kind of flow from S to T when there isn't even a path from S to T. Somebody please clear this up :(&lt;/p&gt;</t>
  </si>
  <si>
    <t>2015-07-09 02:53:57.493000+00:00</t>
  </si>
  <si>
    <t>algorithm|networking|graph|flow</t>
  </si>
  <si>
    <t>Are my recursion conditions right to compute binary tree height?</t>
  </si>
  <si>
    <t>&lt;p&gt;I'm trying to know whether my code is right or wrong with your help, because sadly I can't run it to check.&lt;/p&gt;
&lt;p&gt;There are no compile errors.  What I'm trying to do is to find the &lt;strong&gt;height of a binary tree&lt;/strong&gt;. The tree does not have to be balanced, of course.&lt;/p&gt;
&lt;p&gt;&lt;a href="http://en.wikipedia.org/wiki/Binary_tree" rel="nofollow"&gt;Each node in Binary tree can have two nodes as children&lt;/a&gt;&lt;/p&gt;
&lt;pre&gt;&lt;code&gt;public int height(RBNode t) {
  if (t == null)
  return 0;
  int heightLeft = height(t.left);
  int heightRight = height(t.right);
  if (heightLeft &amp;gt; heightRight) {
    return heightLeft + 1;
  } else {
    return (heightRight + 1);
  }
}
&lt;/code&gt;&lt;/pre&gt;
&lt;p&gt;Do you think the recursion conditions are right? My friend claims that it will always return 0.&lt;/p&gt;</t>
  </si>
  <si>
    <t>2011-04-23 11:18:39.973000+00:00</t>
  </si>
  <si>
    <t>2012-08-03 17:26:06.530000+00:00</t>
  </si>
  <si>
    <t>2011-04-23 11:38:07.790000+00:00</t>
  </si>
  <si>
    <t>java|recursion</t>
  </si>
  <si>
    <t>andengine Tower Defence game - Enemy&lt;-Weapon interaction</t>
  </si>
  <si>
    <t>&lt;p&gt;What is the most correct from the performance point of view - algorithm of interaction between Enemy and Weapon(bullet maybe more correct here) ? &lt;/p&gt;
&lt;p&gt;Should every sprite every single bullet check for collisions via "collidesWith" method with iteration on full enemies list ?
Or bullet should be aware about nearest enemies and check only them ? &lt;/p&gt;
&lt;p&gt;How it could be implemented with TMXMaps ? Maybe I need to dynamically set some kind of information into the TMXMap Tile properties and operate with it ?&lt;/p&gt;
&lt;p&gt;What best practices exists for this kind of game ?
Is IShape.collidesWith a right choice for Bullet-&gt;Enemy interaction ?&lt;/p&gt;</t>
  </si>
  <si>
    <t>2013-05-16 22:21:34.760000+00:00</t>
  </si>
  <si>
    <t>2013-05-20 03:08:04.540000+00:00</t>
  </si>
  <si>
    <t>strange encoding issue with strptime</t>
  </si>
  <si>
    <t>&lt;p&gt;I need to convert &lt;/p&gt;
&lt;blockquote&gt;
  &lt;p&gt;14 ��ubat 2015 Cumartesi, 09:47:49&lt;/p&gt;
&lt;/blockquote&gt;
&lt;p&gt;to datetime. when I print this date it works fine but I couldn't change the encoding inside of  &lt;code&gt;time.strptime&lt;/code&gt; no matter what I try encoding or decoding to different type. here is my code&lt;/p&gt;
&lt;pre&gt;&lt;code&gt;# -*- coding: cp1254 -*-
import chardet
import time
from time import mktime
import datetime
h="14 ��ubat 2015 Cumartesi, 09:47:49"
kc= datetime.datetime.fromtimestamp(mktime(time.strptime(h.decode('utf-8), "%d %B %Y %A,%H:%M:%S") ))
print kc
&lt;/code&gt;&lt;/pre&gt;
&lt;p&gt;print chardet.detect(h) result is&lt;/p&gt;
&lt;pre&gt;&lt;code&gt;{'confidence': 0.748485181144929, 'encoding': 'ISO-8859-2'}
&lt;/code&gt;&lt;/pre&gt;</t>
  </si>
  <si>
    <t>2015-02-14 21:23:58.950000+00:00</t>
  </si>
  <si>
    <t>2015-02-15 06:29:55.947000+00:00</t>
  </si>
  <si>
    <t>2015-02-14 23:15:12.903000+00:00</t>
  </si>
  <si>
    <t>python|encoding|strptime</t>
  </si>
  <si>
    <t>What is the clean way to consolidate a large block of argument handling?</t>
  </si>
  <si>
    <t>&lt;p&gt;I am trying to clean up a piece of code which will parse command line prompts in order to run specific functions. The original intent of this tool was to be the highest level interface which calls multiple lower level tools to accomplish various tasks. The problem is when the tool began to have more and more features I ended up with a huge block of argument parsing.&lt;/p&gt;
&lt;pre&gt;&lt;code&gt;if (cmdParseOption(&amp;amp;argc, &amp;amp;argv, "-doit0"))
{
    flag = 0;
}
else if (cmdParseOption(&amp;amp;argc, &amp;amp;argv, "-doit1"))
{
    flag = 1;
}
else if (ecmdParseOption(&amp;amp;argc, &amp;amp;argv, "-doit2"))
{
   flag = 2;
   var = 1;
}
&lt;/code&gt;&lt;/pre&gt;
&lt;p&gt;This goes on for about 30 different commands, which looks horrible and I tend to just dislike large else/if blocks in code. Is there a cleaner way of accomplish large command parsing? Considering switch/case statements but wanted to see if anyone knew of a better way. Most of the cases are simply setting a few variables which are handled later on in general functions.&lt;/p&gt;</t>
  </si>
  <si>
    <t>2016-12-23 21:02:31.883000+00:00</t>
  </si>
  <si>
    <t>2016-12-23 21:40:16.187000+00:00</t>
  </si>
  <si>
    <t>ES / JVM Memory Locking in Unpriv. Linux Container (LXD/LXC)</t>
  </si>
  <si>
    <t>&lt;p&gt;I've seen a good bit about docker setups and the like using unpriv containers running ES. Basically, I wan't to set up a simple "prod cluster". Have a total of two nodes, one physical (for data), and one for Injest/Master (LXD Container). &lt;/p&gt;
&lt;p&gt;The issue that I've run into is using &lt;code&gt;bootstrap.memory_lock: true&lt;/code&gt; as a config option to lock memory (avoid swapping) on my &lt;em&gt;container&lt;/em&gt; master/injest node. &lt;/p&gt;
&lt;pre&gt;&lt;code&gt;[2018-02-07T23:28:51,623][WARN ][o.e.b.JNANatives         ] Unable to lock JVM Memory: error=12, reason=Cannot allocate memory
[2018-02-07T23:28:51,624][WARN ][o.e.b.JNANatives         ] This can result in part of the JVM being swapped out.
[2018-02-07T23:28:51,625][WARN ][o.e.b.JNANatives         ] Increase RLIMIT_MEMLOCK, soft limit: 65536, hard limit: 65536
[2018-02-07T23:28:51,625][WARN ][o.e.b.JNANatives         ] These can be adjusted by modifying /etc/security/limits.conf, for example: 
    # allow user 'elasticsearch' mlockall
    elasticsearch soft memlock unlimited
    elasticsearch hard memlock unlimited
...
[1]: memory locking requested for elasticsearch process but memory is not locked
&lt;/code&gt;&lt;/pre&gt;
&lt;p&gt;Now, this makes sense given that the ES user can't adjust ulimits on the host. Given that I know enough about this to be dangerous, is there a way/how do I ensure that my unpriv container, can lock the memory it needs, given that there is no ES user on the host?&lt;/p&gt;</t>
  </si>
  <si>
    <t>2018-02-07 23:44:02.733000+00:00</t>
  </si>
  <si>
    <t>2018-03-27 17:44:17.200000+00:00</t>
  </si>
  <si>
    <t>elasticsearch|jvm|ubuntu-16.04|lxc|lxd</t>
  </si>
  <si>
    <t>Can Youtube v3 API be used currently for retreiving data of channels that user is not associated with?</t>
  </si>
  <si>
    <t>&lt;p&gt;I want to know if we can use &lt;strong&gt;Youtube V3&lt;/strong&gt; API to retrieve channel data, videos etc when the channel requested is not the authenticated user's own channel. &lt;/p&gt;
&lt;p&gt;The documentation for v3 youtube api  (&lt;a href="https://developers.google.com/youtube/v3/docs/channels/list#try-it" rel="noreferrer"&gt;https://developers.google.com/youtube/v3/docs/channels/list#try-it&lt;/a&gt;) says "The list method returns a collection of zero or more channel resources that match the request criteria. At this time, this method does require an authenticated user, and the API only supports requests to retrieve information about the channel that is associated with the currently authenticated user." &lt;/p&gt;
&lt;p&gt;Example in V2 it is &lt;a href="http://gdata.youtube.com/feeds/api/users/" rel="noreferrer"&gt;http://gdata.youtube.com/feeds/api/users/&lt;/a&gt;{user_name}, what is the &lt;strong&gt;equivalent&lt;/strong&gt;  in &lt;strong&gt;v3&lt;/strong&gt; ? Is it &lt;strong&gt;available yet&lt;/strong&gt; ? &lt;/p&gt;</t>
  </si>
  <si>
    <t>2012-09-26 07:42:43.623000+00:00</t>
  </si>
  <si>
    <t>2012-10-30 22:48:08.930000+00:00</t>
  </si>
  <si>
    <t>youtube-api</t>
  </si>
  <si>
    <t>React-Native connect Socket IO to aws elb securely</t>
  </si>
  <si>
    <t>&lt;p&gt;So, I am trying to connect react native and socket io to my aws elb server. &lt;/p&gt;
&lt;p&gt;I can connect with socket io locally, but cannot do so remotely to the aws server.&lt;/p&gt;
&lt;p&gt;I always get this message in my console &lt;code&gt;SocketRocket: In debug mode.  Allowing connection to any root cert&lt;/code&gt;. From my understanding, this message occurs whenever the sockets are trying to connect, but fails. Since I set the &lt;code&gt;reconnectionAttempts&lt;/code&gt; to 3, I see this message 3 times.&lt;/p&gt;
&lt;p&gt;Here is my code:&lt;/p&gt;
&lt;pre&gt;&lt;code&gt;// front end
  this.socket = io.connect(
  port, // https://api...
  {
    reconnection: true,
    reconnectionDelay: 500,
    secure: true,
    reconnectionAttempts: 3,
    transports: ["websocket"],
    rejectUnauthorized: false,
    jsonp: false
  }
);
// back end
  var port = process.env.PORT || 4000;
  const server = app.listen(port); // connects to express server
  const connectionOptions = {
    jsonp: false,
    secure: true,
    transports: ['websocket']
  }; 
  const io = socket(server, connectionOptions);
&lt;/code&gt;&lt;/pre&gt;
&lt;p&gt;Has anyone else faced this issue?&lt;/p&gt;
&lt;p&gt;Any insights would be appreciated!&lt;/p&gt;</t>
  </si>
  <si>
    <t>2018-06-14 04:47:13.757000+00:00</t>
  </si>
  <si>
    <t>2018-06-19 22:46:59.900000+00:00</t>
  </si>
  <si>
    <t>javascript|reactjs|react-native|socket.io|elastic-beanstalk</t>
  </si>
  <si>
    <t>How to create multiple textbox in javascript using for loop?</t>
  </si>
  <si>
    <t>&lt;p&gt;I want to add text to dynamically created &lt;code&gt;textbox&lt;/code&gt;.&lt;/p&gt;
&lt;pre&gt;&lt;code&gt;var dynamicTextBox= "";
    for (var i = 0; i &amp;lt; vm.FitToWork.length; i++) {
        dynamicTextBox+= '&amp;lt;input class="form-control"  name = "DynamicTextBox"  id=  "DynamicTextBox"  type="text" value = "'vm.FitToWork[i]'" /&amp;gt;&amp;amp;nbsp;' +
        '&amp;lt;button id="btnAdd"   class="delete-decl"&amp;gt;+&amp;lt;/button&amp;gt;';
    }
    document.getElementById("TextBoxContainer").innerHTML=dynamicTextBox;
&lt;/code&gt;&lt;/pre&gt;
&lt;p&gt;its not working..&lt;/p&gt;</t>
  </si>
  <si>
    <t>2017-03-22 04:45:15.270000+00:00</t>
  </si>
  <si>
    <t>2017-03-22 04:56:49.977000+00:00</t>
  </si>
  <si>
    <t>2017-03-22 04:55:53.683000+00:00</t>
  </si>
  <si>
    <t>SQL Server slow stored procedure that deletes</t>
  </si>
  <si>
    <t>&lt;p&gt;I have written a stored procedure.
Now I see, that this is very poor performance.
I think this is because of the while loop.&lt;/p&gt;
&lt;pre&gt;&lt;code&gt;ALTER PROCEDURE [dbo].[DeleteEmptyCatalogNodes] 
@CatalogId UNIQUEIDENTIFIER,
@CatalogNodeType int = null
AS
BEGIN
SET NOCOUNT ON;
DECLARE @CID UNIQUEIDENTIFIER
DECLARE @CNT int
SET @CID = @CatalogId
SET @CNT = @CatalogNodeType
DELETE cn FROM CatalogNodes cn
LEFT JOIN CatalogNodes as cnj on cn.CatalogNodeId = cnj.ParentId
LEFT JOIN CatalogArticles as ca on cn.CatalogNodeId = ca.CatalogNodeId
WHERE cn.CatalogId = @CID
AND cnj.CatalogNodeId IS NULL
AND ca.ArticleId IS NULL
AND (cn.CatalogNodeType = @CNT OR @CNT IS NULL)
WHILE (@@ROWCOUNT  &amp;gt; 0)
BEGIN
    DELETE cn FROM CatalogNodes cn
    LEFT JOIN CatalogNodes as cnj on cn.CatalogNodeId = cnj.ParentId
    LEFT JOIN CatalogArticles as ca on cn.CatalogNodeId = ca.CatalogNodeId
    WHERE cn.CatalogId = @CID
    AND cnj.CatalogNodeId IS NULL
    AND ca.ArticleId IS NULL
    AND (cn.CatalogNodeType = @CNT OR @CNT IS NULL)
END
END
&lt;/code&gt;&lt;/pre&gt;
&lt;p&gt;Do anyone of you can give me a hint on how to do it more 'set' like?&lt;/p&gt;
&lt;p&gt;Thanks a lot!&lt;/p&gt;
&lt;p&gt;&lt;strong&gt;EDIT for comments and answers:&lt;/strong&gt;&lt;/p&gt;
&lt;p&gt;The tables are build like this:&lt;/p&gt;
&lt;p&gt;CatalogNodes:&lt;/p&gt;
&lt;pre&gt;&lt;code&gt;CatalogNodeId|ParentId|Name
1|NULL|Root
2|1|Node1
3|1|Node2
4|2|Node1.1
&lt;/code&gt;&lt;/pre&gt;
&lt;p&gt;CatalogArticles:&lt;/p&gt;
&lt;pre&gt;&lt;code&gt;CatalogNodeId|Name
3|Article1
3|Article2
3|Article3
&lt;/code&gt;&lt;/pre&gt;
&lt;p&gt;After my SP was called, Node1 and Node1.1 have to be deleted.
In the first delete statement, Node1.1 will be deleted.
In the While loop, Node1 will be deleted.
I hope my problem is now easier to understand, it is a tree structure.&lt;/p&gt;</t>
  </si>
  <si>
    <t>2013-11-06 11:16:22.440000+00:00</t>
  </si>
  <si>
    <t>2013-11-06 12:55:33.733000+00:00</t>
  </si>
  <si>
    <t>sql|sql-server|performance|stored-procedures</t>
  </si>
  <si>
    <t>Thread causes applications to become unreponsive</t>
  </si>
  <si>
    <t>&lt;p&gt;I have an activity which registers an Observer using the following code&lt;/p&gt;
&lt;p&gt;Activity:&lt;/p&gt;
&lt;pre&gt;&lt;code&gt;//Register for network status updates
NetworkStatus networkStatus = new NetworkStatus(this);
networkStatus.addObserver(new OfflineActivity());
Thread thread = new Thread(networkStatus);
thread.run();
&lt;/code&gt;&lt;/pre&gt;
&lt;p&gt;Subject:&lt;/p&gt;
&lt;pre&gt;&lt;code&gt;@Override
public void run() {
    for(;;) {
        Log.d("NetworkStatus", "Checking Network Status");
        if(isConnectedToInternet(context)){
            notifyObservers();
            Log.d("NetworkStatus", "Network Connection is established");
        }
        else {
            Log.d("NetworkStatus", "Not connected to network");
        }
    }   
}
&lt;/code&gt;&lt;/pre&gt;
&lt;p&gt;When I click into the activity, the program becomes unresponsive.. Any ideas?&lt;/p&gt;</t>
  </si>
  <si>
    <t>2013-01-31 20:21:20.213000+00:00</t>
  </si>
  <si>
    <t>2014-06-02 14:34:40.563000+00:00</t>
  </si>
  <si>
    <t>android|multithreading|android-activity</t>
  </si>
  <si>
    <t>calling async_read again is throwing exception</t>
  </si>
  <si>
    <t>&lt;p&gt;I have the following code: &lt;/p&gt;
&lt;pre&gt;&lt;code&gt; void GnutellaApp::HandleRead (boost::asio::ip::tcp::socket&amp;amp; socket)
{
     char buf[128];
     try {
     boost::asio::async_read(   socket,
                                boost::asio::buffer(buf),
                                boost::asio::transfer_all(),
                                boost::bind(&amp;amp;GnutellaApp::HandleRead,
                                            this,
                                            boost::ref(socket)
                                            )
                            );
     }
        catch (boost::system::system_error const&amp;amp; e)
        {
            std::cout &amp;lt;&amp;lt; "Warning:  " &amp;lt;&amp;lt; e.what() &amp;lt;&amp;lt; std::endl;
        }
}
&lt;/code&gt;&lt;/pre&gt;
&lt;p&gt;When &lt;code&gt;HandleRead&lt;/code&gt; is called and &lt;code&gt;async_read&lt;/code&gt; is executed, its throwing an exception. In order to asynchronously wait for next request we need to call &lt;code&gt;async_read&lt;/code&gt; again, right?
First call to &lt;code&gt;async_read&lt;/code&gt; succeeds.  &lt;/p&gt;
&lt;p&gt;i am getting following exception&lt;/p&gt;
&lt;p&gt;I am getting following exception&lt;/p&gt;
&lt;pre&gt;&lt;code&gt;Gnutella.exe!std::_Ref_count_base::_Incwref() Line 113  C++
    Gnutella.exe!std::_Ptr_base&amp;lt;void&amp;gt;::_Resetw&amp;lt;void&amp;gt;(void * _Other_ptr, std::_Ref_count_base * _Other_rep) Line 458 C++
    Gnutella.exe!std::_Ptr_base&amp;lt;void&amp;gt;::_Resetw&amp;lt;void&amp;gt;(const std::_Ptr_base&amp;lt;void&amp;gt; &amp;amp; _Other) Line 445  C++
    Gnutella.exe!std::weak_ptr&amp;lt;void&amp;gt;::weak_ptr&amp;lt;void&amp;gt;&amp;lt;void&amp;gt;(const std::shared_ptr&amp;lt;void&amp;gt; &amp;amp; _Other, void * * __formal) Line 994    C++
    Gnutella.exe!boost::asio::detail::win_iocp_socket_service_base::async_receive&amp;lt;boost::asio::mutable_buffers_1,boost::asio::detail::read_op&amp;lt;boost::asio::basic_stream_socket&amp;lt;boost::asio::ip::tcp,boost::asio::stream_socket_service&amp;lt;boost::asio::ip::tcp&amp;gt; &amp;gt;,boost::asio::mutable_buffers_1,boost::asio::detail::transfer_all_t,boost::_bi::bind_t&amp;lt;void,boost::_mfi::mf1&amp;lt;void,GnutellaApp,boost::asio::basic_stream_socket&amp;lt;boost::asio::ip::tcp,boost::asio::stream_socket_service&amp;lt;boost::asio::ip::tcp&amp;gt; &amp;gt; &amp;amp;&amp;gt;,boost::_bi::list2&amp;lt;boost::_bi::value&amp;lt;GnutellaApp *&amp;gt;,boost::reference_wrapper&amp;lt;boost::asio::basic_stream_socket&amp;lt;boost::asio::ip::tcp,boost::asio::stream_socket_service&amp;lt;boost::asio::ip::tcp&amp;gt; &amp;gt; &amp;gt; &amp;gt; &amp;gt; &amp;gt; &amp;gt;(boost::asio::detail::win_iocp_socket_service_base::base_implementation_type &amp;amp; impl, const boost::asio::mutable_buffers_1 &amp;amp; buffers, int flags, boost::asio::detail::read_op&amp;lt;boost::asio::basic_stream_socket&amp;lt;boost::asio::ip::tcp,boost::asio::stream_socket_service&amp;lt;boost::asio::ip::tcp&amp;gt; &amp;gt;,boost::asio::mutable_buffers_1,boost::asio::detail::transfer_all_t,boost::_bi::bind_t&amp;lt;void,boost::_mfi::mf1&amp;lt;void,GnutellaApp,boost::asio::basic_stream_socket&amp;lt;boost::asio::ip::tcp,boost::asio::stream_socket_service&amp;lt;boost::asio::ip::tcp&amp;gt; &amp;gt; &amp;amp;&amp;gt;,boost::_bi::list2&amp;lt;boost::_bi::value&amp;lt;GnutellaApp *&amp;gt;,boost::reference_wrapper&amp;lt;boost::asio::basic_stream_socket&amp;lt;boost::asio::ip::tcp,boost::asio::stream_socket_service&amp;lt;boost::asio::ip::tcp&amp;gt; &amp;gt; &amp;gt; &amp;gt; &amp;gt; &amp;gt; &amp;amp; handler) Line 292   C++
    Gnutella.exe!boost::asio::stream_socket_service&amp;lt;boost::asio::ip::tcp&amp;gt;::async_receive&amp;lt;boost::asio::mutable_buffers_1,boost::asio::detail::read_op&amp;lt;boost::asio::basic_stream_socket&amp;lt;boost::asio::ip::tcp,boost::asio::stream_socket_service&amp;lt;boost::asio::ip::tcp&amp;gt; &amp;gt;,boost::asio::mutable_buffers_1,boost::asio::detail::transfer_all_t,boost::_bi::bind_t&amp;lt;void,boost::_mfi::mf1&amp;lt;void,GnutellaApp,boost::asio::basic_stream_socket&amp;lt;boost::asio::ip::tcp,boost::asio::stream_socket_service&amp;lt;boost::asio::ip::tcp&amp;gt; &amp;gt; &amp;amp;&amp;gt;,boost::_bi::list2&amp;lt;boost::_bi::value&amp;lt;GnutellaApp *&amp;gt;,boost::reference_wrapper&amp;lt;boost::asio::basic_stream_socket&amp;lt;boost::asio::ip::tcp,boost::asio::stream_socket_service&amp;lt;boost::asio::ip::tcp&amp;gt; &amp;gt; &amp;gt; &amp;gt; &amp;gt; &amp;gt; &amp;gt;(boost::asio::detail::win_iocp_socket_service&amp;lt;boost::asio::ip::tcp&amp;gt;::implementation_type &amp;amp; impl, const boost::asio::mutable_buffers_1 &amp;amp; buffers, int flags, boost::asio::detail::read_op&amp;lt;boost::asio::basic_stream_socket&amp;lt;boost::asio::ip::tcp,boost::asio::stream_socket_service&amp;lt;boost::asio::ip::tcp&amp;gt; &amp;gt;,boost::asio::mutable_buffers_1,boost::asio::detail::transfer_all_t,boost::_bi::bind_t&amp;lt;void,boost::_mfi::mf1&amp;lt;void,GnutellaApp,boost::asio::basic_stream_socket&amp;lt;boost::asio::ip::tcp,boost::asio::stream_socket_service&amp;lt;boost::asio::ip::tcp&amp;gt; &amp;gt; &amp;amp;&amp;gt;,boost::_bi::list2&amp;lt;boost::_bi::value&amp;lt;GnutellaApp *&amp;gt;,boost::reference_wrapper&amp;lt;boost::asio::basic_stream_socket&amp;lt;boost::asio::ip::tcp,boost::asio::stream_socket_service&amp;lt;boost::asio::ip::tcp&amp;gt; &amp;gt; &amp;gt; &amp;gt; &amp;gt; &amp;gt; &amp;amp;&amp;amp; handler) Line 359   C++
    Gnutella.exe!boost::asio::basic_stream_socket&amp;lt;boost::asio::ip::tcp,boost::asio::stream_socket_service&amp;lt;boost::asio::ip::tcp&amp;gt; &amp;gt;::async_read_some&amp;lt;boost::asio::mutable_buffers_1,boost::asio::detail::read_op&amp;lt;boost::asio::basic_stream_socket&amp;lt;boost::asio::ip::tcp,boost::asio::stream_socket_service&amp;lt;boost::asio::ip::tcp&amp;gt; &amp;gt;,boost::asio::mutable_buffers_1,boost::asio::detail::transfer_all_t,boost::_bi::bind_t&amp;lt;void,boost::_mfi::mf1&amp;lt;void,GnutellaApp,boost::asio::basic_stream_socket&amp;lt;boost::asio::ip::tcp,boost::asio::stream_socket_service&amp;lt;boost::asio::ip::tcp&amp;gt; &amp;gt; &amp;amp;&amp;gt;,boost::_bi::list2&amp;lt;boost::_bi::value&amp;lt;GnutellaApp *&amp;gt;,boost::reference_wrapper&amp;lt;boost::asio::basic_stream_socket&amp;lt;boost::asio::ip::tcp,boost::asio::stream_socket_service&amp;lt;boost::asio::ip::tcp&amp;gt; &amp;gt; &amp;gt; &amp;gt; &amp;gt; &amp;gt; &amp;gt;(const boost::asio::mutable_buffers_1 &amp;amp; buffers, boost::asio::detail::read_op&amp;lt;boost::asio::basic_stream_socket&amp;lt;boost::asio::ip::tcp,boost::asio::stream_socket_service&amp;lt;boost::asio::ip::tcp&amp;gt; &amp;gt;,boost::asio::mutable_buffers_1,boost::asio::detail::transfer_all_t,boost::_bi::bind_t&amp;lt;void,boost::_mfi::mf1&amp;lt;void,GnutellaApp,boost::asio::basic_stream_socket&amp;lt;boost::asio::ip::tcp,boost::asio::stream_socket_service&amp;lt;boost::asio::ip::tcp&amp;gt; &amp;gt; &amp;amp;&amp;gt;,boost::_bi::list2&amp;lt;boost::_bi::value&amp;lt;GnutellaApp *&amp;gt;,boost::reference_wrapper&amp;lt;boost::asio::basic_stream_socket&amp;lt;boost::asio::ip::tcp,boost::asio::stream_socket_service&amp;lt;boost::asio::ip::tcp&amp;gt; &amp;gt; &amp;gt; &amp;gt; &amp;gt; &amp;gt; &amp;amp;&amp;amp; handler) Line 846    C++
    Gnutella.exe!boost::asio::detail::read_op&amp;lt;boost::asio::basic_stream_socket&amp;lt;boost::asio::ip::tcp,boost::asio::stream_socket_service&amp;lt;boost::asio::ip::tcp&amp;gt; &amp;gt;,boost::asio::mutable_buffers_1,boost::asio::detail::transfer_all_t,boost::_bi::bind_t&amp;lt;void,boost::_mfi::mf1&amp;lt;void,GnutellaApp,boost::asio::basic_stream_socket&amp;lt;boost::asio::ip::tcp,boost::asio::stream_socket_service&amp;lt;boost::asio::ip::tcp&amp;gt; &amp;gt; &amp;amp;&amp;gt;,boost::_bi::list2&amp;lt;boost::_bi::value&amp;lt;GnutellaApp *&amp;gt;,boost::reference_wrapper&amp;lt;boost::asio::basic_stream_socket&amp;lt;boost::asio::ip::tcp,boost::asio::stream_socket_service&amp;lt;boost::asio::ip::tcp&amp;gt; &amp;gt; &amp;gt; &amp;gt; &amp;gt; &amp;gt;::operator()(const boost::system::error_code &amp;amp; ec, unsigned int bytes_transferred, int start) Line 273  C++
    Gnutella.exe!boost::asio::async_read&amp;lt;boost::asio::basic_stream_socket&amp;lt;boost::asio::ip::tcp,boost::asio::stream_socket_service&amp;lt;boost::asio::ip::tcp&amp;gt; &amp;gt;,boost::asio::mutable_buffers_1,boost::asio::detail::transfer_all_t,boost::_bi::bind_t&amp;lt;void,boost::_mfi::mf1&amp;lt;void,GnutellaApp,boost::asio::basic_stream_socket&amp;lt;boost::asio::ip::tcp,boost::asio::stream_socket_service&amp;lt;boost::asio::ip::tcp&amp;gt; &amp;gt; &amp;amp;&amp;gt;,boost::_bi::list2&amp;lt;boost::_bi::value&amp;lt;GnutellaApp *&amp;gt;,boost::reference_wrapper&amp;lt;boost::asio::basic_stream_socket&amp;lt;boost::asio::ip::tcp,boost::asio::stream_socket_service&amp;lt;boost::asio::ip::tcp&amp;gt; &amp;gt; &amp;gt; &amp;gt; &amp;gt; &amp;gt;(boost::asio::basic_stream_socket&amp;lt;boost::asio::ip::tcp,boost::asio::stream_socket_service&amp;lt;boost::asio::ip::tcp&amp;gt; &amp;gt; &amp;amp; s, const boost::asio::mutable_buffers_1 &amp;amp; buffers, boost::asio::detail::transfer_all_t completion_condition, boost::_bi::bind_t&amp;lt;void,boost::_mfi::mf1&amp;lt;void,GnutellaApp,boost::asio::basic_stream_socket&amp;lt;boost::asio::ip::tcp,boost::asio::stream_socket_service&amp;lt;boost::asio::ip::tcp&amp;gt; &amp;gt; &amp;amp;&amp;gt;,boost::_bi::list2&amp;lt;boost::_bi::value&amp;lt;GnutellaApp *&amp;gt;,boost::reference_wrapper&amp;lt;boost::asio::basic_stream_socket&amp;lt;boost::asio::ip::tcp,boost::asio::stream_socket_service&amp;lt;boost::asio::ip::tcp&amp;gt; &amp;gt; &amp;gt; &amp;gt; &amp;gt; &amp;amp;&amp;amp; handler) Line 535   C++
    Gnutella.exe!GnutellaApp::HandleRead(boost::asio::basic_stream_socket&amp;lt;boost::asio::ip::tcp,boost::asio::stream_socket_service&amp;lt;boost::asio::ip::tcp&amp;gt; &amp;gt; &amp;amp; socket) Line 232    C++
&amp;gt;   Gnutella.exe!boost::_mfi::mf1&amp;lt;void,GnutellaApp,boost::asio::basic_stream_socket&amp;lt;boost::asio::ip::tcp,boost::asio::stream_socket_service&amp;lt;boost::asio::ip::tcp&amp;gt; &amp;gt; &amp;amp;&amp;gt;::operator()(GnutellaApp * p, boost::asio::basic_stream_socket&amp;lt;boost::asio::ip::tcp,boost::asio::stream_socket_service&amp;lt;boost::asio::ip::tcp&amp;gt; &amp;gt; &amp;amp; a1) Line 165 C++
    Gnutella.exe!boost::_bi::list2&amp;lt;boost::_bi::value
&lt;/code&gt;&lt;/pre&gt;</t>
  </si>
  <si>
    <t>2014-05-04 13:24:42.073000+00:00</t>
  </si>
  <si>
    <t>2014-05-04 14:53:52.020000+00:00</t>
  </si>
  <si>
    <t>c++|boost|boost-asio</t>
  </si>
  <si>
    <t>Number formatting DIV</t>
  </si>
  <si>
    <t>&lt;p&gt;I am trying to number format a numerical value that is dynamically inserted into a div via a custom field in wordpress. I cant use &lt;code&gt;&amp;lt;?php echo number_format('100000000') ?&amp;gt;&lt;/code&gt; because the number changes all the time and there are thousands of posts, so cant edit each one with a custom field, I tried using:&lt;/p&gt;
&lt;p&gt;&lt;code&gt;&amp;lt;?php echo number_format('get_post_meta($post-&amp;gt;ID, "Displayed Price", true)') ?&amp;gt;&lt;/code&gt;&lt;/p&gt;
&lt;p&gt;but that didn't work and just shows an error... I would like a simple string of code that will tell whatever number is in a div called "price" to be thousand formatted/separated&lt;/p&gt;
&lt;p&gt;any suggestions? please help :)&lt;/p&gt;</t>
  </si>
  <si>
    <t>2014-05-14 18:03:09.653000+00:00</t>
  </si>
  <si>
    <t>php|html|css|wordpress|number-formatting</t>
  </si>
  <si>
    <t>iterating multidimensional array with enhanced for loop java</t>
  </si>
  <si>
    <t>&lt;p&gt;When iterating through array x with an enhanced for loop what do y and z represent and how does the loop work. Here is the code I have written, it works but I don't understand exactly why and how it works. If someone could explain the syntax of the for loop when displaying a multidimensional array I would appreciate it.&lt;/p&gt;
&lt;pre&gt;&lt;code&gt;// enhanced for loop
String[][] x =
{
    {"a", "a^2", "a^3"},
    {"1", "1", "1"},
    {"2", "4", "8"},
    {"3", "9", "27"},
    {"4", "16", "64"}    
};
for (String[] y: x)
{
    for (String z: y)
    {
        System.out.print(z + "\t");
    }
    System.out.println();
&lt;/code&gt;&lt;/pre&gt;</t>
  </si>
  <si>
    <t>2014-09-22 19:59:23.283000+00:00</t>
  </si>
  <si>
    <t>2018-10-10 09:07:08.583000+00:00</t>
  </si>
  <si>
    <t>java|multidimensional-array|foreach</t>
  </si>
  <si>
    <t>rails custom route for model with parameter</t>
  </si>
  <si>
    <t>&lt;p&gt;I'm having trouble defining a Rails 'new' route for a model that takes a param to another model to which it will be linked. We have a legacy URL structure in place, so unfortunately 
a nested &lt;code&gt;resource&lt;/code&gt; route won't work here.&lt;/p&gt;
&lt;p&gt;I'd like to define the "create a new review" URL as &lt;code&gt;/reviews/new/1234&lt;/code&gt;, where &lt;code&gt;1234&lt;/code&gt; is the &lt;code&gt;book_id&lt;/code&gt; that the soon-to-be-created &lt;code&gt;Review&lt;/code&gt; should reference.&lt;/p&gt;
&lt;p&gt;My routes (snipped for brevity) are defined as:&lt;/p&gt;
&lt;pre&gt;&lt;code&gt;get    '/reviews/:book_id'          =&amp;gt; 'reviews#index',   :as =&amp;gt; 'reviews_path'
get    '/reviews/new/:book_id', :to =&amp;gt; 'reviews#new',     :as =&amp;gt; 'new_review_path'
post   '/reviews/:book_id'          =&amp;gt; 'reviews#create'
get    '/reviews/:book_id/:id'      =&amp;gt; 'reviews#show'
get    '/reviews/:book_id/:id/edit' =&amp;gt; 'reviews#edit',    :as =&amp;gt; 'edit_review_path'
delete '/reviews/:book_id/:id'      =&amp;gt; 'reviews#destroy'
&lt;/code&gt;&lt;/pre&gt;
&lt;p&gt;&lt;code&gt;rake routes | grep review&lt;/code&gt; returns:&lt;/p&gt;
&lt;pre&gt;&lt;code&gt;      reviews_path GET    /reviews/:book_id(.:format)                                              reviews#index
   new_review_path GET    /reviews/new/:book_id(.:format)                                          reviews#new
                   POST   /reviews/:book_id(.:format)                                              reviews#create
                   GET    /reviews/:book_id/:id(.:format)                                          reviews#show
  edit_review_path GET    /reviews/:book_id/:id/edit(.:format)                                     reviews#edit
                   DELETE /reviews/:book_id/:id(.:format)                                      reviews#destroy
&lt;/code&gt;&lt;/pre&gt;
&lt;p&gt;In my view template I have:&lt;/p&gt;
&lt;pre&gt;&lt;code&gt;&amp;lt;%= link_to 'new review', new_review_path(book_id: @book.id) %&amp;gt;
&lt;/code&gt;&lt;/pre&gt;
&lt;p&gt;which fails with:&lt;/p&gt;
&lt;pre&gt;&lt;code&gt;ActionView::Template::Error (undefined method `new_review_path' for #&amp;lt;#&amp;lt;Class:0x007f818f7117c8&amp;gt;:0x007f818f70e208&amp;gt;):
&lt;/code&gt;&lt;/pre&gt;
&lt;p&gt;For completeness, my &lt;code&gt;Review&lt;/code&gt; model looks like:&lt;/p&gt;
&lt;pre&gt;&lt;code&gt;class Review &amp;lt; ActiveRecord::Base    
  attr_accessible :book_id, :title, :content, :tags
  belongs_to :book
end
&lt;/code&gt;&lt;/pre&gt;</t>
  </si>
  <si>
    <t>2013-11-06 22:10:20.363000+00:00</t>
  </si>
  <si>
    <t>2013-11-07 13:39:20.287000+00:00</t>
  </si>
  <si>
    <t>ruby-on-rails-3|routes</t>
  </si>
  <si>
    <t>HTML5 / CSS3 animation</t>
  </si>
  <si>
    <t>&lt;p&gt;my goal is to build a short HTML/CSS3/JavaScript animation that will be plugged into an iPad web app. What I'm essentially after is a canvas (image) that will have several regions the user can tap to zoom to and get additional info in a popup (overlay box) for each. &lt;/p&gt;
&lt;p&gt;I can code HTML/CSS prety well but my JavaScript skills a a bit behind.&lt;/p&gt;
&lt;p&gt;I was wondering if there is any sort of software/toolkit that I can use to achieve what I'm after. I did look into Sencha Animator (the interractivity I'm after seems to be missing), PhoneGap and jQTouch dont have the animation capabilities (except for few sliding/fading transitions).&lt;/p&gt;
&lt;p&gt;Any suggestions?&lt;/p&gt;</t>
  </si>
  <si>
    <t>2011-05-10 15:56:36.173000+00:00</t>
  </si>
  <si>
    <t>2011-05-10 17:10:51.810000+00:00</t>
  </si>
  <si>
    <t>javascript|ipad|html5|animation|css3</t>
  </si>
  <si>
    <t>How to use jQuery.validate() but rely on native Chrome validation alerts?</t>
  </si>
  <si>
    <t>&lt;p&gt;I'm using jQuery Form Validator plugin..&lt;/p&gt;
&lt;p&gt;I have a form with HTML5 required attributes flagged, similar to below:&lt;/p&gt;
&lt;pre&gt;&lt;code&gt;&amp;lt;form role="form" id="the-form"&amp;gt;
   &amp;lt;input name="name" id="name" required&amp;gt;
&amp;lt;/form&amp;gt;
&lt;/code&gt;&lt;/pre&gt;
&lt;p&gt;I have jQuery validating just fine:&lt;/p&gt;
&lt;pre&gt;&lt;code&gt;$("#the-form").validate();
&lt;/code&gt;&lt;/pre&gt;
&lt;p&gt;then, a button click triggers a validity check before proceeding to other stuff:&lt;/p&gt;
&lt;pre&gt;&lt;code&gt;//Request Button clicked    
$("#request-btn").on("click", function() {
    if ($('#the-form').valid()){
        ...everything good... move along
    }
});
&lt;/code&gt;&lt;/pre&gt;
&lt;p&gt;I have the logic is working just perfect.  However, now that I've started using the jQuery Validation Plugin, the validation alerts are no longer being run through the browser.  I'm still digging into it, but I'm guess the plugin has it's own alert classes that can be formatted.&lt;/p&gt;
&lt;p&gt;Is there a flag to force jQuery to allow the native browser alerts to pop-up instead of its own?&lt;/p&gt;
&lt;p&gt;The new jQuery validation notifications are breaking my form layout on screen where the Chrome alerts were working just perfect.&lt;/p&gt;
&lt;p&gt;&lt;strong&gt;EDIT:&lt;/strong&gt;  Right after posting this, I was inspecting the alert, and this is what is now getting plugged in:&lt;/p&gt;
&lt;pre&gt;&lt;code&gt;&amp;lt;label id="name-error" class="error" for="name"&amp;gt;This field is required.&amp;lt;/label&amp;gt;
&lt;/code&gt;&lt;/pre&gt;
&lt;p&gt;Where as with Chrome, for all I can tell, is handled by Chrome on application level.&lt;/p&gt;
&lt;p&gt;&lt;strong&gt;2nd EDIT&lt;/strong&gt; This app will be specific to Chrome, so I am not worried about cross-browser and legacy browser compatibility.  I actually want to let Chrome worry about validation at the field level and just use jQuery .valid() to check the validity of the entire form before moving along.&lt;/p&gt;</t>
  </si>
  <si>
    <t>2015-11-24 15:49:15.040000+00:00</t>
  </si>
  <si>
    <t>2015-11-30 12:09:40.980000+00:00</t>
  </si>
  <si>
    <t>2015-11-24 16:06:59.967000+00:00</t>
  </si>
  <si>
    <t>jquery|html5|validation|google-chrome</t>
  </si>
  <si>
    <t>PHPMailer add array values to mail</t>
  </si>
  <si>
    <t>&lt;p&gt;I have this PHPMailer that sends out an email to me if a script has run.&lt;/p&gt;
&lt;p&gt;I want to add some array values to the mailcontent but it seems to fail.&lt;br&gt;
When I did my mailing through the &lt;code&gt;mail()&lt;/code&gt; function and that worked.&lt;/p&gt;
&lt;p&gt;Here is what I have:&lt;/p&gt;
&lt;pre&gt;&lt;code&gt;$mail = new PHPMailer();
$mail-&amp;gt;IsSMTP();                                                    
$mail-&amp;gt;Host = 'www.domain.com';                 
$mail-&amp;gt;Port = 465;                                              
$mail-&amp;gt;SMTPAuth = true;                                         
$mail-&amp;gt;Username = "usernamen.nl";    
$mail-&amp;gt;Password = "password";                           
$mail-&amp;gt;SMTPSecure = 'ssl';                                      
$mail-&amp;gt;From = 'from@domain.com';
$mail-&amp;gt;FromName = 'Import Users';
$mail-&amp;gt;AddAddress('to@domain.com', 'CronJob results'); 
$mail-&amp;gt;IsHTML(true);                                                
$mail-&amp;gt;Subject = 'CronJob results';
$mail-&amp;gt;Body    = 'Updated users'.implode($update, "&amp;lt;br /&amp;gt;").'
                Added users'.implode($add, "&amp;lt;br /&amp;gt;").'
                Deleted users'.implode($delete, "&amp;lt;br /&amp;gt;").'
                                                ';
if(!$mail-&amp;gt;Send()) {
    echo 'Message could not be sent.';
    echo 'Mailer Error: ' . $mail-&amp;gt;ErrorInfo;
    exit;
}
&lt;/code&gt;&lt;/pre&gt;
&lt;p&gt;&lt;code&gt;$update&lt;/code&gt;, &lt;code&gt;$add&lt;/code&gt; and &lt;code&gt;$delete&lt;/code&gt; are the array that are filled with their corresponding data.&lt;/p&gt;
&lt;p&gt;M.&lt;/p&gt;</t>
  </si>
  <si>
    <t>2015-08-27 07:28:52.010000+00:00</t>
  </si>
  <si>
    <t>2015-08-27 07:30:45.437000+00:00</t>
  </si>
  <si>
    <t>php|arrays|email|phpmailer</t>
  </si>
  <si>
    <t>Ruby combine hashes?</t>
  </si>
  <si>
    <t>&lt;p&gt;Is there a method in ruby to combine two hashes into one? Specifically, given &lt;code&gt;A = {:a =&amp;gt; :b}&lt;/code&gt; and &lt;code&gt;B = {:b =&amp;gt; :c}&lt;/code&gt; I want &lt;/p&gt;
&lt;pre&gt;&lt;code&gt;AB = combine(A,B)
=&amp;gt; {:a =&amp;gt; :c}
&lt;/code&gt;&lt;/pre&gt;
&lt;p&gt;I can make my own if there isn't one in ruby's standard library but I'd rather not reinvent the wheel.&lt;/p&gt;</t>
  </si>
  <si>
    <t>2015-11-24 15:30:11.777000+00:00</t>
  </si>
  <si>
    <t>2015-11-24 15:44:55.497000+00:00</t>
  </si>
  <si>
    <t>Compare image by histogram matching</t>
  </si>
  <si>
    <t>&lt;p&gt;I want to &lt;strong&gt;compare two images&lt;/strong&gt; by using &lt;strong&gt;histogram matching&lt;/strong&gt; with the method &lt;strong&gt;correlation&lt;/strong&gt;.&lt;/p&gt;
&lt;p&gt;&lt;a href="https://i.stack.imgur.com/uaDF8.jpg" rel="nofollow noreferrer"&gt;&lt;img src="https://i.stack.imgur.com/uaDF8.jpg" alt="enter image description here"&gt;&lt;/a&gt;&lt;br&gt;
&lt;a href="https://i.stack.imgur.com/5hbUs.jpg" rel="nofollow noreferrer"&gt;&lt;img src="https://i.stack.imgur.com/5hbUs.jpg" alt="enter image description here"&gt;&lt;/a&gt;&lt;/p&gt;
&lt;p&gt;Apparently, these two images are similar. Then, I try to find out the correlation with the following code.&lt;/p&gt;
&lt;pre&gt;&lt;code&gt;import cv2
import numpy as np
#reading the images and convert them to HSV
base = cv2.imread('base.jpg')
test1 = cv2.imread('test1.jpg')
basehsv = cv2.cvtColor(base,cv2.COLOR_BGR2HSV)
test1hsv = cv2.cvtColor(test1,cv2.COLOR_BGR2HSV)
# Calculate the Hist for each images
histbase = cv2.calcHist(basehsv,[0,1],None,[180,256],ranges)
cv2.normalize(histbase,histbase,0,255,cv2.NORM_MINMAX)
histtest1 = cv2.calcHist(test1hsv,[0,1],None,[180,256],ranges)
cv2.normalize(histtest1,histtest1,0,255,cv2.NORM_MINMAX)
# Compare two Hist. and find out the correlation value
base_test1 = cv2.compareHist(histbase,histtest1,0)
print base_test1 
&lt;/code&gt;&lt;/pre&gt;
&lt;p&gt;However, the result printed out is just &lt;code&gt;0.05xxx&lt;/code&gt;. &lt;/p&gt;
&lt;p&gt;Why the correlation is so small?&lt;/p&gt;
&lt;p&gt;How can I improve the result? Thank you.&lt;/p&gt;</t>
  </si>
  <si>
    <t>2016-05-23 05:07:47.050000+00:00</t>
  </si>
  <si>
    <t>2016-05-23 05:49:54.707000+00:00</t>
  </si>
  <si>
    <t>python|opencv|image-recognition</t>
  </si>
  <si>
    <t>Javascript reference not changing</t>
  </si>
  <si>
    <t>&lt;p&gt;I am trying to understand the following &lt;/p&gt;
&lt;pre&gt;&lt;code&gt;        var obj1 = {
            value: "first value"
        };
        var obj2 = {
            value: "second value"
        };
        var  obj3 = obj2;
        function change(obj1, obj2) {
            obj1.value = "asdasd";
            obj2 = "lol";
        }
        change(obj1, obj2);
        console.log("1",obj1.value);//"asdasd"
        console.log("2",obj2.value);//"secondvalue"
&lt;/code&gt;&lt;/pre&gt;
&lt;p&gt;why only obj1.value is changed ??&lt;/p&gt;</t>
  </si>
  <si>
    <t>2018-03-26 18:14:17.013000+00:00</t>
  </si>
  <si>
    <t>2018-03-26 18:21:57.123000+00:00</t>
  </si>
  <si>
    <t>2018-03-26 18:16:21.367000+00:00</t>
  </si>
  <si>
    <t>Is it possible to have an associated type synonym with variables not mentioned in the type class?</t>
  </si>
  <si>
    <t>&lt;p&gt;In &lt;em&gt;&lt;a href="http://www.cse.unsw.edu.au/~chak/papers/CKP05.html" rel="noreferrer"&gt;Associated Type Synonyms&lt;/a&gt;&lt;/em&gt; (Chakravarty, Keller, Jones) the paper seems to indicate that the following is valid:&lt;/p&gt;
&lt;pre&gt;&lt;code&gt;class C a where
  type S a (k :: * -&amp;gt; *) :: *
&lt;/code&gt;&lt;/pre&gt;
&lt;p&gt;However, when I try and run this I get a compiler error (with &lt;code&gt;-XTypeFamilies&lt;/code&gt;):&lt;/p&gt;
&lt;pre&gt;&lt;code&gt;Not in scope: type variable `k'
&lt;/code&gt;&lt;/pre&gt;
&lt;p&gt;Am I missing anything, or is the actual implementation in GHC not the same as what is mentioned in the paper?&lt;/p&gt;</t>
  </si>
  <si>
    <t>2011-11-13 19:17:51.587000+00:00</t>
  </si>
  <si>
    <t>2015-04-16 22:05:07.190000+00:00</t>
  </si>
  <si>
    <t>haskell|types</t>
  </si>
  <si>
    <t>UIWebView and Word Document Changes Formatting</t>
  </si>
  <si>
    <t>&lt;p&gt;Ok, so I have an iPhone application that displays Word documents for certain terms and all.  My problem is that the text seems to be "wrapped" or something else like that.  This causes the words to not line up, which ultimately makes a lot of my Word documents contain incorrect information&lt;/p&gt;
&lt;p&gt;I am inserting the .doc files into a UIWebView which is set for "scale pages to fit".  Also, when I zoom in it still stays the same way.  This is happening in both the simulator and the actual iPhone.&lt;/p&gt;
&lt;p&gt;All help is appreciated!&lt;/p&gt;
&lt;p&gt;Below are two screenshots.  This first one is of the iPhone app:&lt;/p&gt;
&lt;p&gt;&lt;img src="https://i.stack.imgur.com/BNxbe.png" alt="Screenshot of iPhone"&gt;&lt;/p&gt;
&lt;p&gt;This second one is of the Word document and how the text should really look:&lt;/p&gt;
&lt;p&gt;&lt;img src="https://i.stack.imgur.com/uKjVi.png" alt="Screenshot of Word Document"&gt;&lt;/p&gt;</t>
  </si>
  <si>
    <t>2011-03-05 05:45:54.697000+00:00</t>
  </si>
  <si>
    <t>2011-03-05 10:47:03.863000+00:00</t>
  </si>
  <si>
    <t>iphone|uiwebview|ms-word|doc</t>
  </si>
  <si>
    <t>How do I update multiple child element in mongodb</t>
  </si>
  <si>
    <t>&lt;p&gt;Here's an example of what the objects look like in the database "activities":&lt;/p&gt;
&lt;pre&gt;&lt;code&gt;Object{
   type{
      name : Leads
      category : Client Success
   }
}
&lt;/code&gt;&lt;/pre&gt;
&lt;p&gt;and I want to change every activity where type -&gt; name = leads to:&lt;/p&gt;
&lt;pre&gt;&lt;code&gt;Object{
   type{
      name : Opportunity
      category : Client Success
   }
}
&lt;/code&gt;&lt;/pre&gt;
&lt;p&gt;Here's what I've tried:&lt;/p&gt;
&lt;pre&gt;&lt;code&gt;db.getCollection('activities').update(
// query 
{
    "type.name" : "Leads"
},
// update 
{
    "type.name" : "Opportunity Generated"
},
// options 
{
    "multi" : true, 
    "upsert" : false 
} );
&lt;/code&gt;&lt;/pre&gt;
&lt;p&gt;Thanks for any help guys!&lt;/p&gt;</t>
  </si>
  <si>
    <t>2017-06-21 23:06:46.377000+00:00</t>
  </si>
  <si>
    <t>Rails - Submitting Nested Values That Already Exist</t>
  </si>
  <si>
    <t>&lt;p&gt;I have a model, Tran that has a foreign key to the User model.  In the view for creation a Tran (transaction), I have a dropdown that allows the user to select the User that started the transaction.  When I post this transaction, the record is set with the correct user ID:&lt;/p&gt;
&lt;p&gt;Then, in my Trans model I added "belongs_to", as I understand I should do this for foreign keys:&lt;/p&gt;
&lt;pre&gt;&lt;code&gt;class Tran &amp;lt; ActiveRecord::Base
    belongs_to :buying_user, :class_name =&amp;gt; 'User'
&lt;/code&gt;&lt;/pre&gt;
&lt;p&gt;Now, when my client passes up the params in the post, my Tran.new craps out because I am passing up a userID and not a full record.  Is the&lt;/p&gt;
&lt;pre&gt;&lt;code&gt;#trans_controller.rb
def create
    @title = "Create Transaction"
        #bombs on this call
    @tran = Tran.new(params[:tran])
&lt;/code&gt;&lt;/pre&gt;
&lt;p&gt;How am I supposed to handle this?&lt;/p&gt;
&lt;p&gt;Update as requested:
tran.rb&lt;/p&gt;
&lt;pre&gt;&lt;code&gt;class Tran &amp;lt; ActiveRecord::Base
    has_many :transaction_users, :dependent =&amp;gt; :destroy, :class_name =&amp;gt; 'TransactionUser'
    belongs_to :submitting_user, :class_name =&amp;gt; 'User'
    belongs_to :buying_user, :class_name =&amp;gt; 'User'
    accepts_nested_attributes_for :transaction_users, :reject_if =&amp;gt; lambda { |a| a[:content].blank? }, :allow_destroy =&amp;gt; true
    validates :description, :presence =&amp;gt; true,
                            :length =&amp;gt; {:maximum =&amp;gt; 100 }
    validates :total,       :presence =&amp;gt; true
    validates_numericality_of :total, :greater_than =&amp;gt; 0
    validates :submitting_user,         :presence =&amp;gt; true           
    validates :buying_user,             :presence =&amp;gt; true   
    validates_associated :transaction_users
end
&lt;/code&gt;&lt;/pre&gt;
&lt;p&gt;user.rb&lt;/p&gt;
&lt;pre&gt;&lt;code&gt;class User &amp;lt; ActiveRecord::Base
    has_many :trans
    attr_accessor :password
    attr_accessible :firstname, :lastname, :email, :password, :password_confirmation
    email_regex = /\A[\w+\-.]+@[a-z\d\-.]+\.[a-z]+\z/i
    validates :firstname, :presence =&amp;gt; true,
                            :length =&amp;gt; {:maximum =&amp;gt; 50 }
    validates :lastname, :presence =&amp;gt; true,
                            :length =&amp;gt; {:maximum =&amp;gt; 50 }
    validates :email, :presence =&amp;gt; true,
                            :format =&amp;gt; {:with =&amp;gt; email_regex },
                            :uniqueness =&amp;gt; { :case_sensitive =&amp;gt; false }
    validates :password, :presence =&amp;gt; true,
                            :confirmation =&amp;gt; true,
                            :length =&amp;gt; { :within =&amp;gt; 6..40 }
    # Register callback to before save so that we can call extra code like password encryption                      
    before_save :encrypt_password
    # Class methods
    def self.authenticate(email, submitted_password)
        user = find_by_email(email)
        return nil if user.nil?
        return user if user.has_password?(submitted_password)
    end
    def self.authenticate_with_salt(id, cookie_salt)
        user = find_by_id(id)
        (user &amp;amp;&amp;amp; user.salt == cookie_salt) ? user : nil
    end
    # Public methods
    def has_password?(submitted_password)
        self.encrypted_password == encrypt(submitted_password)
    end
    def full_name 
        "#{self.lastname}, #{self.firstname}"
    end
    def self.active_users
        # TODO
        #User.find_
        User.all
    end
    private
        def encrypt_password
            self.salt = make_salt if new_record?
            self.encrypted_password = encrypt(password)
        end
        def encrypt (string)
            secure_hash("#{salt}--#{string}")
        end
        def make_salt
            secure_hash("#{Time.now.utc}--#{password}")
        end
        def secure_hash(string)
            Digest::SHA2.hexdigest(string)
        end
end
&lt;/code&gt;&lt;/pre&gt;
&lt;p&gt;params hash on submit:&lt;/p&gt;
&lt;pre&gt;&lt;code&gt;{"commit"=&amp;gt;"Submit",
 "tran"=&amp;gt;{"total"=&amp;gt;"100",
 "submitting_user"=&amp;gt;"1",
 "description"=&amp;gt;"Description"},
 "authenticity_token"=&amp;gt;"88qI+iqF92fo/M9rPfMs1CLpEXqFLGQXfj0c9krXXac=",
 "utf8"=&amp;gt;"�������",
 "user"=&amp;gt;"1"}
&lt;/code&gt;&lt;/pre&gt;
&lt;p&gt;error:&lt;/p&gt;
&lt;pre&gt;&lt;code&gt;User(#70040336455300) expected, got String(#70040382612480)
&lt;/code&gt;&lt;/pre&gt;
&lt;p&gt;beginning of controller:&lt;/p&gt;
&lt;pre&gt;&lt;code&gt;def create
    @title = "Create Transaction"
    @tran = Tran.new(params[:tran])
&lt;/code&gt;&lt;/pre&gt;
&lt;p&gt;It crashes on the Tran.new line. Thanks so much!&lt;/p&gt;</t>
  </si>
  <si>
    <t>2011-04-16 23:21:03.237000+00:00</t>
  </si>
  <si>
    <t>2011-04-17 11:58:29.177000+00:00</t>
  </si>
  <si>
    <t>2011-04-17 11:27:51.137000+00:00</t>
  </si>
  <si>
    <t>Setting index.max_result_window IBM Watson Discovery Service</t>
  </si>
  <si>
    <t>&lt;p&gt;I've researched Stack Overflow and found the method to increase this parameter if I have a &lt;code&gt;.yml&lt;/code&gt; file for elastic search.  However, if I am running a python script accessing the Watson Discovery REST api, how do I do this?  I don't see the corresponding parameter in their on-line api reference.&lt;/p&gt;</t>
  </si>
  <si>
    <t>2017-04-25 13:33:44.977000+00:00</t>
  </si>
  <si>
    <t>2017-04-25 13:34:22.870000+00:00</t>
  </si>
  <si>
    <t>python|python-3.x|ibm-watson|watson-discovery</t>
  </si>
  <si>
    <t>view.fit() using view.animate() in OpenLayers 3.20+</t>
  </si>
  <si>
    <t>&lt;p&gt;I have the following code, written for OpenLayers pre 3.20:&lt;/p&gt;
&lt;pre&gt;&lt;code&gt;fitViewToFeature: function (viewer, feature) {
    var pan = ol.animation.pan({
      source: viewer.olView.getCenter(),
      duration: 1000
    })
    var zoom = ol.animation.zoom({
      resolution: viewer.olView.getResolution(),
      duration: 1000
    })
    viewer.olMap.beforeRender(pan, zoom)
    viewer.olView.fit(feature.getGeometry(), viewer.olMap.getSize(), {
      padding: [ 100, 100, 100, 100 ],
      constrainResolution: false,
      maxZoom: 4
    })
}
&lt;/code&gt;&lt;/pre&gt;
&lt;p&gt;My question is how to translate this function into the new view.animate() syntax introduced in OpenLayers 3.20?&lt;/p&gt;
&lt;p&gt;Or alternately, should I open a GitHub issue and request a new option to be added to view.animate?&lt;/p&gt;</t>
  </si>
  <si>
    <t>2016-12-16 18:13:25.587000+00:00</t>
  </si>
  <si>
    <t>2017-05-11 07:52:54.620000+00:00</t>
  </si>
  <si>
    <t>openlayers-3</t>
  </si>
  <si>
    <t>What's the difference between hashbang and pushstate?</t>
  </si>
  <si>
    <t>&lt;p&gt;I did not understand how &lt;strong&gt;hashbang&lt;/strong&gt; and &lt;strong&gt;pushstate&lt;/strong&gt; differ in JavaScript...&lt;/p&gt;
&lt;p&gt;pushState()&lt;/p&gt;</t>
  </si>
  <si>
    <t>2014-08-11 10:25:43.647000+00:00</t>
  </si>
  <si>
    <t>2014-08-11 12:26:28.373000+00:00</t>
  </si>
  <si>
    <t>Resize batch images in PhotoShop</t>
  </si>
  <si>
    <t>&lt;p&gt;I am frequently presented with the task of resizing images (lots of them) to a square and then saving them with PhotoShop. For example, if an image is 400x200 then I would need to resize the canvas to be 400x400. Likewise, if an image is 321x850 then the canvas would be resized to 850x850 if, and if the image is 521x250 then the canvas would be resized to 521x521.&lt;/p&gt;
&lt;p&gt;Is there a way in PhotoShop to automate this tedious task? I know about PhotoShop automate, which records your actions, but that's not what I want. I have no problem programming the solution if you could point me in the right direction. Is this possible?&lt;/p&gt;
&lt;p&gt;Thank you in advance. This could save me hours and hours of tedious repetitive work.&lt;/p&gt;</t>
  </si>
  <si>
    <t>2012-07-18 09:26:32.147000+00:00</t>
  </si>
  <si>
    <t>2017-05-28 20:58:15.313000+00:00</t>
  </si>
  <si>
    <t>2012-07-18 17:43:13.980000+00:00</t>
  </si>
  <si>
    <t>canvas|automation|photoshop|image-resizing</t>
  </si>
  <si>
    <t>How to fix "ls: write error: Broken pipe" error?</t>
  </si>
  <si>
    <t>&lt;p&gt;In my &lt;code&gt;.php&lt;/code&gt; file which is running from &lt;code&gt;screen&lt;/code&gt; command, I'm getting &lt;code&gt;ls: write error: Broken pipe&lt;/code&gt; error but script is running fine. I just wanted to fix that error. How can I fix it? Below is my code snippet.&lt;/p&gt;
&lt;pre&gt;&lt;code&gt;$execQuery = "mv -f `ls /home/MYSPORTS/MySPORTS/*.unl | head -500` /home/MYSPORTS/MySPORTS/OPERATION/ &amp;amp;&amp;amp; awk -F'|' '{print $1 $2}' /home/MYSPORTS/MySPORTS/OPERATION/*.unl &amp;gt; /home/MYSPORTS/MySPORTS/OPERATION/scratch_card_unl.txt";
shell_exec($execQuery);
&lt;/code&gt;&lt;/pre&gt;</t>
  </si>
  <si>
    <t>2018-07-03 07:57:10.587000+00:00</t>
  </si>
  <si>
    <t>php|linux|unix|ls</t>
  </si>
  <si>
    <t>AngularJS: textarea bind to JSON object shows "object-object"</t>
  </si>
  <si>
    <t>&lt;p&gt;I am fairly new to AngularJS.&lt;/p&gt;
&lt;p&gt;I am trying to bind an object to a textarea.&lt;/p&gt;
&lt;p&gt;HTML:&lt;/p&gt;
&lt;pre&gt;&lt;code&gt;&amp;lt;textarea rows="5" cols="10" ng-model="menuItem.preset"&amp;gt;&amp;lt;/textarea&amp;gt;
&lt;/code&gt;&lt;/pre&gt;
&lt;p&gt;Model:&lt;/p&gt;
&lt;pre&gt;&lt;code&gt;{
    "kind": "title",
    "label": "ADD_TITLE",
    "iconSrc": "textTitle.png",
    "experimentInclude": "",
    "experimentExclude": "three",
    "preset": {
        "compType": "richTitle",
        "styleId": "txtNew"
    }
}
&lt;/code&gt;&lt;/pre&gt;
&lt;p&gt;Result:&lt;/p&gt;
&lt;p&gt;&lt;img src="https://i.stack.imgur.com/qubtF.png" alt="json shown as object"&gt;&lt;/p&gt;
&lt;p&gt;How can I show the JSON stringified (and later save it as an object again)?&lt;/p&gt;</t>
  </si>
  <si>
    <t>2013-07-27 02:36:21.580000+00:00</t>
  </si>
  <si>
    <t>2017-09-13 10:51:59.853000+00:00</t>
  </si>
  <si>
    <t>Oracle CATSEARCH not handling special characters</t>
  </si>
  <si>
    <t>&lt;p&gt;I've create an Oracle Text index like the following:&lt;/p&gt;
&lt;pre&gt;&lt;code&gt;create index my_idx on my_table (text) indextype is 
    ctxsys.ctxcat parameters('index set my_table_iset');
&lt;/code&gt;&lt;/pre&gt;
&lt;p&gt;Now when I run my query:&lt;/p&gt;
&lt;pre&gt;&lt;code&gt;DECLARE
  cnt  NUMBER;
  attr VARCHAR2(256);
BEGIN
  attr := 'BECKMANNS';
  SELECT COUNT(text)
  INTO cnt
  FROM my_table
  WHERE catsearch(text, attr, '') &amp;gt; 0 ;
  dbms_output.put_line( '-&amp;gt;' || cnt);
END;
&lt;/code&gt;&lt;/pre&gt;
&lt;p&gt;This works. But when I change the value of &lt;/p&gt;
&lt;pre&gt;&lt;code&gt;attr := '"BECKMANNS"'
&lt;/code&gt;&lt;/pre&gt;
&lt;p&gt;I get a error:&lt;/p&gt;
&lt;pre&gt;&lt;code&gt;ORA-29902: error in executing ODCIIndexStart() routine
ORA-20000: Oracle Text error:
DRG-50943: query token too long on line 1 on column 1
&lt;/code&gt;&lt;/pre&gt;
&lt;p&gt;I found in the Oracle documentation that I can wrap the special characters in brackets &lt;/p&gt;
&lt;pre&gt;&lt;code&gt;attr := '{' || '"BECKMANNS"' || '}'
&lt;/code&gt;&lt;/pre&gt;
&lt;p&gt;but this still gives the same error. I tried variations of this, to no avail. &lt;/p&gt;
&lt;p&gt;any ideas?&lt;/p&gt;</t>
  </si>
  <si>
    <t>2012-10-25 19:35:33.223000+00:00</t>
  </si>
  <si>
    <t>2012-10-26 08:08:36.520000+00:00</t>
  </si>
  <si>
    <t>oracle|full-text-search</t>
  </si>
  <si>
    <t>Export the dataGridView to Excel with all the cells format</t>
  </si>
  <si>
    <t>&lt;p&gt;I have this code that I know that it works fast&lt;/p&gt;
&lt;pre&gt;&lt;code&gt;CopyAlltoClipboard(dataGridViewControl);
Microsoft.Office.Interop.Excel.Application xlexcel;
Microsoft.Office.Interop.Excel.Workbook xlWorkBook;
Microsoft.Office.Interop.Excel.Worksheet xlWorkSheet;
object misValue = System.Reflection.Missing.Value;
xlexcel = new Excel.Application();
xlexcel.Visible = true;
xlWorkBook = xlexcel.Workbooks.Add(misValue);
xlWorkSheet = (Excel.Worksheet)xlWorkBook.Worksheets.get_Item(1);
xlWorkSheet.Name = page.Name;
Excel.Range CR = (Excel.Range)xlWorkSheet.Cells[1, 1];
CR.Select();
xlWorkSheet.PasteSpecial(CR, Type.Missing, Type.Missing, Type.Missing, Type.Missing, Type.Missing, true);
((Microsoft.Office.Interop.Excel.Range)xlWorkSheet.Range["A1"]).EntireColumn.Delete(null); // delete the first column that has rows indexes
xlWorkBook.SaveAs(fileName);
private void CopyAlltoClipboard(DataGridView dataGridViewControl)
{
    dataGridViewControl.SelectAll();
    DataObject dataObj = dataGridViewControl.GetClipboardContent();
    if (dataObj != null)
       Invoke((Action)(() =&amp;gt; { Clipboard.SetDataObject(dataObj); }));
}
&lt;/code&gt;&lt;/pre&gt;
&lt;p&gt;The code works fine, but it does copy only the values is the excel, doesn't copy also the cells format (wrap text, backcolor, font, borders etc)
Can anyone help me on this one? How to complete this code the have the exact format like in DataGridView?&lt;/p&gt;</t>
  </si>
  <si>
    <t>2016-08-29 15:51:42.430000+00:00</t>
  </si>
  <si>
    <t>2018-03-16 05:54:37.427000+00:00</t>
  </si>
  <si>
    <t>2016-09-08 06:59:19.317000+00:00</t>
  </si>
  <si>
    <t>c#|.net|datagridview|excel-interop|cell-formatting</t>
  </si>
  <si>
    <t>Rspec test yielding a method object from object constructor</t>
  </si>
  <si>
    <t>&lt;p&gt;I have the following code:&lt;/p&gt;
&lt;pre&gt;&lt;code&gt;def initialize
  yield method(:fulfill), method(:reject) if block_given?
end
&lt;/code&gt;&lt;/pre&gt;
&lt;p&gt;I cannot test that the actual values &lt;code&gt;method(:fulfill)&lt;/code&gt; and &lt;code&gt;method(:reject)&lt;/code&gt; are yielded, because I do not have access to the object yet when the values are yielded.&lt;/p&gt;
&lt;p&gt;Therefore I want to test it like this:&lt;/p&gt;
&lt;pre&gt;&lt;code&gt;expect do |b|
  PurePromise.new(&amp;amp;b)
end.to yield_with_args(PurePromise.instance_method(:fulfill), PurePromise.instance_method(:reject))
&lt;/code&gt;&lt;/pre&gt;
&lt;p&gt;However, an &lt;code&gt;UnboundMethod&lt;/code&gt; doesn't equal an &lt;code&gt;Method&lt;/code&gt;, even if it refers to the same method.&lt;/p&gt;
&lt;p&gt;Is there any way of transforming the yielding values by calling &lt;code&gt;unbind&lt;/code&gt; before matching against the arguments of &lt;code&gt;yield_with_args&lt;/code&gt;?&lt;/p&gt;</t>
  </si>
  <si>
    <t>2014-08-14 15:22:49.303000+00:00</t>
  </si>
  <si>
    <t>2014-08-14 15:50:26.277000+00:00</t>
  </si>
  <si>
    <t>2014-08-14 15:39:45.557000+00:00</t>
  </si>
  <si>
    <t>ruby|rspec|yield</t>
  </si>
  <si>
    <t>how to implement pop-up code for multiple buttons on the screen in the android?</t>
  </si>
  <si>
    <t>&lt;p&gt;As I am beginner, I am able to implement the pop-up code for single button that is pasted below.. &lt;/p&gt;
&lt;p&gt;Requirement: I need to implement multiple pop-up's to show different text(information) on each pop-up. &lt;/p&gt;
&lt;pre&gt;&lt;code&gt;public void init() {
popupButton = (Button) findViewById(R.id.textview1);
popupText = new TextView(this);
insidePopupButton = new Button(this);
layoutOfPopup = new LinearLayout(this);
LinearLayout lt=new LinearLayout(this);
view=new ScrollView(this);
insidePopupButton.setText("OK");
popupText.setText("This is Popup Window.press OK to dismiss it.");
popupText.setBackgroundColor(Color.WHITE);
popupText.setPadding(0, 0, 0, 20);
layoutOfPopup.setOrientation(1);
lt.addView(popupText);
layoutOfPopup.setBackgroundColor(Color.BLACK);
layoutOfPopup.addView(view);
layoutOfPopup.addView(insidePopupButton,350,50);
view.addView(lt);
}
public void popupInit() {
popupButton.setOnClickListener(this);
insidePopupButton.setOnClickListener(this);
popupMessage = new PopupWindow(layoutOfPopup, LayoutParams.FILL_PARENT,
LayoutParams.MATCH_PARENT);
popupMessage.setContentView(layoutOfPopup);
}
@Override
public void onClick(View v) {
if (v.getId() == R.id.textview1) {
popupMessage.showAsDropDown(popupButton, 0, 0);
}
else {
popupMessage.dismiss();
}
}
   }
&lt;/code&gt;&lt;/pre&gt;
&lt;p&gt;and my requirement is showing through the image. &lt;/p&gt;
&lt;p&gt;&lt;img src="https://i.stack.imgur.com/RH3yL.png" alt="enter image description here"&gt;&lt;/p&gt;</t>
  </si>
  <si>
    <t>2015-01-15 19:32:46.280000+00:00</t>
  </si>
  <si>
    <t>2015-03-18 12:45:58.637000+00:00</t>
  </si>
  <si>
    <t>Entity System.NotSupportedException when querying with FirstOrDefault</t>
  </si>
  <si>
    <t>&lt;p&gt;I'm trying to retrieve a unique element if it exist, or null if it doesn't.&lt;/p&gt;
&lt;p&gt;my function is :&lt;/p&gt;
&lt;pre&gt;&lt;code&gt;private Dealer GetOrCreateDealer(DataRow dataRow)
{
        ModelCamwareContext localContext = new ModelCamwareContext();
        string test = dataRow["Dealer"].ToString();
        Dealer dealer = localContext.Dealers.Where(x =&amp;gt; x.Name == dataRow["Dealer"].ToString()).FirstOrDefault();
        if (dealer != null)
        {
         ...
        }
        else
        {
         ...
        }
}
&lt;/code&gt;&lt;/pre&gt;
&lt;p&gt;my test string is just here to make sure I had no problem with the dataRow info, it works as expected and gives me the string on which I want to select my dealer.&lt;/p&gt;
&lt;p&gt;Unless I am mistaken, FirstOrDefault should not give me any exception in case there is no dealer to retrieve, I should in that case have dealer = null.&lt;/p&gt;
&lt;p&gt;The exception I get:&lt;/p&gt;
&lt;pre&gt;&lt;code&gt;A first chance exception of type 'System.NotSupportedException' occurred in EntityFramework.dll
A first chance exception of type 'System.NotSupportedException' occurred in EntityFramework.dll
A first chance exception of type 'System.NotSupportedException' occurred in EntityFramework.SqlServer.dll
&lt;/code&gt;&lt;/pre&gt;
&lt;p&gt;What did I miss ?&lt;/p&gt;</t>
  </si>
  <si>
    <t>2016-05-27 10:30:02.663000+00:00</t>
  </si>
  <si>
    <t>2016-05-27 11:08:05.187000+00:00</t>
  </si>
  <si>
    <t>c#|entity-framework|linq</t>
  </si>
  <si>
    <t>MVC Model binding / validation</t>
  </si>
  <si>
    <t>&lt;p&gt;After a year or so of MVC experience I'm still confused about one thing: How to effectively use the DataAnnotations with ModelState.IsValid? For simple tutorial example this all works just fine and I have no questions about that. But supposed I have the following model:&lt;/p&gt;
&lt;pre&gt;&lt;code&gt;Public Class Movie
    Public Property MovieID As Integer
    Public Property Title As String
    Public Property Year As Integer
    Public Property AddedByUser As String
End Class
&lt;/code&gt;&lt;/pre&gt;
&lt;p&gt;Now the field AddedByUser is required in the database however I don't want the user to provide this but rather the business logic based on the currently logged in user. How would I use the DataAnnotation attributes for this scenario? If I make this field required then in the controller when I say:&lt;/p&gt;
&lt;pre&gt;&lt;code&gt; Public Function SaveMovie(ByVal entity as Movie) As ActionResult
    If ModelState.IsValid
       // Save to DB here...
    End If
    Return View(entity)
 End Function
&lt;/code&gt;&lt;/pre&gt;
&lt;p&gt;... the validation will fail because I don't have that field in the view bindings. Should I have a hidden field for this? Should I write a custom view model for SaveMovie action? I suppose I could write my own validation in business logic but then why use model validation at all? Custom model binder perhaps? What is the best way to handle these types of scenarios?&lt;/p&gt;
&lt;p&gt;Just to give another example scenario what about the difference between insert and update operation and validation? For update operations object's primary key is required. However that is not the case for inserts. Are you supposed to have separate models for insert and update just because of this one key property?&lt;/p&gt;</t>
  </si>
  <si>
    <t>2012-05-09 21:32:28.193000+00:00</t>
  </si>
  <si>
    <t>2012-07-14 12:17:34.837000+00:00</t>
  </si>
  <si>
    <t>2012-06-17 01:07:56.827000+00:00</t>
  </si>
  <si>
    <t>asp.net-mvc|model-view-controller|validation|data-annotations|model-binding</t>
  </si>
  <si>
    <t>How can I disable a form's submit button if there are DataAnnotation validation errors?</t>
  </si>
  <si>
    <t>&lt;p&gt;I've attempted binding to the change event of all inputs in the form, and checked to see if there are any validation messages on the page. The problem is that validation seems to occur after the change event, so I am checking before the errors appear on the page. I'm looking for some way to run my script after the client-side validation takes place.&lt;/p&gt;
&lt;p&gt;I'm using MVC 2 with DataAnnotation attributes on my VM.&lt;/p&gt;</t>
  </si>
  <si>
    <t>2011-08-15 14:41:51.067000+00:00</t>
  </si>
  <si>
    <t>2011-08-15 16:54:36.357000+00:00</t>
  </si>
  <si>
    <t>jquery|forms|validation|asp.net-mvc-2|data-annotations</t>
  </si>
  <si>
    <t>Can I make Ubuntu Desktop as my git server or I need to have a Ubuntu Server for it?</t>
  </si>
  <si>
    <t>&lt;p&gt;I am new to git. I want to set up a git server. But I am confused, should I make y Ubuntu Desktop machine as a git server or I will have to have Ubuntu Server for it. Or both will do.&lt;/p&gt;</t>
  </si>
  <si>
    <t>2015-02-25 23:32:42.850000+00:00</t>
  </si>
  <si>
    <t>2015-02-25 23:41:41.160000+00:00</t>
  </si>
  <si>
    <t>Is it possible to have all "git diff" commands use the "Python diff", in all git projects?</t>
  </si>
  <si>
    <t>&lt;p&gt;When including the line&lt;/p&gt;
&lt;pre&gt;&lt;code&gt;*.py diff=python
&lt;/code&gt;&lt;/pre&gt;
&lt;p&gt;in a local .gitattributes file, &lt;code&gt;git diff&lt;/code&gt; produces nice labels for the different diff hunks of Python files (with the name of the function where the changes are, etc.).&lt;/p&gt;
&lt;p&gt;Is is possible to ask git to use this diff mode for &lt;em&gt;all&lt;/em&gt; Python files across &lt;em&gt;all&lt;/em&gt; git projects?  I tried to set a global ~/.gitattributes, but it is not used by local git repositories.  Is there a more convenient method than initializing each new git project with a &lt;code&gt;ln -s ~/.gitattributes&lt;/code&gt;?&lt;/p&gt;</t>
  </si>
  <si>
    <t>2010-05-07 12:55:43.223000+00:00</t>
  </si>
  <si>
    <t>2013-09-22 21:30:28.580000+00:00</t>
  </si>
  <si>
    <t>python|git|diff|gitattributes</t>
  </si>
  <si>
    <t>How do I display a popupwindow right above the place i touched on screen</t>
  </si>
  <si>
    <t>&lt;p&gt;I want to display a popup window in my code such that, no matter where I touch on the screen, the popup should show up right above the place I touch. Not sure, how to achieve this. This is my current popup window code:&lt;/p&gt;
&lt;pre&gt;&lt;code&gt; LayoutInflater inflater = (LayoutInflater) getApplicationContext().getSystemService(LAYOUT_INFLATER_SERVICE);
                            View customView = inflater.inflate(R.layout.popup,null);
                            final PopupWindow popupWindow = new PopupWindow(
                                    customView,
                                    LayoutParams.WRAP_CONTENT,
                                    LayoutParams.WRAP_CONTENT);
                            // Set an elevation value for popup window
                            // Call requires API level 21
                            if(Build.VERSION.SDK_INT&amp;gt;=21){
                                popupWindow.setElevation(5.0f);
                            }
                            final TextView placename = (TextView) customView.findViewById(R.id.popup_id) ;
                            Button closeButton = (Button) customView.findViewById(R.id.directions);
                            placename.setText(place.getName());
                            popupWindow.setBackgroundDrawable(new BitmapDrawable());
                            popupWindow.setOutsideTouchable(true);
                            // Set a click listener for the popup window close button
                            closeButton.setOnClickListener(new View.OnClickListener() {
                                @Override
                                public void onClick(View view) {
                                    // Dismiss the popup window
                                    popupWindow.dismiss();
                                }
                            });
                            popupWindow.setFocusable(true);
                            popupWindow.showAtLocation(mapInsideContainer, Gravity.CENTER, 0, 0);
                            popupWindow.showAsDropDown(customView);
&lt;/code&gt;&lt;/pre&gt;
&lt;p&gt;This is my popup.xml:&lt;/p&gt;
&lt;pre&gt;&lt;code&gt;&amp;lt;?xml version="1.0" encoding="utf-8"?&amp;gt;
&amp;lt;LinearLayout xmlns:android="http://schemas.android.com/apk/res/android"
    android:layout_width="fill_parent"
    android:layout_height="fill_parent"
    android:orientation="vertical"
    android:background="@android:color/background_light"&amp;gt;
    &amp;lt;LinearLayout
        android:layout_width="wrap_content"
        android:layout_height="wrap_content"
        android:orientation="vertical"
        android:layout_margin="1dp"
        android:background="@android:color/white"&amp;gt;
        &amp;gt;
        &amp;lt;LinearLayout
            android:layout_width="wrap_content"
            android:layout_height="wrap_content"
            android:orientation="vertical"
            android:layout_margin="20dp"&amp;gt;
            &amp;lt;TextView
                android:layout_width="fill_parent"
                android:layout_height="wrap_content"
                android:textColor="#000000"
                android:id="@+id/popup_id" /&amp;gt;
            &amp;lt;Button
                android:id="@+id/directions"
                android:layout_width="fill_parent"
                android:layout_height="wrap_content"
                android:background="@color/black_overlay"
                android:textColor="@android:color/white"
                android:text="Directions" /&amp;gt;
        &amp;lt;/LinearLayout&amp;gt;
    &amp;lt;/LinearLayout&amp;gt;
&amp;lt;/LinearLayout&amp;gt;
&lt;/code&gt;&lt;/pre&gt;
&lt;p&gt;Currently it shows on the center of the screen due to Gravity.CENTER, but I would like to show it right above the place I touch dynamically on screen. Any ideas? Thanks&lt;/p&gt;
&lt;p&gt;Bonus points if you could guide me through creating a chat bubble like popup with title on top and a "places" button at the bottom with the bubble pointer at the position clicked on screen&lt;/p&gt;</t>
  </si>
  <si>
    <t>2017-05-24 01:39:03.040000+00:00</t>
  </si>
  <si>
    <t>2017-05-26 05:02:38.420000+00:00</t>
  </si>
  <si>
    <t>android|android-layout|android-popupwindow</t>
  </si>
  <si>
    <t>How to write OCI JAVA SDK logs into Weblogic Server log files</t>
  </si>
  <si>
    <t>&lt;p&gt;Here I am using Weblogic 12c Server to deploy my web application. In my application I'm using OCI JAVA SDK to interact with Oracle Cloud Infrastructure(OCI) Service. As per the documentation by OCI, "OCI JAVA SDK" is using SLF4J logging. So that I've bundled "slf4j-jdk14-1.7.23.jar" JAR file in my ear file. Still I was not able to see the OCI SDK generated logs in the weblogic log files.&lt;/p&gt;
&lt;p&gt;I've added the below entries in weblogic-application.xml as well:&lt;/p&gt;
&lt;pre&gt;&lt;code&gt;&amp;lt;prefer-application-packages&amp;gt;
    &amp;lt;package-name&amp;gt;org.slf4j.*&amp;lt;/package-name&amp;gt;
&amp;lt;/prefer-application-packages&amp;gt;
&amp;lt;!-- if not using prefer-application-resources you will get a warning like this: --&amp;gt;
&amp;lt;!-- Class path contains multiple SLF4J bindings --&amp;gt;
&amp;lt;!-- SLF4J: Found binding in [jar:file:/C:/wls1211/modules/org.slf4j.jdk14_1.6.1.0.jar!/org/slf4j/impl/StaticLoggerBinder.class] --&amp;gt;
&amp;lt;prefer-application-resources&amp;gt;
    &amp;lt;resource-name&amp;gt;org/slf4j/impl/StaticLoggerBinder.class&amp;lt;/resource-name&amp;gt;
&amp;lt;/prefer-application-resources&amp;gt;
&lt;/code&gt;&lt;/pre&gt;
&lt;p&gt;After adding the above entries, "StaticLoggerBinder" class not found errors are resolved. But still not able to see the SDK generated log statements in weblogic log files.&lt;/p&gt;
&lt;p&gt;Am I missing any specific configuration ?&lt;/p&gt;</t>
  </si>
  <si>
    <t>2018-05-28 09:14:35.040000+00:00</t>
  </si>
  <si>
    <t>2018-05-29 23:49:33.263000+00:00</t>
  </si>
  <si>
    <t>java|weblogic|oracle-cloud-infrastructure|oci-java-sdk</t>
  </si>
  <si>
    <t>SVG object animation on a path line</t>
  </si>
  <si>
    <t>&lt;p&gt;I want to animate a svg path on a line. Exactly like this codepen but instead of use a polygon, I want to use a more complex svg. (path) 
&lt;a href="https://codepen.io/chris-creditdesign/pen/blJty" rel="nofollow noreferrer"&gt;Codepen example&lt;/a&gt;&lt;/p&gt;
&lt;p&gt;Html : 
    &lt;/p&gt;
&lt;pre&gt;&lt;code&gt;&amp;lt;svg version="1.1" id="Layer_1" xmlns="http://www.w3.org/2000/svg" xmlns:xlink="http://www.w3.org/1999/xlink" x="0px" y="0px"
     width="100%" height="100%" viewBox="0 0 800 300" enable-background="new 0 0 800 300" xml:space="preserve"&amp;gt;
    &amp;lt;path d="M30,30 L770,30" /&amp;gt;
    &amp;lt;path d="M29.833,113.5C29.833,178.667,99,271.334,257,271.334 S475.5,81,375.5,81S305,271.334,770,271.334"/&amp;gt;
    &amp;lt;polygon points="15,0 18.541,11.459 30,11.459 20.729,18.541 24.271,30 15,22.918 5.729,30 9.271,18.541 0,11.459 11.459,11.459    "/&amp;gt;
    &amp;lt;polygon points="15,0 18.541,11.459 30,11.459 20.729,18.541 24.271,30 15,22.918 5.729,30 9.271,18.541 0,11.459 11.459,11.459    "/&amp;gt;
&amp;lt;/svg&amp;gt;
&lt;/code&gt;&lt;/pre&gt;
&lt;p&gt;&lt;/p&gt;
&lt;p&gt;Is anyone know how to replace the polygon by a svg path file ? &lt;/p&gt;
&lt;p&gt;Thank you, &lt;/p&gt;</t>
  </si>
  <si>
    <t>2018-11-26 08:23:45.807000+00:00</t>
  </si>
  <si>
    <t>2018-11-26 09:48:02.530000+00:00</t>
  </si>
  <si>
    <t>javascript|animation|svg</t>
  </si>
  <si>
    <t>Eclipse dark theme's text color is same as background in tree view and button</t>
  </si>
  <si>
    <t>&lt;p&gt;&lt;a href="https://i.stack.imgur.com/WF8i7.png" rel="nofollow noreferrer"&gt;&lt;img src="https://i.stack.imgur.com/WF8i7.png" alt="enter image description here"&gt;&lt;/a&gt;&lt;/p&gt;
&lt;p&gt;As you can see, these two problem cause text unreadable completely,how to solve them?&lt;/p&gt;</t>
  </si>
  <si>
    <t>2016-07-01 08:08:34.757000+00:00</t>
  </si>
  <si>
    <t>eclipse|themes</t>
  </si>
  <si>
    <t>Saving variables while changing View Controllers</t>
  </si>
  <si>
    <t>&lt;p&gt;I'm making an app, and it saves a score to a variable, and when you click a button it adds points to the score and displays it on a label. My problem is, I have 3 Views Controllers, each hooked up to the same class. To segue to a different view controller, I just made a button in the storyboard that moves to the other view. My trouble is when I move to this new view the score resets, and when I go back to my first view the score resets again. I believe the problem is whenever I switch views, the class re-runs the code, which is where I declared the scoring variable to equal zero. How can I have it so when I change views my score stays like it was? One last thing: I tried looping a print command to tell me my score, and when I added a score in the first view, it would show up as expected, however when I switched views and added a score to the second view, it would print my first score, then my second score over and over again. Every time I switch views it will print the score from all the previous scores, as well as my current one.&lt;/p&gt;</t>
  </si>
  <si>
    <t>2017-09-22 04:14:04.417000+00:00</t>
  </si>
  <si>
    <t>2017-09-22 11:49:53.320000+00:00</t>
  </si>
  <si>
    <t>Making calculations from nested arrays in AngularJS</t>
  </si>
  <si>
    <t>&lt;p&gt;I have the following array:&lt;/p&gt;
&lt;pre&gt;&lt;code&gt;$scope.products = [
  {
    nom : "Pa de fajol",
    img : "dill1.jpg",
    descripcio: [
      "Pa de motlle"
    ],
    preu:4.90,
    tipus: "Pa"
  },
  {
    nom : "Pag��s semi integral de blat/espelta",
    img : "dill2.jpg",
    descripcio: [
      "Pa de pag��s",
      "680g / 400g"
    ],
    tipus: "Pa",
    variacions : [
      {
        nom: "Gran",
        preu: "3.70",
        grams: "680g",
        basket: 0
      },
      {
        nom: "Petit",
        preu: "2.30",
        grams: "400g",
        basket: 1
      }
    ]
  }
&lt;/code&gt;&lt;/pre&gt;
&lt;p&gt;In the frontend I display it with an &lt;code&gt;ng-repeat&lt;/code&gt; and depending if the product has price (preu) or not, I display one input for quantity for single product, or one input for each variation.&lt;/p&gt;
&lt;p&gt;Looks like this:&lt;/p&gt;
&lt;pre&gt;&lt;code&gt;&amp;lt;div ng-repeat="pa in products"&amp;gt;
  &amp;lt;div ng-if="!pa.preu" ng-repeat="vari in pa.variacions"&amp;gt;
    &amp;lt;input type="number" ng-model="pa.variacions.basket" ng-init="pa.variacions.basket=0"&amp;gt;
  &amp;lt;/div&amp;gt;
  &amp;lt;input ng-if="pa.preu" type="number" ng-model="pa.basket" name="basket" ng-init="pa.basket=0"&amp;gt;
&amp;lt;/div&amp;gt;
&amp;lt;a ng-click="insert()"&amp;gt;Add to cart&amp;lt;/a&amp;gt;
&lt;/code&gt;&lt;/pre&gt;
&lt;p&gt;When I trigger &lt;code&gt;insert()&lt;/code&gt;, I have a function that will add the products and calculate the total price, but so far it only works for products with a price, not for the variations.&lt;/p&gt;
&lt;p&gt;The function looks like this:&lt;/p&gt;
&lt;pre&gt;&lt;code&gt;$scope.insert = function() {
  $scope.singleorder = [];
  for(var i = 0; i &amp;lt; $scope.products.length; i++)
    if($scope.products[i].basket) { // if input has been setted
      $scope.singleorder.push({
        'product': $scope.products[i].nom,
        'number': $scope.products[i].basket,
        'preu': ($scope.products[i].preu * $scope.products[i].basket)
      });
    }
  console.log($scope.singleorder);
}
&lt;/code&gt;&lt;/pre&gt;
&lt;p&gt;How would I have to proceed to include in the &lt;code&gt;$scope.singleorder&lt;/code&gt; array also the calculations from the nested array of variations?&lt;/p&gt;
&lt;p&gt;Any tips? &lt;/p&gt;
&lt;h1&gt;EDIT&lt;/h1&gt;
&lt;p&gt;See &lt;a href="https://plnkr.co/edit/5fJz5GTKcIAoO0oXXPIH?p=preview" rel="nofollow noreferrer"&gt;Plunkr&lt;/a&gt; to reproduce the issue&lt;/p&gt;
&lt;h1&gt;SOLUTION&lt;/h1&gt;
&lt;p&gt;I managed to fix it with the help of some comments!&lt;/p&gt;
&lt;p&gt;See Plunkr for final version. 
Here's the final function: &lt;/p&gt;
&lt;pre&gt;&lt;code&gt;$scope.insert = function() {
  $scope.singleorder = [];
  for(var i = 0; i &amp;lt; $scope.products.length; i++)
    if($scope.products[i].basket) { // if input has been setted
      $scope.singleorder.push({
        'product': $scope.products[i].nom,
        'number': $scope.products[i].basket,
        'preu': ($scope.products[i].preu * $scope.products[i].basket)
      });
    }
    else if($scope.products[i].variacions) { // if input has been setted
      angular.forEach($scope.products[i].variacions, function(variacions) {
        if(variacions.basket) {
          $scope.variname =  $scope.products[i].nom + ' (' + variacions.nom + ')'  
          $scope.singleorder.push({
            'product': $scope.variname,
            'number': variacions.basket,
            'preu': (variacions.preu * variacions.basket)
          });
        }
      });
    }
  console.log($scope.singleorder);
&lt;/code&gt;&lt;/pre&gt;</t>
  </si>
  <si>
    <t>2017-02-21 15:03:42.220000+00:00</t>
  </si>
  <si>
    <t>2017-02-21 16:09:31.987000+00:00</t>
  </si>
  <si>
    <t>2017-02-21 15:58:55.837000+00:00</t>
  </si>
  <si>
    <t>javascript|angularjs|arrays</t>
  </si>
  <si>
    <t>What is the exact way for view handling in multiple orientation in iPad application development?</t>
  </si>
  <si>
    <t>&lt;p&gt;What is the best way for view handling in multiple orientations in iPad.&lt;/p&gt;
&lt;p&gt;In my understanding and some research,&lt;/p&gt;
&lt;ol&gt;
&lt;li&gt;You can handle this in code.&lt;/li&gt;
&lt;li&gt;You can have two xibs.&lt;/li&gt;
&lt;li&gt;You can have two view in same xibs, each view is for one orientation.&lt;/li&gt;
&lt;/ol&gt;
&lt;p&gt;But I am bit confused on what is the apples recommendation, best way / practice. Kindly reply.&lt;/p&gt;</t>
  </si>
  <si>
    <t>2013-09-10 13:48:56.550000+00:00</t>
  </si>
  <si>
    <t>2013-09-10 14:19:32.780000+00:00</t>
  </si>
  <si>
    <t>2013-09-10 14:00:17.123000+00:00</t>
  </si>
  <si>
    <t>ios|objective-c|ipad|uiinterfaceorientation</t>
  </si>
  <si>
    <t>HTML: Get direct link to file from embed src</t>
  </si>
  <si>
    <t>&lt;p&gt;I want to know how to get the direct link to an embedded video (the link to the .flv/.mp4 or whatever file) from just the embed link.&lt;/p&gt;
&lt;p&gt;For example, &lt;a href="http://www.kumby.com/ano-hana-episode-1/" rel="nofollow"&gt;http://www.kumby.com/ano-hana-episode-1/&lt;/a&gt; has&lt;/p&gt;
&lt;pre&gt;&lt;code&gt;&amp;lt;embed src="http://www.4shared.com/embed/571660264/396a46be"&amp;gt;&amp;lt;/embed&amp;gt;
&lt;/code&gt;&lt;/pre&gt;
&lt;p&gt;, though the link to the video seems to be
"http://dc436.4shared.com/img/571660264/396a46be/dlink__2Fdownload_2FM2b0O5Rr_3Ftsid_3D20120514-093834-29c48ef9/preview.flv"&lt;/p&gt;
&lt;p&gt;How does the browser know where to load the video from? How can I write code that converts the embed link to a direct link?&lt;/p&gt;
&lt;p&gt;UPDATE:
Thanks for the quick answer, Quentin.
However, I don't seem to receive a 'Location' header when connecting to "http://www.4shared.com/embed/571660264/396a46be".&lt;/p&gt;
&lt;pre&gt;&lt;code&gt;import urllib2
r=urllib2.urlopen('http://www.4shared.com/embed/571660264/396a46be')
&lt;/code&gt;&lt;/pre&gt;
&lt;p&gt;gives me the following headers:
'content-length', 'via', 'x-cache', 'accept-ranges', 'server', 'x-cache-lookup', 'last-modified', 'connection', 'etag', 'date', 'content-type', 'x-jsl'&lt;/p&gt;
&lt;pre&gt;&lt;code&gt;from urllib2 import Request
r=Request('http://www.4shared.com/embed/571660264/396a46be')
&lt;/code&gt;&lt;/pre&gt;
&lt;p&gt;gives me no headers at all.&lt;/p&gt;</t>
  </si>
  <si>
    <t>2012-05-14 09:48:17.990000+00:00</t>
  </si>
  <si>
    <t>2012-05-14 10:52:49.313000+00:00</t>
  </si>
  <si>
    <t>2012-05-14 10:47:33.687000+00:00</t>
  </si>
  <si>
    <t>python|html|embed</t>
  </si>
  <si>
    <t>How to add Electron's printing option in an Angular 2 component?</t>
  </si>
  <si>
    <t>&lt;p&gt;I am using Angular 2 with Electron. Here I added printing option in Electron's menu, but actually I want that not to add print option in Electron's menu. I want to add it in each page of HTML templates.&lt;/p&gt;
&lt;pre&gt;&lt;code&gt;import { app, BrowserWindow, screen, Menu, webContents,} from 'electron';
import * as path from 'path';
let win, serve;
let contents = webContents;
const args = process.argv.slice(1);
serve = args.some(val =&amp;gt; val === '--serve');
if (serve) {
  require('electron-reload')(__dirname, {
  });
}
const template = [
  // {
  //   label: 'Edit',
  //   submenu: [
  //     {role: 'undo'},
  //     {role: 'redo'},
  //     {role: 'cut'},
  //     {role: 'copy'},
  //     {role: 'paste'},
  //     {role: 'pasteandmatchstyle'},
  //     {role: 'delete'},
  //     {role: 'selectall'}
  //   ]
  // },
  {
    label: 'View',
    submenu: [
      {role: 'reload'},
      {role: 'forcereload'},
      {role: 'toggledevtools'},
      {role: 'resetzoom'},
      {role: 'zoomin'},
      {role: 'zoomout'},
      {role: 'togglefullscreen'}
    ]
  },
  // {
  //   role: 'window',
  //   submenu: [
  //     {role: 'minimize'},
  //     {role: 'close'}
  //   ]
  // },
  // {
  //   role: 'help',
  //   submenu: [ ]
  // },
      {
        ***
label: 'Print',
        click () { win.webContents.print({silent: false, printBackground: false, deviceName: ''})}
***
      },
  //   {
  //     label:'Drugs',
  //     submenu: [
  //     {
  //       label: 'Resus Drugs',
  //       click () {win.webContents.canGoForward()}
  //     },
  //      {
  //       label: 'Intubation',
  //       click () { }
  //     },
  //      {
  //       label: 'Arrythmias',
  //       click () { }
  //     },
  //      {
  //       label: 'Infusion',
  //       click () { }
  //     },
  //      {
  //       label: 'Fluids',
  //       click () { }
  //     },
  //   ]
  // },
]
const menu = Menu.buildFromTemplate(template);
Menu.setApplicationMenu(menu);
function createWindow() {
  const electronScreen = screen;
  const size = electronScreen.getPrimaryDisplay().workAreaSize;
  // Create the browser window.
  win = new BrowserWindow({
    // frame:false,
    backgroundColor: '#97b714',
    x: 0,
    y: 0,
    width: size.width,
    height: size.height
  });
  // and load the index.html of the app.
  win.loadURL('file://' + __dirname + '/index.html');
  // Open the DevTools.
  // if (serve) {
  //   win.webContents.openDevTools();
  // }
  // Emitted when the window is closed.
  win.on('closed', () =&amp;gt; {
    // Dereference the window object, usually you would store window
    // in an array if your app supports multi windows, this is the time
    // when you should delete the corresponding element.
    win = null;
  });
}
try {
  // This method will be called when Electron has finished
  // initialization and is ready to create browser windows.
  // Some APIs can only be used after this event occurs.
  app.on('ready', createWindow);
  // Quit when all windows are closed.
  app.on('window-all-closed', () =&amp;gt; {
    // On OS X it is common for applications and their menu bar
    // to stay active until the user quits explicitly with Cmd + Q
    if (process.platform !== 'darwin') {
      app.quit();
    }
  });
  app.on('activate', () =&amp;gt; {
    // On OS X it's common to re-create a window in the app when the
    // dock icon is clicked and there are no other windows open.
    if (win === null) {
      createWindow();
    }
  });
} catch (e) {
  // Catch Error
  // throw e;
}
&lt;/code&gt;&lt;/pre&gt;</t>
  </si>
  <si>
    <t>2017-08-23 17:45:54.650000+00:00</t>
  </si>
  <si>
    <t>2017-08-23 20:14:00.077000+00:00</t>
  </si>
  <si>
    <t>javascript|angular|electron</t>
  </si>
  <si>
    <t>Authentication with a REST API</t>
  </si>
  <si>
    <t>&lt;p&gt;I'm building a REST API in asp.net mvc. My system uses forms authentication. Username/password or openId/fbconnect, etc. If I have the &lt;code&gt;[Authorize]&lt;/code&gt; attribute on an action, how would an android app or a desktop app get access to the method?&lt;/p&gt;
&lt;p&gt;Or the better question is, how would I be designing the desktop app to authenticate? Would I need to pass an API key or some token of some sort? Or would the desktop app behave like a browser and use internal cookies? I'm not quite sure how a RESTful API would work outside of a web browser with authentication.&lt;/p&gt;</t>
  </si>
  <si>
    <t>2011-08-26 18:29:16.050000+00:00</t>
  </si>
  <si>
    <t>2011-08-26 19:03:25.227000+00:00</t>
  </si>
  <si>
    <t>asp.net-mvc|asp.net-mvc-3|rest|restful-authentication</t>
  </si>
  <si>
    <t>how to use javascript insert xml string to xml node</t>
  </si>
  <si>
    <t>&lt;p&gt;how to use javascript insert xml string to xml node?&lt;/p&gt;
&lt;p&gt;like in html use as shown below&lt;/p&gt;
&lt;pre&gt;&lt;code&gt; element.innerHTML ="abc&amp;lt;p&amp;gt;content&amp;lt;/p&amp;gt;";
&lt;/code&gt;&lt;/pre&gt;
&lt;p&gt;the node.textContent function only set the pure text to the node.&lt;/p&gt;</t>
  </si>
  <si>
    <t>2014-03-26 07:29:59.157000+00:00</t>
  </si>
  <si>
    <t>2014-03-26 09:05:14.777000+00:00</t>
  </si>
  <si>
    <t>2014-03-26 08:55:20.773000+00:00</t>
  </si>
  <si>
    <t>javascript|xml</t>
  </si>
  <si>
    <t>Generate DISTINCT Lists with ID T-SQL</t>
  </si>
  <si>
    <t>&lt;p&gt;For use in SSRS multi-select dropdowns, I need to generate multiple DISTINCT lists of values.&lt;/p&gt;
&lt;p&gt;This is easily done. &lt;code&gt;Select DISTINCT Department from DimEmployee&lt;/code&gt;&lt;/p&gt;
&lt;p&gt;In order to set an SSRS default value, you must have an ID field also in your data set.. this is not achieved by the above query&lt;/p&gt;
&lt;p&gt;I need to assign an arbitrary uniqueID to each of these records from my distinct list&lt;/p&gt;
&lt;p&gt;Any advice appreciated.&lt;/p&gt;
&lt;p&gt;Final output would be:&lt;/p&gt;
&lt;pre&gt;&lt;code&gt;Select * From dsDeptList
&lt;/code&gt;&lt;/pre&gt;
&lt;p&gt;Results...&lt;/p&gt;
&lt;pre&gt;&lt;code&gt;ID   |   DeptName
1    |   DeptName1
2    |   DeptName2
etc.....
&lt;/code&gt;&lt;/pre&gt;</t>
  </si>
  <si>
    <t>2015-02-18 22:35:47.897000+00:00</t>
  </si>
  <si>
    <t>2015-02-19 18:21:04.507000+00:00</t>
  </si>
  <si>
    <t>tsql|reporting-services|ssrs-2012|distinct-values</t>
  </si>
  <si>
    <t>Need information on ethernet bootloader for AT32UC3A0512</t>
  </si>
  <si>
    <t>&lt;p&gt;I am planning to develop ethernet bootloader. So I wanted to modify the existing DFU Bootloader program. I want to delete the already existing bootloader on micro-controller flash and put my own bootloader.&lt;/p&gt;
&lt;p&gt;Currently my MCU is AT32UC3A0512. I am using AVR Dragon and AVR One debugger/programmer. Is it possible to reprogram the bootloader region with AVR Dragon or AVR One? or I must need to have MKII debugger?&lt;/p&gt;</t>
  </si>
  <si>
    <t>2011-10-03 09:04:37.187000+00:00</t>
  </si>
  <si>
    <t>2011-10-07 12:02:16.983000+00:00</t>
  </si>
  <si>
    <t>debugging|ethernet|bootloader|atmel</t>
  </si>
  <si>
    <t>Affecting returned PHP query result to HTML form input field</t>
  </si>
  <si>
    <t>&lt;p&gt;Contents of main file&lt;/p&gt;
&lt;pre&gt;&lt;code&gt;&amp;lt;!DOCTYPE html PUBLIC "-//W3C//DTD XHTML 1.0 Transitional//EN" "http://www.w3.org/TR/xhtml1/DTD/xhtml1-transitional.dtd"&amp;gt;
&amp;lt;html xmlns="http://www.w3.org/1999/xhtml" &amp;gt;
&amp;lt;head&amp;gt;
    &amp;lt;meta http-equiv="Content-Type" content="text/html; charset=utf-8" /&amp;gt;
    &amp;lt;title&amp;gt;Test JSON&amp;lt;/title&amp;gt;
    &amp;lt;style type="text/css"&amp;gt;
        body {
            margin : 100px;
        }
        h1 {
            text-align: center;
        }
    &amp;lt;/style&amp;gt;
    &amp;lt;script src="https://ajax.googleapis.com/ajax/libs/jquery/1.12.2/jquery.min.js"&amp;gt;&amp;lt;/script&amp;gt;
    &amp;lt;link rel="stylesheet" href="https://ajax.googleapis.com/ajax/libs/jqueryui/1.11.4/themes/smoothness/jquery-ui.css" /&amp;gt;
    &amp;lt;script src="https://ajax.googleapis.com/ajax/libs/jqueryui/1.11.4/jquery-ui.min.js"&amp;gt;&amp;lt;/script&amp;gt;
    &amp;lt;script type="text/javascript" &amp;gt;
        $(document).ready(function () {
          $("#btn").click(getNewVal);
        });
        function getNewVal(){
            var xhr = new XMLHttpRequest();
            var queryString = "getVal.php?str=" + "Blah";
            xhr.open("GET", queryString, true);
            xhr.onreadystatechange = function () {
                if (xhr.readyState == 4) {
                    //alert(document.getElementById("txtField").value);
                    var JSONObj = JSON.parse(xhr.responseText);
                    alert(JSONObj.item);
                    document.getElementById("txtField").value = JSONObj.item;
                }
            }
            xhr.send(null); 
        }
    &amp;lt;/script&amp;gt;
&amp;lt;/head&amp;gt;
&amp;lt;body&amp;gt;
    &amp;lt;h1&amp;gt;Test JSON&amp;lt;/h1&amp;gt;
    &amp;lt;hr /&amp;gt;
    &amp;lt;form id="testForm" method="GET" action=""&amp;gt;
        &amp;lt;label&amp;gt;Custom Value: &amp;lt;/label&amp;gt;
        &amp;lt;input type="text" value="La valeur a changer" id="txtField"&amp;gt;
        &amp;lt;input type="submit" value="Bouton pour changer la valeur" id="btn"&amp;gt;
    &amp;lt;/form&amp;gt;
&amp;lt;/body&amp;gt;
&lt;/code&gt;&lt;/pre&gt;
&lt;p&gt;&lt;/p&gt;
&lt;p&gt;Contents of ajax call file&lt;/p&gt;
&lt;pre&gt;&lt;code&gt;&amp;lt;?php
if (mysqli_connect_errno())
{
    echo "Probl��me avec la connection : " . mysqli_connect_error();
}
else{
    if(isset($_GET['str'])) {
        $val = $_GET['str'];
        $post_data = array('item' =&amp;gt; $_GET['str']);
        echo json_encode($post_data);
    }
    else{
        echo "error";
    }
}
?&amp;gt;
&lt;/code&gt;&lt;/pre&gt;
&lt;p&gt;I want to return the result of the query and affect it to an html text input field in another php file. After making the changes for JSON everything works, except the &lt;code&gt;document.getElementById("txtField").value = JSONObj.item;&lt;/code&gt; in the onreadystatechange. What am i missing?&lt;/p&gt;
&lt;p&gt;Thanks in advance!&lt;/p&gt;</t>
  </si>
  <si>
    <t>2017-06-07 16:58:11.287000+00:00</t>
  </si>
  <si>
    <t>2017-06-07 18:49:43.987000+00:00</t>
  </si>
  <si>
    <t>javascript|php|html|ajax</t>
  </si>
  <si>
    <t>Right floated content going under left floated content</t>
  </si>
  <si>
    <t>&lt;p&gt;I have the following HTML:&lt;/p&gt;
&lt;pre&gt;&lt;code&gt;&amp;lt;div id="page_title"&amp;gt;
  &amp;lt;div id="left_title&amp;gt;
   &amp;lt;h1&amp;gt; MY LARGE TITLE &amp;lt;/h1&amp;gt;
  &amp;lt;/div&amp;gt;
  &amp;lt;div id="page_help"&amp;gt;
TEST TEST TEST TEST TEST TEST TEST TEST TEST TEST TEST TEST TEST TEST TEST TEST TEST
TEST TEST TEST TEST TEST TEST TEST TEST TEST TEST TEST TEST TEST TEST TEST TEST TEST
TEST TEST TEST TEST TEST TEST TEST TEST TEST TEST TEST TEST TEST TEST TEST TEST TEST
  &amp;lt;/div&amp;gt;
&amp;lt;/div&amp;gt;
&lt;/code&gt;&lt;/pre&gt;
&lt;p&gt;And the following CSS:&lt;/p&gt;
&lt;pre&gt;&lt;code&gt;#page_title
{
  width:960px;
  margin: 20px auto 0;
  overflow:hidden;
}
#left_title
{
  float:left
}
#page_help
{
  float:right
}
&lt;/code&gt;&lt;/pre&gt;
&lt;p&gt;When &lt;strong&gt;page_help&lt;/strong&gt; div has a lot of content, it goes under the &lt;strong&gt;left_title&lt;/strong&gt; and this is not what I want. I want left_title always in the left side of the page_help container.
This picture shows the (non wanted) behavior&lt;/p&gt;
&lt;p&gt;&lt;img src="https://i.stack.imgur.com/YiCUQ.png" alt="non wanted behavior"&gt;&lt;/p&gt;
&lt;p&gt;And this is what I would like:&lt;/p&gt;
&lt;p&gt;&lt;img src="https://i.stack.imgur.com/2LJlQ.png" alt="enter image description here"&gt;&lt;/p&gt;
&lt;p&gt;What am I missing in order to have that behavior?&lt;/p&gt;</t>
  </si>
  <si>
    <t>2012-06-15 20:15:27.197000+00:00</t>
  </si>
  <si>
    <t>2012-06-15 20:21:18.863000+00:00</t>
  </si>
  <si>
    <t>html|css|css-float</t>
  </si>
  <si>
    <t>Cocoa Audio / QTKit [play/pause toggle button] (error)</t>
  </si>
  <si>
    <t>&lt;p&gt;I'm using this &lt;a href="http://developer.apple.com/library/mac/#documentation/Cocoa/Conceptual/QTKitApplicationTutorial/BuildingaSimpleMediaPlayerApplication/BuildingaSimpleMediaPlayerApplication.html#//apple_ref/doc/uid/TP40008155-CH3-SW8" rel="nofollow"&gt;example&lt;/a&gt; to make a simple audio player which involves using the QTKit framework, although I can't figure figure out how to make a 'toggle' play/pause button instead of two separate buttons.&lt;/p&gt;
&lt;p&gt;I've tried using the following code and it doesn't work, the error message is: (Statement requires expression of scalar type ('void' invalid)&lt;/p&gt;
&lt;pre&gt;&lt;code&gt;- (IBAction)togglePlayback:(id)sender;
{
    if([self play])
    {
        [self stop];
    }
    else
    {
        [self play];
    }
}
&lt;/code&gt;&lt;/pre&gt;
&lt;p&gt;Any help would be appreciated, or if there is a better way to have an audio track play when the application opens with a toggle 'play/pause' switch.&lt;/p&gt;</t>
  </si>
  <si>
    <t>2012-01-01 10:55:53.927000+00:00</t>
  </si>
  <si>
    <t>2012-01-01 17:49:04.713000+00:00</t>
  </si>
  <si>
    <t>objective-c|xcode|cocoa</t>
  </si>
  <si>
    <t>chain of bootstrap popovers using jquery</t>
  </si>
  <si>
    <t>&lt;p&gt;I am trying to open sub-menu from a popover in another popover, but i am having trouble doing that. Here is the sample code&lt;/p&gt;
&lt;pre&gt;&lt;code&gt;&amp;lt;link rel="stylesheet" href="https://maxcdn.bootstrapcdn.com/bootstrap/3.3.7/css/bootstrap.min.css"&amp;gt;
&amp;lt;script src="https://ajax.googleapis.com/ajax/libs/jquery/3.2.1/jquery.min.js"&amp;gt;&amp;lt;/script&amp;gt;
&amp;lt;script src="https://maxcdn.bootstrapcdn.com/bootstrap/3.3.7/js/bootstrap.min.js"&amp;gt;&amp;lt;/script&amp;gt;
&amp;lt;ul id="menu1" class="dropdown-menu"&amp;gt;
    &amp;lt;li id="instance_1" data-toggle="popover2" style="cursor:pointer"&amp;gt;Instance 1&amp;lt;/li&amp;gt;
    &amp;lt;li id="instance_2"&amp;gt;Instance 2&amp;lt;/li&amp;gt;
&amp;lt;/ul&amp;gt;
&amp;lt;ul id="menu2" class="dropdown-menu"&amp;gt;
    &amp;lt;li id="instance_3"&amp;gt;Instance 3&amp;lt;/li&amp;gt;
    &amp;lt;li id="instance_4"&amp;gt;Instance 4&amp;lt;/li&amp;gt;
&amp;lt;/ul&amp;gt;
&amp;lt;button type="button" class="btn btn-lg btn-Primary" 
        data-toggle="popover1"&amp;gt;
  Click to toggle popover
&amp;lt;/button&amp;gt;
&amp;lt;script&amp;gt;
        $('[data-toggle="popover1"]').popover({
            html: true,
            placement: 'auto right',
            container: 'body',
            trigger: 'click',
            template: '&amp;lt;div id="x" class="popover" role="tooltip"&amp;gt;&amp;lt;div class="arrow"&amp;gt;&amp;lt;/div&amp;gt;&amp;lt;div class="popover-content"&amp;gt;&amp;lt;div class="data-content"&amp;gt;&amp;lt;/div&amp;gt;&amp;lt;/div&amp;gt;&amp;lt;/div&amp;gt;',
            content: function () {
                return $('#menu1').html();
            }
        });
        $('[data-toggle="popover2"]').popover({
            html: true,
            placement: 'auto right',
            container: 'body',
            trigger: 'click',
            template: '&amp;lt;div id="y" class="popover" role="tooltip"&amp;gt;&amp;lt;div class="arrow"&amp;gt;&amp;lt;/div&amp;gt;&amp;lt;div class="popover-content"&amp;gt;&amp;lt;div class="data-content"&amp;gt;&amp;lt;/div&amp;gt;&amp;lt;/div&amp;gt;&amp;lt;/div&amp;gt;',
            content: function () {
                return $('#menu2').html();
            }
        });
&amp;lt;/script&amp;gt;
&lt;/code&gt;&lt;/pre&gt;
&lt;p&gt;Can Someone help me in understanding how to do this. Thanks in advance!!&lt;/p&gt;</t>
  </si>
  <si>
    <t>2018-01-05 22:02:30.820000+00:00</t>
  </si>
  <si>
    <t>2018-01-05 22:26:24.463000+00:00</t>
  </si>
  <si>
    <t>jquery|bootstrap-popover</t>
  </si>
  <si>
    <t>Architecture for XMPP-based chat service using web sockets</t>
  </si>
  <si>
    <t>&lt;p&gt;Let's say I want to create a web and web socket-based chat service. And let's also say that I want multiple, discrete chat rooms.&lt;/p&gt;
&lt;p&gt;I need this to scale, so, I'm thinking to use XMPP so that I can transparently use multiple servers. Is the architecture shown in the diagram what I would need?&lt;/p&gt;
&lt;p&gt;&lt;img src="https://i.stack.imgur.com/KdEn7.png" alt="enter image description here"&gt;&lt;/p&gt;
&lt;p&gt;And, would I even need NodeJS?&lt;/p&gt;</t>
  </si>
  <si>
    <t>2011-04-13 19:15:32.107000+00:00</t>
  </si>
  <si>
    <t>2011-04-13 20:12:38.173000+00:00</t>
  </si>
  <si>
    <t>2011-04-13 19:49:59.610000+00:00</t>
  </si>
  <si>
    <t>sockets|node.js|websocket</t>
  </si>
  <si>
    <t>Plain text markup with programable extentions point?</t>
  </si>
  <si>
    <t>&lt;p&gt;I look for plain text markup what allow extension of syntax through standard way and ability to include/program own writers (or register routines to writer extension points) in order to get final document in different form with handling additional syntax myself.&lt;/p&gt;
&lt;p&gt;As I know &lt;strong&gt;markdown&lt;/strong&gt; is limited to making text strong/emphasis...&lt;/p&gt;
&lt;p&gt;&lt;strong&gt;RST&lt;/strong&gt; look promising but I afraid that with my limited experience I miss some rich and useful markup language... I just look to &lt;a href="http://en.wikipedia.org/wiki/Comparison_of_document_markup_languages" rel="nofollow"&gt;http://en.wikipedia.org/wiki/Comparison_of_document_markup_languages&lt;/a&gt; and get lost.&lt;/p&gt;
&lt;p&gt;&lt;strong&gt;PS&lt;/strong&gt;. For dev docs and personal blog generation.&lt;/p&gt;
&lt;p&gt;&lt;strong&gt;PPS&lt;/strong&gt;. &lt;em&gt;Explain why XML, JSON or any of a number of generalized markup languages doesn't meet your requirements&lt;/em&gt;&lt;/p&gt;
&lt;p&gt;Using Json or XML are not pleased because I want readability of original source format. While I work with DocBook - it is not a funny format for personal blog articles... It must be fun to write... So I look sfor some wiki syntax with extension points and engine which can provide AST.&lt;/p&gt;</t>
  </si>
  <si>
    <t>2014-04-05 16:26:36.723000+00:00</t>
  </si>
  <si>
    <t>2014-04-07 14:13:25.540000+00:00</t>
  </si>
  <si>
    <t>2014-04-05 16:32:19.250000+00:00</t>
  </si>
  <si>
    <t>markdown|markup|restructuredtext</t>
  </si>
  <si>
    <t>jhbuild build: unknown repository type arch</t>
  </si>
  <si>
    <t>&lt;p&gt;Hi i am trying to use &lt;strong&gt;&lt;em&gt;JHBuild script&lt;/em&gt;&lt;/strong&gt; for &lt;strong&gt;&lt;em&gt;GStreamer&lt;/em&gt;&lt;/strong&gt; build setup, i followed the steps given in wiki @ &lt;a href="http://wiki.pitivi.org/wiki/GStreamer_using_jhbuild" rel="nofollow"&gt;http://wiki.pitivi.org/wiki/GStreamer_using_jhbuild&lt;/a&gt; &lt;br /&gt;&lt;br /&gt;
But when i give the command &lt;strong&gt;gst-jhbuild build&lt;/strong&gt; , its giving &lt;em&gt;jhbuild build: unknown repository type arch&lt;/em&gt; , which is there in gstreamer.modules file. How can i solve this issue?&lt;/p&gt;
&lt;p&gt;Thanks in Advance.&lt;/p&gt;</t>
  </si>
  <si>
    <t>2013-03-01 05:51:35.540000+00:00</t>
  </si>
  <si>
    <t>gstreamer|jhbuild</t>
  </si>
  <si>
    <t>Returned ajax result as global integer variable</t>
  </si>
  <si>
    <t>&lt;p&gt;I cannot figure out where I'm going wrong here. I have an ajax call that calls an insert statement and returns the ID of that insert. This works.&lt;/p&gt;
&lt;p&gt;But I'm trying to create a global variable of this so that I can use the ID as a value in another insert and update that are called in a different ajax call.&lt;/p&gt;
&lt;p&gt;I currently get the page ID returned and can echo it in the console, but when I call the 2nd function it says invalid integer type for page_id.&lt;/p&gt;
&lt;p&gt;The first ajax call: &lt;/p&gt;
&lt;pre&gt;&lt;code&gt;&amp;lt;script type="text/javascript"&amp;gt;
$(document).ready(function(){
    var page_id;
$("#submitForm").click(function(){
event.preventDefault();
var string = $('#pageForm').serialize();
// AJAX Code To Submit Form.
    $.ajax({
        type: "POST",
        url: "addPage.php",
        data: string,
        dataType: 'json',
        cache: false,
        success: function(response){
          console.log(response['last_insert_id']);
          page_id = JSON.stringify(response['last_insert_id']);
        }
    });
});
});
&amp;lt;/script&amp;gt;
&lt;/code&gt;&lt;/pre&gt;
&lt;p&gt;calls addpage.php&lt;/p&gt;
&lt;pre&gt;&lt;code&gt;$addpage = "
    INSERT INTO pages (title, page_type_id, display_id, duration)
    VALUES ('$title','$page_type','$display_id','$duration');
";
if ($mysqlConn-&amp;gt;query($addpage) === TRUE) {
    $last_id = $mysqlConn-&amp;gt;insert_id;
    $data['last_insert_id'] = $last_id;
    echo json_encode($data);
} else {
    echo "Error: " . $addpage . "&amp;lt;br&amp;gt;" . $mysqlConn-&amp;gt;error;
}
&lt;/code&gt;&lt;/pre&gt;
&lt;p&gt;So now I want to store the 'last_insert_id' as a global variable back in my first file to use in another ajax call/insert&lt;/p&gt;
&lt;pre&gt;&lt;code&gt;&amp;lt;script type="text/javascript"&amp;gt;
    $(document).ready(function(){
    $("#form-data").submit(function(e){
        var content = tinymce.get("mytextarea").getContent();
        $(".leftContent").html(content);
        $("#new").val(content);
          var string = $('#form-data').serialize() +  page_id;
        // AJAX Code To Submit Form.
            $.ajax({
                type: "POST",
                url: "addPanel.php",
                data: string,
                cache: false,
                success: function(response){
                  console.log(JSON.stringify(response));
                }
            });
        return false;
    });
});
&amp;lt;/script&amp;gt;
&lt;/code&gt;&lt;/pre&gt;</t>
  </si>
  <si>
    <t>2018-07-24 18:09:07.513000+00:00</t>
  </si>
  <si>
    <t>2018-08-07 18:12:10.187000+00:00</t>
  </si>
  <si>
    <t>php|jquery|mysql|ajax</t>
  </si>
  <si>
    <t>Silex Routing Issue - Remove page name and directory name</t>
  </si>
  <si>
    <t>&lt;p&gt;First of all, I am new in &lt;code&gt;Silex PHP Framework&lt;/code&gt; and i am trying to create one RESTApi for my Android app.&lt;/p&gt;
&lt;p&gt;My Directory Structure  &lt;/p&gt;
&lt;blockquote&gt;
  &lt;p&gt;abc&lt;br&gt;
  ----vendor&lt;br&gt;
  ----web&lt;br&gt;
  --------index.php&lt;br&gt;
  --------.htaccess&lt;br&gt;
  ----composer.json&lt;br&gt;
  ----composer.lock  &lt;/p&gt;
&lt;/blockquote&gt;
&lt;p&gt;my &lt;code&gt;Index.php&lt;/code&gt; File coding&lt;/p&gt;
&lt;pre&gt;&lt;code&gt;&amp;lt;?php
require_once __DIR__.'/../vendor/autoload.php';
$app = new Silex\Application();
$app-&amp;gt;get('/hello/{id}', function ($id) use($app) {
    return 'Hello '.$app-&amp;gt;escape($id); 
});
$app-&amp;gt;get('/', function () {
    return 'Hello!';
});
$app-&amp;gt;run();
&lt;/code&gt;&lt;/pre&gt;
&lt;p&gt;my .htaccess file coding&lt;/p&gt;
&lt;pre&gt;&lt;code&gt;RedirectMatch permanent ^/index\.php/(.*) /$1
&amp;lt;IfModule mod_rewrite.c&amp;gt;
    Options -MultiViews    
    RewriteEngine On
    RewriteBase /abc/web/
    RewriteCond %{REQUEST_FILENAME} !-f
    RewriteRule ^((?!web/).*)$ web/$1 [NC,L]
&amp;lt;/IfModule&amp;gt;
&lt;/code&gt;&lt;/pre&gt;
&lt;p&gt;When i hit this URL &lt;code&gt;http://127.0.0.1/abc/web/&lt;/code&gt;&lt;/p&gt;
&lt;p&gt;it's work perfectly good and get response &lt;code&gt;Hello!&lt;/code&gt;&lt;/p&gt;
&lt;p&gt;but when i hit URL like this &lt;code&gt;http://127.0.0.1/abc/web/hello/123&lt;/code&gt;&lt;/p&gt;
&lt;p&gt;so i got Error like this&lt;/p&gt;
&lt;pre&gt;&lt;code&gt;Not Found
The requested URL /abc/web/hello/123 was not found on this server.
&lt;/code&gt;&lt;/pre&gt;
&lt;p&gt;And if i hit this URL &lt;code&gt;http://127.0.0.1/abc/web/index.php/hello/123&lt;/code&gt; so it's work good and i got response OK. &lt;code&gt;Hello 123&lt;/code&gt;&lt;/p&gt;
&lt;p&gt;So, &lt;code&gt;MY QUESTION&lt;/code&gt; is how i remove page name &lt;code&gt;index.php&lt;/code&gt; and &lt;code&gt;dir&lt;/code&gt; name &lt;code&gt;web&lt;/code&gt; from my URL and i want my URL to look like this &lt;code&gt;http://127.0.0.1/abc/hello/123&lt;/code&gt;&lt;/p&gt;
&lt;p&gt;Is that possible ? and how ?&lt;/p&gt;
&lt;p&gt;Please help, Thanks in advance.&lt;/p&gt;</t>
  </si>
  <si>
    <t>2015-11-08 09:33:21.677000+00:00</t>
  </si>
  <si>
    <t>2015-11-08 11:35:06.633000+00:00</t>
  </si>
  <si>
    <t>php|.htaccess|symfony|symfony1|silex</t>
  </si>
  <si>
    <t>How to write a param with query values of enum type in camel 2.16</t>
  </si>
  <si>
    <t>&lt;p&gt;I want the param  to be &lt;/p&gt;
&lt;ol&gt;
&lt;li&gt;param type to be RestParamType.query&lt;/li&gt;
&lt;li&gt;dataType as string&lt;/li&gt;
&lt;li&gt;query values must be an enum of one of these values {Monday,Tuesday,WednesDay}&lt;/li&gt;
&lt;/ol&gt;
&lt;p&gt;I have implemented the routeBuilder with params  &lt;/p&gt;
&lt;pre&gt;&lt;code&gt;     .param()
        .name("rest").description(" param").type(RestParamType.query).allowableValues("Monday","Tuesday","Wednesday").dataType("string")
     .endParam()
&lt;/code&gt;&lt;/pre&gt;
&lt;p&gt;But the output schema is &lt;/p&gt;
&lt;pre&gt;&lt;code&gt;"parameters" : [ {
      "name" : "rest",
      "in" : "query",
      "description" : "",
      "required" : true,
      "type" : "String"
    } ]
&lt;/code&gt;&lt;/pre&gt;
&lt;p&gt;What I wanted is &lt;/p&gt;
&lt;pre&gt;&lt;code&gt;"parameters" : [ {
      "name" : "rest",
      "in" : "query",
      "description" : "",
     "type": "string",
        "required": true,
        "enum": [
          "Monday",
          "Tuesday",
          "Wednesday",
        ]
      },
&lt;/code&gt;&lt;/pre&gt;
&lt;p&gt;How to write the route for this above schema in camel for generating API-Docs using swagger-camel library (refered from [&lt;a href="http://camel.apache.org/swagger-java.html]" rel="nofollow"&gt;http://camel.apache.org/swagger-java.html]&lt;/a&gt;).&lt;/p&gt;</t>
  </si>
  <si>
    <t>2015-12-22 12:44:01.573000+00:00</t>
  </si>
  <si>
    <t>2016-02-11 09:07:45.323000+00:00</t>
  </si>
  <si>
    <t>2015-12-22 18:03:05.813000+00:00</t>
  </si>
  <si>
    <t>java|apache-camel</t>
  </si>
  <si>
    <t>Leaflet control dialog draggable on touch screens</t>
  </si>
  <si>
    <t>&lt;p&gt;I have issues with dragging Leaflet dialogs on touch devices.&lt;/p&gt;
&lt;p&gt;I am using Leaflet 1.0.3 (&lt;a href="http://leafletjs.com/" rel="nofollow noreferrer"&gt;http://leafletjs.com/&lt;/a&gt;) and Leaflet.Dialog plugin (&lt;a href="https://github.com/NBTSolutions/Leaflet.Dialog" rel="nofollow noreferrer"&gt;https://github.com/NBTSolutions/Leaflet.Dialog&lt;/a&gt;) to display some information on top of the map. It works perfectly fine with mouse events. However, it completely fails on touch screens.&lt;/p&gt;
&lt;p&gt;I suspected that Leaflet's map event listeners on touch devices prohibited touch events on overlay elements so I've tried setting dragging and tap to false in map options, but neither worked. I've also added jquery-ui draggable functionality on the dialogs that made the entire dialog boxes draggable on non-touch screen devices; still no luck with touch events though. Any ideas on how to make this work?&lt;/p&gt;
&lt;pre&gt;&lt;code&gt;var map = L.map('map', {
    maxZoom: 20,
    minZoom: 5/*,
    tap: false,
    dragging: false*/});
var dialog = L.control.dialog(options)
    .setContent("test")
    .addTo(map);
$('.leaflet-control-dialog').draggable();
&lt;/code&gt;&lt;/pre&gt;</t>
  </si>
  <si>
    <t>2017-07-01 14:07:57.043000+00:00</t>
  </si>
  <si>
    <t>2017-07-02 12:53:15.100000+00:00</t>
  </si>
  <si>
    <t>javascript|leaflet|touch|draggable|jquery-ui-draggable</t>
  </si>
  <si>
    <t>If Time is less than 10 show "00", "01", "02"</t>
  </si>
  <si>
    <t>&lt;p&gt;I want to show &lt;code&gt;if time is less than 10 hours or minute or seconds&lt;/code&gt; then, it time will show like &lt;code&gt;"00", "01", "02","03"...&lt;/code&gt; but right now it showing &lt;code&gt;"0", "1", "2", "3"...&lt;/code&gt;&lt;/p&gt;
&lt;p&gt;CODE:&lt;/p&gt;
&lt;p&gt;&lt;div class="snippet" data-lang="js" data-hide="false" data-console="true"&gt;_x000D_
&lt;div class="snippet-code"&gt;_x000D_
&lt;pre class="snippet-code-js lang-js prettyprint-override"&gt;&lt;code&gt;function startTime() {_x000D_
  var today = new Date();_x000D_
  var h = today.getHours();_x000D_
  var m = today.getMinutes();_x000D_
  var s = today.getSeconds();_x000D_
  document.getElementById('label').innerHTML = h + ":" + m + ":" + s;_x000D_
  var t = setTimeout(startTime, 500);_x000D_
}&lt;/code&gt;&lt;/pre&gt;_x000D_
&lt;pre class="snippet-code-html lang-html prettyprint-override"&gt;&lt;code&gt;&amp;lt;body onload="startTime()"&amp;gt;_x000D_
  &amp;lt;div id="label"&amp;gt;&amp;lt;/div&amp;gt;_x000D_
&amp;lt;/body&amp;gt;&lt;/code&gt;&lt;/pre&gt;_x000D_
&lt;/div&gt;_x000D_
&lt;/div&gt;_x000D_
&lt;/p&gt;
&lt;p&gt;check seconds &lt;/p&gt;</t>
  </si>
  <si>
    <t>2016-06-08 06:18:04.193000+00:00</t>
  </si>
  <si>
    <t>2016-06-08 06:51:03.217000+00:00</t>
  </si>
  <si>
    <t>2016-06-08 06:23:59.350000+00:00</t>
  </si>
  <si>
    <t>javascript|html5|css3</t>
  </si>
  <si>
    <t>How do I catch a PHP Fatal Error</t>
  </si>
  <si>
    <t>&lt;p&gt;I can use &lt;code&gt;set_error_handler()&lt;/code&gt; to catch most PHP errors, but it doesn't work for fatal (&lt;code&gt;E_ERROR&lt;/code&gt;) errors, such as calling a function that doesn't exist. Is there another way to catch these errors?&lt;/p&gt;
&lt;p&gt;I am trying to call &lt;code&gt;mail()&lt;/code&gt; for all errors and am running PHP 5.2.3.&lt;/p&gt;</t>
  </si>
  <si>
    <t>2008-11-10 06:42:27.647000+00:00</t>
  </si>
  <si>
    <t>2018-10-05 12:18:26.837000+00:00</t>
  </si>
  <si>
    <t>2017-03-30 10:44:13.630000+00:00</t>
  </si>
  <si>
    <t>Peter</t>
  </si>
  <si>
    <t>php|fatal-error</t>
  </si>
  <si>
    <t>inherit value from another class in android</t>
  </si>
  <si>
    <t>&lt;p&gt;I want to keep the value which is entered in the Edit text by the users.
then I want to use that entered value in a different class.basically i want the user to enter their username in this class             &lt;/p&gt;
&lt;pre&gt;&lt;code&gt;public class Loginpage extends Activity implements OnClickListener{
    EditText usern,passw,dis;
    Button ulogin;
    String k;
    @Override
    public void onCreate(Bundle savedInstanceState) {
        // TODO Auto-generated method stub
        super.onCreate(savedInstanceState);
        setContentView(R.layout.loginpage);
        usern=(EditText) findViewById(R.id.usern);
        passw=(EditText) findViewById(R.id.passw);
        dis=(EditText) findViewById(R.id.dis);
        ulogin=(Button) findViewById(R.id.ulogin);
        ulogin.setOnClickListener(this);
        k=usern.getText().toString();
    }
    @Override
    public void onClick(View p) {
        // TODO Auto-generated method stub
        switch(p.getId()){
        case R.id.ulogin:
            k=usern.getText().toString();
            String passwd=passw.getText().toString();
            Process cat = new Process(this);
            cat.open();
            String returnpass = cat.getpass(k);
            cat.close();
            if(passwd.equals(returnpass))
            {
                Intent i=new Intent("com.example.billpay.USEROPTION");
                startActivity(i);
                Dialog r=new Dialog(this);
                r.setTitle("Login Successfull");
                TextView wg= new TextView(this);
                wg.setText("Success");
                r.setContentView(wg);
                r.show();
            }
            else
            {
                Dialog r=new Dialog(this);
                r.setTitle("Wrong Username or Password");
                TextView po= new TextView(this);
                po.setText("Failure");
                r.setContentView(po);
                r.show();
            }
        }
    }
}
&lt;/code&gt;&lt;/pre&gt;
&lt;p&gt;then i want to use their value which they have entered in the edit text in another class which is this.I want to display their username in this page.&lt;/p&gt;
&lt;pre&gt;&lt;code&gt; public class Userprofile extends Loginpage {
    TextView pra;
    public void onCreate(Bundle savedInstanceState) {
        // TODO Auto-generated method stub
        super.onCreate(savedInstanceState);
        setContentView(R.layout.userprofile);
        pra=(TextView)findViewById(R.id.pra);
        EditText p=usern;
        String op=p.getText().toString();
        pra.setText(k);
    }
}
&lt;/code&gt;&lt;/pre&gt;
&lt;p&gt;but i am not being able to display their value&lt;/p&gt;</t>
  </si>
  <si>
    <t>2014-04-24 11:20:59.850000+00:00</t>
  </si>
  <si>
    <t>2014-04-24 12:16:20.367000+00:00</t>
  </si>
  <si>
    <t>2014-04-24 12:02:49.113000+00:00</t>
  </si>
  <si>
    <t>Swift Sound Effects // Why Won't My Code Work?</t>
  </si>
  <si>
    <t>&lt;p&gt;I have been trying to make a game to teach myself swift, and cant seem to get this code to work. I am extremely new to this, and can't seem to find out why it won't work... XCode doesn't flag any problems, build sucseed, and debugger even prints "Got to Stage 1 &amp;amp; Got to Stage 2... anything help?&lt;/p&gt;
&lt;p&gt;I Imported AVFoundation..&lt;/p&gt;
&lt;pre&gt;&lt;code&gt;class GAME {
    class func SuperStartGame(playerwhowon1: SKSpriteNode) {
            var player = AVAudioPlayer()
        func PlaySound() {
            guard let URL = Bundle.main.url(forResource: "PowerUp", withExtension: "mp3")
                else {
                    print("Didn't Find URL")
                    return
            }
            do {
                print("Got to Stage 1")
                try AVAudioSession.sharedInstance().setCategory(AVAudioSessionCategoryPlayback)
                try AVAudioSession.sharedInstance().setActive(true)
                player = try AVAudioPlayer(contentsOf: URL, fileTypeHint: "mp3")
                player.prepareToPlay()
                player.play()
                print("Got to Stage 2")
            } catch let error as NSError {
                print("error: \(error.localizedDescription)")
            }
        RoundNumber += 1
        Round.text = "Round \(RoundNumber)"
        if playerwhowon1 == Mine {
            MyScore.run(addscoreM) {
                PlaySound()
                    Round.run(NewRoundForRound) {
...
&lt;/code&gt;&lt;/pre&gt;
&lt;p&gt;Code keeps going.. thats the only part that is relevant to the sound. I added the sound file to Xcode, and made sure it was added tot he project target... it is in my main bundle. &lt;/p&gt;</t>
  </si>
  <si>
    <t>2017-10-16 06:40:42.457000+00:00</t>
  </si>
  <si>
    <t>2017-10-16 08:26:24.060000+00:00</t>
  </si>
  <si>
    <t>2017-10-16 06:54:26.130000+00:00</t>
  </si>
  <si>
    <t>"The timeout period elapsed prior to obtaining a connection from the pool", how to test it?</t>
  </si>
  <si>
    <t>&lt;p&gt;I have a DAL/Repository class that manages connections to the Database, and all calls must go through this layer. I implemented the code like this:&lt;/p&gt;
&lt;pre&gt;&lt;code&gt;public class DataAccessLayer
{
    //SCRUD Methods
    public IList&amp;lt;T&amp;gt; Get&amp;lt;T&amp;gt;(Criteria criterias) where T : class
    {
        using (IConnection connection = ConnectionFactory.GetConnection("myConName"))
        {
            ICommand command = connection.GetCommand();
            command.CommandText = myMapper.GenerateQuery();
            using (IDataReader dataReader = command.ExecuteReader())
            {
                while (dataReader.Read())
                {
                    //Do something here
                }
            }
        }
    }
}
&lt;/code&gt;&lt;/pre&gt;
&lt;p&gt;My ConnectionFactory looks like this:&lt;/p&gt;
&lt;pre&gt;&lt;code&gt;public class ConnectionFactory
{
    public static IConnection GetConnection(string conName)
    {
        return new SqlConnection(ConfigurationManager.ConnectionStrings[conName].ConnectionString);
    }
}
&lt;/code&gt;&lt;/pre&gt;
&lt;p&gt;I believe that &lt;code&gt;using&lt;/code&gt; equals to a &lt;code&gt;try&lt;/code&gt; and &lt;code&gt;finally&lt;/code&gt; with &lt;code&gt;Dispose()&lt;/code&gt;. 
However, uploading this new version (we used NHibernate before to manage sessions) started causing this error on production.
What else can I try, how can I test and ensure this won't happen in production?&lt;/p&gt;
&lt;p&gt;&lt;strong&gt;Edit:&lt;/strong&gt; Something worthy noting is that we're starting to remove an old NHibernate implementation, but since the project's quite large already, we're still using NHibernate AND this new Data Access Layer in conjunction. Could this be the cause? 
Does NHibernate monopolizes the connection pools to the point where I'd get this error even following (supposedly) good practices? 
Or could this be from a faulty NHibernate implementation?&lt;/p&gt;</t>
  </si>
  <si>
    <t>2014-12-17 19:00:46.077000+00:00</t>
  </si>
  <si>
    <t>2014-12-17 19:08:00.270000+00:00</t>
  </si>
  <si>
    <t>c#|nhibernate|connection|connection-pooling</t>
  </si>
  <si>
    <t>calculate time between two datetime - ActiveRecord/SQL/Heroku</t>
  </si>
  <si>
    <t>&lt;p&gt;Using Rails ActiveRecord, am wanting to calculate the time between two datetime fields within the same row. The difference between the two datetimes could be seconds through to hours, and could span mid-night. A number of seconds representing the difference would be dandy.&lt;/p&gt;
&lt;p&gt;Am using both sqlite and postgress.&lt;/p&gt;
&lt;p&gt;Playing with sqlite, the following just gives 0 for the calculation. (both "solved_at" and "started_at" are type "datetime", and "solved_at" is later than "started_at")&lt;/p&gt;
&lt;pre&gt;&lt;code&gt;SELECT  (datetime(solved_at) - datetime(started_at)) FROM "schedules";
&lt;/code&gt;&lt;/pre&gt;
&lt;p&gt;&lt;em&gt;&lt;strong&gt;Other phrases to help others search&lt;/em&gt;&lt;/strong&gt;
calculate time between two
calculate time in between
calculate elapsed time between
calculate elapsed time in between
calculate duration between two
calculate duration in between two
derive time between two
derive time in between
derive elapsed time between
derive elapsed time in between
derive duration between two
derive duration in between two
determine time between two
determine time in between
determine elapsed time between
determine elapsed time in between
determine duration between two
determine duration in between two&lt;/p&gt;</t>
  </si>
  <si>
    <t>2012-02-25 10:31:49.663000+00:00</t>
  </si>
  <si>
    <t>2012-04-04 10:17:29.370000+00:00</t>
  </si>
  <si>
    <t>2012-02-27 00:38:26.313000+00:00</t>
  </si>
  <si>
    <t>sql|ruby-on-rails|ruby|activerecord|heroku</t>
  </si>
  <si>
    <t>Should i limit ASP.NET user sessions to a single active session?</t>
  </si>
  <si>
    <t>&lt;p&gt;I am designing an internal asp.net 4.0 application where user gets into the system without entering any login and password.  This is a timesheet application and user is authenticated via system user name (compare system user name with the user table in the DB). Each user belongs to certain group and each group has different access permissions.&lt;/p&gt;
&lt;p&gt;Apart from saving last login date and time, do i need to save the unique session id with each user in the DB (saving last session id in the user table and checking if the users has valid session).&lt;/p&gt;
&lt;p&gt;Is this a good practise to keep the user session alive until he logs out or close the window (no matter how long he leave the window open)? &lt;/p&gt;
&lt;p&gt;Normally session level details are saved in the database where user is getting into the system via user login and password but in my application there is no login page.&lt;/p&gt;</t>
  </si>
  <si>
    <t>2012-09-08 13:09:56.540000+00:00</t>
  </si>
  <si>
    <t>2012-09-08 14:15:18.527000+00:00</t>
  </si>
  <si>
    <t>c#|asp.net|sql-server|iis|vb.net-2010</t>
  </si>
  <si>
    <t>compiler warning - cast from pointer to integer of different size</t>
  </si>
  <si>
    <t>&lt;p&gt;I'm trying to create a struct that can hold generic values. The code below works but I'm getting a compiler warning about the cast from pointer to integer. This is on a 64-bit system.&lt;/p&gt;
&lt;pre&gt;&lt;code&gt;struct node
{
    void *key;
    void *value;
};
void insert(struct node *ht, void *key, void *value)
{
    ht-&amp;gt;key = key;
    ht-&amp;gt;value = value;
    return;
}
int main()
{
    struct node *t = (struct node *)malloc(sizeof(struct node));
    insert(t, (void *)3, (void *)5);
    printf("[%d]-&amp;gt;[%d]\n", (int)t-&amp;gt;key,(int)t-&amp;gt;value);
    free(t);
    return 0;
}
&lt;/code&gt;&lt;/pre&gt;
&lt;p&gt;I'm not even sure if this is the correct way to go about it. I sort of hacked it up. Please let me know if there is a proper way to do this. &lt;/p&gt;</t>
  </si>
  <si>
    <t>2013-02-05 15:49:36.233000+00:00</t>
  </si>
  <si>
    <t>2013-02-05 17:06:05.257000+00:00</t>
  </si>
  <si>
    <t>c|generics</t>
  </si>
  <si>
    <t>Pandas: changing years based on an int value</t>
  </si>
  <si>
    <t>&lt;p&gt;I'm trying to subtract years from one column based on a number in another column.&lt;/p&gt;
&lt;p&gt;This is what i mean:&lt;/p&gt;
&lt;pre&gt;&lt;code&gt;   base_date          amount_years
0  2006-09-01         2
1  2007-04-01         4
&lt;/code&gt;&lt;/pre&gt;
&lt;p&gt;The result would be:&lt;/p&gt;
&lt;pre&gt;&lt;code&gt;   base_date          amount_years
0  2008-09-01         2
1  20011-04-01        4
&lt;/code&gt;&lt;/pre&gt;
&lt;p&gt;Is there a way to achieve this in python?&lt;/p&gt;</t>
  </si>
  <si>
    <t>2017-12-17 13:53:20.370000+00:00</t>
  </si>
  <si>
    <t>2017-12-17 14:02:14.383000+00:00</t>
  </si>
  <si>
    <t>Best approach to dynamically populate select list</t>
  </si>
  <si>
    <t>&lt;p&gt;I've read all morning about some different approaches to use either javascript or jquery to dynamically populate a select list based on choosing an option from a prior select list.  I have to admit, I am out of my depth here.  I would like to know the best way to do the following:&lt;/p&gt;
&lt;p&gt;A student's English language acquisition status (LangFluency) may be either&lt;/p&gt;
&lt;p&gt;EO, EL, RFEP, IFEP, TBD&lt;/p&gt;
&lt;p&gt;If I choose EO in this select list, I want only English to be selectable in the next drop-down menu, to indicate the student's Primary Language (PrimaryLanguage).&lt;/p&gt;
&lt;p&gt;If I choose anything other than EO, I want English to be disabled in the next drop-down menu, because PrimaryLanguage cannot be English if LangFluency is EL, RFEP, IFEP or TBD.&lt;/p&gt;
&lt;p&gt;The list of PrimaryLanguage options is extensive, and is at present just a bunch of static entries such as  (01) Spanish  The LangFluency options are only the five listed above.&lt;/p&gt;
&lt;p&gt;Can somebody please help me?&lt;/p&gt;
&lt;p&gt;Thanks,
Schelly&lt;/p&gt;</t>
  </si>
  <si>
    <t>2014-03-12 20:18:01.163000+00:00</t>
  </si>
  <si>
    <t>2014-03-13 22:30:19.963000+00:00</t>
  </si>
  <si>
    <t>Show syntax error near "set" in database</t>
  </si>
  <si>
    <t>&lt;p&gt;The following line showed me the error as sytax error near "SET"&lt;/p&gt;
&lt;pre&gt;&lt;code&gt;         db.update( TABLE_SECOND_NAME,cv, " SET " + COL_SECOND_2 + "= ( CONCAT 
              "+ (COL_SECOND_3+ ", " +name)+ "'ROLL=?",new String[]{roll});
&lt;/code&gt;&lt;/pre&gt;
&lt;p&gt;I want to keep the both values old and new one during updating.The first value which is store already and the new one which is now updating.
the log as:&lt;/p&gt;
&lt;pre&gt;&lt;code&gt;       09-29 14:20:37.021 27122-27122/com.example.prince.studentrecord
       E/ViewRootImpl: sendUserActionEvent() mView == null     
      09-29 14:20:37.581 27122-27122/com.example.prince.studentrecord 
       ViewPostImeInputStage ACTION_DOWN  
      09-29 14:20:38.941 27122-27122/com.example.prince.studentrecord 
          D/ViewRootImpl: 
      09-29 14:20:39.231 27122-27122/com.example.prince.studentrecord 
       E/ViewRootImpl: sendUserActionEvent() mView == null
      09-29 14:20:42.061 27122-27122/com.example.prince.studentrecord   
   09-29 14:20:42.161 27122-27122/com.example.prince.studentrecord   
      E/SQLiteLog: (1) near "SET": syntax error
&lt;/code&gt;&lt;/pre&gt;</t>
  </si>
  <si>
    <t>2016-09-29 09:25:12.253000+00:00</t>
  </si>
  <si>
    <t>2016-09-29 10:51:35.627000+00:00</t>
  </si>
  <si>
    <t>android|database|sqlite|android-sqlite</t>
  </si>
  <si>
    <t>Disable (not hide) system UI bar programmatically on non-rooted 4.0+ android tablet?</t>
  </si>
  <si>
    <t>&lt;p&gt;In my app, there is a activity where it is important that the system UI buttons (home, back, etc.) are not pressed, though it is ok if they are still visible. I have heard that there might be a way to achieve this, at least in 4.0 (I'm using 4.2).&lt;/p&gt;
&lt;p&gt;A way to quickly and automatically return to the app if the buttons are pressed is also a correct answer, but seems less plausible. Thanks.&lt;/p&gt;</t>
  </si>
  <si>
    <t>2013-08-01 17:24:42.140000+00:00</t>
  </si>
  <si>
    <t>2014-02-18 07:41:35.743000+00:00</t>
  </si>
  <si>
    <t>android|user-interface|android-4.2-jelly-bean</t>
  </si>
  <si>
    <t>Jenkins multiple builds from the same project in different slave nodes</t>
  </si>
  <si>
    <t>&lt;p&gt;Can I queue multiple builds from the same project in different slaves nodes and only one build per node? is there any plugin to do it?&lt;/p&gt;</t>
  </si>
  <si>
    <t>2015-04-30 16:20:31.637000+00:00</t>
  </si>
  <si>
    <t>2017-03-13 15:41:13.897000+00:00</t>
  </si>
  <si>
    <t>jenkins|jenkins-plugins</t>
  </si>
  <si>
    <t>Appending multiple user inputs to a list</t>
  </si>
  <si>
    <t>&lt;p&gt;I would like to know how I can take multiple user inputs and append each input to a list. For example, the user is asked how many times they would like to send a message. If they specify 3, then they are presented with three inputs which are later appended to the list. &lt;/p&gt;
&lt;p&gt;I have tried several different ways to do this however I only ever see the last input appended to the list rather than the multiple inputs.&lt;/p&gt;
&lt;pre&gt;&lt;code&gt;List = []
total = (int(input('How many?: ')))
for _ in range(total):
    messages = input('&amp;gt; ')
List.append(messages)
print (List)
&lt;/code&gt;&lt;/pre&gt;</t>
  </si>
  <si>
    <t>2014-03-25 17:41:42.290000+00:00</t>
  </si>
  <si>
    <t>2014-03-25 18:35:38.907000+00:00</t>
  </si>
  <si>
    <t>css 100 % height bug</t>
  </si>
  <si>
    <t>&lt;p&gt;When I resize window and when vertical scrollbar appears, if I scroll it way to the bottom, - the bottom breaks. I dont understand why, but I think it has something to do with the way how page uses 100% height. Any help would be appreciated!&lt;/p&gt;
&lt;p&gt;Here's the page: &lt;a href="http://zxsdesign.com/main1.html" rel="nofollow noreferrer"&gt;zxsdesign.com/main1.html&lt;/a&gt;&lt;/p&gt;
&lt;p&gt;Here's a screenshot&lt;/p&gt;
&lt;p&gt;&lt;a href="http://zxsdesign.com/bug1.PNG" rel="nofollow noreferrer"&gt;zxsdesign.com/bug1.PNG http://zxsdesign.com/bug1.PNG&lt;/a&gt;&lt;/p&gt;</t>
  </si>
  <si>
    <t>2009-05-19 14:29:22.287000+00:00</t>
  </si>
  <si>
    <t>2009-05-19 21:26:39.633000+00:00</t>
  </si>
  <si>
    <t>2009-05-19 14:31:16.790000+00:00</t>
  </si>
  <si>
    <t>Maxson</t>
  </si>
  <si>
    <t>html|css|height</t>
  </si>
  <si>
    <t>How to access parent window from child windows after following a new link</t>
  </si>
  <si>
    <t>&lt;p&gt;From a parent windows I create a pop-up windows (the child):&lt;/p&gt;
&lt;pre&gt;&lt;code&gt;onclick=window.open('child_windows.html','popup','width=600,height=300')
&lt;/code&gt;&lt;/pre&gt;
&lt;p&gt;On the child window I've got a nifty feature that will update the parent window when I close the child window:&lt;/p&gt;
&lt;pre&gt;&lt;code&gt;window.onunload = refreshParent;
function refreshParent() {
    window.opener.location.reload();
}
&lt;/code&gt;&lt;/pre&gt;
&lt;p&gt;This works good. Now I created a link (href) on the child window to a new page, which is still on the same webserver, within the same directory. It's just a new page. Let's say:&lt;/p&gt;
&lt;pre&gt;&lt;code&gt;&amp;lt;a href=second_page.html&amp;gt;click here&amp;lt;/a&amp;gt;
&lt;/code&gt;&lt;/pre&gt;
&lt;p&gt;I copied the window.onunload code to this new child window, but when I close this new child window the original parent window does not refresh.
Is there any way to achieve this?&lt;/p&gt;</t>
  </si>
  <si>
    <t>2018-01-03 10:45:00.027000+00:00</t>
  </si>
  <si>
    <t>2018-01-03 11:22:49.167000+00:00</t>
  </si>
  <si>
    <t>Socket.io How to tell when somebody leaves</t>
  </si>
  <si>
    <t>&lt;p&gt;I am creating a real-time game with socket.io.  Currently, when somebody leaves, nothing happens.  I would like to somehow notify the server to say who left.  Is there a way to emit something right as a user leaves?  Can I have the server ping everybody every 1000ms or something to tell who's still connected?&lt;/p&gt;</t>
  </si>
  <si>
    <t>2016-12-20 05:36:58.727000+00:00</t>
  </si>
  <si>
    <t>2016-12-20 12:07:46.780000+00:00</t>
  </si>
  <si>
    <t>javascript|jquery|html|sockets|socket.io</t>
  </si>
  <si>
    <t>How to redirect from inside a JSP</t>
  </si>
  <si>
    <t>&lt;p&gt;I have a JSP page and need to introduce &lt;em&gt;conditional&lt;/em&gt; redirect logic. For instance, if a variable is above a certain threshold, then continue rendering the JSP like normal. Otherwise, I need to redirect the browser to, say, &lt;code&gt;http://myapp.example.com/fizz&lt;/code&gt;.&lt;/p&gt;
&lt;pre&gt;&lt;code&gt;if(var &amp;gt; threshold) {
    // Render page like normal
} else {
    // Redirect to http://myapp.example.com/fizz.
}
&lt;/code&gt;&lt;/pre&gt;
&lt;p&gt;Any ideas as to how I could accomplish the redirect portion of this (from inside a JSP page)?&lt;/p&gt;</t>
  </si>
  <si>
    <t>2014-05-30 10:52:55.500000+00:00</t>
  </si>
  <si>
    <t>2014-05-30 12:01:11.547000+00:00</t>
  </si>
  <si>
    <t>java|jsp|redirect</t>
  </si>
  <si>
    <t>Querying Oracle TIMESTAMP WITH TIMEZONE</t>
  </si>
  <si>
    <t>&lt;p&gt;I have a column in an Oracle DB table that is of type &lt;code&gt;TIMESTAMP(6) WITH TIME ZONE&lt;/code&gt;. There are data rows with data from different timezones, some UTC, some in other timezone offsets.&lt;/p&gt;
&lt;p&gt;Is there a way I can query the Oracle table so that the results always come back as UTC, with the appropriate time shifting being done? Is there something that can be done on the query itself, or perhaps altering the session somehow? I've tried altering the session timezone to Utc, but this seems to only impact the CURRENT_TIMESTAMP value.&lt;/p&gt;
&lt;pre&gt;&lt;code&gt;ALTER SESSION SET TIME_ZONE = 'Utc'
&lt;/code&gt;&lt;/pre&gt;
&lt;p&gt;For example, if a value was stored as:&lt;/p&gt;
&lt;pre&gt;&lt;code&gt;21-JAN-10 03.28.38.635000000 PM -05:00
&lt;/code&gt;&lt;/pre&gt;
&lt;p&gt;the query would come back as&lt;/p&gt;
&lt;pre&gt;&lt;code&gt;21-JAN-10 08.28.38.635000000 PM Utc
&lt;/code&gt;&lt;/pre&gt;
&lt;p&gt;Example table definition&lt;/p&gt;
&lt;pre&gt;&lt;code&gt;CREATE TABLE "MyDb"."Books"
  (
    "GUID" RAW(32) DEFAULT SYS_GUID(),
     "DATE_CREATED" TIMESTAMP (6) WITH TIME ZONE DEFAULT CURRENT_TIMESTAMP,
);
&lt;/code&gt;&lt;/pre&gt;</t>
  </si>
  <si>
    <t>2012-02-09 18:44:38.367000+00:00</t>
  </si>
  <si>
    <t>2012-02-09 19:11:58.890000+00:00</t>
  </si>
  <si>
    <t>sql|oracle|timezone|oracle11g</t>
  </si>
  <si>
    <t>How to return a promise from a function?</t>
  </si>
  <si>
    <t>&lt;p&gt;The function &lt;code&gt;getIdentityTokenDecrypted&lt;/code&gt; is giving me a hard time. I'd like to return the promise from &lt;code&gt;decryptToken&lt;/code&gt; SERVICE B to &lt;code&gt;getToken&lt;/code&gt; SERVICE A, to retrieve the token.&lt;/p&gt;
&lt;p&gt;Here are the steps I need :&lt;/p&gt;
&lt;ol&gt;
&lt;li&gt;Get &lt;code&gt;outlookService.mailbox.getUserIdentityTokenAsync&lt;/code&gt; result. (Gives an encrypted token)&lt;/li&gt;
&lt;li&gt;Decrypt token via &lt;code&gt;$http&lt;/code&gt; route &lt;code&gt;/api/exchange/createAndValidateIdentityToken&lt;/code&gt;. This request returns the token I need in SERVICE A.&lt;/li&gt;
&lt;/ol&gt;
&lt;p&gt;How can I get this to work ?&lt;/p&gt;
&lt;pre&gt;&lt;code&gt;/*** SERVICE A ***/
var service = {
    /*...*/
    token: getToken()
};
return service;
function getToken() {
    var token;
    serviceB.getIdentityTokenDecrypted()
        .then(function successCallback(response) {
            token = response.data.UniqueUserIdentification;
            return token;
        }, function errorCallback(response) {
            return null;
        });
}
/*** SERVICE B ***/
function getIdentityTokenDecrypted() {
    var token = null;
    var promise;
     // This async call does not return a promise,
     // I don't think I can chain after it.
     outlookService.mailbox.getUserIdentityTokenAsync(function (res) {
         token = res;
     });
     // That's why I use an interval
     promise = $interval(function () {
         if (token != null) {
             $interval.cancel(promise);
             return decryptToken();
         }
     }, 100);
     function decryptToken() {
         var location = window.location.href;
         // I need to get the 'data' from the success
         // of this request to retrieve the token
         return $http({
             method: "POST",
             url: "/api/exchange/createAndValidateIdentityToken",
             data: JSON.stringify({
                 userIdentityToken: token,
                 location: location
             })
         });
     };
     return promise;
};
&lt;/code&gt;&lt;/pre&gt;</t>
  </si>
  <si>
    <t>2015-10-19 15:37:48.637000+00:00</t>
  </si>
  <si>
    <t>2015-10-19 15:58:17.093000+00:00</t>
  </si>
  <si>
    <t>javascript|angularjs|promise</t>
  </si>
  <si>
    <t>Linux device file is missing</t>
  </si>
  <si>
    <t>&lt;p&gt;I find the driver specific stuff in &lt;code&gt;/sys/class/graphic/XM_403&lt;/code&gt;
But in &lt;code&gt;/dev/&lt;/code&gt; is no XM_403 file.&lt;/p&gt;
&lt;p&gt;Here is the pertinent code. &lt;/p&gt;
&lt;pre&gt;&lt;code&gt;    graphic_class = class_create(THIS_MODULE,"graphic");
    device_create(graphic_class,NULL,MKDEV(MAJOR_NR,minor),NULL,"XM_403");
&lt;/code&gt;&lt;/pre&gt;</t>
  </si>
  <si>
    <t>2012-09-03 14:40:10.350000+00:00</t>
  </si>
  <si>
    <t>2012-09-03 15:11:46.253000+00:00</t>
  </si>
  <si>
    <t>2012-09-03 14:41:16.623000+00:00</t>
  </si>
  <si>
    <t>linux|driver|linux-device-driver|device-driver</t>
  </si>
  <si>
    <t>How can I run code in a background thread and still access the UI?</t>
  </si>
  <si>
    <t>&lt;p&gt;I made a file search program in visual studio on &lt;strong&gt;windows 10&lt;/strong&gt; using .net lang,
My problem starts from form1 with a "&lt;code&gt;dim frm2 as form2 = new form2&lt;/code&gt;" call,
after the new form being shown i start a while loop on form1 that feeds data into a listbox in form 2:&lt;/p&gt;
&lt;blockquote&gt;
  &lt;p&gt;1)form1 call form2 and show it.&lt;/p&gt;
  &lt;p&gt;2)form1 start a while loop.&lt;/p&gt;
  &lt;p&gt;3)inside the while loop data being fed to listbox1 in frm2&lt;/p&gt;
&lt;/blockquote&gt;
&lt;p&gt;Now everything works on &lt;strong&gt;windows 10&lt;/strong&gt;, the while loop can run as much as it needs without any trouble, the window can loose focus and regain focus &lt;strong&gt;without&lt;/strong&gt; showing any &lt;code&gt;"Not Responding.." msgs or white\black screens..&lt;/code&gt;&lt;/p&gt;
&lt;p&gt;&lt;strong&gt;But,&lt;/strong&gt; when i take the software to my friend computer which is running &lt;strong&gt;windows 7&lt;/strong&gt;, install all required frameworks and visual studio itself, run it from the .sln in debug mode, and do the same search on the same folder the results are:&lt;/p&gt;
&lt;blockquote&gt;
  &lt;p&gt;&lt;strong&gt;1)&lt;/strong&gt; the while loop runs smoothly as long as form 2 dont loose focus
  (something that doesnt happen on windows 10)&lt;/p&gt;
  &lt;p&gt;&lt;strong&gt;2)&lt;/strong&gt; when i click anywhere on the screen the software loose focus what
  causes &lt;strong&gt;1)&lt;/strong&gt; to happen (black screen\white screen\not responding etc..)&lt;/p&gt;
  &lt;p&gt;&lt;strong&gt;3)&lt;/strong&gt; if i wait the time needed for the loop and &lt;strong&gt;dont&lt;/strong&gt; click anywhere else
  it keeps running smoohtly, &lt;strong&gt;updating&lt;/strong&gt; a label &lt;strong&gt;like it should&lt;/strong&gt; with the
  amount of files found.. and even finish the loop with &lt;strong&gt;100% success&lt;/strong&gt;
  (again unless i click somewhere)&lt;/p&gt;
&lt;/blockquote&gt;
&lt;p&gt;&lt;strong&gt;Code Example:&lt;/strong&gt;&lt;/p&gt;
&lt;pre&gt;&lt;code&gt;Sub ScanButtonInForm1()
    Dim frm2 As Form2 = New Form2
    frm2.Show()
    Dim AlreadyScanned As HashSet(Of String) = New HashSet(Of String)
    Dim stack As New Stack(Of String)
    stack.Push("...Directoy To Start The Search From...")
    Do While (stack.Count &amp;gt; 0)
        frm2.Label4.Text = "-- Mapping Files... -- Folders Left:" + stack.Count.ToString + " -- Files Found:" + frm2.ListBox1.Items.Count.ToString + " --"
        frm2.Label4.Refresh()
        Dim ScanDir As String = stack.Pop
        If AlreadyScanned.Add(ScanDir) Then
            Try
                Try
                    Try
                        Dim directoryName As String
                        For Each directoryName In System.IO.Directory.GetDirectories(ScanDir)
                            stack.Push(directoryName)
                            frm2.Label4.Text = "-- Mapping Files... -- Folders Left:" + stack.Count.ToString + " -- Files Found:" + frm2.ListBox1.Items.Count.ToString + " --"
                            frm2.Label4.Refresh()
                        Next
                        frm2.ListBox1.Items.AddRange(System.IO.Directory.GetFiles(ScanDir, "*.*", System.IO.SearchOption.AllDirectories))
                    Catch ex5 As UnauthorizedAccessException
                    End Try
                Catch ex2 As System.IO.PathTooLongException
                End Try
            Catch ex4 As System.IO.DirectoryNotFoundException
            End Try
        End If
    Loop
End Sub
&lt;/code&gt;&lt;/pre&gt;
&lt;p&gt;&lt;strong&gt;My conclusions was simple!&lt;/strong&gt;&lt;/p&gt;
&lt;blockquote&gt;
  &lt;p&gt;1) &lt;strong&gt;windows 7&lt;/strong&gt; dont support live ui (label) update from a while loop
  called from a button...&lt;/p&gt;
  &lt;p&gt;2) windows 7 could possibly support a new
  thread running the same loop&lt;/p&gt;
&lt;/blockquote&gt;
&lt;p&gt;i think mabye if i run all the code in a thread mabye the ui will remain responsive &lt;/p&gt;
&lt;blockquote&gt;
  &lt;p&gt;(&lt;em&gt;by the way the UI is not responsive in &lt;strong&gt;windows 10&lt;/strong&gt; but i still see
  the label refresh and &lt;strong&gt;nothing crashes when form loose focus&lt;/strong&gt;..&lt;/em&gt;)&lt;/p&gt;
&lt;/blockquote&gt;
&lt;p&gt;so i know how to do that but i also know that if i do that a thread will not be able to update a listbox or a label in a form and refresh it..&lt;/p&gt;
&lt;p&gt;so the thread will need to update an external file with the data and the form2 will need to read that data live from the file but will it make the same problems? i have no idea what to do.. can use some help and tips. &lt;strong&gt;&lt;em&gt;THANK YOU!&lt;/em&gt;&lt;/strong&gt;&lt;/p&gt;
&lt;blockquote&gt;
  &lt;p&gt;I must menttion the fact that the loop is working on windows 10 without a responsive UI means i cant click on any button but i can
  still see the label refresh BUT on windows 7 everything works the same
  UNLESS i click somewhere, no matter where i click on windows the loop
  crashes&lt;/p&gt;
  &lt;p&gt;im using framework 4.6.2 developer&lt;/p&gt;
&lt;/blockquote&gt;</t>
  </si>
  <si>
    <t>2017-08-07 20:29:15.560000+00:00</t>
  </si>
  <si>
    <t>2018-10-17 20:00:04.210000+00:00</t>
  </si>
  <si>
    <t>vb.net|multithreading|windows-7|crash|focus</t>
  </si>
  <si>
    <t>protobuf-net class with dictionary property</t>
  </si>
  <si>
    <t>&lt;p&gt;Given the following classes,&lt;/p&gt;
&lt;pre&gt;&lt;code&gt;public static void Test()
{
  var bigDictionary = new Dictionary&amp;lt;string, TestClass&amp;gt;();
  bigDictionary.Add("entry1", new TestClass());
  bigDictionary.Add("entry2", new TestClass());
  bigDictionary.Add("entry3", new TestClass());
  // EDIT: Added these lines
  bigDictionary["entry1"].MyDictionary.Add(1, new SecondTestClass() { MyVar = "hello" });
  bigDictionary["entry1"].MyDictionary.Add(2, new SecondTestClass() { MyVar = "world" });
  bigDictionary["entry2"].MyDictionary.Add(1, new SecondTestClass() { MyVar = "please" });
  bigDictionary["entry2"].MyDictionary.Add(2, new SecondTestClass() { MyVar = "work" });
  using (var file = System.IO.File.Create("test.temp"))
  {
    ProtoBuf.Serializer.Serialize(file, bigDictionary);
  }
  Dictionary&amp;lt;string, TestClass&amp;gt; outDict = null;
  using (var file = System.IO.File.OpenRead("test.temp"))
  {
    outDict = ProtoBuf.Serializer.Deserialize&amp;lt;Dictionary&amp;lt;string, TestClass&amp;gt;&amp;gt;(file);
  }
  // EDIT: You'll notice these asserts fail
  System.Diagnostics.Debug.Assert(outDict["entry1"].MyDictionary.ContainsKey(1));
  System.Diagnostics.Debug.Assert(outDict["entry1"].MyDictionary.ContainsKey(2));
  System.Diagnostics.Debug.Assert(outDict["entry2"].MyDictionary.ContainsKey(1));
  System.Diagnostics.Debug.Assert(outDict["entry2"].MyDictionary.ContainsKey(2));
}
[System.Runtime.Serialization.DataContract]
public class TestClass
{
  public TestClass()
  {
    MyDictionary = new Dictionary&amp;lt;int,SecondTestClass&amp;gt;();
  }
  [System.Runtime.Serialization.DataMember]
  public Dictionary&amp;lt;int, SecondTestClass&amp;gt; MyDictionary { get; set; }
}
[System.Runtime.Serialization.DataContract]
public class SecondTestClass
{
  [System.Runtime.Serialization.DataMember]
  public string MyVar { get; set; }
}
&lt;/code&gt;&lt;/pre&gt;
&lt;p&gt;(How) can I get &lt;code&gt;bigDictionary&lt;/code&gt; to serialize without throwing the following exception?&lt;/p&gt;
&lt;pre&gt;&lt;code&gt;"Only data-contract classes (and lists/arrays of such) can be processed (error processing Dictionary`2)"
&lt;/code&gt;&lt;/pre&gt;
&lt;p&gt;(I have tried tagging with DataContract/DataMember ProtoContract/ProtoMember etc. but nothing seems to work)&lt;/p&gt;
&lt;p&gt;Thanks in advance for any help.&lt;/p&gt;
&lt;p&gt;EDIT: Seems I have kinda worked it out.  Given the above edited code, you'll notice the asserts fail.  So it would seem that the inner dictionary is not being serialized at all.  However, if I change the DataContract tags to Protobuf.ProtoContract (and DataMember to ProtoMember), it correctly picks up the inner dictionary. &lt;/p&gt;
&lt;p&gt;Am I mis-using the library or is this a bug?&lt;/p&gt;</t>
  </si>
  <si>
    <t>2011-04-06 08:05:52.263000+00:00</t>
  </si>
  <si>
    <t>2011-04-18 01:49:47.943000+00:00</t>
  </si>
  <si>
    <t>2011-04-06 22:58:23.443000+00:00</t>
  </si>
  <si>
    <t>c#|serialization|protobuf-net</t>
  </si>
  <si>
    <t>How to remove the prefix of a table for a Django model?</t>
  </si>
  <si>
    <t>&lt;p&gt;I create a new django app(not project) called Bussinesses, then add following class to the models.py.&lt;/p&gt;
&lt;pre&gt;&lt;code&gt;class Bussinesses(models.Model):
    business_email = models.EmailField()
    password = models.CharField(max_length=20)
    contact_first_name = models.CharField(max_length=30)
    contact_last_name = models.CharField(max_length=30)
&lt;/code&gt;&lt;/pre&gt;
&lt;p&gt;if i use Bussinesses directly, the django will access the "bussinesses_bussinesses" table in the database, It obviously does not exist.&lt;/p&gt;
&lt;p&gt;Because the table "bussinesses" is also used by another APP, So can't rename it.
I want to know how to use the Djano model without using table prefix, and i don't want to use the raw database API directly.&lt;/p&gt;
&lt;p&gt;Thanks a lot.&lt;/p&gt;</t>
  </si>
  <si>
    <t>2012-03-24 06:31:49.637000+00:00</t>
  </si>
  <si>
    <t>2018-11-19 12:11:13.587000+00:00</t>
  </si>
  <si>
    <t>django|model</t>
  </si>
  <si>
    <t>Broadcasting and receiving extra doubles</t>
  </si>
  <si>
    <t>&lt;p&gt;I'm attempting to broadcast extras in an am broadcast in adb shell. In my BroadcastReceiver in android, I'm subscribed to the broadcast and pull the extras out of the Bundle.&lt;/p&gt;
&lt;p&gt;My trouble lies with doubles. I assumed that a broadcast could include a double since the &lt;code&gt;Bundle&lt;/code&gt; class has a &lt;code&gt;getDouble&lt;/code&gt; method, e.g.:&lt;/p&gt;
&lt;pre&gt;&lt;code&gt;double percentComplete = bundle.getDouble("percent_complete");
&lt;/code&gt;&lt;/pre&gt;
&lt;p&gt;However, the am broadcast command in adb shell doesn't seem to support doubles, only floats. When I send the float, the Bundle.getDouble() method throws an internal exception, logged at the warning level, indicating that it fails to cast Float to Double.&lt;/p&gt;
&lt;p&gt;Can I send doubles, or am I forced to use floats?&lt;/p&gt;
&lt;p&gt;Here are the flags for specifiying extras that I am aware of, as reported by am.&lt;/p&gt;
&lt;pre&gt;&lt;code&gt;&amp;lt;INTENT&amp;gt; specifications include these flags and arguments:
    [-a &amp;lt;ACTION&amp;gt;] [-d &amp;lt;DATA_URI&amp;gt;] [-t &amp;lt;MIME_TYPE&amp;gt;]
    [-c &amp;lt;CATEGORY&amp;gt; [-c &amp;lt;CATEGORY&amp;gt;] ...]
    [-e|--es &amp;lt;EXTRA_KEY&amp;gt; &amp;lt;EXTRA_STRING_VALUE&amp;gt; ...]
    [--esn &amp;lt;EXTRA_KEY&amp;gt; ...]
    [--ez &amp;lt;EXTRA_KEY&amp;gt; &amp;lt;EXTRA_BOOLEAN_VALUE&amp;gt; ...]
    [--ei &amp;lt;EXTRA_KEY&amp;gt; &amp;lt;EXTRA_INT_VALUE&amp;gt; ...]
    [--el &amp;lt;EXTRA_KEY&amp;gt; &amp;lt;EXTRA_LONG_VALUE&amp;gt; ...]
    [--ef &amp;lt;EXTRA_KEY&amp;gt; &amp;lt;EXTRA_FLOAT_VALUE&amp;gt; ...]
    [--eu &amp;lt;EXTRA_KEY&amp;gt; &amp;lt;EXTRA_URI_VALUE&amp;gt; ...]
    [--ecn &amp;lt;EXTRA_KEY&amp;gt; &amp;lt;EXTRA_COMPONENT_NAME_VALUE&amp;gt;]
    [--eia &amp;lt;EXTRA_KEY&amp;gt; &amp;lt;EXTRA_INT_VALUE&amp;gt;[,&amp;lt;EXTRA_INT_VALUE...]]
    [--ela &amp;lt;EXTRA_KEY&amp;gt; &amp;lt;EXTRA_LONG_VALUE&amp;gt;[,&amp;lt;EXTRA_LONG_VALUE...]]
    [--efa &amp;lt;EXTRA_KEY&amp;gt; &amp;lt;EXTRA_FLOAT_VALUE&amp;gt;[,&amp;lt;EXTRA_FLOAT_VALUE...]]
    [-n &amp;lt;COMPONENT&amp;gt;] [-f &amp;lt;FLAGS&amp;gt;]
    [--grant-read-uri-permission] [--grant-write-uri-permission]
    [--debug-log-resolution] [--exclude-stopped-packages]
    [--include-stopped-packages]
    [--activity-brought-to-front] [--activity-clear-top]
    [--activity-clear-when-task-reset] [--activity-exclude-from-recents]
    [--activity-launched-from-history] [--activity-multiple-task]
    [--activity-no-animation] [--activity-no-history]
    [--activity-no-user-action] [--activity-previous-is-top]
    [--activity-reorder-to-front] [--activity-reset-task-if-needed]
    [--activity-single-top] [--activity-clear-task]
    [--activity-task-on-home]
    [--receiver-registered-only] [--receiver-replace-pending]
    [--selector]
    [&amp;lt;URI&amp;gt; | &amp;lt;PACKAGE&amp;gt; | &amp;lt;COMPONENT&amp;gt;]
&lt;/code&gt;&lt;/pre&gt;</t>
  </si>
  <si>
    <t>2014-02-12 14:14:24.377000+00:00</t>
  </si>
  <si>
    <t>2016-07-14 17:25:42.417000+00:00</t>
  </si>
  <si>
    <t>android|broadcastreceiver|adb</t>
  </si>
  <si>
    <t>How to create root routes without displaying controller name in link</t>
  </si>
  <si>
    <t>&lt;p&gt;I was just wondering if anybody can point me to right direction. Here's my problem:&lt;/p&gt;
&lt;p&gt;I have a controller in Controllers folder called Events, and there I have some ActonResult methods Index, Search, Details, which returns Views from the &lt;/p&gt;
&lt;blockquote&gt;
  &lt;p&gt;View/Events/Index,Search,Details&lt;/p&gt;
&lt;/blockquote&gt;
&lt;p&gt;and some partial views from shared folder.&lt;/p&gt;
&lt;p&gt;Now what will be the best way to display those Views without controllers name. My index view is now displayed as &lt;/p&gt;
&lt;blockquote&gt;
  &lt;p&gt;localhosts|domain.com.../Events/Index or localhosts|domain.com.../Events/Details/1&lt;/p&gt;
&lt;/blockquote&gt;
&lt;p&gt;and I wan't to be displayed as &lt;/p&gt;
&lt;blockquote&gt;
  &lt;p&gt;localhosts|domain.com... or localhosts|domain.com.../Details/1&lt;/p&gt;
&lt;/blockquote&gt;
&lt;p&gt;Now, I am curious if those changes will have any effects for my AJAX calls which are:&lt;/p&gt;
&lt;p&gt;just part of a js code&lt;/p&gt;
&lt;p&gt;&lt;code&gt;@Url.Action("index", "Events"),&lt;/code&gt;&lt;/p&gt;
&lt;p&gt;and&lt;/p&gt;
&lt;p&gt;&lt;code&gt;url: "@Url.Content("~/Events/MyAjaxSearch")",
       data: "searchString=test&amp;amp;Location=test",&lt;/code&gt;&lt;/p&gt;
&lt;p&gt;I also have some params in my Index method for pageNum(this is for infinite pagination).&lt;/p&gt;
&lt;p&gt;Bellow is my RouteConfig code:&lt;/p&gt;
&lt;pre&gt;&lt;code&gt; routes.IgnoreRoute("{resource}.axd/{*pathInfo}");
 routes.MapRoute("Events", "", new { controller = "Events", action = "Index" });
      routes.MapRoute(
      name: "Default",
      url: "{controller}/{action}/{id}",
      defaults: new { controller = "Events", action = "Index", id = UrlParameter.Optional });
&lt;/code&gt;&lt;/pre&gt;
&lt;p&gt;Regards!&lt;/p&gt;</t>
  </si>
  <si>
    <t>2016-04-20 09:35:56.343000+00:00</t>
  </si>
  <si>
    <t>2016-04-20 10:10:55.510000+00:00</t>
  </si>
  <si>
    <t>asp.net-mvc|url-routing</t>
  </si>
  <si>
    <t>How to re-declare queue if it's get deleted in RPC RabbitMQ</t>
  </si>
  <si>
    <t>&lt;p&gt;I am using java client of &lt;/p&gt;
&lt;p&gt;&lt;div class="snippet" data-lang="js" data-hide="false" data-console="true" data-babel="false"&gt;_x000D_
&lt;div class="snippet-code"&gt;_x000D_
&lt;pre class="snippet-code-html lang-html prettyprint-override"&gt;&lt;code&gt;https://www.rabbitmq.com/tutorials/tutorial-six-java.html&lt;/code&gt;&lt;/pre&gt;_x000D_
&lt;/div&gt;_x000D_
&lt;/div&gt;_x000D_
&lt;/p&gt;
&lt;p&gt;. My setup is RPC. My server is creating queue and client is also creating same queue and sending the message. After receiving message server is performing some operation and sending result back to client.&lt;/p&gt;
&lt;p&gt;Now if server created the queue and connect with it while queue get's deleted for some reason. The server is not throwing any exception and when the client is creating the same queue and putting messages server is not getting those messages either as it's not connected.&lt;/p&gt;
&lt;p&gt;How do server knows that the queue get deleted?&lt;/p&gt;
&lt;p&gt;Thanks so much &lt;/p&gt;</t>
  </si>
  <si>
    <t>2018-01-31 15:58:13+00:00</t>
  </si>
  <si>
    <t>2018-01-31 18:15:14.300000+00:00</t>
  </si>
  <si>
    <t>2018-01-31 17:51:00.117000+00:00</t>
  </si>
  <si>
    <t>rabbitmq|rpc|spring-rabbitmq</t>
  </si>
  <si>
    <t>How to choose the data that I want in my stacked bar graph</t>
  </si>
  <si>
    <t>&lt;p&gt;It's been a while. &lt;/p&gt;
&lt;p&gt;I would like to plot a stacked bar plot with months on the x axis and values on the y axis. &lt;/p&gt;
&lt;p&gt;My dataframe looks like this, but I have around 90 rows. &lt;/p&gt;
&lt;p&gt;EDIT FOR THE SAMPLE OF THE DATA:&lt;/p&gt;
&lt;pre&gt;&lt;code&gt;data &amp;lt;- data.frame(
  x = sample(c("a","b"), 24, replace = TRUE),
  y = sample(c("a","b","c","d"), 24, replace = TRUE),
  z = sample(1:24)
)
&lt;/code&gt;&lt;/pre&gt;
&lt;p&gt;I think something like this should do the trick to make an approximation.&lt;/p&gt;
&lt;p&gt;[![enter image description here][1]][1]&lt;/p&gt;
&lt;p&gt;The numbers variable's value is to be represented on the bars and the XDURAC values are to be represented as text over the bars. &lt;/p&gt;
&lt;p&gt;Basically, I want something like that plot but with the "19DURAC" value (5.04, for example) over the "19" bar of march, not being represented as a bar. &lt;/p&gt;
&lt;p&gt;To make this dfr adn plot I used this code:&lt;/p&gt;
&lt;pre&gt;&lt;code&gt;durac_v3 &amp;lt;- durac_v2
library("reshape", lib.loc="~/R/win-library/3.5")
durac_v3$MESES &amp;lt;- row.names(durac_v3)
mdfr &amp;lt;- melt(as.data.frame(durac_v3, id.vars="MESES"))
library(scales)
p &amp;lt;- ggplot(mdfr, aes(mdfr$MESES, value, fill = variable)) +
  geom_bar(position = "fill", stat = "identity") +
  scale_y_continuous(labels = percent)
&lt;/code&gt;&lt;/pre&gt;
&lt;p&gt;&lt;strong&gt;Well, here comes a big edit. Sorry for the mess, guys, It's been a long time since I used R or stack. Read from here&lt;/strong&gt; &lt;/p&gt;
&lt;p&gt;The dataframe will be this:&lt;/p&gt;
&lt;pre&gt;&lt;code&gt;data &amp;lt;- data.frame(
  x = sample(c(1:12), 80, replace = TRUE),
  y = sample(c("19","19DURAC","50","50DURAC","PUSH","PUSHDURAC","GRATIS","GRATISDURAC"), 80, replace = TRUE),
  z = sample(1:80)
)
&lt;/code&gt;&lt;/pre&gt;
&lt;p&gt;Where &lt;code&gt;x&lt;/code&gt; will be the months in the year (1: january, 12: december), &lt;code&gt;y&lt;/code&gt;a classification variable (names of states, for example) and z its values (time spent doing something for every word with the &lt;code&gt;DURAC&lt;/code&gt; ending and number of people for every other).&lt;/p&gt;
&lt;p&gt;First, I want a stacked bar plot where the months are on the &lt;code&gt;x&lt;/code&gt; axis.
Secondly, for my &lt;code&gt;y&lt;/code&gt; column, my bars will only represent the values of the data without the &lt;code&gt;DURAC&lt;/code&gt;ending. This means, &lt;code&gt;19&lt;/code&gt;, &lt;code&gt;50&lt;/code&gt;, &lt;code&gt;PUSH&lt;/code&gt; and &lt;code&gt;GRATIS&lt;/code&gt;.
Third, I want the &lt;code&gt;19DURAC&lt;/code&gt; values represented as annotations over the &lt;code&gt;19&lt;/code&gt; part of the bar, the &lt;code&gt;50DURAC&lt;/code&gt;values over the &lt;code&gt;50&lt;/code&gt;, and so on and so on. &lt;/p&gt;
&lt;p&gt;Again, if I do not explain myself, I am so sorry. I am a bit rusty. &lt;/p&gt;
&lt;p&gt;&lt;strong&gt;OUTPUT OF DPUT&lt;/strong&gt;&lt;/p&gt;
&lt;pre&gt;&lt;code&gt;dput(head(mdfr))
structure(list(MESES = c("1", "2", "3", "4", "5", "6"), variable = structure(c(1L, 
1L, 1L, 1L, 1L, 1L), .Label = c("19", "19DURAC", "50", "50DURAC", 
"PUSH", "PUSHDURAC", "GRATIS", "GRATISDURAC"), class = "factor"), 
    value = c(NA, NA, 1431, 982, 766, NA)), row.names = c(NA, 
6L), class = "data.frame")
&lt;/code&gt;&lt;/pre&gt;</t>
  </si>
  <si>
    <t>2018-07-02 21:45:41.003000+00:00</t>
  </si>
  <si>
    <t>2018-07-05 08:22:15.077000+00:00</t>
  </si>
  <si>
    <t>Smooth ( animated ) GUI transitions</t>
  </si>
  <si>
    <t>&lt;p&gt;From time to time you can see smooth animated transition displayed for resizing, expanding and appearing graphical controls. Not just some tail-wagging file search dog, but animation of widget configuration changing it's state structurally and/or geometrically.&lt;/p&gt;
&lt;p&gt;I haven't used Windows Vista much, but sure know that on XP you can set this sort of effects for drop-down menus. What about other systems/graphical shells? Is it achieved automatically at the system level so that the application code (even graphical framework) doesn't deal with it at all?&lt;/p&gt;
&lt;p&gt;I know that Qt has a set of classes for animation. How about other gui frameworks (wxwidgets, swing, gtk,.. you name it)? Couldn't there be clashes with the system animation (-&gt; prev paragraph) as some frameworks rely on the native API?&lt;/p&gt;
&lt;p&gt;What are the best practices for design, in terms of mirco-arhcitechture, of animated transitions for controls? What visual design could be used? How do they operate together with layouts/sizer and automatic sizing? What about performance?&lt;/p&gt;
&lt;p&gt;It's a broad question, and I hardly expect it to be solved by a single answer. But just any clue that'd help to understand the general picture would be greatly appreciated.&lt;/p&gt;</t>
  </si>
  <si>
    <t>2009-04-28 21:31:34.340000+00:00</t>
  </si>
  <si>
    <t>2010-01-10 02:41:50.350000+00:00</t>
  </si>
  <si>
    <t>2009-04-28 21:53:34.473000+00:00</t>
  </si>
  <si>
    <t>user-interface|language-agnostic|graphics|animation</t>
  </si>
  <si>
    <t>Seam3 Solder logging</t>
  </si>
  <si>
    <t>&lt;p&gt;I've just started using Seam Solder and their logging module looks interesting &lt;a href="http://docs.jboss.org/seam/3/solder/latest/reference/en-US/html/logging.html" rel="nofollow"&gt;http://docs.jboss.org/seam/3/solder/latest/reference/en-US/html/logging.html&lt;/a&gt;&lt;/p&gt;
&lt;p&gt;See code at bottom of post for my test example.&lt;/p&gt;
&lt;p&gt;A few issues that has risen from trying to use it:&lt;/p&gt;
&lt;ul&gt;
&lt;li&gt;How to inject a normal log4j Logger object? The documentation just has &lt;code&gt;@Inject Logger log&lt;/code&gt;, which seems simple enough, but it throws an exception at deploy time: &lt;code&gt;org.jboss.weld.exceptions.DeploymentException: WELD-001408 Unsatisfied dependencies for type [Logger] with qualifiers [@Default] at injection point [[field] @Inject com.company.application.controller.SessionController.log]&lt;/code&gt;&lt;/li&gt;
&lt;li&gt;Besides from injecting a normal logger, Typed loggers also seemed pretty nifty. The documentation claims you should use the &lt;code&gt;@LogMessage&lt;/code&gt; annotation, which does not exist. My guess is that it was renamed to &lt;code&gt;@Log&lt;/code&gt; since this seems to work. To enable use of all normal methods (info, warning, error, etc), letting the log interface extend &lt;code&gt;BasicLogger&lt;/code&gt; seemed easy enough, but this interface doesn't seem to be annotated correctly, so nothing is actually logged when these methods are called (the invocation handler checks for &lt;code&gt;@Message&lt;/code&gt; annotation and finds none). Am I doing something wrong or is the framework just really unfinished? Should I perhaps stick with normal log4j when developing a system going into prod in a few months?&lt;/li&gt;
&lt;/ul&gt;
&lt;p&gt;Interface&lt;/p&gt;
&lt;pre&gt;&lt;code&gt;@MessageLogger
public interface SessionLogger extends BasicLogger{
    @Message("User %s logged in. Redirecting to %s.")
    @Log(level= Level.INFO)
    void login(String username, String to);
    @Message("User %s logged out.")
    void logout(String username);
}
&lt;/code&gt;&lt;/pre&gt;
&lt;p&gt;Usage&lt;/p&gt;
&lt;pre&gt;&lt;code&gt;@Inject SessionLogger log
...
log.login("username", "url");
&lt;/code&gt;&lt;/pre&gt;</t>
  </si>
  <si>
    <t>2011-06-27 12:15:33.323000+00:00</t>
  </si>
  <si>
    <t>2012-06-15 22:41:19.473000+00:00</t>
  </si>
  <si>
    <t>logging|seam3</t>
  </si>
  <si>
    <t>I am about to create a complex feature in a Ruby on Rails app, what's a good way to organize it out on paper before coding?</t>
  </si>
  <si>
    <t>&lt;p&gt;I am new to rails but have read a book and created small features before. I'm now about to create a big new feature for an application (it really just involves a lot of forms and relationships) and I was wondering if anyone has a good/consistent strategy for pre-coding. &lt;/p&gt;</t>
  </si>
  <si>
    <t>2010-06-13 17:54:36.910000+00:00</t>
  </si>
  <si>
    <t>2010-06-13 18:03:23.307000+00:00</t>
  </si>
  <si>
    <t>How can I locate the correct element using querySelector</t>
  </si>
  <si>
    <t>&lt;p&gt;In chrome console, i am able to inject a js like below&lt;/p&gt;
&lt;pre&gt;&lt;code&gt;$("#pageForm").window('open');
&lt;/code&gt;&lt;/pre&gt;
&lt;p&gt;And then the DIV form will pop up, however, if i change it to below&lt;/p&gt;
&lt;pre&gt;&lt;code&gt;document.querySelector("div#pageForm").window('open');
&lt;/code&gt;&lt;/pre&gt;
&lt;p&gt;It will return error: &lt;em&gt;Uncaught TypeError: document.querySelector(...).window is not a function
    at :1:41&lt;/em&gt;&lt;/p&gt;
&lt;p&gt;Am I doing wrong in locating an element ?
Thanks&lt;/p&gt;</t>
  </si>
  <si>
    <t>2018-08-14 10:41:53.793000+00:00</t>
  </si>
  <si>
    <t>2018-08-14 10:52:18.967000+00:00</t>
  </si>
  <si>
    <t>Silverlight clipping a string on mac</t>
  </si>
  <si>
    <t>&lt;p&gt;I am facing a very strange issue in my silverlight app on all browsers on mac but it is working perfectly in all windows browsers. &lt;/p&gt;
&lt;p&gt;in my silverlight app there is a scenario in which I create a very long text string and then pass it to a wcf service which then saves the string in a text file server. the issue is that in mac every time string is clipped after about same location. but it is working perfectly fine in all browsers on windows. &lt;/p&gt;
&lt;p&gt;btw in silverlight I am using string builder to build the string.&lt;/p&gt;</t>
  </si>
  <si>
    <t>2010-05-27 19:45:25.840000+00:00</t>
  </si>
  <si>
    <t>2010-07-05 15:00:10.217000+00:00</t>
  </si>
  <si>
    <t>.net|silverlight|macos|silverlight-3.0</t>
  </si>
  <si>
    <t>Casting issue in aspnet core controller using repository that's implementing a generic interface</t>
  </si>
  <si>
    <t>&lt;p&gt;The actual problem is here:&lt;/p&gt;
&lt;pre&gt;&lt;code&gt;[Produces("application/json")]
[Route("api/[controller]")]
public class OrgController : Controller
{
    private readonly IGenericRepository&amp;lt;OrgRepository&amp;gt; _repository;
    public OrgController(IGenericRepository&amp;lt;OrgRepository&amp;gt; repo)
   {
        _repository = repo;
    }
    [HttpGet]
    public async Task&amp;lt;IEnumerable&amp;lt;Org&amp;gt;&amp;gt; Get()
    {
        return await _repository.GetAllRecords();
    }
}
}
&lt;/code&gt;&lt;/pre&gt;
&lt;p&gt;the GetAllRecords() line is telling me:&lt;/p&gt;
&lt;p&gt;&lt;code&gt;Error CS0029: Cannot implicitly convert type 'System.Threading.Tasks.Task&amp;lt;System.Collections.Generic.IEnumerable&amp;lt;P5NCore.Repos itories.OrgRepository&amp;gt;&amp;gt;' to 'System.Threading.Tasks.Task&amp;lt;System.Collections.Generic.IEnumerable&amp;lt;P5NCore.Models.Org&amp;gt;&amp;gt;'(CS0029) (P5NCore)&lt;/code&gt;&lt;/p&gt;
&lt;p&gt;The GetallRecords() is repository code that actually returns the right type:&lt;/p&gt;
&lt;pre&gt;&lt;code&gt;public class OrgRepository : IGenericRepository&amp;lt;Org&amp;gt;
    {
     private readonly OrgContext _context = null;
     public OrgRepository(IOptions&amp;lt;Settings&amp;gt; settings)
     {
         _context = new OrgContext(settings);
     }
     public async Task&amp;lt;IEnumerable&amp;lt;Org&amp;gt;&amp;gt; GetAllRecords(){
         try{
             return await _context.Orgs.Find(_=&amp;gt; true).ToListAsync();
         }
         catch (Exception ex){
             throw ex;
         }
     }
...
}
&lt;/code&gt;&lt;/pre&gt;
&lt;p&gt;The Repo is implementing a generic interface:&lt;/p&gt;
&lt;pre&gt;&lt;code&gt;public interface IGenericRepository&amp;lt;T&amp;gt; where T:class
    {
        Task&amp;lt;IEnumerable&amp;lt;T&amp;gt;&amp;gt; GetAllRecords();
        Task&amp;lt;T&amp;gt; GetRecord(string id);
        Task AddRecord(T item);
    }
&lt;/code&gt;&lt;/pre&gt;
&lt;p&gt;and I register the whole thing like this:&lt;/p&gt;
&lt;pre&gt;&lt;code&gt;services.AddTransient&amp;lt;IGenericRepository&amp;lt;Org&amp;gt;, OrgRepository&amp;gt;();
&lt;/code&gt;&lt;/pre&gt;
&lt;p&gt;Am I overlooking something?&lt;/p&gt;</t>
  </si>
  <si>
    <t>2017-05-17 14:42:19.623000+00:00</t>
  </si>
  <si>
    <t>Currency formatting in Python, but keeping as a number</t>
  </si>
  <si>
    <t>&lt;p&gt;I was wondering whether it was possible to format numbers as currency in a easy way, and the following question helped me a lot: &lt;a href="https://stackoverflow.com/questions/320929/currency-formatting-in-python"&gt;Currency Formatting in Python&lt;/a&gt;.&lt;/p&gt;
&lt;p&gt;I did it, and worked fine. But it transformed my data in strings, which is not what I want.&lt;/p&gt;
&lt;p&gt;Suppose I want to sum all my items in a pd.Series to return a total amount of money: it will return a string concatenation of all my data, not a number.&lt;/p&gt;
&lt;p&gt;How can I cast my values back to numbers, but with the formatting? Is it possible?&lt;/p&gt;
&lt;p&gt;Thanks in advance.&lt;/p&gt;</t>
  </si>
  <si>
    <t>2018-02-07 14:10:03.627000+00:00</t>
  </si>
  <si>
    <t>2018-02-07 15:51:00.493000+00:00</t>
  </si>
  <si>
    <t>python|formatting</t>
  </si>
  <si>
    <t>C++ condition_variable cin and cout</t>
  </si>
  <si>
    <t>&lt;p&gt;I have tried to implement &lt;code&gt;condition_variable&lt;/code&gt; with two threads, the following code would work well if I don't use user input (&lt;code&gt;std::cin&lt;/code&gt;), but once I used it, the program crashed after I input a number on screen.&lt;/p&gt;
&lt;p&gt;Why does it crash?&lt;/p&gt;
&lt;pre&gt;&lt;code&gt;std::mutex mu;
std::condition_variable cond;
int x =0;
void th_in()
{
  std::unique_lock &amp;lt;mutex&amp;gt; locker(mu);
  std::cin&amp;gt;&amp;gt;x;
  locker.unlock();
  cond.notify_all();
}
void th_out()
{
  std::unique_lock &amp;lt;mutex&amp;gt; locker(mu);
  cond.wait(locker);
  std::cout&amp;lt;&amp;lt;x&amp;lt;&amp;lt;std::endl;
  locker.unlock();
}
int main()
{    
  std::thread t2(th_out);
  std::thread t1(th_in);    
  std::cin.get();
  return 0;
}
&lt;/code&gt;&lt;/pre&gt;</t>
  </si>
  <si>
    <t>2013-07-18 21:33:21.760000+00:00</t>
  </si>
  <si>
    <t>2013-07-18 22:21:56.360000+00:00</t>
  </si>
  <si>
    <t>2013-07-18 21:39:56.973000+00:00</t>
  </si>
  <si>
    <t>c++|c++11|concurrency|iostream</t>
  </si>
  <si>
    <t>Nested form is always inserting a new row after update</t>
  </si>
  <si>
    <t>&lt;p&gt;I need to associate my &lt;strong&gt;parties&lt;/strong&gt; model to two kind of addresses: &lt;strong&gt;main_address&lt;/strong&gt; and &lt;strong&gt;billing_address&lt;/strong&gt;. &lt;/p&gt;
&lt;p&gt;I��m using a has_one/belongs_to association.
Everything runs fine on creating a new party.&lt;/p&gt;
&lt;p&gt;But every time I update any party, a new row is created on addresses table, instead of just updating the current associated one. I think I��m missing something.&lt;/p&gt;
&lt;p&gt;This is what I have now:&lt;/p&gt;
&lt;p&gt;&lt;strong&gt;Party Model&lt;/strong&gt;&lt;/p&gt;
&lt;pre&gt;&lt;code&gt;class Party &amp;lt; ActiveRecord::Base
  has_one :main_address, :class_name =&amp;gt; "Address"
  has_one :billing_address, :class_name =&amp;gt; "Address"
  accepts_nested_attributes_for :main_address, :allow_destroy =&amp;gt; true
  accepts_nested_attributes_for :billing_address, :allow_destroy =&amp;gt; true
end
&lt;/code&gt;&lt;/pre&gt;
&lt;p&gt;&lt;strong&gt;Party DB&lt;/strong&gt;&lt;/p&gt;
&lt;pre&gt;&lt;code&gt;create_table "parties", force: :cascade do |t|
    t.string   "name"
    t.datetime "created_at",                        null: false
    t.datetime "updated_at",                        null: false
    t.string   "type"
    t.hstore   "additional_information"
    t.string   "cpf_or_cnpj",            limit: 15
    t.integer  "main_address_id"
    t.integer  "billing_address_id"
  end
&lt;/code&gt;&lt;/pre&gt;
&lt;p&gt;&lt;strong&gt;Address Model&lt;/strong&gt;&lt;/p&gt;
&lt;pre&gt;&lt;code&gt;class Address &amp;lt; ActiveRecord::Base
  belongs_to :party
end
&lt;/code&gt;&lt;/pre&gt;
&lt;p&gt;&lt;strong&gt;Address DB&lt;/strong&gt;&lt;/p&gt;
&lt;pre&gt;&lt;code&gt;  create_table "addresses", force: :cascade do |t|
    t.string   "line1"
    t.string   "line2"
    t.string   "city"
    t.string   "state"
    t.string   "zip"
    t.datetime "created_at"
    t.datetime "updated_at"
    t.integer  "party_id"
  end
&lt;/code&gt;&lt;/pre&gt;
&lt;p&gt;On my &lt;strong&gt;parties view&lt;/strong&gt;, I��m using:&lt;/p&gt;
&lt;pre&gt;&lt;code&gt;&amp;lt;%= simple_form_for @party, :validate =&amp;gt; true  do |f| %&amp;gt;
   &amp;lt;div id="main_address"&amp;gt;
     &amp;lt;%= f.simple_fields_for :main_address do |main_address| %&amp;gt;
        &amp;lt;%= render "address", :f =&amp;gt; main_address %&amp;gt;
      &amp;lt;% end %&amp;gt;
    &amp;lt;/div&amp;gt;
&amp;lt;% end %&amp;gt;
&lt;/code&gt;&lt;/pre&gt;
&lt;p&gt;&lt;strong&gt;Address Partial:&lt;/strong&gt;&lt;/p&gt;
&lt;pre&gt;&lt;code&gt;&amp;lt;div class="nested-fields form-inline"&amp;gt;
  &amp;lt;%= f.input :zip %&amp;gt;
  &amp;lt;%= f.input :line1 %&amp;gt;
  &amp;lt;%= f.input :line2 %&amp;gt;
  &amp;lt;%= f.input :city %&amp;gt;
  &amp;lt;%= f.input :state %&amp;gt;
&amp;lt;/div&amp;gt;
&lt;/code&gt;&lt;/pre&gt;
&lt;p&gt;&lt;strong&gt;Parties Controller&lt;/strong&gt;&lt;/p&gt;
&lt;pre&gt;&lt;code&gt;class PartiesController &amp;lt; ApplicationController
  before_action :set_party, only: [:show, :edit, :update, :destroy]
  before_action :set_type
  def show
  end
  def index
    @parties = type_class.all
  end
  def new
    @party = type_class.new
  end
  def edit
     @party.build_main_address unless @party.main_address.present?
  end
  def create 
      @party = type_class.new(party_params)
      if @party.save
          redirect_to parties_url, notice: (t "#{type}") +" successfully created."
        else
          render action: 'new'
      end
  end
  def update
    if @party.update(party_params )
      redirect_to @party, notice: "#{type} was successfully created."
    else
      render action: 'edit'
    end
  end
private
  def set_type 
     @type = type
  end
  def type 
      Party.types.include?(params[:type]) ? params[:type] : "Party"
  end
  def type_class 
      type.constantize 
  end
  def set_party
    @party = type_class.find(params[:id])
  end
  def party_params   
      params.require(type.underscore.to_sym).permit(:name, :type,:cpf_or_cnpj,main_address_attributes:[:zip,:line1,:line2,:state,:city,:type], contact_informations_attributes: [:id, :_destroy, :type, :label, :info])
  end
end
&lt;/code&gt;&lt;/pre&gt;</t>
  </si>
  <si>
    <t>2015-08-27 05:17:09.063000+00:00</t>
  </si>
  <si>
    <t>2015-08-27 06:08:59.010000+00:00</t>
  </si>
  <si>
    <t>2015-08-27 05:45:44.903000+00:00</t>
  </si>
  <si>
    <t>ruby-on-rails|rails-activerecord|nested-forms</t>
  </si>
  <si>
    <t>Subqueries in dapper no longer working</t>
  </si>
  <si>
    <t>&lt;p&gt;I am using dapper, I just implemented the splitOn function to get a location object set in my AdListingSearchResult, but by doing so my subqueries (MainPhotoFileName and TotalPhotos) are now null and 0 respectively. Any idea what I am doing wrong here?&lt;/p&gt;
&lt;pre&gt;&lt;code&gt;var data = GetConnection().Query&amp;lt;AdListingSearchResult, AdListingLocationSearchResult, AdListingSearchResult&amp;gt;(@"
SELECT TOP 10 a.AdListingID, a.Title, a.Details, a.CreateDateTime, l.LocationID, l.CountryID, l.USCity, l.USStateCode, l.IntlRegion, c.CountryName,  
(SELECT TOP 1 ap.Filename FROM tbAdListingPhotos ap WHERE ap.AdListingID = a.AdListingID) AS MainPhotoFileName, 
(SELECT COUNT (*) FROM tbAdListingPhotos ap WHERE ap.AdListingID = a.AdListingID) AS TotalPhotos
FROM tbAdListing a 
INNER JOIN tbLocation l ON (a.LocationID = l.LocationID) 
INNER JOIN tbEnumCountry c ON (l.CountryID = c.CountryID) 
WHERE a.Deleted = 0  ORDER BY a.CreateDateTime DESC                 
", (a, l) =&amp;gt;
 {
     a.Location = l;
     return a;
 },
 splitOn: "LocationId"
 ).AsQueryable();
return data;
&lt;/code&gt;&lt;/pre&gt;</t>
  </si>
  <si>
    <t>2014-10-23 17:06:07.417000+00:00</t>
  </si>
  <si>
    <t>2014-10-24 16:55:55.033000+00:00</t>
  </si>
  <si>
    <t>c#|dapper</t>
  </si>
  <si>
    <t>How do you return rows of JSON in a plv8 function in Postgres?</t>
  </si>
  <si>
    <t>&lt;p&gt;I'm having trouble wrapping my head around this context. Here's my first take at this using some of the built in functions:&lt;/p&gt;
&lt;h3&gt;What I've tried so far&lt;/h3&gt;
&lt;pre&gt;&lt;code&gt;SELECT json_build_object('id', MD5(c.id), 'firstName', 
c.first_name, 'lastName', c.last_name, 'location', 
json_build_object('city', cl.city, 'state', cl.state))
FROM person p 
LEFT JOIN (SELECT id, city, state FROM 
person_location) pl ON pl.id = p.id
LIMIT 10
&lt;/code&gt;&lt;/pre&gt;
&lt;p&gt;Works well enough for this small example, and also returns 10 rows. If I take off the limit, I'll get all of my rows. Perfect; however, this is meant to power a view that will be feeding data directly into Logstash, so there's some custom business logic that cleans up the fields and performs some other light tasks. To remedy this, it made sense to try plv8 &lt;/p&gt;
&lt;h3&gt;plv8 method:&lt;/h3&gt;
&lt;pre&gt;&lt;code&gt;CREATE OR REPLACE FUNCTION generate_search_documents()   
RETURNS SETOF person_test AS
$$
const _ = require('lodash'),
    candidates = plv8.execute('select * FROM candidate LIMIT 10');
plv8.return_next(people);
$$
  LANGUAGE plv8;
&lt;/code&gt;&lt;/pre&gt;
&lt;p&gt;And I'm already immediately lost. What I'm trying to do is select the tables that I need with the proper joins, clean up the data, and build up my JSON object and return one per row. In the first method, it's clear that in the query I'm working within the context of a single person. In the method below, it appears that I'm executing a query that's selecting all 80M people in our table. That's not easy. &lt;/p&gt;
&lt;p&gt;Any idea how I can use this method to replicate what I'm attempting to do in the first example?&lt;/p&gt;</t>
  </si>
  <si>
    <t>2017-07-11 20:20:26.113000+00:00</t>
  </si>
  <si>
    <t>2017-07-12 17:34:34.367000+00:00</t>
  </si>
  <si>
    <t>postgresql|plv8</t>
  </si>
  <si>
    <t>Finding Include view and updating TextView</t>
  </si>
  <si>
    <t>&lt;p&gt;I have a fragment which inside of it i have &lt;/p&gt;
&lt;pre&gt;&lt;code&gt;&amp;lt;include layout="@layout/card" android:id="@+id/card" /&amp;gt;
&amp;lt;include layout="@layout/card" android:id="@+id/card1" /&amp;gt;
&amp;lt;include layout="@layout/card" android:id="@+id/card2" /&amp;gt;
&lt;/code&gt;&lt;/pre&gt;
&lt;p&gt;And my card xml is just a simple card as below &lt;/p&gt;
&lt;pre&gt;&lt;code&gt;&amp;lt;LinearLayout
            android:layout_height="match_parent"
            android:layout_width="match_parent"
            android:orientation="horizontal"
            android:gravity="left|center_vertical"&amp;gt;
            &amp;lt;TextView
                android:id="@+id/title"
                android:layout_width="wrap_content"
                android:layout_height="wrap_content"
                android:maxLines="3"
                android:padding="8dp"
                android:text="Item Color"
                android:textColor="#222"
                android:textStyle="bold"
                android:textSize="18dp"
                android:gravity="center_vertical"/&amp;gt;
        &amp;lt;/LinearLayout&amp;gt;
&lt;/code&gt;&lt;/pre&gt;
&lt;p&gt;What im trying to do in my java fragment is loading the first card include and chnage its text view text 
This is what i tried but it returns null &lt;/p&gt;
&lt;pre&gt;&lt;code&gt;View card1 =  getActivity().findViewById(R.id.card1);
              TextView ct1 = (TextView) card1.findViewById(R.id.title);
&lt;/code&gt;&lt;/pre&gt;
&lt;p&gt;So how can i achieve my goal or fix this problem? 
Thanks for your time and help , appreciate it 
**** update :
Heres the whole fragment &lt;/p&gt;
&lt;pre&gt;&lt;code&gt;public class Home_Fragment extends Fragment {
   @Override
   public View onCreateView(LayoutInflater inflater,
      ViewGroup container, Bundle savedInstanceState) {
       //Inflate the layout for this fragment
         ViewGroup card1 = (ViewGroup)  getActivity().findViewById(R.id.card1);
              TextView ct1 = (TextView) card1.findViewById(R.id.title);
              ct1.setText("hey :P");
      return inflater.inflate(
              R.layout.home_fragment, container, false);
   }
}
&lt;/code&gt;&lt;/pre&gt;</t>
  </si>
  <si>
    <t>2016-11-04 18:17:43.100000+00:00</t>
  </si>
  <si>
    <t>2016-11-04 19:02:26.737000+00:00</t>
  </si>
  <si>
    <t>2016-11-04 18:58:41.643000+00:00</t>
  </si>
  <si>
    <t>Why is the width of my safari viewport on my iPad only 768px instead of 1028px?</t>
  </si>
  <si>
    <t>&lt;p&gt;Everywhere I read, the width of the screen on the Ipad 1 is 1024 x 768.&lt;/p&gt;
&lt;p&gt;I have built a site using bootstrap and the collapsable nav button appears when viewing the site in landscape mode on my iPad. It should not. It should only appear for viewports that are less than 1024px in width.&lt;/p&gt;
&lt;p&gt;I then sniffed out the width as jQuery sees it using $(window).width(); and it is reporting only 768px x 467px;&lt;/p&gt;
&lt;p&gt;I have the following metatag:&lt;/p&gt;
&lt;p&gt;meta name="viewport" content="width=device-width"&lt;/p&gt;</t>
  </si>
  <si>
    <t>2012-12-06 18:36:03.857000+00:00</t>
  </si>
  <si>
    <t>2012-12-06 18:44:26.387000+00:00</t>
  </si>
  <si>
    <t>2012-12-06 18:41:21.520000+00:00</t>
  </si>
  <si>
    <t>ipad|mobile-safari|device-width</t>
  </si>
  <si>
    <t>Python - Am I able to pass an APScheduler as a parameter?</t>
  </si>
  <si>
    <t>&lt;p&gt;This code for example:&lt;/p&gt;
&lt;pre&gt;&lt;code&gt;def main():
    scheduler = BackgroundScheduler()
    refresh(scheduler)  # refresh will add a job to the scheduler
    while True:
        refresh(scheduler)
        sleep(10)
        continue
def refresh(scheduler):
    rundate = datetime.datetime.now()
    rundate = rundate + datetime.timedelta(seconds=10)
    scheduler.add_job(job_function, run_date=rundate)
def job_function():
    print("Hello, World!")
if __name__ == "__main__":
    main()
&lt;/code&gt;&lt;/pre&gt;
&lt;p&gt;After running it, "Hello, World!" will never print. Is it possible to pass a BackgroundScheduler() object and add to it within that function? Any help is appreciated, thank you!&lt;/p&gt;</t>
  </si>
  <si>
    <t>2017-07-17 18:59:19.377000+00:00</t>
  </si>
  <si>
    <t>python|parameter-passing|scheduler|apscheduler</t>
  </si>
  <si>
    <t>read an integer list and return into a format python</t>
  </si>
  <si>
    <t>&lt;p&gt;If I open a file with the following in it:
1 2 3 4 \n
5 6 7 \n
8 9 10&lt;/p&gt;
&lt;p&gt;so&lt;/p&gt;
&lt;pre&gt;&lt;code&gt;def read(list):
  list = open('list.tet','r')
  nums = list.readlines()
  new_list = []
  for num in nums:
    if num.find('\n'):
      new_list.append(num.strip('\n')
  return new_list
&lt;/code&gt;&lt;/pre&gt;
&lt;p&gt;I hope to get the output as
[1, 2, 3, 4, 5, 6, 7, 8, 9, 10]&lt;/p&gt;
&lt;p&gt;What should I do?
Thank you&lt;/p&gt;</t>
  </si>
  <si>
    <t>2013-11-07 05:48:26.550000+00:00</t>
  </si>
  <si>
    <t>2013-11-07 06:15:57.640000+00:00</t>
  </si>
  <si>
    <t>list|merge|integer</t>
  </si>
  <si>
    <t>What is the main advantage of using an Ember Service class over other stereotypes?</t>
  </si>
  <si>
    <t>&lt;p&gt;What benefits does an ember service class offer over other stereotypes like utils? I think it's related to DI, but I can't quite put my finger on it.&lt;/p&gt;</t>
  </si>
  <si>
    <t>2015-05-15 14:47:59.673000+00:00</t>
  </si>
  <si>
    <t>2015-05-16 04:50:10.140000+00:00</t>
  </si>
  <si>
    <t>ember.js</t>
  </si>
  <si>
    <t>calling a java script function on another page using php</t>
  </si>
  <si>
    <t>&lt;p&gt;i am working on google map api.
i've created a function named as codeAddress which shows the map of state/city given by user in a text field named on a click event (button name show map). I want to show the map on another page on a click of same button. please help me how can i call the codeAddress function on another page?&lt;/p&gt;</t>
  </si>
  <si>
    <t>2014-11-10 11:06:50.713000+00:00</t>
  </si>
  <si>
    <t>2014-11-10 11:45:54.413000+00:00</t>
  </si>
  <si>
    <t>2014-11-10 11:32:08.713000+00:00</t>
  </si>
  <si>
    <t>user4042183</t>
  </si>
  <si>
    <t>whitespace and Head tags displays inside body?</t>
  </si>
  <si>
    <t>&lt;p&gt;i was working on french site fully in cakephp,but it was causing file type encoding to embedd the characters to html .So i changed file type to &lt;code&gt;encode in utf-8&lt;/code&gt; in notepad++.but its causing problem and giving whitespace and head tags coming in body of html like this-&lt;/p&gt;
&lt;pre&gt;&lt;code&gt;&amp;amp;#65279;
&amp;lt;meta content="IE=EmulateIE9" http-equiv="X-UA-Compatible"&amp;gt;
&amp;lt;meta content="IE=EmulateIE8" http-equiv="X-UA-Compatible"&amp;gt;
&amp;lt;title&amp;gt; : test&amp;lt;/title&amp;gt;
&amp;lt;link rel="icon" type="image/x-icon" href="/mapubvideoRel/favicon.ico"&amp;gt;
&amp;lt;link rel="shortcut icon" type="image/x-icon" href="/mapubvideoRel/favicon.ico"&amp;gt;
&amp;lt;link href="/mapubvideoRel/css/main.css" type="text/css" rel="stylesheet"&amp;gt;
&amp;lt;link href="/mapubvideoRel/css/helper.css" type="text/css" rel="stylesheet"&amp;gt;
&amp;lt;link href="/mapubvideoRel/css/general.css" type="text/css" rel="stylesheet"&amp;gt;
&amp;lt;link href="/mapubvideoRel/css/colorbox.css" type="text/css" rel="stylesheet"&amp;gt;
&amp;lt;link href="/mapubvideoRel/css/App_Popup.css" type="text/css" rel="stylesheet"&amp;gt;
&amp;lt;script src="/mapubvideoRel/js/jquery.js" type="text/javascript"&amp;gt;
&amp;lt;script src="/mapubvideoRel/js/popup.js" type="text/javascript"&amp;gt;
&amp;lt;script src="/mapubvideoRel/js/jquery.colorbox-min.js" type="text/javascript"&amp;gt;
&amp;amp;#65279;
&lt;/code&gt;&lt;/pre&gt;
&lt;p&gt;please help.
Thanks&lt;/p&gt;</t>
  </si>
  <si>
    <t>2012-06-12 06:38:59.980000+00:00</t>
  </si>
  <si>
    <t>2016-06-01 19:20:09.467000+00:00</t>
  </si>
  <si>
    <t>SQL XML nested query</t>
  </si>
  <si>
    <t>&lt;p&gt;How to generate below like XML based on such query?&lt;/p&gt;
&lt;pre&gt;&lt;code&gt;SELECT
    t1.Code,    
    (SELECT
        CASE 
            WHEN t1.Type = 5 THEN
                (SELECT top 1
                    t2.CodeName
                FROM dbo.Table2 t2
                WHERE t2.Id = t4.Id
          FOR XML  PATH('Code'), TYPE)          
      ELSE  
          (SELECT 
             t3.CodeName
          FROM dbo.Table3 t3
                WHERE t3.Id = t4.Id
                FOR XML PATH('Code'), TYPE)                     
      END
    FROM dbo.Table4 t4
    WHERE t4.Id = t1.Id
    FOR XML PATH('CodeNames'), TYPE)    
FROM dbo.Table1  t1 WITH (NOLOCK)
FOR XML RAW ('Table1Child'), TYPE, ROOT('Table1Root')
&lt;/code&gt;&lt;/pre&gt;
&lt;p&gt;Expected output&lt;/p&gt;
&lt;pre&gt;&lt;code&gt;&amp;lt;Table1Root&amp;gt;
  &amp;lt;Table1Child Code="ABC"&amp;gt;
    &amp;lt;CodeNames&amp;gt;
      &amp;lt;Code Name="A1" /&amp;gt;
      &amp;lt;Code Name="B2" /&amp;gt;
      &amp;lt;Code Name="C3" /&amp;gt;
    &amp;lt;/CodeNames&amp;gt;
  &amp;lt;/Table1Child&amp;gt;
  &amp;lt;Table1Child Code="DEF"&amp;gt;
    &amp;lt;CodeNames&amp;gt;
      &amp;lt;Code Name="D4" /&amp;gt;
      &amp;lt;Code Name="E5" /&amp;gt;
      &amp;lt;Code Name="F6" /&amp;gt;
    &amp;lt;/CodeNames&amp;gt;
  &amp;lt;/Table1Child&amp;gt;
&amp;lt;/Table1Root&amp;gt;
&lt;/code&gt;&lt;/pre&gt;</t>
  </si>
  <si>
    <t>2012-02-08 00:12:37.873000+00:00</t>
  </si>
  <si>
    <t>2012-02-08 06:44:45.953000+00:00</t>
  </si>
  <si>
    <t>sql|xml|nested</t>
  </si>
  <si>
    <t>Any chance to play h264 stream from ip cam?</t>
  </si>
  <si>
    <t>&lt;p&gt;I'm working on a h264 flash player. I'm getting a bytestream (from ip cam) of raw h264 through http connection and i have to play it. 
As far as i know, flash cannot play any stream directly, i have to wrap it in flv container. So, what i have to do is to get a bytearray, search 00 00 00 01 (the NAL start prefix code) and add FLV tags to this frame and then with NetStream.appendBytes() add this finally to stage.
The question is - is that the right way? I mean, can i transform a raw h264 to flv stream if i just add a FLV tags to those frames? May be there is a more simple way to play raw h264 from ip cam?&lt;/p&gt;</t>
  </si>
  <si>
    <t>2012-07-13 06:23:11.790000+00:00</t>
  </si>
  <si>
    <t>2015-10-08 09:09:48.417000+00:00</t>
  </si>
  <si>
    <t>actionscript-3|flex|h.264|flex4.5</t>
  </si>
  <si>
    <t>How do I load a specific javascript file or javascript code into an HTML document?</t>
  </si>
  <si>
    <t>&lt;p&gt;Here's what I'm trying to do;&lt;/p&gt;
&lt;p&gt;I have this HTML code:&lt;/p&gt;
&lt;pre&gt;&lt;code&gt;&amp;lt;div id="background-color-random"&amp;gt;
    DIV CONTENT
&amp;lt;/div&amp;gt;
&lt;/code&gt;&lt;/pre&gt;
&lt;p&gt;And this javascript:&lt;/p&gt;
&lt;pre&gt;&lt;code&gt;$(document).ready(function() {
var colors = ["#FFA347", "#FF5050", "#FF66FF", "#6699FF", "#00FF99"],
selectedColor = colors[Math.floor(Math.random()*colors.length)]
header = $("div#background-color-random");
header.css("background-color", selectedColor);
});
&lt;/code&gt;&lt;/pre&gt;
&lt;p&gt;I want to impliment this on an HTML page. I know that you can load up a *.js file by using the script tags with src="..". But that doesn't seem to work.&lt;/p&gt;
&lt;p&gt;The javascript creates a random color and then applies that to the background of a given 'div' in the HTML.&lt;/p&gt;
&lt;p&gt;Now, I'm not good with javascript, so please be patient with me and simple answers are needed :)&lt;/p&gt;
&lt;p&gt;I need to be able to get the javascript to load when requested from the HTML and then apply itself to the div with id="..".&lt;/p&gt;</t>
  </si>
  <si>
    <t>2013-11-21 21:51:40.973000+00:00</t>
  </si>
  <si>
    <t>2013-11-21 22:19:38.233000+00:00</t>
  </si>
  <si>
    <t>using random number in LESS CSS</t>
  </si>
  <si>
    <t>&lt;p&gt;Is there any way to use a random number in LESS?  I'm using less version 1.5, 
I have tried using &lt;/p&gt;
&lt;p&gt;@var: &lt;code&gt;`Math.random(&lt;/code&gt;)` ;&lt;/p&gt;</t>
  </si>
  <si>
    <t>2014-01-22 07:50:51.620000+00:00</t>
  </si>
  <si>
    <t>2014-03-06 07:39:29.857000+00:00</t>
  </si>
  <si>
    <t>user3222498</t>
  </si>
  <si>
    <t>css|random|less</t>
  </si>
  <si>
    <t>CoCreateInstance called from one application fails to create instance of another application, if user is not admin</t>
  </si>
  <si>
    <t>&lt;p&gt;I have an windows application(MFC-ATL-COM) "A", when launched, invokes app"B" using &lt;code&gt;CoCreateInstance()&lt;/code&gt;.&lt;/p&gt;
&lt;p&gt;When user is &lt;strong&gt;Admin on Win7 system&lt;/strong&gt;, If app "A" is launched, even app "B" launches.
When user is a &lt;strong&gt;standard Win7 user&lt;/strong&gt;, If app "A" is launched, app "B" &lt;strong&gt;FAILS to launch&lt;/strong&gt;.&lt;/p&gt;
&lt;p&gt;&lt;strong&gt;Does &lt;code&gt;CoCreateInstance()&lt;/code&gt; requires admin privileges to start another application from a parent application?&lt;/strong&gt; 
If so, how can we make sure even a standard user can internally initiate "B" using App "A".&lt;/p&gt;</t>
  </si>
  <si>
    <t>2014-01-10 07:08:18.390000+00:00</t>
  </si>
  <si>
    <t>2014-01-10 07:15:59.620000+00:00</t>
  </si>
  <si>
    <t>com|mfc|uac</t>
  </si>
  <si>
    <t>How to style this select element?</t>
  </si>
  <si>
    <t>&lt;p&gt;This is my first attempt to convert PSD to HTML.&lt;/p&gt;
&lt;p&gt;Below is screenshot of the the select element that I need to convert.&lt;/p&gt;
&lt;p&gt;&lt;img src="https://i.stack.imgur.com/twssh.jpg" alt="actual design"&gt;&lt;/p&gt;
&lt;p&gt;I tried using Bootstrap 3.0.3 and below is the result :&lt;/p&gt;
&lt;p&gt;&lt;img src="https://i.stack.imgur.com/eY34z.jpg" alt="result"&gt;&lt;/p&gt;
&lt;p&gt;Anyone can help me?&lt;/p&gt;
&lt;p&gt;Below is my HTML&lt;/p&gt;
&lt;pre&gt;&lt;code&gt;&amp;lt;form id="bookingForm"&amp;gt;
    &amp;lt;div class="row"&amp;gt;
        &amp;lt;div class="col-md-6"&amp;gt;
            &amp;lt;div class="input-group"&amp;gt;
                &amp;lt;span class="input-group-addon"&amp;gt;
                    &amp;lt;img src="/media/img/pointA-grey.png" /&amp;gt;
                &amp;lt;/span&amp;gt;
                &amp;lt;input type="text" placeholder="Pick up location" class="form-control input-lg" id="fromLoc" /&amp;gt;
            &amp;lt;/div&amp;gt;
        &amp;lt;/div&amp;gt;
        &amp;lt;div class="col-md-6"&amp;gt;
            &amp;lt;div class="input-group"&amp;gt;
                &amp;lt;span class="input-group-addon"&amp;gt;
                    &amp;lt;img src="/media/img/pointB-grey.png" /&amp;gt;
                &amp;lt;/span&amp;gt;
                &amp;lt;input type="text" placeholder="Destination" class="form-control input-lg" id="toLoc" /&amp;gt;
            &amp;lt;/div&amp;gt;
        &amp;lt;/div&amp;gt;
    &amp;lt;/div&amp;gt;
    &amp;lt;div class="row"&amp;gt;
        &amp;lt;div class="col-md-6"&amp;gt;
            &amp;amp;nbsp;
        &amp;lt;/div&amp;gt;
    &amp;lt;/div&amp;gt;
    &amp;lt;div class="row"&amp;gt;
        &amp;lt;div class="col-md-6"&amp;gt;
            &amp;lt;div class="input-group"&amp;gt;
                &amp;lt;span class="input-group-addon"&amp;gt;
                    &amp;lt;img src="/media/img/calendar-grey.png" /&amp;gt;
                &amp;lt;/span&amp;gt;
                &amp;lt;input type="text" placeholder="DD/MM" class="form-control input-lg" id="calBooking" /&amp;gt;
            &amp;lt;/div&amp;gt;
        &amp;lt;/div&amp;gt;
        &amp;lt;div class="col-md-6"&amp;gt;
            &amp;lt;div class="input-group"&amp;gt;
                &amp;lt;span class="input-group-addon"&amp;gt;
                    &amp;lt;img src="/media/img/clock-grey.png" /&amp;gt;
                &amp;lt;/span&amp;gt;
                &amp;lt;select class="form-control"&amp;gt;
                    &amp;lt;option&amp;gt;
                        hr
                    &amp;lt;/option&amp;gt;
                &amp;lt;/select&amp;gt;
                &amp;lt;select class="form-control"&amp;gt;
                    &amp;lt;option&amp;gt;
                        min
                    &amp;lt;/option&amp;gt;
                &amp;lt;/select&amp;gt;
                &amp;lt;select class="form-control"&amp;gt;
                    &amp;lt;option&amp;gt;
                        AM
                    &amp;lt;/option&amp;gt;
                &amp;lt;/select&amp;gt;
            &amp;lt;/div&amp;gt;
        &amp;lt;/div&amp;gt;
    &amp;lt;/div&amp;gt;
    &amp;lt;div class="row"&amp;gt;
        &amp;lt;div class="col-md-6"&amp;gt;
            &amp;amp;nbsp;
        &amp;lt;/div&amp;gt;
    &amp;lt;/div&amp;gt;
&amp;lt;/form&amp;gt;
&lt;/code&gt;&lt;/pre&gt;</t>
  </si>
  <si>
    <t>2014-01-16 13:48:12.800000+00:00</t>
  </si>
  <si>
    <t>2014-01-16 14:04:08.753000+00:00</t>
  </si>
  <si>
    <t>html|css|css3|twitter-bootstrap|twitter-bootstrap-3</t>
  </si>
  <si>
    <t>What encoding does ZipArchive use to store file names inside the created archive?</t>
  </si>
  <si>
    <t>&lt;p&gt;I'm using the php ZipArchive class in order to generate a zip archive. I use the second parameter of the addFile method in order to set the name of the file in the archive (since the real file on disk has a different name). Some of the names must contain french accents (such as &amp;eacute;). When I download the archive, the accents aren't correctly displayed in the file name. What encoding should I use for the file names ? (the application uses UTF-8) &lt;/p&gt;</t>
  </si>
  <si>
    <t>2011-02-15 14:58:57.703000+00:00</t>
  </si>
  <si>
    <t>2016-11-08 09:35:29.530000+00:00</t>
  </si>
  <si>
    <t>php|encoding|ziparchive</t>
  </si>
  <si>
    <t>Tkinter 16-bit raw (monochrome) image display w/ scaling?</t>
  </si>
  <si>
    <t>&lt;p&gt;I have a 16-bit image (but only 10-bits effective) in the form of a numpy array. My current code that is used to display the image is:&lt;/p&gt;
&lt;pre&gt;&lt;code&gt;from Tkinter import *
import Image, ImageTk
from functools import *
import numpy as np
class ImExam():
    def __init__(self):
        self.imExamDisp = Toplevel()
        Label(self.imExamDisp, text="Pixel").grid(row=0, column=0)
        self.pixelCoord = Label(self.imExamDisp); self.pixelCoord.grid(row=0, column=1)
        Label(self.imExamDisp, text="Value").grid(row=0, column=2)
        self.pixelValue = Label(self.imExamDisp); self.pixelValue.grid(row=0, column=3)
        self.imgDisp = Label(self.imExamDisp, borderwidth=0)
        self.imgDisp.grid(row=1, column=0, columnspan=4)
    def updateImage(self, img, dispIMin=None, dispIMax=None):
        self.i = Image.fromarray(img, mode='I;16')
        self.iTk = ImageTk.PhotoImage('I;16', img.shape)
        self.iTk.paste(self.i)
        self.imgDisp.bind('&amp;lt;Motion&amp;gt;', partial(self.getPixelValue, img=self.i))
        self.imgDisp.configure(image=self.iTk)
        self.imgDisp.grid(row=1, column=0, columnspan=4)
        self.imExamDisp.update()
    def getPixelValue(self, event, img):
            x = event.x
            y = event.y
            value = img.getpixel((x, y))
            self.pixelCoord.configure(text="%02s, %02s" % (x, y))
            self.pixelValue.configure(text="%0.4g" % value)
&lt;/code&gt;&lt;/pre&gt;
&lt;p&gt;But the resulting image on the screen is 8-bits, despite calling &lt;code&gt;ImageTk.PhotoImage&lt;/code&gt; in &lt;code&gt;I;16&lt;/code&gt; mode.&lt;/p&gt;
&lt;p&gt;First, this example (namely, &lt;code&gt;updateImage(img)&lt;/code&gt;) is meant to update a separate Tkinter window with a live image feed, and &lt;code&gt;getPixelValue&lt;/code&gt; will update the current pixel/value combination. I posted it all in case others could benefit.&lt;/p&gt;
&lt;p&gt;But my question is how do I control the display range of the &lt;code&gt;Label&lt;/code&gt; widget? The resulting 16-bit (10-bit) image is scaled to 8-bits, although the pixel values are correct. My image has the following properties:&lt;/p&gt;
&lt;pre&gt;&lt;code&gt;print np.min(img), np.max(img), img.shape, img.dtype
109 1023 (491, 656) uint16
&lt;/code&gt;&lt;/pre&gt;
&lt;p&gt;And following that question, can I alter the display scale? e.g. instead of displaying values from 0-1023, can I instead display the image from say 100-800?&lt;/p&gt;
&lt;p&gt;Tkinter may not be the way to go for this, so I'm open to other packages. And maybe scaling the image (to between 100-800, e.g.) is better done in numpy or something. That's also acceptable. Any suggestions appreciated!&lt;/p&gt;
&lt;p&gt;I can't seem to find a solution to this through PIL docs, other posts, etc...&lt;/p&gt;
&lt;p&gt;&lt;strong&gt;EDIT&lt;/strong&gt;:&lt;/p&gt;
&lt;p&gt;OK, so I'm partly answering my own question; not sure if this is the place to do it, but it might help. I gave &lt;code&gt;matplotlib&lt;/code&gt; a shot, with the following code instead (interfaced w/ &lt;code&gt;Tkinter&lt;/code&gt; following the example &lt;a href="http://matplotlib.sourceforge.net/examples/user_interfaces/embedding_in_tk.html" rel="nofollow"&gt;here&lt;/a&gt;):&lt;/p&gt;
&lt;pre&gt;&lt;code&gt;from Tkinter import *
import matplotlib
from matplotlib.backends.backend_tkagg import FigureCanvasTkAgg, NavigationToolbar2TkAgg
from matplotlib.figure import Figure
from functools import *
import numpy as np
class ImExam():
    def __init__(self):
        self.font = ("Helvetica", 9)
        self.imExamDisp = Toplevel()
        Label(self.imExamDisp, text="Pixel").grid(row=0, column=0)
        self.pixelCoord = Label(self.imExamDisp); self.pixelCoord.grid(row=0, column=1)
        Label(self.imExamDisp, text="Value").grid(row=0, column=2)
        self.pixelValue = Label(self.imExamDisp); self.pixelValue.grid(row=0, column=3)
        matplotlib.rcParams.update({'font.family': "Helvetica", 'font.size': 9})
        #
        ### Setup image window
        #
        self.fig  = Figure(frameon=False)
        self.subPlot = self.fig.add_axes([0, 0, 1, 1], frameon=False);     # add_axes needed to fill image in Figure
        self.subPlot.set_axis_off()
        self.imgDisp = FigureCanvasTkAgg(self.fig, master=self.imExamDisp)
        self.imgDisp.show(); self.imgDisp.get_tk_widget().grid(row=0, column=0, sticky=N+E+S+W)
    def updateImage(self, img, dispIMin=0., dispIMax=1023., virtFlag=0):
        self.subPlot.imshow(img, vmin=dispIMin, vmax=dispIMax, interpolation="quadric", aspect='auto', cmap='gray')
        self.imgDisp.draw()
        self.imgDisp.get_tk_widget().bind('&amp;lt;Motion&amp;gt;', partial(self.getPixelValue, img=img))
        self.imgDisp.get_tk_widget().grid(row=1, column=0, columnspan=4)
        self.imExamDisp.update()
    def getPixelValue(self, event, img):
        x = event.x
        y = event.y
        value = img[y, x]     # imshow (or something) switches x, y
        self.pixelCoord.configure(text="%02s, %02s" % (x, y))
        self.pixelValue.configure(text="%0.4g" % value)
&lt;/code&gt;&lt;/pre&gt;
&lt;p&gt;&lt;code&gt;img&lt;/code&gt; is still a numpy array with &lt;code&gt;img.dtype = uint16&lt;/code&gt;. Unfortunately, there is a border of about 6 pixels on the right side and 1 on the bottom of the image that the cursor can't see (goes from 0-489 and 0-649; should be 0-490 and 0-655). I can't tell if this is a frame issue or something else. There is still a pesky black border around the image that I thought &lt;code&gt;frameon=False&lt;/code&gt; would get rid of, but maybe not...I'll post a comment to this if I figure it out. Please let me know if you've encountered this issue. Thanks!&lt;/p&gt;</t>
  </si>
  <si>
    <t>2012-05-03 23:35:18.893000+00:00</t>
  </si>
  <si>
    <t>2012-05-04 02:50:36.830000+00:00</t>
  </si>
  <si>
    <t>python|numpy|tkinter|python-imaging-library</t>
  </si>
  <si>
    <t>SQL Server : insert stored procedure with dynamic table name</t>
  </si>
  <si>
    <t>&lt;p&gt;I am trying to create a stored procedure for inserting new data. Basically I am getting an error about 'declare the table variable@tablename'. &lt;/p&gt;
&lt;p&gt;I tried:&lt;/p&gt;
&lt;pre&gt;&lt;code&gt;create procedure [dbo].[spInsertProc](@table_name varchar(max))
as
begin
    declare @name nvarchar(128);
    declare @description nchar(255);
    declare @tablename varchar(max);
    --declare @tablename as table;
    set @tablename = @table_name;
    Insert Into @tablename ([name], [description])
    Values (@name, @description)
end
&lt;/code&gt;&lt;/pre&gt;
&lt;p&gt;Another question is this stored procedure secure since I am not using a query string, right?&lt;/p&gt;</t>
  </si>
  <si>
    <t>2016-09-18 04:48:25.033000+00:00</t>
  </si>
  <si>
    <t>2016-09-18 07:09:56.023000+00:00</t>
  </si>
  <si>
    <t>c#|sql-server|stored-procedures</t>
  </si>
  <si>
    <t>Class variable or object?</t>
  </si>
  <si>
    <t>&lt;p&gt;If a program includes two classes named &lt;code&gt;Terrain&lt;/code&gt; and &lt;code&gt;Simulation&lt;/code&gt; and inside the &lt;code&gt;Terrain&lt;/code&gt; class is the line:  &lt;/p&gt;
&lt;pre&gt;&lt;code&gt;private static Simulation sim;
&lt;/code&gt;&lt;/pre&gt;
&lt;p&gt;Is that similar to creating a new object of the simulation class which can be achieved with the following syntax:&lt;/p&gt;
&lt;pre&gt;&lt;code&gt;Simulation sim = new Simulation();
&lt;/code&gt;&lt;/pre&gt;
&lt;p&gt;Or does it mean that &lt;code&gt;sim&lt;/code&gt; is a variable of class type &lt;code&gt;Simulation&lt;/code&gt;?&lt;/p&gt;
&lt;pre&gt;&lt;code&gt;public class terrain {
    private static Simulation sim;
    public static void main(String[] args) {}
}
public class Simulation {}
&lt;/code&gt;&lt;/pre&gt;</t>
  </si>
  <si>
    <t>2016-06-04 21:15:52.833000+00:00</t>
  </si>
  <si>
    <t>2016-06-04 21:35:32.893000+00:00</t>
  </si>
  <si>
    <t>java|oop|object|syntax</t>
  </si>
  <si>
    <t>401 redirect doesn't work when session expires</t>
  </si>
  <si>
    <t>&lt;p&gt;Does anyone else have this problem?  The interwebs just give me the phone book on 401s when I google.&lt;/p&gt;
&lt;p&gt;I've set my jQuery ajax to redirect back to my login page when a webmethod returns 401.&lt;/p&gt;
&lt;p&gt;This works fine if someone isn't logged in and tries, but if the session expires, it doesn't work.  It just sits there.  Does anyone else have this issue?&lt;/p&gt;
&lt;p&gt;Thanks in advance!&lt;/p&gt;
&lt;p&gt;&lt;strong&gt;Clarity&lt;/strong&gt;&lt;/p&gt;
&lt;p&gt;It returns 401 if, say, I pull up my browser after booting up, my page is still cached, and I try to ajax a webmethod.  When that happens, my jQuery error handling of the 401 code redirects to the login page like I've told it to.&lt;/p&gt;
&lt;p&gt;&lt;b&gt;However&lt;/b&gt;, if my session expires, it looks like it sends a 401, but the jQuery ajax error handling for the 401 code does not fire.&lt;/p&gt;
&lt;p&gt;If this helps, on my older server-side pages, when the session expires and I try to do something, I get the "username and password cannot be null" page which also fails to redirect to the login page as usual.&lt;/p&gt;
&lt;p&gt;Is the 401 from a session expiration different than a 401 from simply not even having a session?&lt;/p&gt;
&lt;p&gt;Thanks all for your contributions!&lt;/p&gt;</t>
  </si>
  <si>
    <t>2012-11-15 22:52:51.203000+00:00</t>
  </si>
  <si>
    <t>2012-11-15 23:02:18.523000+00:00</t>
  </si>
  <si>
    <t>user1382306</t>
  </si>
  <si>
    <t>c#|jquery|ajax|vb.net|webmethod</t>
  </si>
  <si>
    <t>ASP.NET 3.5: What could cause a session to timeout prematurely?</t>
  </si>
  <si>
    <t>&lt;p&gt;We have our session set to timeout after 120 minutes.  Recently, however, one of the production servers has been encountering a ton of problems.  Since I have no access to the server box itself, I am working on limited information here.  We have two servers on which our website is deployed.  Sever A works fine all of the time, but server B is constantly having these expired session issues.  This has been recent, like as of the past two weeks.&lt;/p&gt;
&lt;p&gt;I know I am not providing enough information to pinpoint the problem directly, but what are some issues that could cause the session to be reset with no rhyme or reason?&lt;/p&gt;</t>
  </si>
  <si>
    <t>2011-08-08 14:57:04.557000+00:00</t>
  </si>
  <si>
    <t>2011-12-01 05:09:45.173000+00:00</t>
  </si>
  <si>
    <t>asp.net|session|timeout</t>
  </si>
  <si>
    <t>how to create postgres extension with elastic beanstalk, during create/deploy?</t>
  </si>
  <si>
    <t>&lt;p&gt;I'm attempting to programatically create an hstore extension for a postgres backed django application. Currently, after creation (via &lt;code&gt;eb create -database.engine postgres&lt;/code&gt;), I connect to the db instance directly with pgadmin, and create the extension manually. &lt;/p&gt;
&lt;p&gt;Is there a way to do this either with options, container commands, a pre-deploy hook, etc? I've been searching fairly hard, and not seen anything that's a guide on this. Or am I just thinking about this process in a backwards way?&lt;/p&gt;</t>
  </si>
  <si>
    <t>2015-10-29 21:38:50.460000+00:00</t>
  </si>
  <si>
    <t>django|postgresql|deployment|elastic-beanstalk|paas</t>
  </si>
  <si>
    <t>Get data from SQLliteDatabaseHelper in Service class</t>
  </si>
  <si>
    <t>&lt;p&gt;I have an Application with Service class that run in backgroud and other activity. In the activity when i get data from my database i do:&lt;/p&gt;
&lt;pre&gt;&lt;code&gt;databaseHelper = new DBNotifyHelper(this);
Cursor c = databaseHelper.getNotify(myState, myVariable, myVariable2);
&lt;/code&gt;&lt;/pre&gt;
&lt;p&gt;where the method getNotify in my DBNotifyHelper is:&lt;/p&gt;
&lt;pre&gt;&lt;code&gt;public Cursor getNotify (String myState, String myVariable, String myVariable2)
{
    return getReadableDatabase().rawQuery("SELECT * FROM Notify WHERE State = ? AND myVariable= ? AND myVariable2= ?", new String[] {myState, myVariable, myVariable2});
}
&lt;/code&gt;&lt;/pre&gt;
&lt;p&gt;and it work fine,but it doesn't work in Service.How i get the same thing in the Service? I don't use cursor?? please Help Me (Sorry for my english).&lt;/p&gt;</t>
  </si>
  <si>
    <t>2015-11-17 14:23:57.780000+00:00</t>
  </si>
  <si>
    <t>2015-11-17 16:03:13.593000+00:00</t>
  </si>
  <si>
    <t>java|android|sqlite|cursor</t>
  </si>
  <si>
    <t>Divide column by other column if the value is float (not string) in pandas?</t>
  </si>
  <si>
    <t>&lt;p&gt;I have following dataframe and tried to apply following command.However, since each columns include string for some row, I got error. Could anyone tell me how I can revise this script to skip calculation if the value is string?  &lt;/p&gt;
&lt;pre&gt;&lt;code&gt;df["diff"] = (df["value"] / df["value_B"] - 1) * 100  
&lt;/code&gt;&lt;/pre&gt;
&lt;p&gt;&lt;strong&gt;dataframe&lt;/strong&gt;  &lt;/p&gt;
&lt;pre&gt;&lt;code&gt;                                                        value    value_B
GeneralEUI[kWh/m2]EUI[kWh/m2]EUI[kWh/m2]                217.3      243.3
GeneralTotal Unmer Hour[h]Total Unmer Hour[h]To...        536        536
GeneralTotal Area[m2]Total Area[m2]Total Area[m2]       51513      51513
GeneralLocationLocationLocation                     Hong Kong  Hong Kong
GeneralProgramProgramProgram                           Office     Office
EnvelopeTotal Window to Wall Ratio [%]Total Win...      52.23      52.23
EnvelopeGlassSHGC value                                  0.24       0.24
EnvelopeGlassU-value[W/m2-K]                             1.74       1.74
EnvelopeGlassOFFICE WINDOWSHGC value                     0.22       0.22
EnvelopeGlassOFFICE WINDOWU-value[W/m2-K]                1.63       1.63
EnvelopeGlassPODIUM WINDOWSHGC value                      0.7        0.7
EnvelopeGlassPODIUM WINDOWU-value[W/m2-K]                5.48       5.48
EnvelopeOpaqueSHGC value                                 0.24       0.24
EnvelopeOpaqueU-value[W/m2-K]                            1.74       1.74
EnvelopeOpaqueOFFICE WINDOWSHGC value                    0.22       0.22
&lt;/code&gt;&lt;/pre&gt;</t>
  </si>
  <si>
    <t>2018-10-11 07:32:37.077000+00:00</t>
  </si>
  <si>
    <t>2018-10-11 07:34:20.543000+00:00</t>
  </si>
  <si>
    <t>Conflict between 2 scripts in jquery</t>
  </si>
  <si>
    <t>&lt;p&gt;I'm trying to use an input validation script in jquery. Which executes on document ready event.&lt;/p&gt;
&lt;pre&gt;&lt;code&gt;$(function(){
$("#cart").validationEngine(); 
});
&lt;/code&gt;&lt;/pre&gt;
&lt;p&gt;Here's the form where I want to use it:&lt;/p&gt;
&lt;pre&gt;&lt;code&gt;&amp;lt;form id="cart" name="cart_form"&amp;gt;
&amp;lt;?php foreach($product as $prods): ?&amp;gt;
        &amp;lt;tr&amp;gt;
        &amp;lt;td&amp;gt;&amp;lt;input type="text"  id="qty_sel&amp;lt;?php echo $prods['PID']; ?&amp;gt;" name="qtysell[]" class="validate[required]"/&amp;gt;&amp;lt;/td&amp;gt;
        &amp;lt;td&amp;gt;&amp;lt;input type="text" name="subtotal"  id="subtotal&amp;lt;?php echo $prods['PID']; ?&amp;gt;" class="validate[required]" readonly="readonly"/&amp;gt;&amp;lt;/td&amp;gt;
    &amp;lt;?php endforeach; ?&amp;gt;
&amp;lt;/form&amp;gt;
&lt;/code&gt;&lt;/pre&gt;
&lt;p&gt;The above code doesn't work, but when I tried it in something simpler, it actually worked:&lt;/p&gt;
&lt;pre&gt;&lt;code&gt;&amp;lt;form id="cart" name="a"&amp;gt;
&amp;lt;input type="text" id="name" class="validate[required]"/&amp;gt;
&amp;lt;/form&amp;gt;
&lt;/code&gt;&lt;/pre&gt;
&lt;p&gt;Does this have something to do with another script which I have written which computes the subtotal from the given price and quantity. 
Or is it the ordering of the elements (table, form, input). Which causes the script to not work.&lt;/p&gt;</t>
  </si>
  <si>
    <t>2011-05-08 04:49:07.180000+00:00</t>
  </si>
  <si>
    <t>2011-05-08 07:27:48.180000+00:00</t>
  </si>
  <si>
    <t>How to query mongodb with ���like��� using the java api without using Pattern Matching?</t>
  </si>
  <si>
    <t>&lt;p&gt;Currently I am using java to connect to MONGODB,
I want to write this sql query in mongodb using java driver:&lt;/p&gt;
&lt;pre&gt;&lt;code&gt;select * from tableA where name like("%ab%")
&lt;/code&gt;&lt;/pre&gt;
&lt;p&gt;is their any solution to perform the same task through java,
the query in mongodb is very simple i know, the query is&lt;/p&gt;
&lt;pre&gt;&lt;code&gt;db.collection.find({name:/ab/})
&lt;/code&gt;&lt;/pre&gt;
&lt;p&gt;but how to perform same task in java&lt;/p&gt;
&lt;p&gt;Current I am using pattern matching to perform the task and code is&lt;/p&gt;
&lt;pre&gt;&lt;code&gt;DBObject A = QueryBuilder.start("name").is(Pattern.compile("ab", 
                                           Pattern.CASE_INSENSITIVE)).get();
&lt;/code&gt;&lt;/pre&gt;
&lt;p&gt;but it makes query very slow I think , does a solution exist that does not use pattern matching?&lt;/p&gt;</t>
  </si>
  <si>
    <t>2012-04-14 05:07:54.483000+00:00</t>
  </si>
  <si>
    <t>2014-02-17 11:48:48.313000+00:00</t>
  </si>
  <si>
    <t>2012-04-14 06:43:40.810000+00:00</t>
  </si>
  <si>
    <t>java|jsp|mongodb|servlets</t>
  </si>
  <si>
    <t>How to set/active bootstrap tooltip using javascript?</t>
  </si>
  <si>
    <t>&lt;p&gt;I'm so frustrated that I cannot solve this simple question. 
How to programmingly set/active bootstrap tooltip? &lt;/p&gt;
&lt;p&gt;For example, we are at page:
&lt;a href="http://getbootstrap.com/2.3.2/javascript.html#tooltips" rel="nofollow"&gt;http://getbootstrap.com/2.3.2/javascript.html#tooltips&lt;/a&gt;
and let's open the chrome console and make tooltip work on the fly on the 'home' link in the left up corner. &lt;/p&gt;
&lt;pre&gt;&lt;code&gt;var home = $($('.navbar li a')[0]);// select that home link
home.tooltip({title:'wthhhh'}); // set the default title
home.tooltip('show');
&lt;/code&gt;&lt;/pre&gt;
&lt;p&gt;Step 3 doesn't bring up the tooltip. &lt;/p&gt;
&lt;p&gt;Any help? &lt;/p&gt;
&lt;p&gt;EDIT: I understand bootstrap has got a major update, but I believe it's irrelevant. Tooltip doesn't seem change.&lt;/p&gt;</t>
  </si>
  <si>
    <t>2013-07-31 03:42:55.397000+00:00</t>
  </si>
  <si>
    <t>2013-07-31 04:07:48.377000+00:00</t>
  </si>
  <si>
    <t>javascript|twitter-bootstrap|tooltip</t>
  </si>
  <si>
    <t>How to get the value of clicked TextView of ListView</t>
  </si>
  <si>
    <t>&lt;p&gt;I am new to android. I am developing an app. I have a listing page which lists the hotels (loaded from mysql database). Each list item contains an ImageView(image of a hotel), TextViews(To hold the name, address, price, etc of a particular hotel). I set a SimpleAdapter for setting the values. And used setViewBinder to set the image(from Internet) to the ImageView. &lt;/p&gt;
&lt;p&gt;My problem is, I want to make the ImageView(This imageview is like background for the entire list item) clickable. And when a user click on a particular listitem(imageview), an intent need to be called by which I can show the further details of the clicked hotel. I want to pass some details with the intent.
I tried so many times. I can set the image and other details of a hotel on the listview. But when I click on a imageview, the intent carries only the first rows value only. &lt;/p&gt;
&lt;p&gt;I am giving the code below. Please help me.&lt;/p&gt;
&lt;pre&gt;&lt;code&gt;private class LoadHotels extends AsyncTask&amp;lt;Void, Void, Void&amp;gt;
{
    int jarSize;
    protected void onPreExecute() 
    {
        // TODO Auto-generated method stub
        super.onPreExecute();
        //pd.show();
    }
    protected Void doInBackground(Void... args) 
    {
        try
        {
            HttpClient httpclient = new DefaultHttpClient();
            HttpPost httppost = new HttpPost
                                  ("http://dev.grapelime.in/projects/staytonight/api/gethotels");
            postParameters = new ArrayList&amp;lt;NameValuePair&amp;gt;();
            postParameters.add(new   BasicNameValuePair
                                 ("location_id",Integer.toString(location_id)));
            httppost.setEntity(new UrlEncodedFormEntity(postParameters));
            HttpResponse response = httpclient.execute(httppost); 
            HttpEntity entity = response.getEntity();
            if (entity != null)
            {
                is = entity.getContent();
                Log.e("Entity",entity.toString());
                Log.e("Response","Not Null");
            }
            else
            {
                //Toast.makeText(getApplicationContext(), "Response is null", Toast.LENGTH_LONG);
                Log.e("Response","Null");
            }
            Log.e("Pass 1", "connection success ");
        }
        catch(Exception e)
        {
            Log.e("Fail 1", e.toString());
        }
        try
        {
            BufferedReader reader = new BufferedReader(new InputStreamReader(is,"iso-8859-1"),8);
            StringBuilder sb = new StringBuilder();
            while ((line = reader.readLine()) != null)
            {
                sb.append(line + "\n");
            }
            is.close();
            result = sb.toString();
            Log.e("Pass 2", "connection success ");
            Log.e("Result", "Result "+result);
        }
        catch(Exception e)
        {
            Log.e("Fail 2", e.toString());
        } 
        JSONArray jar;
        try 
        {
            jar = new JSONArray(result);
            jarSize = jar.length();
            System.out.println("jarsize  "+jarSize);
            hotel_name=new String[jarSize];
            hotel_location=new String[jarSize];
            hotel_type=new String[jarSize];
            hotel_actual_price=new String[jarSize];
            slide_image_paths=new String[jarSize];
            //hotel_discount=new String[jarSize];
            Bitmap bimage = null;
            for(int i=0;i&amp;lt;jarSize;i++)
            {
                JSONObject menuObject = jar.getJSONObject(i);
                hotel_name[i]=menuObject.getString("hotel_name");
                hotel_location[i]=menuObject.getString("locality");
                hotel_type[i]=menuObject.getString("hotel_type");
                hotel_actual_price[i]=menuObject.getString("actual_price");
                slide_image_paths[i]=menuObject.getString("slide_image_paths");
            }
            hotelList = new ArrayList&amp;lt;HashMap&amp;lt;String, Object&amp;gt;&amp;gt;();
            hotelMap = new HashMap&amp;lt;String, Object&amp;gt;();
            System.out.println("length  "+hotel_name.length);
            Bitmap mIcon11 = null;
            for(int j=0;j&amp;lt;hotel_name.length;j++)
            {
                try 
                {
                      InputStream in = new java.net.URL(slide_image_paths[j]).openStream();
                      mIcon11 = BitmapFactory.decodeStream(in);
                      //mIcon11.setHeight(200);
                      //mIcon11.setWidth(240);
                      hotelMap.put("hotel_image",mIcon11);
                } 
                catch (Exception e) 
                {
                        Log.e("Error", e.getMessage());
                        e.printStackTrace();
                }
                hotelMap.put("hotel_name", hotel_name[j]);
                System.out.println("hotel_name  "+hotel_name[j]);
                hotelMap.put("hotel_location", hotel_location[j]);
                System.out.println("hotel_location  "+hotel_location[j]);
                hotelMap.put("hotel_type", hotel_type[j]);
                hotelMap.put("hotel_actual_price","INR"+hotel_actual_price[j]);
                //hotelMap.put("slide_image_paths", slide_image_paths[j]);
                hotelList.add(hotelMap);
                hotelMap = new HashMap&amp;lt;String, Object&amp;gt;();   
            }
        }
        catch (Exception e) 
        {
            // TODO Auto-generated catch block
            e.printStackTrace();
        }
        return null;
 }
 protected void onPostExecute(Void result) 
 {
            newsAdapter= new SimpleAdapter(getApplicationContext(), 
                                 hotelList,R.layout.hotel_list_design,
    new String[] {"hotel_image","hotel_name","hotel_location", "hotel_type", 
                                          "hotel_actual_price"}, 
        new int[] {R.id.bgImage, R.id.hotel_name, R.id.hotel_location, 
         R.id.hotel_category,  R.id.hotel_actual_amount});
            newsAdapter.setViewBinder(new SimpleAdapter.ViewBinder() {
                @Override
                public boolean setViewValue(View view, Object data,String textRepresentation) 
                {
                    if((view instanceof ImageView) &amp;amp; (data instanceof Bitmap)) 
                    {
                        ImageView iv = (ImageView) view;
                        final Bitmap bm = (Bitmap) data;
                        iv.setImageBitmap(bm);
                        iv.setOnClickListener(new OnClickListener() 
                        {
                            @Override
                            public void onClick(View arg0) 
                            {
                                // TODO Auto-generated method stub
                                try
                                {
                                    Intent intent = 
           new Intent(getApplicationContext(), HotelDetailsActivity.class);
                        TextView hotel_name = (TextView)  findViewById(R.id.hotel_name);
                        String hotelName = hotel_name.getText().toString();
                        TextView hotel_location = (TextView) findViewById(R.id.hotel_location);
                        String hotelLocation = hotel_location.getText().toString();
                        TextView hotel_category = (TextView) findViewById(R.id.hotel_category);
                        String hotelCategory = hotel_category.getText().toString();
                TextView hotel_actual_amount = (TextView) findViewById(R.id.hotel_actual_amount);
                String hotelActualAmount = hotel_actual_amount.getText().toString();
             ByteArrayOutputStream stream = new ByteArrayOutputStream();
            bm.compress(Bitmap.CompressFormat.PNG, 100, stream);
                                    byte[] byteArray = stream.toByteArray();
                                    intent.putExtra("image", byteArray);
                                    intent.putExtra("name", hotelName);
                                    intent.putExtra("location", hotelLocation);
                                    intent.putExtra("category", hotelCategory);
                                    intent.putExtra("actual_amount", hotelActualAmount);
                                    //intent.putExtra("discount", hotelDiscount);
                                    startActivity(intent);
                                }
                                catch(Exception e)
                                {
                                    Log.e("ERROR ON ONCLICK","Error"+e);
                                }
                            }
                        }); 
                        return true;
                    }
                    return false;
                }
            });
            lv_hotels.setAdapter(newsAdapter);
 }
}
&lt;/code&gt;&lt;/pre&gt;
&lt;p&gt;My XML file given below&lt;/p&gt;
&lt;pre&gt;&lt;code&gt;    &amp;lt;?xml version="1.0" encoding="utf-8"?&amp;gt;
&amp;lt;RelativeLayout xmlns:android="http://schemas.android.com/apk/res/android"
    android:id="@+id/hotel_list_design"
    android:layout_width="match_parent"
    android:layout_height="match_parent" 
    android:background="@drawable/bg"
    &amp;gt;
    &amp;lt;ImageView
        android:id="@+id/bgImage"
        android:layout_width="match_parent"
        android:layout_height="200dp"
        android:layout_alignParentTop="true"
        android:layout_centerHorizontal="true"
        android:scaleType="centerCrop"
        /&amp;gt;
    &amp;lt;LinearLayout
        android:layout_width="fill_parent"
        android:layout_height="wrap_content"
        android:layout_alignParentBottom="true"
        android:layout_alignParentLeft="true"
        android:orientation="vertical" 
        android:layout_marginBottom="10sp"
        android:background="#8C000000"
        android:paddingLeft="10sp"&amp;gt;
        &amp;lt;TextView
            android:id="@+id/hotel_name"
            android:layout_width="wrap_content"
            android:layout_height="wrap_content"
            /&amp;gt;
        &amp;lt;TextView
            android:id="@+id/hotel_location"
            android:layout_width="wrap_content"
            android:layout_height="wrap_content"
            /&amp;gt;
    &amp;lt;/LinearLayout&amp;gt;
    &amp;lt;LinearLayout
        android:layout_width="100dp"
        android:layout_height="200dp"
        android:layout_alignParentRight="true"
        android:layout_alignParentTop="true"
        android:layout_marginRight="0dp"
        android:background="#8C000000"
        android:gravity="center_horizontal"
        android:paddingTop="25dp"
        android:orientation="vertical" &amp;gt;
        &amp;lt;LinearLayout 
            android:layout_width="60dp"
            android:layout_height="100dp"
            android:gravity="center_horizontal"
            android:background="#000000"
            android:orientation="vertical"&amp;gt;
        &amp;lt;TextView
            android:id="@+id/hotel_category"
            android:layout_width="match_parent"
            android:layout_height="30dp"
            android:background="#FF0000"
            android:gravity="center"
            android:textSize="12dp"
            android:text="Cate"/&amp;gt;
        &amp;lt;TextView
            android:id="@+id/hotel_actual_amount"
            android:layout_width="wrap_content"
            android:layout_height="wrap_content"
            android:background="#000000"
            android:textSize="17dp"
            android:text="Price"
            /&amp;gt;
        &amp;lt;TextView
            android:id="@+id/hotel_discount"
            android:layout_width="wrap_content"
            android:layout_height="wrap_content"
            android:background="#000000"
            android:textSize="17dp"
            /&amp;gt;
        &amp;lt;/LinearLayout&amp;gt;
    &amp;lt;/LinearLayout&amp;gt;
    &amp;lt;/RelativeLayout&amp;gt;
&lt;/code&gt;&lt;/pre&gt;</t>
  </si>
  <si>
    <t>2014-11-07 01:05:56.857000+00:00</t>
  </si>
  <si>
    <t>NSOperation - setMaxConcurrentOperationCount</t>
  </si>
  <si>
    <t>&lt;p&gt;Am creating a class for network Requests say NetworkManager which is a singleton. I want this class to handle network requests. &lt;/p&gt;
&lt;p&gt;I have two &lt;code&gt;NSOperationQueues&lt;/code&gt;, one for parallel requests,where am not setting the numberofConcurrent &lt;code&gt;Operations&lt;/code&gt;. For sequential queue am setting &lt;code&gt;setMaxConcurrentOperationCount&lt;/code&gt; to one. I thought, the second &lt;code&gt;NSOperation&lt;/code&gt; request will execute once the first request execution is over. It only runs the first &lt;code&gt;NSOperation&lt;/code&gt;, which handles the network request. What should be done if i have to handle the requests sequentially. Below is the sample code:&lt;/p&gt;
&lt;pre&gt;&lt;code&gt;NSOperation *networkOperation = [[NetworkOperation alloc]initWithRequest:request networkRequest:networkRequest];
    if(!sequentialQueue){
        sequentialQueue = [[NSOperationQueue alloc]init];
        [sequentialQueue setMaxConcurrentOperationCount:1];
    }
    [sequentialQueue addOperation:networkOperation];
&lt;/code&gt;&lt;/pre&gt;
&lt;p&gt;Please help.&lt;/p&gt;</t>
  </si>
  <si>
    <t>2014-05-31 08:31:25.963000+00:00</t>
  </si>
  <si>
    <t>2015-01-09 17:37:46.897000+00:00</t>
  </si>
  <si>
    <t>2014-05-31 18:17:20.863000+00:00</t>
  </si>
  <si>
    <t>ios|nsoperation|nsoperationqueue</t>
  </si>
  <si>
    <t>Trying to scrape iframe using beautifulsoup</t>
  </si>
  <si>
    <t>&lt;p&gt;I wanted to scrape a video, but beautifulsoup doesn't wait for the iframe to load. I tried using selenium, but the google webdriver waits for the whole page to load and it takes forever. I also couldn't get the page source after the page was finished loading.  &lt;/p&gt;
&lt;p&gt;This was my code I tried with beautifulsoup, but I get nothing&lt;/p&gt;
&lt;pre&gt;&lt;code&gt;def get_vidCode_from_source(source_url):
    source_code = requests.get(source_url)
    plain_text = source_code.text
    soup = BeautifulSoup(plain_text,"html.parser")
    print(soup.find('iframe'))
get_vidCode_from_source('http://anilinkz.io/one-piece-episode-769?src=3')
&lt;/code&gt;&lt;/pre&gt;
&lt;p&gt;So tried getting the video link here in the iframe:&lt;/p&gt;
&lt;p&gt;&lt;a href="https://i.stack.imgur.com/7dTyN.jpg" rel="nofollow noreferrer"&gt;&lt;img src="https://i.stack.imgur.com/7dTyN.jpg" alt="enter image description here"&gt;&lt;/a&gt;&lt;/p&gt;
&lt;p&gt;What would be good to be able to get iframes besides selenium?&lt;/p&gt;</t>
  </si>
  <si>
    <t>2017-02-20 00:33:08.667000+00:00</t>
  </si>
  <si>
    <t>2017-07-24 22:30:28.387000+00:00</t>
  </si>
  <si>
    <t>2017-02-20 19:11:19.677000+00:00</t>
  </si>
  <si>
    <t>javascript|python|web-scraping|beautifulsoup|web-crawler</t>
  </si>
  <si>
    <t>Swift 3 Local Notifications - Setting Automatic Timezone</t>
  </si>
  <si>
    <t>&lt;p&gt;So this worked flawlessly in Swift 2 but in Swift 3 it has problems:&lt;/p&gt;
&lt;pre&gt;&lt;code&gt;func myNotifications () {
    let interval = 2.0
    var daysOut = 2.0
    let myArray =getArray()
    for i in 0..&amp;lt;myArray.count {
        let message = ("\(myArray[i])\n-\(myArray[i])")
        let localNotification = UILocalNotification()
        localNotification.fireDate = Date(timeIntervalSinceNow: (60*60*24*daysOut))
        localNotification.alertBody = message
        localNotification.timeZone = NSTimeZone.autoupdatingCurrent
        localNotification.category = "Message"
        UIApplication.shared.scheduleLocalNotification(localNotification)
        daysOut += interval
    }
    let arrayCount = Double(myArray.count)
    let lastNotif_Date = Date(timeIntervalSinceNow: (60*60*24*interval*(quoteCount+1)))
    userPref_NSDefault.set(lastNotif_Date, forKey: "notification_EndDate")
}
&lt;/code&gt;&lt;/pre&gt;
&lt;p&gt;Specifically, this line no longer works which is a big deal because I have users in multiple timezones and I want to make sure this works:&lt;/p&gt;
&lt;pre&gt;&lt;code&gt;  localNotification.timeZone = NSTimeZone.autoupdatingCurrent
&lt;/code&gt;&lt;/pre&gt;
&lt;p&gt;I get the error message: &lt;/p&gt;
&lt;blockquote&gt;
  &lt;p&gt;Type "NSTimeZone" has no member "autoUpdatingCurrent"&lt;/p&gt;
&lt;/blockquote&gt;
&lt;p&gt;Any ideas? I tried "timeZone.automatic", ".automatic", and some other variations but haven't been able to figure it out.&lt;/p&gt;</t>
  </si>
  <si>
    <t>2016-09-05 14:34:27.380000+00:00</t>
  </si>
  <si>
    <t>2016-10-11 14:14:38.570000+00:00</t>
  </si>
  <si>
    <t>uilocalnotification|swift3|nstimezone</t>
  </si>
  <si>
    <t>How do I fix the errors in this code (Triangle class in Python)?</t>
  </si>
  <si>
    <t>&lt;p&gt;I'm trying to test my triangle class, especially at the draw_triangle function but keep getting error: "unbound method forward() must be called with Turtle instance as first argument (got int instance instead)". How do I fix that?&lt;/p&gt;
&lt;pre&gt;&lt;code&gt;from __future__ import print_function, division
from math import sqrt, degrees, acos
import turtle
class Triangle():
    def __init__(self, a = None, b = None, c = None):
        self.a = a;
        self.b = b;
        self.c = c;
def is_triangle(self):
    s = 0.5 * (self.a + self.b + self.c)
    return (s - self.a) &amp;gt; 0 and (s - self.b) &amp;gt; 0 and (s - self.c) &amp;gt; 0
def perimeter(self):
    return self.a + self.b + self.c
def area(self):
    s = 0.5 * (self.a + self.b + self.c)
    return sqrt(s * (s - self.a) * (s - self.b) * (s - self.c))
def a_angle(self):
    return degrees(acos((self.b ** 2 + self.c ** 2 - self.a ** 2) / (2.0 * self.b * self.c)))
def b_angle(self):
    return degrees(acos((self.a ** 2 + self.c ** 2 - self.b ** 2) / (2.0 * self.a * self.c)))
def c_angle(self):
    return degrees(acos((self.a ** 2 + self.b ** 2 - self.c ** 2) / (2.0 * self.a * self.b)))
def angles(self):
    angA = a_angle(self)
    angB = b_angle(self)
    angC = c_angle(self)
    return angA, angB, angC
def __str__(self):
    return 'lengths =  %d, %d, %d' % (self.a, self.b, self.c) + \
           ', perimeter = %d' % (perimeter(self)) + \
           ', area = %d' % (area(self)) + ', angles = %d' % (angles(self))
def draw_triangle(self):
    window = turtle.Screen()
    t = turtle.Turtle
    t.forward(self.c)
    t.left(180 - a_angle(self))
    t.forward(self.a)
    t.left(180 - b_angle(self))
    t.forward(self.b)
    t.done()
    window.exitonclick()
if __name__ == '__main__':
    triangle1 = Triangle(100,100,72)
    triangle2 = Triangle(100,100,100*sqrt(2))
    triangle3 = Triangle(100,50,50)
    print (triangle1)
    print (triangle2)
    print (triangle3)
    Triangle.draw_triangle(triangle1)
    Triangle.draw_triangle(triangle2)
    Triangle.draw_triangle(triangle3)
    turtle.mainloop()
&lt;/code&gt;&lt;/pre&gt;</t>
  </si>
  <si>
    <t>2016-05-08 03:40:45+00:00</t>
  </si>
  <si>
    <t>2016-05-09 04:46:44.593000+00:00</t>
  </si>
  <si>
    <t>2016-05-08 14:55:04.710000+00:00</t>
  </si>
  <si>
    <t>Angular JS factory vs service vs provider by example</t>
  </si>
  <si>
    <t>&lt;p&gt;I know this question has been asked and answers have been given. But I learn best through practical examples and I came across code that I didn't fully understand. &lt;/p&gt;
&lt;p&gt;I'm referring to Angular Strap which is an awesome set of directives for cool user interactions:
&lt;a href="http://mgcrea.github.io/angular-strap/" rel="nofollow"&gt;http://mgcrea.github.io/angular-strap/&lt;/a&gt;&lt;/p&gt;
&lt;p&gt;I was looking at the code for the tooltip feature and saw that the author was using a provider to expose functionality. Could he have also used a service or a factory to do the same job? Or was a provider necessary? &lt;/p&gt;
&lt;p&gt;Here is the link to the code: &lt;a href="https://github.com/mgcrea/angular-strap/blob/master/src/tooltip/tooltip.js#L28" rel="nofollow"&gt;https://github.com/mgcrea/angular-strap/blob/master/src/tooltip/tooltip.js#L28&lt;/a&gt;&lt;/p&gt;
&lt;p&gt;Thank you&lt;/p&gt;</t>
  </si>
  <si>
    <t>2015-02-12 01:32:14.003000+00:00</t>
  </si>
  <si>
    <t>2017-01-12 12:20:21.950000+00:00</t>
  </si>
  <si>
    <t>javascript|angularjs|angular-strap</t>
  </si>
  <si>
    <t>Compare two objects in Laravel</t>
  </si>
  <si>
    <t>&lt;p&gt;I have two objects out of my User model in Laravel. Let's say&lt;/p&gt;
&lt;pre&gt;&lt;code&gt;public function someFunction(User $user) {
    $adminUser = User::where('role', '=', 1);
    if($adminUser === $user) {
        return true;
    }
    return false;
}
&lt;/code&gt;&lt;/pre&gt;
&lt;p&gt;Is this the proper way to compare two objects in Laravel? As per &lt;a href="http://php.net/manual/en/language.oop5.object-comparison.php" rel="nofollow noreferrer"&gt;PHP Object Comparison&lt;/a&gt;, this should work.&lt;/p&gt;
&lt;p&gt;Thanks for any input.&lt;/p&gt;</t>
  </si>
  <si>
    <t>2017-07-26 08:10:30.817000+00:00</t>
  </si>
  <si>
    <t>2017-07-26 08:17:37.940000+00:00</t>
  </si>
  <si>
    <t>Go through a process addresses - Python</t>
  </si>
  <si>
    <t>&lt;p&gt;I'm thinking of creating a program that does the same function as the Cheat Engine, but in Python. I carry a running process step and a value, then the program goes through each memory address of the process and sees the value hits, then filters the hitting. After I pass another value and it traverses these filtered and verifies addresses which are equal ... then repeats this until about a few addresses ... &lt;/p&gt;
&lt;p&gt;Well, I already know how I'll do the first time I will have to go through all the addresses, but how do I do it? Since we do not know what the last address ... &lt;/p&gt;
&lt;p&gt;Note: I'm using &lt;code&gt;ctypes&lt;/code&gt; to read the value of the addresses.&lt;/p&gt;</t>
  </si>
  <si>
    <t>2014-04-13 22:52:46.683000+00:00</t>
  </si>
  <si>
    <t>How do I get Rails variables from my returned jQuery Ajax data?</t>
  </si>
  <si>
    <t>&lt;p&gt;I have an Ajax request from a page in my Rails app that looks like so:&lt;/p&gt;
&lt;pre&gt;&lt;code&gt;$.ajax({
 type: 'POST',
 url: '/users/create/',
 data: "screen_name=&amp;lt;%=@user.screen_name%&amp;gt;",
 success: createSuccessHandler,
 error: createErrorHandler,
 complete: hideLoadingImage
});
&lt;/code&gt;&lt;/pre&gt;
&lt;p&gt;And currently the action responds with this:&lt;/p&gt;
&lt;pre&gt;&lt;code&gt;respond_to do |format|
  format.js  { render :text =&amp;gt; @user}
  format.html { redirect_to @user }
end
&lt;/code&gt;&lt;/pre&gt;
&lt;p&gt;&lt;strong&gt;The create action works fine but how to I get the returned values (data) in my success method so I can do something like this?&lt;/strong&gt;&lt;/p&gt;
&lt;pre&gt;&lt;code&gt;function createSuccessHandler(data) {
    $("#div1").append(data.value1); 
    $("#div2").append(data.value2); 
}
&lt;/code&gt;&lt;/pre&gt;
&lt;p&gt;Basically I'm trying to split the data up into different variables.&lt;/p&gt;</t>
  </si>
  <si>
    <t>2011-02-10 22:23:44.473000+00:00</t>
  </si>
  <si>
    <t>2011-02-10 22:29:06.243000+00:00</t>
  </si>
  <si>
    <t>jquery|ruby-on-rails|ajax</t>
  </si>
  <si>
    <t>Adding Hbase service in kerberos enabled CDH cluster</t>
  </si>
  <si>
    <t>&lt;p&gt;I have a CDH cluster already running with kerberos authentication.
I have a requirement to add HBase service to the running cluster.
Looking for a documentation to enable hbase service since its kerberos enabled. Both command line and GUI options welcome.&lt;/p&gt;
&lt;p&gt;Also, its good if there is a testing method like small table creation steps like that.&lt;/p&gt;
&lt;p&gt;Thanks in advance!&lt;/p&gt;</t>
  </si>
  <si>
    <t>2016-10-06 14:02:03.267000+00:00</t>
  </si>
  <si>
    <t>hadoop|kerberos|cloudera|cloudera-cdh</t>
  </si>
  <si>
    <t>Append condition to current query</t>
  </si>
  <si>
    <t>&lt;p&gt;For example, we have a &lt;code&gt;mysqli&lt;/code&gt; query for &lt;code&gt;select&lt;/code&gt;:&lt;/p&gt;
&lt;pre&gt;&lt;code&gt;$sql = "SELECT * FROM table WHERE cat = 1";
&lt;/code&gt;&lt;/pre&gt;
&lt;p&gt;And want to append some extra &lt;code&gt;query&lt;/code&gt; to above query based on &lt;code&gt;query string&lt;/code&gt;, I tried something like this: &lt;em&gt;(This is just sample, not my Original code)&lt;/em&gt;&lt;/p&gt;
&lt;pre&gt;&lt;code&gt;$keyw = $_GET["k"];
if($keyw){
$cleanKeyw = mysqli_real_escape_string($connection, $keyw);
$addQ= "AND name LIKE '%$cleanKeyw%' OR text LIKE '%$cleanKeyw%'";
} else {
$addQ= "";  
}
$sql = "SELECT * FROM table WHERE cat = 1 $addQ";
&lt;/code&gt;&lt;/pre&gt;
&lt;p&gt;Not this one, I almost have 10 more &lt;code&gt;statment&lt;/code&gt; that want to append to current &lt;code&gt;query&lt;/code&gt;&lt;/p&gt;
&lt;p&gt;I want to add &lt;code&gt;query&lt;/code&gt; if &lt;code&gt;k&lt;/code&gt; query string is set, it works but I want to be sure, is it safe or right way to do this? because it's based on my logic and I'm newbie on &lt;code&gt;php&lt;/code&gt; and don't know there is technical way to do this?&lt;/p&gt;
&lt;p&gt;Also I want to know is there a way to do this via &lt;code&gt;prepared statments&lt;/code&gt; ?&lt;/p&gt;</t>
  </si>
  <si>
    <t>2018-03-01 16:24:26.817000+00:00</t>
  </si>
  <si>
    <t>2018-03-01 16:30:43.547000+00:00</t>
  </si>
  <si>
    <t>pagination is not working with store procedure in yii</t>
  </si>
  <si>
    <t>&lt;p&gt;I wants to do pagination with Store Procedure yii, when i load page first time it shows me 10 records but when i click on 2nd page it shows me no record found, Here is my code&lt;/p&gt;
&lt;pre&gt;&lt;code&gt;            if(isset($_GET['page']) &amp;amp;&amp;amp; $_GET['page']!='') {
                $page = $_GET['page'];
            } else {
                $page = 1;
            }
            $SP = "CALL Dormantreport(1,'2015-01-01','2015-12-31','',".$page.",10)";
            $command =  Yii::app()-&amp;gt;db-&amp;gt;createCommand($SP);
            $rawDataWithArray = $command-&amp;gt;queryAll();
            $filteredData=$filtersForm-&amp;gt;filter($rawDataWithArray);
            $model = new CArrayDataProvider($rawDataWithArray, array( 
                        'keyField' =&amp;gt; 'MemberID', 
                        'totalItemCount' =&amp;gt; 78, //count($rawDataWithArray),
                        'sort' =&amp;gt; array(
                            'attributes' =&amp;gt; array(
                                'MemberID',
                            ),
                            'defaultOrder' =&amp;gt; array(
                                'MemberID' =&amp;gt; CSort::SORT_DESC, 
                            ),
                        ),
                       'pagination' =&amp;gt; array(
                            'pageSize' =&amp;gt; $PageSize,
                        ),
                    ));
            return $model;
&lt;/code&gt;&lt;/pre&gt;
&lt;p&gt;Can anyone please tell me what i need to do now to solve this pagination issue, any help will be really appreciated,&lt;/p&gt;</t>
  </si>
  <si>
    <t>2015-08-07 07:29:26.163000+00:00</t>
  </si>
  <si>
    <t>2015-08-12 03:56:33.800000+00:00</t>
  </si>
  <si>
    <t>Remove an ng-model created variable when the associated html input is removed from the DOM</t>
  </si>
  <si>
    <t>&lt;p&gt;There is a html input with an ng-model attribute for two way binding to a view model. The input may be removed (using ng-if) depending on other inputs, and when this removal occurs I would like the view model variable to also be removed.&lt;/p&gt;
&lt;p&gt;Using ng-show/hide instead of ng-if may also be an option.&lt;/p&gt;
&lt;p&gt;Here's a mini-app demonstrating the scenario:&lt;/p&gt;
&lt;pre&gt;&lt;code&gt;&amp;lt;!DOCTYPE html&amp;gt;
&amp;lt;html&amp;gt;
&amp;lt;head&amp;gt;
    &amp;lt;script src="https://ajax.googleapis.com/ajax/libs/angularjs/1.5.6/angular.min.js"&amp;gt;&amp;lt;/script&amp;gt;
&amp;lt;/head&amp;gt;
&amp;lt;body ng-app ng-init="mdl.foo = 'wibble'"&amp;gt;
    &amp;lt;label for="radioA"&amp;gt;A:&amp;lt;/label&amp;gt;
    &amp;lt;input id="radioA" type="radio" ng-model="mdl.selec" value="A" /&amp;gt;&amp;lt;br /&amp;gt;
    &amp;lt;label for="radioB"&amp;gt;B:&amp;lt;/label&amp;gt;
    &amp;lt;input id="radioB" type="radio" ng-model="mdl.selec" value="B" /&amp;gt;&amp;lt;br /&amp;gt;
    &amp;lt;div ng-if="mdl.selec==='A'"&amp;gt;
        &amp;lt;strong&amp;gt;Hello World&amp;lt;/strong&amp;gt;
        &amp;lt;label for="textInput"&amp;gt;Text:&amp;lt;/label&amp;gt;
        &amp;lt;input id="textInput" type="text" ng-model="mdl.foo" /&amp;gt;
    &amp;lt;/div&amp;gt;
    &amp;lt;strong&amp;gt;{{mdl.foo}}&amp;lt;/strong&amp;gt;
&amp;lt;/body&amp;gt;
&amp;lt;/html&amp;gt;
&lt;/code&gt;&lt;/pre&gt;</t>
  </si>
  <si>
    <t>2016-09-16 16:03:36.090000+00:00</t>
  </si>
  <si>
    <t>2016-09-16 16:10:28.330000+00:00</t>
  </si>
  <si>
    <t>how can I make two google maps listeners? setOnCameraChangeListener</t>
  </si>
  <si>
    <t>&lt;p&gt;How can I create two listeners? One is used for the clustering and the other will load new cluster items to the map if no cluster items exists on the map.&lt;/p&gt;
&lt;pre&gt;&lt;code&gt;       //needed for clustering
       map.setOnCameraChangeListener(mClusterManager);
       // need for loading clusteritems
       map.setOnCameraChangeListener(new GoogleMap.OnCameraChangeListener() {
       @Override
       public void onCameraChange(CameraPosition position) {
       // ifMarkesNotInsideMapReload...
&lt;/code&gt;&lt;/pre&gt;
&lt;p&gt;I think it's not possible but someone maybe solved this...&lt;/p&gt;
&lt;p&gt;One idea is to set a starting position and poll for changes manually.. not cool :-)&lt;/p&gt;
&lt;p&gt;I'm using googles cluster library: &lt;a href="https://developers.google.com/maps/documentation/android/utility/marker-clustering" rel="nofollow"&gt;google cluster&lt;/a&gt;&lt;/p&gt;</t>
  </si>
  <si>
    <t>2014-01-31 14:48:34.937000+00:00</t>
  </si>
  <si>
    <t>2017-12-30 07:24:18.630000+00:00</t>
  </si>
  <si>
    <t>2014-01-31 15:46:47.767000+00:00</t>
  </si>
  <si>
    <t>android|google-maps|cluster-computing|android-maps-utils</t>
  </si>
  <si>
    <t>Checkbox with Thymeleaf and custom List Object in Spring MVC (Boot)</t>
  </si>
  <si>
    <t>&lt;p&gt;I am using Thymeleaf with Spring Boot and MVC. What I have is a form in which certain checkboxes are being populated with an object(q1) added into the model from the controller &lt;/p&gt;
&lt;p&gt;What I want to know is that how can I bind the selected checkboxes with my resulting object(surveyData) into a list of (complex) objects using Thymeleaf properly.&lt;/p&gt;
&lt;p&gt;&lt;strong&gt;Edit&lt;/strong&gt;
Also this is the first time I'm working on this combination of Spring Boot, Spring MVC, Spring JPA and entirely the first time I have used Thymeleaf. I'm not exactly sure where the problem may be. I did try debugging a &lt;strong&gt;lot&lt;/strong&gt; but was unable to figure out where the problem is exactly. I tried various different combinations to get this working and got various different outcomes(mostly exceptions of course). It would be difficult for me to post all of them here so if you can suggest something I would love to try it out and post its result.&lt;/p&gt;
&lt;p&gt;What I have till now: (The th:field for checkbox is obviously not working)&lt;/p&gt;
&lt;p&gt;&lt;strong&gt;Code:&lt;/strong&gt;&lt;/p&gt;
&lt;p&gt;HTML Snippet:&lt;/p&gt;
&lt;p&gt;&lt;div class="snippet" data-lang="js" data-hide="false" data-console="true" data-babel="false"&gt;_x000D_
&lt;div class="snippet-code"&gt;_x000D_
&lt;pre class="snippet-code-html lang-html prettyprint-override"&gt;&lt;code&gt;&amp;lt;form action="#" th:action="@{/controlleraction}" method="post" th:object="${surveyData}"&amp;gt;_x000D_
  &amp;lt;table class="table table-striped jambo_table bulk_action" id="table-resp"&amp;gt;_x000D_
    &amp;lt;thead&amp;gt;_x000D_
      &amp;lt;tr&amp;gt;_x000D_
        &amp;lt;th&amp;gt;&amp;lt;/th&amp;gt;_x000D_
      &amp;lt;/tr&amp;gt;_x000D_
    &amp;lt;/thead&amp;gt;_x000D_
    &amp;lt;tbody&amp;gt;_x000D_
      &amp;lt;tr th:each="act,iter : ${q1}"&amp;gt;_x000D_
        &amp;lt;td&amp;gt;_x000D_
          &amp;lt;input type="checkbox" class="check" th:value="${act.optionId}" th:field="*{keyResponsibilities.optionId.optionId}" /&amp;gt;_x000D_
        &amp;lt;/td&amp;gt;_x000D_
    &amp;lt;/tbody&amp;gt;_x000D_
  &amp;lt;/table&amp;gt;_x000D_
&amp;lt;/form&amp;gt;&lt;/code&gt;&lt;/pre&gt;_x000D_
&lt;/div&gt;_x000D_
&lt;/div&gt;_x000D_
&lt;/p&gt;
&lt;p&gt;SurveyData.java&lt;/p&gt;
&lt;pre&gt;&lt;code&gt;@Entity
@Table(name = "survey_data")
public class SurveyData implements Serializable{
    @Id
    @Column(name = "some_id")
    private Long someId;
    @ElementCollection
    @CollectionTable(name = "key_responsibilities", joinColumns = @JoinColumn(name = "data_id"))
    private List&amp;lt;KeyResponsibilities&amp;gt; keyResponsibilities = new ArrayList&amp;lt;&amp;gt;();
    public List&amp;lt;KeyResponsibilities&amp;gt; getKeyResponsibilities() {
        return keyResponsibilities;
    }
    public void setKeyResponsibilities(List&amp;lt;KeyResponsibilities&amp;gt; keyResponsibilities) {
        this.keyResponsibilities = keyResponsibilities;
    }
}
&lt;/code&gt;&lt;/pre&gt;
&lt;p&gt;KeyResponsibilities.java&lt;/p&gt;
&lt;pre&gt;&lt;code&gt;@Embeddable
public class KeyResponsibilities {
    @OneToOne
    @JoinColumn(name = "option_id")
    private OptionsMaster optionId;
    @Column(name = "other")
    private String other;
    public OptionsMaster getOptionId() {
        return optionId;
    }
    public void setOptionId(OptionsMaster optionId) {
        this.optionId = optionId;
    }
    public String getOther() {
        return other;
    }
    public void setOther(String other) {
        this.other = other;
    }
}
&lt;/code&gt;&lt;/pre&gt;
&lt;p&gt;OptionsMaster.java&lt;/p&gt;
&lt;pre&gt;&lt;code&gt;@Entity
@Table(name = "options_master")
public class OptionsMaster implements Comparable&amp;lt;OptionsMaster&amp;gt; {
    private int optionId;
    private String text;
    @Id
    @Column(name = "option_id")
    public int getOptionId() {
        return optionId;
    }
    public void setOptionId(int optionId) {
        this.optionId = optionId;
    }
    @Basic
    @Column(name = "text", length = -1)
    public String getText() {
        return text;
    }
    public void setText(String text) {
        this.text = text;
    }
    @Override
    public int compareTo(OptionsMaster o) {
        return Integer.compare(this.getOptionId(),o.getOptionId());
    }
}
&lt;/code&gt;&lt;/pre&gt;</t>
  </si>
  <si>
    <t>2017-09-19 15:23:36.850000+00:00</t>
  </si>
  <si>
    <t>2017-09-19 18:01:20.127000+00:00</t>
  </si>
  <si>
    <t>spring-mvc|jpa|spring-boot|spring-data-jpa|thymeleaf</t>
  </si>
  <si>
    <t>AD Lightweight Directory Services not Authenticating Users</t>
  </si>
  <si>
    <t>&lt;p&gt;For some reason, I cannot authenticate user credentials using LDS for users created in LDS.&lt;/p&gt;
&lt;p&gt;My test code is:&lt;/p&gt;
&lt;pre&gt;&lt;code&gt;        PrincipalContext context = new PrincipalContext(ContextType.ApplicationDirectory, "adlds:50000", "CN=test,DC=test,DC=internal", ContextOptions.Negotiate);
        UserPrincipal user = new UserPrincipal(context);
        user.Enabled = true;
        user.Name = "MyTestUser";
        user.SetPassword("P@ssw0rd1");
        user.GivenName = "ATestUser123";
        user.Surname = "SurnameOf";
        user.Save();
        bool auth = context.ValidateCredentials("MyTestUser", "P@ssw0rd1");
&lt;/code&gt;&lt;/pre&gt;
&lt;p&gt;ValidateCredentials is returning false each time.&lt;/p&gt;
&lt;p&gt;LDS is running on Server 2008 R2 that is domain joined.  I have tried recreating the context, expiring passwords, manually reseting passwords through ADSI, etc.&lt;/p&gt;
&lt;p&gt;Any thoughts?&lt;/p&gt;</t>
  </si>
  <si>
    <t>2010-09-07 19:49:38.557000+00:00</t>
  </si>
  <si>
    <t>2016-11-16 15:34:42.783000+00:00</t>
  </si>
  <si>
    <t>2010-09-07 20:01:17.660000+00:00</t>
  </si>
  <si>
    <t>authentication|active-directory</t>
  </si>
  <si>
    <t>JSF validation for client side injected elements</t>
  </si>
  <si>
    <t>&lt;p&gt;I know there is a property in asp.net  (probably  this  EnableEventValidation  of "&amp;lt;%@ Page%&gt; tag) .Which, once caused problem when i try to add select items to a component using javascript ,I want to know how jsf handling this. That is,&lt;/p&gt;
&lt;p&gt;if i send    a  h:select*  like below and client add a new item "option3 " to item list, is jsf detect this automaticly  before update model values .&lt;/p&gt;
&lt;pre&gt;&lt;code&gt;&amp;lt;h:selectOneMenu  id="type"  
                  value="#{foo.value}"
                  required="true" 
                  requiredMessage="Type is required"   
                  style="width:100px"&amp;gt;
  &amp;lt;f:selectItem  value="option1}"/&amp;gt;
  &amp;lt;f:selectItem  value="option2}"/&amp;gt;
&amp;lt;/h:selectOneMenu&amp;gt;
&lt;/code&gt;&lt;/pre&gt;</t>
  </si>
  <si>
    <t>2011-08-19 06:33:37.263000+00:00</t>
  </si>
  <si>
    <t>2011-08-19 11:12:32.480000+00:00</t>
  </si>
  <si>
    <t>2011-08-19 06:34:30.447000+00:00</t>
  </si>
  <si>
    <t>Using a web URL for SUGGEST_COLUMN_ICON_1 for Search Suggestions</t>
  </si>
  <si>
    <t>&lt;p&gt;I have a &lt;code&gt;SearchManager&lt;/code&gt; setup where a suggestions dropdown will display as the user types.  The results are from my server (http).  I would like to display an icon with each option (if the file in fact does exist).&lt;/p&gt;
&lt;p&gt;Looking at the docs, I see the options for the constant column &lt;code&gt;SUGGEST_COLUMN_ICON_1&lt;/code&gt; allows for these options:&lt;/p&gt;
&lt;pre&gt;&lt;code&gt;Column name for suggestions cursor. Optional. If your cursor includes this column, then all suggestions will be provided in a format that includes space for two small icons, one at the left and one at the right of each suggestion. The data in the column must be a resource ID of a drawable, or a URI in one of the following formats:
content (SCHEME_CONTENT)
android.resource (SCHEME_ANDROID_RESOURCE)
file (SCHEME_FILE) 
&lt;/code&gt;&lt;/pre&gt;
&lt;p&gt;All I have is a URL.  Which option would work best for me?&lt;/p&gt;
&lt;p&gt;Here is the &lt;code&gt;class&lt;/code&gt; where I am doing this:&lt;/p&gt;
&lt;pre&gt;&lt;code&gt;public class MyCustomSuggestionProvider extends SearchRecentSuggestionsProvider {
    public static final String AUTHORITY = "---.MyCustomSuggestionProvider";
    public static final int MODE = DATABASE_MODE_QUERIES;
    private final static String[] COLUMN_NAMES = {BaseColumns._ID,
            SearchManager.SUGGEST_COLUMN_TEXT_1,
            SearchManager.SUGGEST_COLUMN_TEXT_2,
            SearchManager.SUGGEST_COLUMN_QUERY,
            SearchManager.SUGGEST_COLUMN_INTENT_DATA,
            SearchManager.SUGGEST_COLUMN_INTENT_EXTRA_DATA,
            SearchManager.SUGGEST_COLUMN_ICON_1,
            SearchManager.SUGGEST_COLUMN_INTENT_ACTION};
    public MyCustomSuggestionProvider() {
        setupSuggestions(AUTHORITY, MODE);
    }
    @Override
    public Cursor query(Uri uri, String[] projection, String selection,
                        String[] selectionArgs, String sortOrder) {
        Cursor recentCursor = super.query(uri, projection, selection,
                selectionArgs, sortOrder);
        String query = selectionArgs[0];
        if (query == null || query.length() &amp;lt; 3) {
            return recentCursor;
        }
        final MatrixCursor customCursor = new MatrixCursor(COLUMN_NAMES);
        // Get web results from Retrofit Library
        List&amp;lt;TheProfile&amp;gt; suggestions = RestClient.get().getCustomSearch(query, MyApp.getUserId());
        for (TheProfile suggestion : suggestions) {
            Uri searchIconUri = Uri.parse("http:/---/profile_images/" + String.valueOf(suggestion.id) + ".png");
            try {
                customCursor.addRow(new Object[]{
                        suggestion.id, suggestion.profile, suggestion.subcategory, suggestion.profile, suggestion.profile, suggestion.subcategory, searchIconUri, "android.intent.action.SEARCH"});
            } catch (Exception e) {
                e.printStackTrace();
            }
        }
        return customCursor;
    }
}
&lt;/code&gt;&lt;/pre&gt;</t>
  </si>
  <si>
    <t>2015-08-24 03:00:42.410000+00:00</t>
  </si>
  <si>
    <t>2016-05-31 16:39:29.937000+00:00</t>
  </si>
  <si>
    <t>2015-08-25 15:41:15.407000+00:00</t>
  </si>
  <si>
    <t>android|url|uri|search-suggestion|android-searchmanager</t>
  </si>
  <si>
    <t>how to open a .dsr crystal report in vb6 needs startup form</t>
  </si>
  <si>
    <t>&lt;p&gt;I have a DSR file containing a crystal report, but everytime I try to run the project, the error &lt;code&gt;Must have start up form&lt;/code&gt; pops up. As far as I can tell, I have a &lt;code&gt;crptEmployeep9infoView&lt;/code&gt; ICR designer in the project explorer window only.&lt;/p&gt;</t>
  </si>
  <si>
    <t>2014-04-26 09:23:09.477000+00:00</t>
  </si>
  <si>
    <t>2014-04-26 22:51:04.087000+00:00</t>
  </si>
  <si>
    <t>2014-04-26 22:45:35.427000+00:00</t>
  </si>
  <si>
    <t>vb6|crystal-reports</t>
  </si>
  <si>
    <t>Deleting Nodes and changing the head</t>
  </si>
  <si>
    <t>&lt;p&gt;Okay so I'm working on a function that deletes a node that has the same name as the read in input. If it is a match that node must not be added to the new sequence.
So heres what I've got till now, my previous pointer is null at the end of the code i have no idea why &lt;/p&gt;
&lt;pre&gt;&lt;code&gt;void deleteRecord (ifstream &amp;amp;batchfile, node *&amp;amp;h)
{
ofstream logfile;
logfile.open("freeplay.log", ios::app);
node *ptr = h;
node *previous = nullptr;
string term;
batchfile.seekg(1L, ios::cur);
getline(batchfile, term);
while (ptr)
{
    if (!strstr(ptr -&amp;gt; name.c_str(), term.c_str()))
    {
        previous = ptr;
    }
    previous = previous -&amp;gt; next;
    ptr = ptr -&amp;gt; next;
}
&lt;/code&gt;&lt;/pre&gt;
&lt;p&gt;}&lt;/p&gt;</t>
  </si>
  <si>
    <t>2016-03-17 18:08:36.600000+00:00</t>
  </si>
  <si>
    <t>2016-03-17 18:57:28.613000+00:00</t>
  </si>
  <si>
    <t>c++11|linked-list|nodes</t>
  </si>
  <si>
    <t>10w socket connect linux net block how to Break through the bottleneck</t>
  </si>
  <si>
    <t>&lt;p&gt;I write a push server using nodejs, which can support 70w users long connect���&lt;/p&gt;
&lt;p&gt;but when i enable the user heartbeat like this���&lt;/p&gt;
&lt;pre&gt;&lt;code&gt; var timeInterval = Math.floor(Math.random() * 1200000;
 setInterval(function()
      client.pingreq();
 },timeInterval);
&lt;/code&gt;&lt;/pre&gt;
&lt;p&gt;there will be too many little packet that block the net and affect the message push.&lt;/p&gt;
&lt;p&gt;and I use the iftop, check that, the net has low speed.&lt;/p&gt;
&lt;p&gt;the top command shows the server has a lot of free memory and cpu to use.&lt;/p&gt;
&lt;p&gt;does linux can config to change this problem?&lt;/p&gt;</t>
  </si>
  <si>
    <t>2013-04-23 09:29:23.263000+00:00</t>
  </si>
  <si>
    <t>linux|node.js|sockets|ubuntu-12.04</t>
  </si>
  <si>
    <t>Download image raw data using javascript</t>
  </si>
  <si>
    <t>&lt;p&gt;I use JSZIP and FileSaver to do the job, which I wanted to put multiple images into a zip to download it at the client side. Below code worked for text. &lt;/p&gt;
&lt;pre&gt;&lt;code&gt;var zip = new JSZip();
zip.file("abc.txt", "this is the content");
zip.generateAsync({type:"blob"}).then(function (blob) {
   saveAs(blob, "hello.zip");
});
&lt;/code&gt;&lt;/pre&gt;
&lt;p&gt;My problem is I have this &lt;a href="http://example.com/abc.png" rel="nofollow"&gt;http://example.com/abc.png&lt;/a&gt;. What should I do? convert the image to base64 first?&lt;/p&gt;
&lt;p&gt;Please give me some hint to proceed thanks&lt;/p&gt;</t>
  </si>
  <si>
    <t>2016-09-17 08:38:39.720000+00:00</t>
  </si>
  <si>
    <t>2016-09-17 08:53:59.543000+00:00</t>
  </si>
  <si>
    <t>Notification android?</t>
  </si>
  <si>
    <t>&lt;p&gt;I'm newbie of android programming.I want to know can show notification at a time like that ,Time format String(2014-1-10 1:30:33)? It's given about (2014-1-1 1:30:33) and show at 2014-1-10 1:30:33 whenever the app is running or not. \&lt;/p&gt;
&lt;pre&gt;&lt;code&gt;  public void Notification(String s)
{
        String ns = Context.NOTIFICATION_SERVICE;
        NotificationManager mNotificationManager = (NotificationManager) getSystemService(ns);
        int icon = R.drawable.notification_icon;
        CharSequence tickerText = "Ready for Play time."; // ticker-text
        long when = System.currentTimeMillis();
        Context context = getApplicationContext();
        CharSequence contentTitle = "Play Time";
        CharSequence contentText = "Your match is at "+s;
        Intent notificationIntent = new Intent(this,ScheldueNotification .class);
        //PendingIntent contentIntent = PendingIntent.getActivity(this, 0, notificationIntent, 0);
        PendingIntent pendingNotificationIntent = PendingIntent.getActivity( this.getApplicationContext(),0, notificationIntent,PendingIntent.FLAG_UPDATE_CURRENT);
        Notification notification = new Notification(icon, tickerText, when);
        notification.setLatestEventInfo(context, contentTitle, contentText, pendingNotificationIntent);
        notificationIntent.setFlags(Intent.FLAG_ACTIVITY_SINGLE_TOP);
        // and this
        mNotificationManager.notify(MY_NOTIFICATION_ID, notification);
        Intent myIntent = new Intent(MainActivity.this, myReceiver.class);
          PendingIntent pendingIntent = PendingIntent.getBroadcast(MainActivity.this, 0, myIntent,0);
          AlarmManager alarmManager = (AlarmManager)getSystemService(ALARM_SERVICE);
          SimpleDateFormat sdf = new SimpleDateFormat("yyyy-MM-dd HH:mm:ss ");
          /*java.util.Date date;
                try {
                    date = formatter.parse(getCurrentTime());
                } catch (java.text.ParseException e) {
                    // TODO Auto-generated catch block
                    e.printStackTrace();
                }*/
          try {
              alarmManager.set(AlarmManager.RTC,(sdf.parse(getCurrentTime())).getTime(), pendingIntent);
          } catch (java.text.ParseException e) {
              // TODO Auto-generated catch block
              e.printStackTrace();
          }
        notification.defaults |= Notification.DEFAULT_SOUND;
        notification.vibrate = new long[] { 0, 100, 200, 300 };
        notification.flags |= Notification.FLAG_AUTO_CANCEL;
        //alert();
}
&lt;/code&gt;&lt;/pre&gt;
&lt;p&gt;EDIT: Here in my code. Not working well.&lt;/p&gt;</t>
  </si>
  <si>
    <t>2014-01-10 08:56:35.607000+00:00</t>
  </si>
  <si>
    <t>2014-01-10 09:13:28.253000+00:00</t>
  </si>
  <si>
    <t>2014-01-10 09:12:03.420000+00:00</t>
  </si>
  <si>
    <t>android|notifications</t>
  </si>
  <si>
    <t>Dynamic content with JavaScript which allows linking</t>
  </si>
  <si>
    <t>&lt;p&gt;Let's say I want to create a website that contains one page.  All the content is dynamic and generated using JavaScript with DOM replacement.  The good thing about this is that it creates a better user experience, especially for applications that contain catalogues (online stores, galleries, etc).  The problem now comes with linking.  Let's say I'm browsing the site and I feel like sharing that particular thing I'm looking at with someone, but the problem is the link is always the same since it's JavaScript that's doing the magic.  So the question comes:  how can I create a fully JavaScript run website while maintaining the ability to link?&lt;/p&gt;
&lt;p&gt;Now there's hash linking, but I'm failing miserably.  I've tried overriding all &lt;code&gt;&amp;lt;a&amp;gt;&lt;/code&gt; tags, changing the hash, and preventing the default action like so&lt;/p&gt;
&lt;pre&gt;&lt;code&gt;$("a").click( function(){
    window.location.hash = $(this).attr("id");
    processHash();
    return false;
}); 
&lt;/code&gt;&lt;/pre&gt;
&lt;p&gt;Yet, it will randomly scroll my body for no reason.  &lt;/p&gt;
&lt;p&gt;I'd like some insights on the restrictions of linking in a fully dynamic website.  Thanks.&lt;/p&gt;</t>
  </si>
  <si>
    <t>2011-07-26 06:36:21.923000+00:00</t>
  </si>
  <si>
    <t>2011-07-26 07:03:34.140000+00:00</t>
  </si>
  <si>
    <t>javascript|jquery|dynamic</t>
  </si>
  <si>
    <t>Using ggmap to visualize the location-based data in R</t>
  </si>
  <si>
    <t>&lt;p&gt;I have a locational data frame in R like this...&lt;/p&gt;
&lt;pre&gt;&lt;code&gt;cambridgeparking &amp;lt;- read.csv("camparking.csv")
ID     Location
1      85 BRATTLE ST Cambridge, MA (42.37587649000045, -71.12423110899965)
2      47 BRATTLE ST Cambridge, MA (42.37421138600047, -71.12166838499962)
3      130 HARVARD ST Cambridge, MA (42.3653084390005, -71.09376133099966)
&lt;/code&gt;&lt;/pre&gt;
&lt;p&gt;Variable "Location" contains actual street name &amp;amp; longitude and latitude inside of the parenthesis.&lt;/p&gt;
&lt;p&gt;In order to use ggmap to visualize the location based data, I have used these code to get the map of cambridge&lt;/p&gt;
&lt;pre&gt;&lt;code&gt;cambridge &amp;lt;- get_map(location = "cambridge, MA", zoom=10)
cambridgemap &amp;lt;- ggmap(cambridge)
&lt;/code&gt;&lt;/pre&gt;
&lt;p&gt;Then, I wanted to create a bubble chart with these locations&lt;/p&gt;
&lt;pre&gt;&lt;code&gt;cambridgemap + geom_point(aes(x=Location, y=Location), data=cambridgeparking$Location)
&lt;/code&gt;&lt;/pre&gt;
&lt;p&gt;After failing at executing this code, I have realized that R cannot identify the longitude and latitude in the data frame by simply setting x and y values as "Location".&lt;/p&gt;
&lt;p&gt;Is there an way for me to use ggmap to create bubble chart with &lt;code&gt;cambridgeparking&lt;/code&gt; data frame?&lt;/p&gt;</t>
  </si>
  <si>
    <t>2015-10-24 08:19:27.437000+00:00</t>
  </si>
  <si>
    <t>2015-10-24 10:55:22.890000+00:00</t>
  </si>
  <si>
    <t>r|google-maps</t>
  </si>
  <si>
    <t>how to call second job after 60 days of first job is done?</t>
  </si>
  <si>
    <t>&lt;p&gt;Here I want to execute multiple jobs with a specific gap of days and the second job must be executed after the first job is done.&lt;/p&gt;
&lt;p&gt;Counter starts when the first job is done.&lt;/p&gt;</t>
  </si>
  <si>
    <t>2017-08-01 13:57:21.143000+00:00</t>
  </si>
  <si>
    <t>Why has Python decided against constant references?</t>
  </si>
  <si>
    <t>&lt;p&gt;Note: I'm not talking about preventing the rebinding of a variable. I'm talking about preventing the modification of the memory that the variable refers to, and of any memory that can be reached from there by following the nested containers.&lt;/p&gt;
&lt;p&gt;I have a large data structure, and I want to expose it to other modules, on a read-only basis. The only way to do that in Python is to deep-copy the particular pieces I'd like to expose - prohibitively expensive in my case.&lt;/p&gt;
&lt;p&gt;I am sure this is a very common problem, and it seems like a constant reference would be the perfect solution. But I must be missing something. Perhaps constant references are hard to implement in Python. Perhaps they don't quite do what I think they do.&lt;/p&gt;
&lt;p&gt;Any insights would be appreciated.&lt;/p&gt;
&lt;hr&gt;
&lt;p&gt;While the answers are helpful, I haven't seen a single reason why const would be either hard to implement or unworkable in Python. I guess "un-Pythonic" would also count as a valid reason, but is it really? Python does do scrambling of private instance variables (starting with &lt;code&gt;__&lt;/code&gt;) to avoid accidental bugs, and &lt;code&gt;const&lt;/code&gt; doesn't seem to be that different in spirit.&lt;/p&gt;
&lt;hr&gt;
&lt;p&gt;EDIT: I just offered a very modest bounty. I am looking for a bit more detail about why Python ended up without const. I suspect the reason is that it's really hard to implement to work perfectly; I would like to understand why it's so hard.&lt;/p&gt;</t>
  </si>
  <si>
    <t>2010-11-16 07:42:51.317000+00:00</t>
  </si>
  <si>
    <t>2010-11-25 00:32:07.060000+00:00</t>
  </si>
  <si>
    <t>2010-11-20 11:01:42.893000+00:00</t>
  </si>
  <si>
    <t>python|reference|constants|language-design|language-features</t>
  </si>
  <si>
    <t>C# unary operator precedence and unexpected result</t>
  </si>
  <si>
    <t>&lt;p&gt;I've just started with C#.
I was reading about operator precedence and there was a part about precedence of unary operator. I've tried to imagine the situation where I can see such stuff. And for example:&lt;/p&gt;
&lt;pre&gt;&lt;code&gt;int a = 5;
a = -a++;
&lt;/code&gt;&lt;/pre&gt;
&lt;p&gt;Example is stupid but still... "Unaries" are right-associative. I expected a result of -6 but it's -5. I understand that "++" returns first then increments.
But WHAT it increments if not "a"? Why "a" is not affected?&lt;/p&gt;
&lt;p&gt;Thanks =]&lt;/p&gt;</t>
  </si>
  <si>
    <t>2015-07-22 21:08:13.147000+00:00</t>
  </si>
  <si>
    <t>2015-07-23 07:26:40.830000+00:00</t>
  </si>
  <si>
    <t>c#|operator-precedence</t>
  </si>
  <si>
    <t>Linear layout and weight</t>
  </si>
  <si>
    <t>&lt;p&gt;I have a linear layout with two textView. First textView has weight 40 and second 60. How I can change this weights in code in activity? This is possible? I want klick on the button and first weight should be 70 and second 30.&lt;/p&gt;</t>
  </si>
  <si>
    <t>2012-05-28 08:20:38.147000+00:00</t>
  </si>
  <si>
    <t>2012-05-28 08:25:40.830000+00:00</t>
  </si>
  <si>
    <t>Symfony2 get a form with AJAX</t>
  </si>
  <si>
    <t>&lt;p&gt;I have a liste of customers, for each customer I have a button to show the edit form of customer.
I want when I click into this button, a function ajax show the edit form of the specific customer clicked.&lt;/p&gt;
&lt;p&gt;I don't know how can do to render a form into the action (controller) executed with AJAX.&lt;/p&gt;
&lt;p&gt;Here the way I create the form in my controller:&lt;/p&gt;
&lt;pre&gt;&lt;code&gt;public function editAction($id)
    {
        if ($this-&amp;gt;container-&amp;gt;get('request')-&amp;gt;isXmlHttpRequest()) {
            $em = $this-&amp;gt;getDoctrine()-&amp;gt;getManager();
            $entity = $em-&amp;gt;getRepository('ApplicationClientBundle:Client')-&amp;gt;find($id);
            if (!$entity) {
                throw $this-&amp;gt;createNotFoundException('Unable to find Client entity.');
            }
            $editForm = $this-&amp;gt;createEditForm($entity);
            $answer =$this-&amp;gt;container-&amp;gt;get('templating')-&amp;gt;renderResponse('ApplicationClientBundle:Client:index.html.twig', array(
                'editForm' =&amp;gt; $editForm-&amp;gt;createView(),
            ));
            $response = new Response(json_encode(array('editForm'=&amp;gt; $answer)));
            $response-&amp;gt;headers-&amp;gt;set('Content-type', 'application/json; charset=utf-8');
            return $response;
        }
    }
&lt;/code&gt;&lt;/pre&gt;
&lt;p&gt;But the response json is empty.&lt;/p&gt;
&lt;p&gt;What can I do in the controller and in the index.html.twig to show the form?&lt;/p&gt;
&lt;p&gt;&lt;strong&gt;EDIT:&lt;/strong&gt;&lt;/p&gt;
&lt;p&gt;In &lt;code&gt;index.html.twig&lt;/code&gt;, I have:&lt;/p&gt;
&lt;pre&gt;&lt;code&gt;{% block body %}
&amp;lt;div class="content-action"&amp;gt;
    &amp;lt;div class="col-xs-12 col-sm-6 col-md-6"&amp;gt;
        &amp;lt;p&amp;gt;&amp;lt;span&amp;gt;Raison Sociale :&amp;lt;/span&amp;gt;&amp;lt;span id="raison_sociale" onclick="functionClick(this)"&amp;gt;raison sociale&amp;lt;/span&amp;gt;&amp;lt;/p&amp;gt;
        &amp;lt;p&amp;gt;&amp;lt;span&amp;gt;Adresse :&amp;lt;/span&amp;gt;&amp;lt;span id="adresse"&amp;gt; Avenue Majida Boulila imm.....&amp;lt;/span&amp;gt;&amp;lt;p&amp;gt;
        &amp;lt;p&amp;gt;&amp;lt;span&amp;gt;M.F. :&amp;lt;/span&amp;gt;&amp;lt;span id="matriculeFiscale"&amp;gt; 0000000 PES 000&amp;lt;/span&amp;gt;&amp;lt;/p&amp;gt;
        &amp;lt;p&amp;gt;&amp;lt;span&amp;gt;C.P. :&amp;lt;/span&amp;gt;&amp;lt;span id="codePostal"&amp;gt; 3027&amp;lt;/span&amp;gt;&amp;lt;/p&amp;gt;
        &amp;lt;p&amp;gt;&amp;lt;span&amp;gt;Ville :&amp;lt;/span&amp;gt;&amp;lt;span id=""&amp;gt; Sfax&amp;lt;span/&amp;gt;&amp;lt;/p&amp;gt;
    &amp;lt;/div&amp;gt;
    &amp;lt;div class="col-xs-12 col-sm-6 col-md-6"&amp;gt;
        &amp;lt;p&amp;gt;&amp;lt;span&amp;gt;T��l. :&amp;lt;/span&amp;gt; 74 400 202&amp;lt;/p&amp;gt;
        &amp;lt;p&amp;gt;&amp;lt;span&amp;gt;E-mail :&amp;lt;/span&amp;gt;&amp;lt;span id="email"&amp;gt; info@ggg.com.tn&amp;lt;/span&amp;gt;&amp;lt;/p&amp;gt;
        &amp;lt;p&amp;gt;&amp;lt;span&amp;gt;Nom du contact :&amp;lt;/span&amp;gt;&amp;lt;span id="nomContact"&amp;gt; nom&amp;lt;/span&amp;gt;&amp;lt;/p&amp;gt;
        &amp;lt;p&amp;gt;&amp;lt;span&amp;gt;T��l. Mobile :&amp;lt;/span&amp;gt;&amp;lt;span id="telephone"&amp;gt; 23 447454&amp;lt;/span&amp;gt;&amp;lt;/p&amp;gt;
        &amp;lt;p&amp;gt;&amp;lt;input type="hidden" id="id" value="2"/&amp;gt; &amp;lt;/p&amp;gt;
    &amp;lt;/div&amp;gt;
    &amp;lt;div class="clear"&amp;gt;&amp;lt;/div&amp;gt;
&amp;lt;/div&amp;gt;&amp;lt;!--content-action--&amp;gt;
{% endblock %}
{% block javascripts %}
&amp;lt;script&amp;gt;
        function functionClick(element){
        var id = $("#id").val();
            var route = '{{ path('client_edit', { 'id': "PLACEHOLDER" }) }}';
            route = route.replace("PLACEHOLDER", id);
             $.ajax({
                    //On lui indique le type d'envoie des informations
                    type: 'POST',
                    //On lui indique le chemin de la fonction
                    url:  route,
                    //On lui donne la valeur du choix qu'on a fait, et id est la variable qui va contenir notre valeur, nous la retrouvons dans notre controller
                    //Enfin nous lui disons de remplir notre formulaire avec le resultat  
                    success: function(response)
                    {
                        element.innerHTML= {{ the_first_fiels_of_the_form }};
                    }
                }
            );
        }
    &amp;lt;/script&amp;gt;
 {% endblock %}
&lt;/code&gt;&lt;/pre&gt;
&lt;p&gt;I want have &lt;code&gt;the_first_fiels_of_the_form&lt;/code&gt; in the element clicked.&lt;/p&gt;
&lt;p&gt;I do:    &lt;code&gt;the_first_fiels_of_the_form ={{form_widget(editForm.raisonSociale)}}&lt;/code&gt;
But no result.&lt;/p&gt;</t>
  </si>
  <si>
    <t>2014-11-21 09:46:02.610000+00:00</t>
  </si>
  <si>
    <t>2014-11-24 13:35:10.320000+00:00</t>
  </si>
  <si>
    <t>2014-11-21 10:38:56.323000+00:00</t>
  </si>
  <si>
    <t>javascript|ajax|symfony|render</t>
  </si>
  <si>
    <t>string as variable name in javascript</t>
  </si>
  <si>
    <t>&lt;p&gt;I have an array of &lt;code&gt;Objects&lt;/code&gt;: &lt;code&gt;recs6&lt;/code&gt;, &lt;code&gt;recs7&lt;/code&gt;, &lt;code&gt;recs8&lt;/code&gt;...... &lt;code&gt;recs23&lt;/code&gt;. I want to add a factor in the array using the inner &lt;code&gt;for&lt;/code&gt; loop. But 'recs+n' is interpreted as string and not as variable name. How can I make it represent the existing variables - &lt;code&gt;rec6&lt;/code&gt;, &lt;code&gt;rec7&lt;/code&gt; etc?&lt;/p&gt;
&lt;pre&gt;&lt;code&gt;for(var n=6; n&amp;lt;24; n++){
    for(var m=0; m&amp;lt;'recs+n'.length; m++){
        hourBusyness += parseFloat(('recs'+n)[m].gtse);
    }
    hourAvgbusyness = hourBusyness / ('recs'+n).length;
    console.log(hourAvgbusyness);
}
&lt;/code&gt;&lt;/pre&gt;</t>
  </si>
  <si>
    <t>2013-07-31 09:29:27.820000+00:00</t>
  </si>
  <si>
    <t>2013-07-31 09:35:34.340000+00:00</t>
  </si>
  <si>
    <t>2013-07-31 09:31:49.887000+00:00</t>
  </si>
  <si>
    <t>Condition- assert using Selenium</t>
  </si>
  <si>
    <t>&lt;p&gt;&lt;img src="https://i.stack.imgur.com/cWvhE.jpg" alt="enter image description here"&gt;&lt;/p&gt;
&lt;p&gt;I want to write a script which can detect this message " System is not responding to your request. Kindly try after sometime." as shown in the screenshot below. When this message comes up then I want verify and send mail to the development team.&lt;/p&gt;
&lt;p&gt;Snippet which I wrote for verification purpose but it is not working fine for me, pls suggest some alternative:&lt;/p&gt;
&lt;pre&gt;&lt;code&gt;String s1 = d1.findElementByXPath(".//*[@id='showSearchResultDiv']").getText();
        System.out.println(s1);
&lt;/code&gt;&lt;/pre&gt;</t>
  </si>
  <si>
    <t>2015-03-19 06:54:09.377000+00:00</t>
  </si>
  <si>
    <t>2015-03-19 08:59:35.510000+00:00</t>
  </si>
  <si>
    <t>2015-03-19 08:10:28.903000+00:00</t>
  </si>
  <si>
    <t>selenium|selenium-webdriver|webdriver|assertions|browser-automation</t>
  </si>
  <si>
    <t>how do I output the difference in source files with cloc?</t>
  </si>
  <si>
    <t>&lt;p&gt;I am counting lines with cloc using this command:&lt;/p&gt;
&lt;pre&gt;&lt;code&gt;cloc --ignore-case --ignore-whitespace --diff src-copy/file.c src/file.c
&lt;/code&gt;&lt;/pre&gt;
&lt;p&gt;and it tells me that I added 103 lines. &lt;/p&gt;
&lt;p&gt;When I count the same file with 'git diff' it tells me that I have added 136 lines:&lt;/p&gt;
&lt;pre&gt;&lt;code&gt;git diff --stat --ignore-blank-lines -w src-copy/file.c src/file.c
&lt;/code&gt;&lt;/pre&gt;
&lt;p&gt;How can I verify that cloc counts the lines correctly? Is there any option to output the actual difference of both files, so I can visually inspect and understand why the results of both programs do not match ?&lt;/p&gt;</t>
  </si>
  <si>
    <t>2016-09-12 02:19:57.860000+00:00</t>
  </si>
  <si>
    <t>2017-02-10 17:06:10.787000+00:00</t>
  </si>
  <si>
    <t>cloc</t>
  </si>
  <si>
    <t>Does WCF in .NET 4.6.2 support server certificates with PK in CNG KSP?</t>
  </si>
  <si>
    <t>&lt;p&gt;On Windows, a TLS server certificate (which sits in a certificate store) comes with a private key (PK) which sits either in a CSP keystore or CNG keystore.  Where the PK ends up, can be specified when importing the certificate (that is, on recent Windows versions), for example using the &lt;code&gt;-sp&lt;/code&gt; (subject's provider) parameter to &lt;code&gt;makecert&lt;/code&gt;.&lt;/p&gt;
&lt;p&gt;Now if the provider isn't specified, the defaults aren't friendly.  The PK ends up in the CNG KSP and will be unusable by WCF.&lt;/p&gt;
&lt;p&gt;Microsoft &lt;a href="https://msdn.microsoft.com/en-us/library/aa738624%28v=vs.110%29.aspx?f=255&amp;amp;MSPPError=-2147217396" rel="nofollow noreferrer"&gt;says&lt;/a&gt; that "&lt;em&gt;.NET Framework 4.6.1 and earlier versions do not support these certificates because they use the legacy CryptoAPI to handle CNG/KSP certificates. The use of these certificates with .NET Framework 4.6.1 and earlier versions will cause an exception.&lt;/em&gt;"&lt;/p&gt;
&lt;p&gt;However, I'm seeing the exact same behavior between .NET framework 4.6.1 and .NET framework 4.6.2 installed on the server side of the connection.  What happens is that the server appears (per its own logs) to be happily listening on the designated port, but the port is not open (per &lt;code&gt;netstat -a&lt;/code&gt;).  Windows event logs mentions &lt;code&gt;Invalid provider type specified&lt;/code&gt; while the server is trying to open the port.&lt;/p&gt;
&lt;p&gt;There's net.tcp port sharing sitting between the server and the actual port if that matters.&lt;/p&gt;
&lt;p&gt;&lt;strong&gt;Is anyone running any version of .NET (using WCF) successfully with server certificates in CNG KSP?&lt;/strong&gt;  Is the Microsoft documentation above simply incorrect?&lt;/p&gt;</t>
  </si>
  <si>
    <t>2017-06-07 09:37:37.417000+00:00</t>
  </si>
  <si>
    <t>2018-02-08 09:57:11.627000+00:00</t>
  </si>
  <si>
    <t>.net|windows|wcf|ssl|cng</t>
  </si>
  <si>
    <t>Using the MIN and MAX of date/time fields in access</t>
  </si>
  <si>
    <t>&lt;p&gt;I have a table with the following fields&lt;/p&gt;
&lt;pre&gt;&lt;code&gt;Name:
Location:
Start Time:
End Time:
Total Time:
&lt;/code&gt;&lt;/pre&gt;
&lt;p&gt;The Name, Location, Start and End Time are extracted from another table, the Total time calculates the difference between the Start and End Time to give the total time spent in that location. The Start and End Time are extracted using a query finding the MAX and MIN time the user was in that location. So for instance a typical result would be:&lt;/p&gt;
&lt;pre&gt;&lt;code&gt;Name: John
Location: A
Start Time: 08:00
End Time: 10:00
Total Time: 2:00
&lt;/code&gt;&lt;/pre&gt;
&lt;p&gt;The problem is a user could be in one location, go to another, then come back to the same location. For instance another record could be:&lt;/p&gt;
&lt;pre&gt;&lt;code&gt;Name: John
Location: B
Start Time: 09:00
End Time: 09:30
Total Time: 0:30
&lt;/code&gt;&lt;/pre&gt;
&lt;p&gt;So the user would be in location A 08:00-09:00, then in B 09:00-09:30, then back to A for 09:30-10:00. As the Start and End time are just MIN and MAX the min is always the first time they enter the location and the end is the last time they enter it. Is there a way to amend the time calculation to take into account the 0:30mins spent in location B and deduct this from the time spent in location A. Another note is that there could be up to 5 locations and the user can go back and forth between each of them throughout the day.&lt;/p&gt;</t>
  </si>
  <si>
    <t>2013-01-22 15:11:24.973000+00:00</t>
  </si>
  <si>
    <t>2013-01-22 16:33:58.240000+00:00</t>
  </si>
  <si>
    <t>2013-01-22 15:12:16.640000+00:00</t>
  </si>
  <si>
    <t>ms-access|datetime</t>
  </si>
  <si>
    <t>How to validate Powershell Desired State Configuration Template before Executing?</t>
  </si>
  <si>
    <t>&lt;p&gt;As we provision certain resources in Azure, management portal validates the template generated, however when we do it using powershell we only come to know about issues, only when it is executed. &lt;/p&gt;
&lt;blockquote&gt;
  &lt;p&gt;There must be some parameter or switch which could help to just
  validate the template &amp;amp; not actually execute it. Any body knows
  please?&lt;/p&gt;
&lt;/blockquote&gt;</t>
  </si>
  <si>
    <t>2017-08-19 12:39:48.850000+00:00</t>
  </si>
  <si>
    <t>2017-08-20 05:30:00.170000+00:00</t>
  </si>
  <si>
    <t>powershell|azure|azure-powershell|azure-resource-manager</t>
  </si>
  <si>
    <t>Trying to send HTTP Requests to Ubuntu VM on Google Cloud</t>
  </si>
  <si>
    <t>&lt;p&gt;I have a node server being run on a google console Ubuntu VM. The server launches to the proper port, but whenever I try to HTTP request it, it times out. I was wondering if there was a setting I need to change on google console, or if anyone know what I am doing wrong?&lt;/p&gt;
&lt;p&gt;I start the server on the VM using this code:
PORT=3001 node bin/www&lt;/p&gt;
&lt;p&gt;Thanks. &lt;/p&gt;</t>
  </si>
  <si>
    <t>2018-04-16 07:16:24.047000+00:00</t>
  </si>
  <si>
    <t>2018-04-19 09:19:09.500000+00:00</t>
  </si>
  <si>
    <t>2018-04-16 17:51:55.067000+00:00</t>
  </si>
  <si>
    <t>node.js|ubuntu|google-cloud-platform|virtual-machine</t>
  </si>
  <si>
    <t>setData with embedded EntityType not working</t>
  </si>
  <si>
    <t>&lt;p&gt;I have two pages and would like to use one uploadType. When I edit, show the name in the textfield. In NewsController I give the data. &lt;/p&gt;
&lt;pre&gt;&lt;code&gt;$ EditForm ['upload'] ['filename'] -&amp;gt; setData ($ upload); 
&lt;/code&gt;&lt;/pre&gt;
&lt;p&gt;This is working. But when i will show the uploadPage and set the data in the uploadType.&lt;/p&gt;
&lt;pre&gt;&lt;code&gt;'data' =&amp;gt; $ build-&amp;gt; getData () 
&lt;/code&gt;&lt;/pre&gt;
&lt;p&gt;so is the news textfield empty.&lt;/p&gt;
&lt;p&gt;UploadType:&lt;/p&gt;
&lt;pre&gt;&lt;code&gt;class UploadType extends AbstractType
{
/**
 * @param FormBuilderInterface $builder
 * @param array $options
 */
public function buildForm(FormBuilderInterface $builder, array $options)
{
    $data = $builder-&amp;gt;getData();
    if($this-&amp;gt;isFieldEnabled('directory',$options)) {
        $builder -&amp;gt;add('directory', null, array(
                'label' =&amp;gt; 'upload.directory',
                'required' =&amp;gt; true,
            )
        );
    }
    $builder-&amp;gt;add('name', FileType::class,array(
        'label' =&amp;gt; 'upload.choice',
        'data_class' =&amp;gt; null,
        'attr' =&amp;gt; array(
            'class' =&amp;gt; 'hidden'
        )
    ));
    if($this-&amp;gt;isFieldEnabled('filename',$options)) {
        $builder-&amp;gt;add('filename', 'text',array(
            'label' =&amp;gt; 'upload.upload',
            'data' =&amp;gt; $data, //If set, don't show in the news textfield
            'mapped' =&amp;gt; false,
        ));
    }
}
/**
 * @param OptionsResolver $resolver
 */
public function configureOptions(OptionsResolver $resolver)
{
    $resolver-&amp;gt;setDefaults(
        array(
            'data_class' =&amp;gt; 'Maiskolben\UploadBundle\Entity\Upload',
            'translation_domain' =&amp;gt; 'Maiskolben',
            'disableFields' =&amp;gt; [],
        )
    );
    $resolver-&amp;gt;setOptional([
        'disableFields',
    ]);
}
private function isFieldEnabled($fieldName, $options)
{
    if (isset($options['disableFields']) &amp;amp;&amp;amp; !empty($options['disableFields'])) {
        if (in_array($fieldName, $options['disableFields'])) {
            return false;
        }
    }
    return true;
}
}
&lt;/code&gt;&lt;/pre&gt;
&lt;p&gt;NewsType:&lt;/p&gt;
&lt;pre&gt;&lt;code&gt;    public function buildForm(FormBuilderInterface $builder, array $options)
{
    $builder
        -&amp;gt;add('title', TextType::class,array(
            'label' =&amp;gt; 'news.newsTitle',
        ))
        -&amp;gt;add('content','textarea',array(
            'label' =&amp;gt; 'news.content',
        ))
        -&amp;gt;add('upload', new UploadType(), array(
            'label' =&amp;gt; false,
            'required' =&amp;gt; false,
            'disableFields' =&amp;gt; array(
                'directory',
            )
        ));
}
/**
 * @param OptionsResolver $resolver
 */
public function configureOptions(OptionsResolver $resolver)
{
    $resolver-&amp;gt;setDefaults(array(
        'data_class' =&amp;gt; 'Maiskolben\NewsBundle\Entity\News',
        'translation_domain' =&amp;gt; 'Maiskolben',
    ));
}
}
&lt;/code&gt;&lt;/pre&gt;
&lt;p&gt;NewsController:&lt;/p&gt;
&lt;pre&gt;&lt;code&gt;public function editAction(Request $request, News $news)
{
    $upload = $news-&amp;gt;getUpload();
    $editForm = $this-&amp;gt;createForm(new NewsType, $news);
    $editForm['upload']['filename']-&amp;gt;setData($upload);
    $editForm-&amp;gt;handleRequest($request);
    if ($editForm-&amp;gt;isSubmitted() &amp;amp;&amp;amp; $editForm-&amp;gt;isValid()) {
        $em = $this-&amp;gt;getDoctrine()-&amp;gt;getManager();
//....
&lt;/code&gt;&lt;/pre&gt;
&lt;p&gt;I tryed with "addEventListener" in both site. All the same result.&lt;/p&gt;
&lt;p&gt;I hope anyone can help me. :)&lt;/p&gt;</t>
  </si>
  <si>
    <t>2016-06-23 18:01:29.710000+00:00</t>
  </si>
  <si>
    <t>Apply a media query specific style on click</t>
  </si>
  <si>
    <t>&lt;p&gt;Here's my problem: &lt;/p&gt;
&lt;p&gt;I have a menu on the left side. When the screen is too small, the menu takes too much space, so i "minimize" it. 
To do that, I apply a different style when screen width is less than a specific size in pixel. (with media query).&lt;/p&gt;
&lt;p&gt;But i would like to allow users to minimize the menu, even on large screen, with a button. Which means to apply the same style as in my media query.&lt;/p&gt;
&lt;p&gt;I know I could add a class to the container on a click on the button, and copy/paste the code from the media query for this class, but I suppose there's probably a better way to do it than duplicate the code.&lt;/p&gt;
&lt;p&gt;For now:&lt;/p&gt;
&lt;pre&gt;&lt;code&gt; /* Classic style */
    #menu{
     width:100px;
     background-color:#ddd;
     padding:15px;
    }
    #menu li{
     color:red;
     padding:20px 20px;
    }
 /* Style when screen less than 600px */
    @media (max-width: 600px) {
     #menu{
      width:40px;
      padding:5px;
     }
     #menu li{
      padding: 10px 10px;
     }
     ...
     /* ...a lot more style... $/
    }
 /* Same style when class buttonClicked */
    .buttonClicked #menu{
     width:40px;
     padding:5px;
    }
    .buttonClicked #menu li{
     padding: 10px 10px;
    }
    ...
    /* ...a lot more style... $/
&lt;/code&gt;&lt;/pre&gt;
&lt;p&gt;This is just a light example, but the style i apply on the menu is much more complex than that, so i would like to avoid duplicate the code if it's possible.&lt;/p&gt;
&lt;p&gt;Here's a JsFiddle: &lt;a href="https://jsfiddle.net/rtnp67s2/3/" rel="nofollow"&gt;https://jsfiddle.net/rtnp67s2/3/&lt;/a&gt;&lt;/p&gt;
&lt;p&gt;&lt;strong&gt;EDIT :&lt;/strong&gt; Actually what I'm looking for is to do a &lt;strong&gt;code refactoring&lt;/strong&gt; of the style. Is it possible ?&lt;/p&gt;
&lt;p&gt;Something like (obviously not working) : &lt;/p&gt;
&lt;pre&gt;&lt;code&gt; /* Style when screen is less than 600px or when class .buttonClicked active */
    @media (max-width: 600px) OR .buttonClicked {
     #menu{
      width:40px;
      padding:5px;
     }
     #menu li{
      padding: 10px 10px;
     }
     /*... more than 100 lines of styling... */
    }
&lt;/code&gt;&lt;/pre&gt;
&lt;p&gt;Thanks in advance!&lt;/p&gt;</t>
  </si>
  <si>
    <t>2016-06-10 11:45:19.257000+00:00</t>
  </si>
  <si>
    <t>2016-06-10 16:37:50.373000+00:00</t>
  </si>
  <si>
    <t>html|css|twitter-bootstrap|refactoring|media-queries</t>
  </si>
  <si>
    <t>Fabrication gem cyclic dependency</t>
  </si>
  <si>
    <t>&lt;p&gt;I've got a cyclic dependency when worked with &lt;code&gt;fabrication&lt;/code&gt; gem. Here I'll show you what I've did. Let's suppose I have 2 models:&lt;/p&gt;
&lt;pre&gt;&lt;code&gt;class User &amp;lt; AR::Base
  has_many :messages
class Message &amp;lt; AR::Base
  belongs_to :user
&lt;/code&gt;&lt;/pre&gt;
&lt;p&gt;So, the fabricators for them will be:&lt;/p&gt;
&lt;pre&gt;&lt;code&gt;Fabricator(:user) do
  # bla-bla-bla
  messages(count: 5)
end
Fabricator(:message) do
  # bla-bla-bla
  user
end
&lt;/code&gt;&lt;/pre&gt;
&lt;p&gt;It seems all right, yeah? But when I run &lt;code&gt;Fabricate(:user)&lt;/code&gt; or &lt;code&gt;Fabricate(:message)&lt;/code&gt; I get cyclic dependencies, because of fabricating of message fabricates new user, fabricating new user fabricates a messages for him and so on. How can I avoid this diabolic circle?&lt;/p&gt;</t>
  </si>
  <si>
    <t>2015-06-19 16:44:47.970000+00:00</t>
  </si>
  <si>
    <t>2015-06-20 11:48:02.357000+00:00</t>
  </si>
  <si>
    <t>ruby-on-rails|ruby|rails-activerecord|cyclic-reference|fabrication-gem</t>
  </si>
  <si>
    <t>A Sub Procedure holds a list, but only the first item is changed through SetCursorPosition</t>
  </si>
  <si>
    <t>&lt;pre&gt;&lt;code&gt;Module Module1
Dim MenuList As New List(Of String)
Function LineCount() As Integer
    Return MenuList.Count
End Function
Sub CreateNewMenu(strings() As String)
    For Each s In strings
        MenuList.Add(s)
    Next
End Sub
Sub PrintMenu(highlight As Integer)
    For I = 0 To MenuList.Count - 1
        If I = highlight Then
            SwapColors()
            Console.WriteLine(MenuList(I))
            Console.ResetColor()
        Else
            Console.WriteLine(MenuList(I))
        End If
    Next
End Sub
Sub SwapColors()
    Dim temp = Console.BackgroundColor
    Console.BackgroundColor = Console.ForegroundColor
    Console.ForegroundColor = temp
End Sub
Sub Main()
    CreateNewMenu(
        {
            "Option A",
            "Option B",
            "Option C"
        })
    Dim CurrentItem As Integer = 0
    Dim CurrentKey As ConsoleKey
    While CurrentKey &amp;lt;&amp;gt; ConsoleKey.Enter
        Console.Clear()
        PrintMenu(CurrentItem)
        'Console.SetCursorPosition(10, 10)
        'Console.SetCursorPosition(10, 11)
        'Console.SetCursorPosition(10, 12)
        CurrentKey = Console.ReadKey(True).Key
        Select Case CurrentKey
            Case ConsoleKey.DownArrow
                CurrentItem += 1
            Case ConsoleKey.UpArrow
                CurrentItem -= 1
        End Select
        CurrentItem = (CurrentItem + LineCount()) Mod LineCount()
    End While
End Sub
End Module
&lt;/code&gt;&lt;/pre&gt;
&lt;p&gt;This is a Code, A changed Post written 2014. The following link should be the source. &lt;a href="https://stackoverflow.com/questions/21893291/how-can-you-detect-key-presses-in-vb-console-mode"&gt;How can you detect key presses in vb console mode?&lt;/a&gt;&lt;/p&gt;
&lt;p&gt;The PrintMenu Procedure spotted in the Main Sub Procedure is the line i try to Change with a SetCursorPosition command.&lt;/p&gt;
&lt;p&gt;I am able to Change the Output to be screened on row 10 line 10. But only for the Option A.&lt;/p&gt;
&lt;p&gt;What has to be done, to manage every item that can be listed on Screen? I want to change the row and line for every item through the PrintMenu Procedure.&lt;/p&gt;</t>
  </si>
  <si>
    <t>2017-05-29 18:21:01.033000+00:00</t>
  </si>
  <si>
    <t>2017-05-30 15:24:29.960000+00:00</t>
  </si>
  <si>
    <t>2017-05-29 18:40:33.743000+00:00</t>
  </si>
  <si>
    <t>vb.net|console-application</t>
  </si>
  <si>
    <t>how to add rich snippets to wordpress with the plugin</t>
  </si>
  <si>
    <t>&lt;p&gt;I am using WordPress &amp;amp; tried a lot of plugins to add reviews on google and add schema.org in my website. But still i am unable to show the review result on google page. If there any plugins to show the result correctly then please describe about that.&lt;/p&gt;
&lt;p&gt;There's a lot of plugins which is showing that after install everything is easy and the result will show on google but every time i have wast my time to test them all.&lt;/p&gt;
&lt;p&gt;I have test my site url using google webmaster tools, there's no error on my site, But still i can's show the review on google search page like...
&lt;a href="https://i.stack.imgur.com/xfMWJ.png" rel="nofollow noreferrer"&gt;enter image description here&lt;/a&gt;&lt;/p&gt;</t>
  </si>
  <si>
    <t>2017-05-03 15:33:02.843000+00:00</t>
  </si>
  <si>
    <t>wordpress|schema.org</t>
  </si>
  <si>
    <t>one model not reloading rails 3.2</t>
  </si>
  <si>
    <t>&lt;p&gt;I have an old model amongst many that has not been touched in years.  I am adding some new methods today, and discover that after making changes this model does not reload.  Every other model I try works fine.  I.e. I go into a model and make a small useless change, and refresh a page, and it all works.&lt;/p&gt;
&lt;p&gt;Except for this particular model, which is named Coupon (coupon.rb).&lt;/p&gt;
&lt;p&gt;I am seeing nothing signficantly different about this model.  It inherits from active record base, just like everybody else, etc etc.&lt;/p&gt;
&lt;p&gt;I have even tried deleting all lines except &lt;/p&gt;
&lt;pre&gt;&lt;code&gt;# encoding: UTF-8
class Coupon &amp;lt; ActiveRecord::Base
end
&lt;/code&gt;&lt;/pre&gt;
&lt;p&gt;to no avail...&lt;/p&gt;
&lt;p&gt;What could be causing this?  Its making debugging this a pain!&lt;/p&gt;
&lt;p&gt;If nobody knows an answer, is there a quick work around to force this file to recompile? So I can at least get on with life?&lt;/p&gt;</t>
  </si>
  <si>
    <t>2014-03-05 03:56:19.840000+00:00</t>
  </si>
  <si>
    <t>2014-03-05 18:18:36.483000+00:00</t>
  </si>
  <si>
    <t>2014-03-05 04:12:06.483000+00:00</t>
  </si>
  <si>
    <t>How to active clicked tab and inactive default?</t>
  </si>
  <si>
    <t>&lt;p&gt;I have an issue with the code below where no tab is clickable. I want to make a tab active when clicked and other inactive.&lt;/p&gt;
&lt;pre&gt;&lt;code&gt;    &amp;lt;html&amp;gt;
    &amp;lt;head&amp;gt;
       &amp;lt;script type="text/javascript"&amp;gt;
        $('#myTab a').click(function (e) {
         e.preventDefault()
        $(this).tab('show')
        })
       &amp;lt;/script&amp;gt;
    &amp;lt;/head&amp;gt;
    &amp;lt;body&amp;gt;
     ...
     &amp;lt;ul class="nav navbar-nav" id="myTab"&amp;gt;
       &amp;lt;li class="active"&amp;gt;&amp;lt;a href="Home.aspx" data-toggle="tab"&amp;gt;HOME&amp;lt;/a&amp;gt;&amp;lt;/li&amp;gt;
       &amp;lt;li&amp;gt;&amp;lt;a href="AboutUs.aspx" data-toggle="tab"&amp;gt;ABOUT US&amp;lt;/a&amp;gt;&amp;lt;/li&amp;gt;
       &amp;lt;li&amp;gt;&amp;lt;a href="ContactUs.aspx" data-toggle="tab"&amp;gt;CONTACT US&amp;lt;/a&amp;gt;&amp;lt;/li&amp;gt;
       &amp;lt;li&amp;gt;&amp;lt;a href="Searchjob.aspx" data-toggle="tab"&amp;gt;SEARCH JOBS&amp;lt;/a&amp;gt;&amp;lt;/li&amp;gt;
     &amp;lt;/ul&amp;gt;     
     ...
    &amp;lt;/body&amp;gt;
    &amp;lt;/html&amp;gt;
&lt;/code&gt;&lt;/pre&gt;</t>
  </si>
  <si>
    <t>2014-05-16 13:32:47.003000+00:00</t>
  </si>
  <si>
    <t>2014-12-21 13:56:52.473000+00:00</t>
  </si>
  <si>
    <t>jquery|asp.net|twitter-bootstrap</t>
  </si>
  <si>
    <t>How to Print Four Columns of Data</t>
  </si>
  <si>
    <t>&lt;p&gt;I have an array of data that i'm trying to put into a format such as...&lt;/p&gt;
&lt;pre&gt;&lt;code&gt;Frequencies:
 1 (221)-   12 (229)+   23 (230)+   34 (223)-   
 2 (229)+   13 (235)+   24 (236)+   35 (237)+   
 3 (217)-   14 (225)-   25 (241)+   36 (238)+   
 4 (201)-   15 (223)-   26 (251)+   37 (233)+   
 5 (228)-   16 (238)+   27 (244)+   38 (219)-   
 6 (235)+   17 (232)+   28 (224)-   39 (234)+   
 7 (229)+   18 (240)+   29 (231)+   40 (229)+   
 8 (227)-   19 (217)-   30 (225)-   41 (263)+   
 9 (200)-   20 (198)-   31 (230)+   42 (221)-   
10 (211)-   21 (252)+   32 (226)-   43 (243)+   
11 (221)-   22 (228)-   33 (215)-   44 (227)-
&lt;/code&gt;&lt;/pre&gt;
&lt;p&gt;What I can't figure out is how do I go down 11, then go to a new column, go down 11, and so on? Thanks for the time, oh it's java.&lt;/p&gt;</t>
  </si>
  <si>
    <t>2014-03-14 23:47:51.140000+00:00</t>
  </si>
  <si>
    <t>2014-03-15 00:40:45.867000+00:00</t>
  </si>
  <si>
    <t>java|arrays|multiple-columns</t>
  </si>
  <si>
    <t>sklearn: Found input variables with inconsistent numbers of samples: [1, 99]</t>
  </si>
  <si>
    <t>&lt;p&gt;I'm trying to build a simple regression line with pandas in spyder.
After executing the following code, I got this error:&lt;/p&gt;
&lt;pre&gt;&lt;code&gt;Found input variables with inconsistent numbers of samples: [1, 99]
&lt;/code&gt;&lt;/pre&gt;
&lt;p&gt;the code:&lt;/p&gt;
&lt;pre&gt;&lt;code&gt;import numpy as np
import pandas as pd
dataset = pd.read_csv('Phil.csv')
x = dataset.iloc[:, 0].values
y = dataset.iloc[:, 2].values
from sklearn.linear_model import LinearRegression
regressor = LinearRegression()
regressor.fit(x, y)
&lt;/code&gt;&lt;/pre&gt;
&lt;p&gt;I think I know what is the problem, but I'm not quite sure how to deal with the syntax.
In the variable explorer, the size of x (and y) is (99L,), and from what I remember it can't be a vector, and it must be size (99,1).
same thing for y.&lt;/p&gt;
&lt;p&gt;Saw a bunch of related topics, but none of them helped. Thanks.&lt;/p&gt;</t>
  </si>
  <si>
    <t>2017-08-15 16:40:46.843000+00:00</t>
  </si>
  <si>
    <t>2017-08-15 19:57:28.100000+00:00</t>
  </si>
  <si>
    <t>2017-08-15 19:35:24.887000+00:00</t>
  </si>
  <si>
    <t>pandas|linear-regression|spyder|sklearn-pandas</t>
  </si>
  <si>
    <t>jQuery selector question</t>
  </si>
  <si>
    <t>&lt;p&gt;I have a unordered list like the one below:&lt;/p&gt;
&lt;pre&gt;&lt;code&gt;&amp;lt;ul id="tabs"&amp;gt;
      &amp;lt;li&amp;gt;&amp;lt;a href="#tab1"&amp;gt;latest news&amp;lt;/a&amp;gt;&amp;lt;/li&amp;gt;
      &amp;lt;li class="active"&amp;gt;&amp;lt;a href="#tab2"&amp;gt;latest posts&amp;lt;/a&amp;gt;&amp;lt;/li&amp;gt;
      &amp;lt;li&amp;gt;&amp;lt;a href="#tab3"&amp;gt;latest posts&amp;lt;/a&amp;gt;&amp;lt;/li&amp;gt;
      &amp;lt;li&amp;gt;&amp;lt;a href="#tab4"&amp;gt;latest posts&amp;lt;/a&amp;gt;&amp;lt;/li&amp;gt;
&amp;lt;/ul&amp;gt;
&lt;/code&gt;&lt;/pre&gt;
&lt;p&gt;I can't find a jQuery selector that gets the next list item from the one whith the .active class, so if .active is the second one the jQuery selector will give me the third list item.&lt;/p&gt;
&lt;p&gt;Thank's&lt;/p&gt;</t>
  </si>
  <si>
    <t>2009-11-21 11:09:06.463000+00:00</t>
  </si>
  <si>
    <t>2009-11-23 12:15:04.377000+00:00</t>
  </si>
  <si>
    <t>javascript|jquery|selector</t>
  </si>
  <si>
    <t>Why does the firebug console keep saying "undefined" when I enter a json object?</t>
  </si>
  <si>
    <t>&lt;p&gt;Here is a short transcript from my firebug console:&lt;/p&gt;
&lt;pre&gt;&lt;code&gt;&amp;gt;&amp;gt;&amp;gt; var a = {"name": "bob"};
&amp;gt;&amp;gt;&amp;gt; a
undefined name=bob
&amp;gt;&amp;gt;&amp;gt; a.name
"bob"
&amp;gt;&amp;gt;&amp;gt; b = 10
10
&amp;gt;&amp;gt;&amp;gt; b
10
&lt;/code&gt;&lt;/pre&gt;
&lt;p&gt;Why does firebug print "undefined"? Why on a and not b? &lt;/p&gt;
&lt;p&gt;Inquiring minds want to know.&lt;/p&gt;</t>
  </si>
  <si>
    <t>2009-11-21 01:46:30.967000+00:00</t>
  </si>
  <si>
    <t>2009-11-21 02:11:43.490000+00:00</t>
  </si>
  <si>
    <t>javascript|firebug</t>
  </si>
  <si>
    <t>How can I use stringstream to keep a quotation mark in a string?</t>
  </si>
  <si>
    <t>&lt;p&gt;I have a vector of strings that contain numbers, words, spaces, and even weird characters like quotation marks. I am trying to read it all in using a stringstream so I can separate the doubles from strings.&lt;/p&gt;
&lt;p&gt;When I do this:&lt;/p&gt;
&lt;p&gt;stringstream contains &lt;/p&gt;
&lt;blockquote&gt;
  &lt;p&gt;4165 This package contains 12 1/2" Screws&lt;/p&gt;
&lt;/blockquote&gt;
&lt;p&gt;Code:&lt;/p&gt;
&lt;pre&gt;&lt;code&gt;stringstream &amp;gt;&amp;gt; mydouble 
stringstream &amp;gt;&amp;gt; mystring
&lt;/code&gt;&lt;/pre&gt;
&lt;p&gt;mydouble contains &lt;/p&gt;
&lt;pre&gt;&lt;code&gt;4165
&lt;/code&gt;&lt;/pre&gt;
&lt;p&gt;Then the only thing that gets read into mystring is&lt;/p&gt;
&lt;blockquote&gt;
  &lt;p&gt;This package contains 12 1/2&lt;/p&gt;
&lt;/blockquote&gt;
&lt;p&gt;How can I let it keep the entire line?&lt;/p&gt;
&lt;p&gt;Sometimes my file contains this:&lt;/p&gt;
&lt;blockquote&gt;
  &lt;p&gt;4165 This package contains 2 1/2" Screws &lt;/p&gt;
  &lt;p&gt;65 This package contains 12&gt; 1/2" Screws &lt;/p&gt;
  &lt;p&gt;This package contains 1 screw&lt;/p&gt;
&lt;/blockquote&gt;</t>
  </si>
  <si>
    <t>2012-06-01 04:30:40.587000+00:00</t>
  </si>
  <si>
    <t>2012-06-01 05:00:35+00:00</t>
  </si>
  <si>
    <t>2012-06-01 04:41:48.490000+00:00</t>
  </si>
  <si>
    <t>c++|string|formatting</t>
  </si>
  <si>
    <t>Draw multiple objects with textures</t>
  </si>
  <si>
    <t>&lt;p&gt;I want to draw cubes using textures.&lt;/p&gt;
&lt;pre&gt;&lt;code&gt;void OperateWithMainMatrix(ESContext* esContext, GLfloat offsetX, GLfloat offsetY, GLfloat offsetZ) {
UserData *userData = (UserData*) esContext-&amp;gt;userData;
ESMatrix modelview;
ESMatrix perspective;
    //Manipulation with matrix 
    ...
    glVertexAttribPointer(userData-&amp;gt;positionLoc, 3, GL_FLOAT, GL_FALSE, 0, cubeFaces);
    //in cubeFaces coordinates verticles cube
    glVertexAttribPointer(userData-&amp;gt;normalLoc, 3, GL_FLOAT, GL_FALSE, 0, cubeFaces);
    //for normals (use in fragment shaider for textures)
    glEnableVertexAttribArray(userData-&amp;gt;positionLoc);
    glEnableVertexAttribArray(userData-&amp;gt;normalLoc);
    // Load the MVP matrix
    glUniformMatrix4fv(userData-&amp;gt;mvpLoc, 1, GL_FALSE, 
                       (GLfloat*)&amp;amp;userData-&amp;gt;mvpMatrix.m[0][0]);
    //Bind base map
    glActiveTexture(GL_TEXTURE0);
    glBindTexture(GL_TEXTURE_CUBE_MAP, userData-&amp;gt;baseMapTexId);
    //Set the base map sampler to texture unit to 0
    glUniform1i(userData-&amp;gt;baseMapLoc, 0);
   // Draw the cube
    glDrawArrays(GL_TRIANGLES, 0, 36);
   }
&lt;/code&gt;&lt;/pre&gt;
&lt;p&gt;(coordinates transformation is in OperateWithMainMatrix() )
Then Draw() function is called:&lt;/p&gt;
&lt;pre&gt;&lt;code&gt;void Draw(ESContext *esContext)
{
   UserData *userData = esContext-&amp;gt;userData;
   // Set the viewport
   glViewport(0, 0, esContext-&amp;gt;width, esContext-&amp;gt;height);
   // Clear the color buffer
   glClear(GL_COLOR_BUFFER_BIT);
   // Use the program object
   glUseProgram(userData-&amp;gt;programObject);
  OperateWithMainMatrix(esContext, 0.0f, 0.0f, 0.0f);
  eglSwapBuffers(esContext-&amp;gt;eglDisplay, esContext-&amp;gt;eglSurface);
}
&lt;/code&gt;&lt;/pre&gt;
&lt;p&gt;This work fine, but if I try to draw multiple cubes (next code for example):&lt;/p&gt;
&lt;pre&gt;&lt;code&gt;void Draw(ESContext *esContext)
{ ...
    // Use the program object
    glUseProgram(userData-&amp;gt;programObject);
    OperateWithMainMatrix(esContext, 2.0f, 0.0f, 0.0f);
    OperateWithMainMatrix(esContext, 1.0f, 0.0f, 0.0f);
    OperateWithMainMatrix(esContext, 0.0f, 0.0f, 0.0f);
    OperateWithMainMatrix(esContext, -1.0f, 0.0f, 0.0f);
    OperateWithMainMatrix(esContext, -2.0f, 0.0f, 0.0f);
    eglSwapBuffers(esContext-&amp;gt;eglDisplay, esContext-&amp;gt;eglSurface);
}
&lt;/code&gt;&lt;/pre&gt;
&lt;p&gt;A side faces overlapes frontal face. This process is illustrated on image:
&lt;img src="https://i.stack.imgur.com/GHYcd.jpg" alt="enter image description here"&gt;&lt;/p&gt;
&lt;p&gt;Alternate picture (with colours and clean image):
&lt;img src="https://i.stack.imgur.com/zqxFA.jpg" alt="enter image description here"&gt;&lt;/p&gt;
&lt;p&gt;The side face of the right cube overlaps frontal face of the center cube.
How can i remove this effect and display miltiple cubes without it?&lt;/p&gt;</t>
  </si>
  <si>
    <t>2012-10-02 07:14:52.347000+00:00</t>
  </si>
  <si>
    <t>2012-10-02 15:51:40.643000+00:00</t>
  </si>
  <si>
    <t>2012-10-02 08:27:36.340000+00:00</t>
  </si>
  <si>
    <t>opengl-es-2.0</t>
  </si>
  <si>
    <t>Black Jack with Classes</t>
  </si>
  <si>
    <t>&lt;p&gt;I am trying to create a black jack game that uses classes in order to run. I believe I have successfully made a class that is for the card&lt;/p&gt;
&lt;pre&gt;&lt;code&gt;class Card(object):
    def __init__(self,suit,number):
        self.suit=suit
        self.number=number
&lt;/code&gt;&lt;/pre&gt;
&lt;p&gt;I then made a class that takes a deck and then shuffles it and it deals is as well, I think that this class is also correct (I am slightly unsure about the deal function)&lt;/p&gt;
&lt;pre&gt;&lt;code&gt;class DeckofCards(object):
    def __init__(self,deck):
        self.deck=deck
        self.shuffledeck=self.shuffle()
        print(self.shuffledeck)
    def shuffle(self):
        b=[]
        count=0
        while count&amp;lt;len(self.deck):
            a=randrange(0,len(self.deck))
            if a not in b:
                b.append(self.deck[a])
                count+=1
        return(b)
    def deal(self):
        if len(self.shuffledeck)&amp;gt;0:
            return(self.shuffledeck.pop(0)) #removes the card from the deck and deals it
        else:
            shuffle(self)
            return(self.shuffledeck.pop(0))
&lt;/code&gt;&lt;/pre&gt;
&lt;p&gt;I then created a class for the player and this is where things start to confuse me, I hope it is OK to insert the direct question from the teacher because it is very ambiguous and confusing to me.&lt;/p&gt;
&lt;blockquote&gt;
  &lt;p&gt;class Player(object): &lt;/p&gt;
  &lt;p&gt;��������� This class is for the players in the game (a
  dealer is considered a player, although I  could have made a separate
  class for the dealer.) The constructor has 6 properties:  the player���s
  name, the hand (initially an empty list), the boolean value inout,
  which  is initialized to True (for indicating that the player is
  ���in���), the Boolean value  blackjack, which is initialized to False
  (indicating the player does not have  blackjack), the integer money,
  indicating the total amount of money the player has,  score,
  initialized to 0,and the integer bid, initialized to 0, which will
  hold the  player���s current bid.&lt;/p&gt;
&lt;/blockquote&gt;
&lt;p&gt;This was my attempt&lt;/p&gt;
&lt;pre&gt;&lt;code&gt;class Player(object):
    def __init__(self,name,hand,inout,money,score):
        self.name=name
        self.hand=hand
        self.inout=inout
        self.money=money
        self.score=score
        self.blackjack=self.blackjacksearch()
    def blackjacksearch(self): #not sure if any of this works
        if Card('H','J') in self.hand:
            return(False)
        if Card('S','J') in self.hand:
            return(False)
        if Card('C','J') in self.hand:
            return(False)
        if Card('D','J') in self.hand:
            return(False)
        else:
            return(True)
&lt;/code&gt;&lt;/pre&gt;
&lt;p&gt;The complete directions can be found &lt;a href="http://www.eecis.udel.edu/~yarringt/106/LabsSpring13/Project2BlackJack.pdf" rel="nofollow"&gt;here&lt;/a&gt;&lt;/p&gt;
&lt;p&gt;I am just looking for some direction, because I am clueless and our professor hasn't been very helpful at all.&lt;/p&gt;</t>
  </si>
  <si>
    <t>2013-05-06 22:33:02.577000+00:00</t>
  </si>
  <si>
    <t>2014-03-21 04:24:15.353000+00:00</t>
  </si>
  <si>
    <t>WPF Bluring main form when showing dialogs</t>
  </si>
  <si>
    <t>&lt;p&gt;So i've added blureffect on main grid of main form:&lt;/p&gt;
&lt;pre&gt;&lt;code&gt; &amp;lt;Grid.Effect&amp;gt;
    &amp;lt;BlurEffect x:Name="MainGridBlur" Radius="0" KernelType="Gaussian"/&amp;gt;
 &amp;lt;/Grid.Effect&amp;gt;
&lt;/code&gt;&lt;/pre&gt;
&lt;p&gt;and added custom method for opening dialogs on main form:&lt;/p&gt;
&lt;pre&gt;&lt;code&gt;    public Window CreateDialogWindow(Window window)
    {
        window.Owner = this;
        window.WindowStartupLocation = WindowStartupLocation.CenterOwner;
        MainGridBlur.Radius = 10;
        window.ShowDialog();
        MainGridBlur.Radius = 0;
        return window;
    }
&lt;/code&gt;&lt;/pre&gt;
&lt;p&gt;This is how i'm calling this method from other forms when they are creating dialogs:&lt;/p&gt;
&lt;pre&gt;&lt;code&gt;((MainWindow)Application.Current.MainWindow).CreateDialogWindow(new SomeDialog());
&lt;/code&gt;&lt;/pre&gt;
&lt;p&gt;My question is, is there any better way to do this?&lt;/p&gt;</t>
  </si>
  <si>
    <t>2016-05-25 10:23:18.453000+00:00</t>
  </si>
  <si>
    <t>2016-08-17 22:56:41.357000+00:00</t>
  </si>
  <si>
    <t>referencing to file in jquery</t>
  </si>
  <si>
    <t>&lt;p&gt;Well , I have a jquery function, results that I pass a filepath like a parameter, so when I run  the code, it seems doesnt find the file. do you have  any idea about what happend?
nevertheless, if I remove " ..\ " this part, and change the location of my file, it works well. I need that the file is located in the root site, 'cause is shared for various pages.&lt;/p&gt;
&lt;pre&gt;&lt;code&gt;$.get("..\jobs.xml",{},function(xml){ 
    code inside funcition....
}
&lt;/code&gt;&lt;/pre&gt;</t>
  </si>
  <si>
    <t>2012-10-22 03:15:44.123000+00:00</t>
  </si>
  <si>
    <t>2012-10-22 03:22:07.510000+00:00</t>
  </si>
  <si>
    <t>jquery|path</t>
  </si>
  <si>
    <t>Xamarin Notification Hub Register error</t>
  </si>
  <si>
    <t>&lt;p&gt;It really amazes me that a company like Microsoft doesn't give you readable error messages. I'm simply trying to register a device into a notification hub in our azure. &lt;/p&gt;
&lt;pre&gt;&lt;code&gt;if (App.DeviceInfo.DeviceManufacturer == "Apple")
{
    if (UIDevice.CurrentDevice.CheckSystemVersion(8, 0))
    {
        var pushSettings = UIUserNotificationSettings.GetSettingsForTypes(
               UIUserNotificationType.Alert | UIUserNotificationType.Badge | UIUserNotificationType.Sound,
               new NSSet());
        UIApplication.SharedApplication.RegisterUserNotificationSettings(pushSettings);
        UIApplication.SharedApplication.RegisterForRemoteNotifications();
    }
    else
    {
        UIRemoteNotificationType notificationTypes = UIRemoteNotificationType.Alert | UIRemoteNotificationType.Badge | UIRemoteNotificationType.Sound;
        UIApplication.SharedApplication.RegisterForRemoteNotificationTypes(notificationTypes);
    }
}
&lt;/code&gt;&lt;/pre&gt;
&lt;p&gt;Register callback&lt;/p&gt;
&lt;pre&gt;&lt;code&gt;public override void RegisteredForRemoteNotifications(UIApplication app, NSData deviceToken)
{
    //// Connection string from your azure dashboard
    var cs = WindowsAzure.Messaging.SBConnectionString.CreateListenAccess(
        new NSUrl(AzureServiceBusConnectionString),
        AzureHubName);
    // Register our info with Azure
    var hub = new WindowsAzure.Messaging.SBNotificationHub(cs, AzureHubName);
    hub.RegisterNativeAsync(deviceToken, null, err =&amp;gt;
    {
        if (err != null)
        {
            Console.WriteLine("Error: " + err.Description);
            Console.WriteLine(err.DebugDescription);
        }
        else
            Console.WriteLine("Success");
    });
}
&lt;/code&gt;&lt;/pre&gt;
&lt;p&gt;Here's the error message I get back&lt;/p&gt;
&lt;blockquote&gt;
  &lt;p&gt;Error: Error Domain=WindowsAzureMessaging Code=401 "URLRequest failed
  for  { URL:
  https://****.servicebus.windows.net/****/Registrations/?$filter=deviceToken+eq+'****'&amp;amp;api-version=2013-04
  } with status code: unauthorized"
  UserInfo={NSLocalizedDescription=URLRequest failed for
   { URL:
  https://****.servicebus.windows.net/newsernotificationhub/Registrations/?$filter=deviceToken+eq+'****'&amp;amp;api-version=2013-04
  } with status code: unauthorized}&lt;/p&gt;
&lt;/blockquote&gt;
&lt;p&gt;So the only message I get back is &lt;code&gt;unauthorized&lt;/code&gt;, just wondering what some of the reasons why it would come back as &lt;code&gt;unauthorized&lt;/code&gt; when I'm using the endpoint url given in azure, and the notification hub name. &lt;/p&gt;</t>
  </si>
  <si>
    <t>2016-11-16 20:52:28.967000+00:00</t>
  </si>
  <si>
    <t>2016-11-16 22:13:01.483000+00:00</t>
  </si>
  <si>
    <t>2016-11-16 21:24:38.797000+00:00</t>
  </si>
  <si>
    <t>azure|push-notification|xamarin.ios|azure-notificationhub</t>
  </si>
  <si>
    <t>Why am I getting java.lang.IllegalArgumentException: background can not be translucent: #0 when using MediaRouteButton?</t>
  </si>
  <si>
    <t>&lt;p&gt;I'm trying to cast my app to Chromecast. I've started with adding a button, following the &lt;a href="https://developers.google.com/cast/docs/android_sender_integrate" rel="nofollow noreferrer"&gt;https://developers.google.com/cast/docs/android_sender_integrate&lt;/a&gt; guide.&lt;/p&gt;
&lt;p&gt;After I have added the MediaRouteButton, I get:&lt;/p&gt;
&lt;pre&gt;&lt;code&gt;Caused by: java.lang.IllegalArgumentException: background can not be translucent: #0
at android.support.v4.graphics.ColorUtils.calculateContrast(ColorUtils.java:93)
at android.support.v7.app.MediaRouterThemeHelper.getControllerColor(MediaRouterThemeHelper.java:88)
at android.support.v7.app.MediaRouterThemeHelper.getStyledRouterThemeId(MediaRouterThemeHelper.java:185)
at android.support.v7.app.MediaRouterThemeHelper.createThemedContext(MediaRouterThemeHelper.java:60)
at android.support.v7.app.MediaRouteButton.&amp;lt;init&amp;gt;(MediaRouteButton.java:124)
at android.support.v7.app.MediaRouteButton.&amp;lt;init&amp;gt;(MediaRouteButton.java:120)
at java.lang.reflect.Constructor.newInstance(Native Method)��
at android.view.LayoutInflater.createView(LayoutInflater.java:619)��
at android.view.LayoutInflater.createViewFromTag(LayoutInflater.java:764)��
at android.view.LayoutInflater.createViewFromTag(LayoutInflater.java:704)��
at android.view.LayoutInflater.rInflate(LayoutInflater.java:835)��
at android.view.LayoutInflater.rInflateChildren(LayoutInflater.java:798)��
at android.view.LayoutInflater.rInflate(LayoutInflater.java:838)��
at android.view.LayoutInflater.rInflateChildren(LayoutInflater.java:798)��
at android.view.LayoutInflater.inflate(LayoutInflater.java:515)��
at android.view.LayoutInflater.inflate(LayoutInflater.java:423)��
at android.view.LayoutInflater.inflate(LayoutInflater.java:374)��
at com.android.internal.policy.PhoneWindow.setContentView(PhoneWindow.java:408)��
at android.app.Activity.setContentView(Activity.java:2198)��
&lt;/code&gt;&lt;/pre&gt;
&lt;p&gt;I have searched SO, and have found another, similar question, where a commenter asked to add background tag to the xml entry of MediaRouteButton. Here's my layout xml:&lt;/p&gt;
&lt;pre&gt;&lt;code&gt;&amp;lt;FrameLayout xmlns:android="http://schemas.android.com/apk/res/android"
    android:id="@+id/mdb_reader"
    android:layout_width="match_parent"
    android:layout_height="match_parent"
    android:orientation="vertical" &amp;gt;
   &amp;lt;LinearLayout
        android:id="@+id/mdb_book_list"
        android:layout_width="match_parent"
        android:layout_height="wrap_content"
        android:orientation="vertical"&amp;gt;
        &amp;lt;android.support.v7.app.MediaRouteButton
            android:id="@+id/media_route_button"
            android:layout_width="wrap_content"
            android:layout_height="wrap_content"
            android:background="@color/black"
            android:layout_weight="1"
            android:mediaRouteTypes="user"
            android:visibility="gone" /&amp;gt;
    &amp;lt;/LinearLayout&amp;gt;
&amp;lt;/FrameLayout&amp;gt;
&lt;/code&gt;&lt;/pre&gt;
&lt;p&gt;(I have two layouts nested because it's used programmatically, anyway I have already tried to move the MediaRouteButton higher and it didn't help).&lt;/p&gt;
&lt;p&gt;I've also seen some tips regarding theme, here's my &lt;code&gt;AndroidManifest.xml&lt;/code&gt; &lt;code&gt;application&lt;/code&gt; entry:&lt;/p&gt;
&lt;pre&gt;&lt;code&gt;&amp;lt;application
    android:allowBackup="true"
    android:hardwareAccelerated="true"
    android:icon="@drawable/icon"
    android:label="@string/app_name"
    android:background="@android:color/black"
    android:theme="@style/AppTheme"&amp;gt;
&lt;/code&gt;&lt;/pre&gt;
&lt;p&gt;&lt;strong&gt;vales/styles.xml&lt;/strong&gt;&lt;/p&gt;
&lt;pre&gt;&lt;code&gt;&amp;lt;resources&amp;gt;
    &amp;lt;style name="AppBaseTheme" parent="@style/Theme.AppCompat"&amp;gt;
    &amp;lt;/style&amp;gt;
    &amp;lt;style name="AppTheme" parent="AppBaseTheme"&amp;gt;
    &amp;lt;/style&amp;gt;
    &amp;lt;style name="Theme.CastVideosTheme" parent="AppBaseTheme"&amp;gt;
        &amp;lt;item name="mediaRouteTheme"&amp;gt;@style/CustomMediaRouterTheme&amp;lt;/item&amp;gt;
    &amp;lt;/style&amp;gt;
    &amp;lt;style name="CustomMediaRouterTheme" parent="Theme.MediaRouter"&amp;gt;
        &amp;lt;item name="mediaRouteButtonStyle"&amp;gt;@style/CustomMediaRouteButtonStyle&amp;lt;/item&amp;gt;
    &amp;lt;/style&amp;gt;
    &amp;lt;style name="CustomMediaRouteButtonStyle" parent="Widget.MediaRouter.Light.MediaRouteButton"&amp;gt;
        &amp;lt;item name="buttonTint"&amp;gt;@color/black&amp;lt;/item&amp;gt;
    &amp;lt;/style&amp;gt;
&amp;lt;/resources&amp;gt;
&lt;/code&gt;&lt;/pre&gt;
&lt;p&gt;&lt;strong&gt;values-v11/styles.xml&lt;/strong&gt;&lt;/p&gt;
&lt;pre&gt;&lt;code&gt;&amp;lt;resources&amp;gt;
    &amp;lt;style name="AppBaseTheme" parent="@style/Theme.AppCompat"&amp;gt;
    &amp;lt;/style&amp;gt;
    &amp;lt;style name="Theme.CastVideosTheme" parent="AppBaseTheme"&amp;gt;
        &amp;lt;item name="mediaRouteTheme"&amp;gt;@style/CustomMediaRouterTheme&amp;lt;/item&amp;gt;
    &amp;lt;/style&amp;gt;
    &amp;lt;style name="CustomMediaRouterTheme" parent="Theme.MediaRouter"&amp;gt;
        &amp;lt;item name="mediaRouteButtonStyle"&amp;gt;@style/CustomMediaRouteButtonStyle&amp;lt;/item&amp;gt;
    &amp;lt;/style&amp;gt;
    &amp;lt;style name="CustomMediaRouteButtonStyle" parent="Widget.MediaRouter.Light.MediaRouteButton"&amp;gt;
        &amp;lt;item name="buttonTint"&amp;gt;@color/black&amp;lt;/item&amp;gt;
    &amp;lt;/style&amp;gt;
&amp;lt;/resources&amp;gt;
&lt;/code&gt;&lt;/pre&gt;
&lt;p&gt;&lt;strong&gt;values-v14&lt;/strong&gt;&lt;/p&gt;
&lt;pre&gt;&lt;code&gt;&amp;lt;resources&amp;gt;
    &amp;lt;style name="AppBaseTheme" parent="@style/Theme.AppCompat"&amp;gt;
    &amp;lt;/style&amp;gt;
    &amp;lt;style name="Theme.CastVideosTheme" parent="AppBaseTheme"&amp;gt;
        &amp;lt;item name="mediaRouteTheme"&amp;gt;@style/CustomMediaRouterTheme&amp;lt;/item&amp;gt;
    &amp;lt;/style&amp;gt;
    &amp;lt;style name="CustomMediaRouterTheme" parent="Theme.MediaRouter"&amp;gt;
        &amp;lt;item name="mediaRouteButtonStyle"&amp;gt;@style/CustomMediaRouteButtonStyle&amp;lt;/item&amp;gt;
    &amp;lt;/style&amp;gt;
    &amp;lt;style name="CustomMediaRouteButtonStyle" parent="Widget.MediaRouter.Light.MediaRouteButton"&amp;gt;
        &amp;lt;item name="buttonTint"&amp;gt;@color/black&amp;lt;/item&amp;gt;
    &amp;lt;/style&amp;gt;
&amp;lt;/resources&amp;gt;
&lt;/code&gt;&lt;/pre&gt;
&lt;p&gt;Looks to me like everything should work, but I still get the damn error.&lt;/p&gt;
&lt;p&gt;I'm using Android 26 to build.&lt;/p&gt;</t>
  </si>
  <si>
    <t>2017-10-18 13:23:23.643000+00:00</t>
  </si>
  <si>
    <t>2018-11-06 16:33:40.893000+00:00</t>
  </si>
  <si>
    <t>2017-10-18 13:27:12.043000+00:00</t>
  </si>
  <si>
    <t>android|xml|chromecast</t>
  </si>
  <si>
    <t>NSClassFromString returning nil for nested class</t>
  </si>
  <si>
    <t>&lt;p&gt;I want to instantiate a class by using a string but I'm having problems. That's what I try to do:&lt;/p&gt;
&lt;pre&gt;&lt;code&gt;let aClass = NSClassFromString("MyApp.Outer.Inner") as! SomeProtocol.Type
....
public class Outer {
    public class Inner: SomeProtocol {
        init() {...}
    }
}
&lt;/code&gt;&lt;/pre&gt;
&lt;p&gt;That's crashing (because NSClassFromString returns nil&lt;/p&gt;
&lt;p&gt;But that's working:&lt;/p&gt;
&lt;pre&gt;&lt;code&gt;let aClass = NSClassFromString("MyApp.Inner") as! SomeProtocol.Type
....
public class Inner: SomeProtocol {
    init() {...}
}
&lt;/code&gt;&lt;/pre&gt;
&lt;p&gt;Doesn't &lt;code&gt;NSClassFromString&lt;/code&gt; work for nested classes?&lt;/p&gt;
&lt;hr&gt;
&lt;p&gt;Background:
I have many "inner" classes that I use as templates to create objects (instead of storing them in &lt;code&gt;.plist&lt;/code&gt; files, which is kind of annoying). I want to encapsulate them in an "Outer" class to have them better organised.&lt;/p&gt;
&lt;p&gt;Thanks for any help :)&lt;/p&gt;
&lt;p&gt;EDIT: I saw the question that this seems to be a duplicate of. But that's not a viable solution:&lt;/p&gt;
&lt;blockquote&gt;
  &lt;p&gt;(Note this snippet won't run by itself -- the class A.B has to be referenced at least once somewhere in your process in order to be registered with the ObjC runtime. This could be as simple as putting let t = A.B.self somewhere in your app's startup code.)&lt;/p&gt;
&lt;/blockquote&gt;
&lt;p&gt;I'm doing this approach with &lt;code&gt;NSClassFromString&lt;/code&gt; because I want to avoid adding too much stuff for every inner class I create. I don't want to constantly add this to my startup code.&lt;/p&gt;</t>
  </si>
  <si>
    <t>2017-08-16 11:15:09.420000+00:00</t>
  </si>
  <si>
    <t>2017-08-16 19:38:23.840000+00:00</t>
  </si>
  <si>
    <t>2017-08-16 12:23:27.567000+00:00</t>
  </si>
  <si>
    <t>Ordinal Numbers With PHP</t>
  </si>
  <si>
    <t>&lt;p&gt;I need to make output like this above, but how to add numbers , i can do with &amp;lt; ol &gt; but its not what i need, &amp;lt; ol &gt; tag give me different order.. any idea how to make this and add number before links? &lt;/p&gt;
&lt;pre&gt;&lt;code&gt;1. Site.com      6. Site.com
2. Site.com      7. Site.com
3. Site.com      8. Site.com
4. Site.com      9. Site.com
5. Site.com     10. Site.com
&lt;/code&gt;&lt;/pre&gt;
&lt;p&gt;Here is php code&lt;/p&gt;
&lt;pre&gt;&lt;code&gt;&amp;lt;?
$list = $my_db-&amp;gt;fetch("SELECT " . MY_PREFIX . "list.id, name,address, in_hits, out_hits FROM " . MY_PREFIX . "list LEFT JOIN " . MY_PREFIX . "sites ON " . MY_PREFIX . "list.id=" . MY_PREFIX . "sites.id WHERE status &amp;gt;0 AND status &amp;lt;3 ORDER BY in_hits DESC LIMIT 9");
$count = 1;
echo "&amp;lt;ul&amp;gt;";
foreach($list as $site) {;?&amp;gt;
&amp;lt;li&amp;gt;&amp;lt;a href="&amp;lt;?php echo "/out.php?url=" . $site["address"];?&amp;gt;" target="_blank" rel="nofollow" title="&amp;lt;?php echo htmlentities(stripslashes($site["name"]));?&amp;gt;"&amp;gt;&amp;lt;?php echo htmlentities(stripslashes($site["name"]));?&amp;gt;&amp;lt;/a&amp;gt;&amp;lt;/li&amp;gt;
&amp;lt;?
if ($count == 5) {echo "&amp;lt;/ul&amp;gt;&amp;lt;ul&amp;gt;";}
$count++;
}
echo "&amp;lt;/ul&amp;gt;";
?&amp;gt;
&lt;/code&gt;&lt;/pre&gt;</t>
  </si>
  <si>
    <t>2013-01-14 15:53:11.087000+00:00</t>
  </si>
  <si>
    <t>2013-01-14 17:24:51.570000+00:00</t>
  </si>
  <si>
    <t>php|numbers|ordinal</t>
  </si>
  <si>
    <t>feature images not working in wordpress</t>
  </si>
  <si>
    <t>&lt;p&gt;i am developing a wordpress theme . but i can,t add feature images for a custom post . 
at first i create a custom post in functions.php&lt;/p&gt;
&lt;pre&gt;&lt;code&gt;&amp;lt;?php 
function rithemes_post_type() {
        register_post_type( 'portfolio_items',
            array(
                'labels' =&amp;gt; array(
                        'name' =&amp;gt; __( 'Portfolio-items' ),
                        'singular_name' =&amp;gt; __( 'Portfolio-item' ),
                        'add_new' =&amp;gt; __( 'Add New ' ),
                        'add_new_item' =&amp;gt; __( 'Add New Portfolio-item' ),
                        'edit_item' =&amp;gt; __( 'Edit Portfolio-item' ),
                        'new_item' =&amp;gt; __( 'New Portfolio-item' ),
                        'view_item' =&amp;gt; __( 'View Portfolio-item' ),
                        'not_found' =&amp;gt; __( 'Sorry, we couldn\'t find the Slide you are looking for.' )
                ),
        'public' =&amp;gt; true,
        'publicly_queryable' =&amp;gt; true,
        'exclude_from_search' =&amp;gt; true,
        'menu_position' =&amp;gt; null,
        'has_archive' =&amp;gt; true,
        'hierarchical' =&amp;gt; true,
        'capability_type' =&amp;gt; 'post',
        'rewrite' =&amp;gt; array( 'slug' =&amp;gt; 'Portfolio-items' ),
        'supports' =&amp;gt; array( 'title', 'editor', 'custom-fields','thumbnail' )
        )
    ); 
add_action( 'init', 'rithemes_post_type' );
&lt;/code&gt;&lt;/pre&gt;
&lt;p&gt;?&gt;&lt;/p&gt;
&lt;p&gt;then i code the following below in functions.php&lt;/p&gt;
&lt;pre&gt;&lt;code&gt;    add_theme_support('post-thumbnails', array( 'portfolio_pretty','portfolio_items','portfolio_single' ) );
add_image_size( 'blog_post_single', 615, 390, true );
add_image_size( 'portfolio_pretty', 610, 300, true ); 
add_image_size( 'portfolio_single', 440, 275, true );
&lt;/code&gt;&lt;/pre&gt;
&lt;p&gt;then i code in index.php the following below &lt;/p&gt;
&lt;pre&gt;&lt;code&gt;&amp;lt;?php
        global $post;
        $args=array( 'posts_per_page'=&amp;gt; 6, 'post_type'=&amp;gt;'portfolio_items');
        $myposts=get_posts($args);
        foreach($myposts as $post): setup_postdata($post);?&amp;gt;
            &amp;lt;div class="three columns category trains"&amp;gt;
            &amp;lt;h5&amp;gt;&amp;lt;?php the_title(); ?&amp;gt;&amp;lt;/h5&amp;gt;
            &amp;lt;?php $songkhipto=get_post_meta($post-&amp;gt;ID, 'songkhipto', true);  ?&amp;gt;
        &amp;lt;p&amp;gt;
             &amp;lt;?php echo $songkhipto; ?&amp;gt;
        &amp;lt;/p&amp;gt;
        &amp;lt;div class="portofoliothumb"&amp;gt;
            &amp;lt;div class="portofoliothumboverlay fouroverlay"&amp;gt;
                &amp;lt;div class="viewgallery fourgallery"&amp;gt;
                    &amp;lt;a data-gal="prettyPhoto[gallery]" href="&amp;lt;?php the_post_thumbnail('portfolio_pretty'); ?&amp;gt;&amp;lt;img src="&amp;lt;?php echo get_template_directory_uri(); ?&amp;gt;/images/playgal.png" class="left galleryicon" alt=""&amp;gt; Gallery&amp;lt;/a&amp;gt;
                &amp;lt;/div&amp;gt;
                &amp;lt;div class="inner fourdetail"&amp;gt;
                    &amp;lt;a class="projectdetail" href="&amp;lt;?php the_permalink(); ?&amp;gt;"&amp;gt;+ Project Details&amp;lt;/a&amp;gt;
                &amp;lt;/div&amp;gt;
            &amp;lt;/div&amp;gt;
            &amp;lt;img src="&amp;lt;?php the_post_thumbnail('portfolio_single'); ?&amp;gt;" class="fourimage" alt=""/&amp;gt;
        &amp;lt;/div&amp;gt;
        &amp;lt;/div&amp;gt;
        &amp;lt;?php endforeach; ?&amp;gt;
&lt;/code&gt;&lt;/pre&gt;
&lt;p&gt;but the feature image are not shown. this show only the image name. i need help&lt;/p&gt;</t>
  </si>
  <si>
    <t>2014-09-21 16:28:46.537000+00:00</t>
  </si>
  <si>
    <t>2014-09-22 02:18:11.757000+00:00</t>
  </si>
  <si>
    <t>wordpress|wordpress-theming</t>
  </si>
  <si>
    <t>Comment token inside string</t>
  </si>
  <si>
    <t>&lt;p&gt;In pig etc. /* begins a block comment. If I put this in a regex string 'blah/blah/*', emacs thinks this is a block comment and syntax highlighting goes to hell. I am not familiar with elisp but I am certain that is a problem with script that is providing annotations for pig. &lt;/p&gt;
&lt;p&gt;How can I fix it?&lt;/p&gt;</t>
  </si>
  <si>
    <t>2011-02-01 05:42:00.977000+00:00</t>
  </si>
  <si>
    <t>2011-02-01 12:30:30.410000+00:00</t>
  </si>
  <si>
    <t>emacs|syntax-highlighting</t>
  </si>
  <si>
    <t>Google GEO search tips</t>
  </si>
  <si>
    <t>&lt;p&gt;One question: How to implement GEO search tip as www.airbnb.com has?
When I start writing "Lond.." it auto-suggests "London" etc. The same with other points on map. Where to search information about it?&lt;/p&gt;</t>
  </si>
  <si>
    <t>2012-10-01 17:50:16.190000+00:00</t>
  </si>
  <si>
    <t>2013-12-30 05:35:34.807000+00:00</t>
  </si>
  <si>
    <t>google-maps|search|google-maps-api-3</t>
  </si>
  <si>
    <t>how to establish connection with remote desktop over internet using C++</t>
  </si>
  <si>
    <t>&lt;p&gt;Given IP address, username, and password of a remote desktop, how to establish connection with it over internet using C++? Need a WinAPI function that can do that&lt;/p&gt;</t>
  </si>
  <si>
    <t>2017-10-07 03:00:26.563000+00:00</t>
  </si>
  <si>
    <t>2017-10-11 10:27:51.480000+00:00</t>
  </si>
  <si>
    <t>winapi|visual-c++|rdp</t>
  </si>
  <si>
    <t>Why am I obtaining this "Repeated column in mapping for entity" into an Hibernate entity? What is the best way to handle this situation?</t>
  </si>
  <si>
    <t>&lt;p&gt;I am not so into Hibernate and I have the following problem\doubt.&lt;/p&gt;
&lt;p&gt;I have this situation:&lt;/p&gt;
&lt;p&gt;1) I have this &lt;strong&gt;Room&lt;/strong&gt; entity class that represent a room of an accomodation:&lt;/p&gt;
&lt;pre&gt;&lt;code&gt;@Entity
@Table(name = "room")
public class Room implements Serializable {
    @Id
    @GeneratedValue(strategy = GenerationType.IDENTITY)
    @Column(name = "id")
    private Long id;
    @ManyToOne
    @JoinColumn(name = "id_accomodation_fk", nullable = false)
    private Accomodation accomodation;
    @ManyToOne
    @JoinColumn(name = "id_room_tipology_fk", nullable = false)
    private RoomTipology roomTipology;
    @OneToMany(mappedBy = "room")
    private List&amp;lt;RoomMedia&amp;gt; roomMediaList;
    @Column(name = "room_number")
    private String number;
    @Column(name = "room_name")
    private String name;
    @Column(name = "room_description")
    private String description;
    @Column(name = "is_enabled")
    private Boolean isEnabled;
    ........................................................................
    ........................................................................
    GETTER AND SETTER METHODS
    ........................................................................
    ........................................................................
}
&lt;/code&gt;&lt;/pre&gt;
&lt;p&gt;2) Then I have this &lt;strong&gt;RoomMedia&lt;/strong&gt; entity class that represent a photo related to a specific &lt;strong&gt;Room&lt;/strong&gt; entity:&lt;/p&gt;
&lt;pre&gt;&lt;code&gt;@Entity
@Table(name = "room_media")
public class RoomMedia {
    @Id
    @GeneratedValue(strategy = GenerationType.IDENTITY)
    @Column(name = "id")
    private Long id;
    @Column(name = "id_room")
    private Long idRoom;
    @ManyToOne
    @JoinColumn(name = "id_room", nullable = false)     // da rinominare anche sul DB in room_fk
    private Room room;
    @Lob
    @Column(name = "media")
    private byte[] media;
    private String description;
    ........................................................................
    ........................................................................
    GETTER AND SETTER METHODS
    ........................................................................
    ........................................................................
}
&lt;/code&gt;&lt;/pre&gt;
&lt;p&gt;As you can see in the previous code these 2 entity classes are linked togheter in this way:&lt;/p&gt;
&lt;p&gt;A &lt;strong&gt;Room&lt;/strong&gt; instance represent a specific room and contains the list of its photos, in this way:&lt;/p&gt;
&lt;pre&gt;&lt;code&gt;@OneToMany(mappedBy = "room")
private List&amp;lt;RoomMedia&amp;gt; roomMediaList;
&lt;/code&gt;&lt;/pre&gt;
&lt;p&gt;that means that a single room is linked to many &lt;strong&gt;RoomMedia&lt;/strong&gt; instances. The mappedBy = "room" means that to do the link between &lt;strong&gt;Room&lt;/strong&gt; and &lt;strong&gt;RoomMedia&lt;/strong&gt; use the &lt;strong&gt;room&lt;/strong&gt; field of the &lt;strong&gt;RoomMedia&lt;/strong&gt; entity (that represent the specific room of a &lt;strong&gt;RoomMedia&lt;/strong&gt; instance).&lt;/p&gt;
&lt;p&gt;Then in the &lt;strong&gt;RoomMedia&lt;/strong&gt; entity class I have this link:&lt;/p&gt;
&lt;pre&gt;&lt;code&gt;@ManyToOne
@JoinColumn(name = "id_room", nullable = false)    
private Room room;
&lt;/code&gt;&lt;/pre&gt;
&lt;p&gt;Where means that many &lt;strong&gt;RoomMedia&lt;/strong&gt; instances are related to a single &lt;strong&gt;Room&lt;/strong&gt; intsance. The Join operation is done using the &lt;strong&gt;id_room&lt;/strong&gt; field on the &lt;strong&gt;room_media&lt;/strong&gt; table (it is done at table level and not a entity level).&lt;/p&gt;
&lt;p&gt;Correct if all this reasoning have something wrong.&lt;/p&gt;
&lt;p&gt;My problem is that at the application startup I am obtaining this error message:&lt;/p&gt;
&lt;pre&gt;&lt;code&gt;Caused by: javax.persistence.PersistenceException: [PersistenceUnit: default] Unable to build Hibernate SessionFactory
    at org.hibernate.jpa.boot.internal.EntityManagerFactoryBuilderImpl.persistenceException(EntityManagerFactoryBuilderImpl.java:1249)
    at org.hibernate.jpa.boot.internal.EntityManagerFactoryBuilderImpl.access$600(EntityManagerFactoryBuilderImpl.java:120)
    at org.hibernate.jpa.boot.internal.EntityManagerFactoryBuilderImpl$4.perform(EntityManagerFactoryBuilderImpl.java:860)
    at org.hibernate.jpa.boot.internal.EntityManagerFactoryBuilderImpl$4.perform(EntityManagerFactoryBuilderImpl.java:850)
    at org.hibernate.boot.registry.classloading.internal.ClassLoaderServiceImpl.withTccl(ClassLoaderServiceImpl.java:425)
    at org.hibernate.jpa.boot.internal.EntityManagerFactoryBuilderImpl.build(EntityManagerFactoryBuilderImpl.java:849)
    at org.springframework.orm.jpa.vendor.SpringHibernateJpaPersistenceProvider.createContainerEntityManagerFactory(SpringHibernateJpaPersistenceProvider.java:60)
    at org.springframework.orm.jpa.LocalContainerEntityManagerFactoryBean.createNativeEntityManagerFactory(LocalContainerEntityManagerFactoryBean.java:353)
    at org.springframework.orm.jpa.AbstractEntityManagerFactoryBean.buildNativeEntityManagerFactory(AbstractEntityManagerFactoryBean.java:373)
    at org.springframework.orm.jpa.AbstractEntityManagerFactoryBean.afterPropertiesSet(AbstractEntityManagerFactoryBean.java:362)
    at org.springframework.beans.factory.support.AbstractAutowireCapableBeanFactory.invokeInitMethods(AbstractAutowireCapableBeanFactory.java:1642)
    at org.springframework.beans.factory.support.AbstractAutowireCapableBeanFactory.initializeBean(AbstractAutowireCapableBeanFactory.java:1579)
    ... 39 more
Caused by: org.hibernate.MappingException: Repeated column in mapping for entity: com.betrivius.domain.RoomMedia column: id_room (should be mapped with insert="false" update="false")
    at org.hibernate.mapping.PersistentClass.checkColumnDuplication(PersistentClass.java:709)
    at org.hibernate.mapping.PersistentClass.checkPropertyColumnDuplication(PersistentClass.java:731)
    at org.hibernate.mapping.PersistentClass.checkColumnDuplication(PersistentClass.java:753)
    at org.hibernate.mapping.PersistentClass.validate(PersistentClass.java:506)
    at org.hibernate.mapping.RootClass.validate(RootClass.java:270)
    at org.hibernate.cfg.Configuration.validate(Configuration.java:1360)
    at org.hibernate.cfg.Configuration.buildSessionFactory(Configuration.java:1851)
    at org.hibernate.jpa.boot.internal.EntityManagerFactoryBuilderImpl$4.perform(EntityManagerFactoryBuilderImpl.java:857)
    ... 48 more
&lt;/code&gt;&lt;/pre&gt;
&lt;p&gt;Why Hibernate can't handle both? What is the problem? How can I fix it?&lt;/p&gt;
&lt;p&gt;I think that maybe it could depend by the fact that in the &lt;strong&gt;RoomMedia&lt;/strong&gt; instance I still have the &lt;strong&gt;id_room&lt;/strong&gt; field that is no longer needed because in this entity I also have put the:&lt;/p&gt;
&lt;pre&gt;&lt;code&gt;@ManyToOne
@JoinColumn(name = "id_room", nullable = false)    
private Room room;
&lt;/code&gt;&lt;/pre&gt;
&lt;p&gt;that itself contains this id.&lt;/p&gt;
&lt;p&gt;So I think that removing this field:&lt;/p&gt;
&lt;pre&gt;&lt;code&gt;@Column(name = "id_room")
private Long idRoom;
&lt;/code&gt;&lt;/pre&gt;
&lt;p&gt;I will solve my problem, is it?&lt;/p&gt;
&lt;p&gt;But now I could will have another problem: into my DAO I could have some complex query that involves the &lt;strong&gt;idRoom&lt;/strong&gt;. So, for convenience, I wold have both these &lt;strong&gt;private Room room;&lt;/strong&gt; and &lt;strong&gt;private Long idRoom;&lt;/strong&gt; field into my &lt;strong&gt;RoomMedia&lt;/strong&gt; entity class.&lt;/p&gt;
&lt;p&gt;How can I mantain both avoiding this issue?&lt;/p&gt;</t>
  </si>
  <si>
    <t>2016-12-11 11:38:23.897000+00:00</t>
  </si>
  <si>
    <t>2016-12-11 13:54:27.420000+00:00</t>
  </si>
  <si>
    <t>2016-12-11 12:16:18.547000+00:00</t>
  </si>
  <si>
    <t>hibernate|jpa|hibernate-mapping</t>
  </si>
  <si>
    <t>Marquee Text When Text Overflows</t>
  </si>
  <si>
    <t>&lt;p&gt;well heres my problem. Lets say i have 3 div tags, all are 100pixels wide:&lt;/p&gt;
&lt;pre&gt;&lt;code&gt;&amp;lt;--- DIV WIDTH ---&amp;gt;
Text in div 1
Text in div two, it overflows
Text in div three
&amp;lt;--- DIV WIDTH ---&amp;gt;
&lt;/code&gt;&lt;/pre&gt;
&lt;p&gt;Now, currently i have this css for the divs:&lt;/p&gt;
&lt;pre&gt;&lt;code&gt;width:100px;
overflow:hidden;
&lt;/code&gt;&lt;/pre&gt;
&lt;p&gt;What i want to do is if the text overflows, it scrolls like a marquee so all the text can be seen if you wait a little bit. But i only want the marquee to show if the text overflows.&lt;/p&gt;
&lt;p&gt;How would i do this?&lt;/p&gt;
&lt;p&gt;Thx, Tony&lt;/p&gt;</t>
  </si>
  <si>
    <t>2009-05-07 16:22:30.543000+00:00</t>
  </si>
  <si>
    <t>2010-05-24 16:40:16.910000+00:00</t>
  </si>
  <si>
    <t>javascript|jquery|html|css|marquee</t>
  </si>
  <si>
    <t>PHP Multidimensional mixed arrays</t>
  </si>
  <si>
    <t>&lt;p&gt;How Do I access the innermost array? the grade is giving me a &lt;b&gt;Notice: Array to string conversion in /scripts/array.php on line 34
grade: Array&lt;/b&gt;&lt;/p&gt;
&lt;pre&gt;&lt;code&gt;$data = array();
$data[0] = 78;
$data[1] = 34;
$data[2] = 87;
$student = array(0 =&amp;gt; array(
        "Stdno" =&amp;gt; "212",
        "name" =&amp;gt; "Lorem Ipsum",
        "subject" =&amp;gt; "Networking",
        "grade" =&amp;gt; $data
    ),
    1 =&amp;gt; array(
        "Stdno" =&amp;gt; "212",
        "name" =&amp;gt; "Jimmy Shu",
        "subject" =&amp;gt; "Informatics",
        "grade" =&amp;gt; $data
    ),
    2 =&amp;gt; array(
        "Stdno" =&amp;gt; "212",
        "name" =&amp;gt; "Amet Dolor",
        "subject" =&amp;gt; "Discrete Combinatorics",
        "grade" =&amp;gt; $data
    )
);
foreach ($student as $key =&amp;gt; $value) {
    foreach ($value as $key =&amp;gt; $value) {
        echo "&amp;lt;b&amp;gt;{$key}&amp;lt;/b&amp;gt;: {$value}";
        echo "&amp;lt;br /&amp;gt;";
    }
    echo "&amp;lt;br /&amp;gt;";
}
&lt;/code&gt;&lt;/pre&gt;</t>
  </si>
  <si>
    <t>2017-02-09 13:49:35.020000+00:00</t>
  </si>
  <si>
    <t>2017-02-09 14:32:03.263000+00:00</t>
  </si>
  <si>
    <t>Windows environmental variable keeps loading despite removing</t>
  </si>
  <si>
    <t>&lt;p&gt;I don't remember how exactly, but I had setup an environmental variable on Windows. This is not inside the Windows advanced settings -&gt; Environmental Variables. &lt;/p&gt;
&lt;p&gt;I have tried to unset it in many ways including, from &lt;code&gt;git-bash&lt;/code&gt;:&lt;/p&gt;
&lt;pre&gt;&lt;code&gt;$ unset DUMMY
$ env | grep DUMMY
&lt;/code&gt;&lt;/pre&gt;
&lt;p&gt;This works only for the current session. When I restart or open a new terminal I can still see the variable set. I also tried to unset it from powershell as follows:&lt;/p&gt;
&lt;p&gt;&lt;code&gt;$ Remove-Item Env:\DUMMY&lt;/code&gt;&lt;/p&gt;
&lt;p&gt;But like the previous technique, this is only for the current session. How can I find where this environmental variable is being loaded? &lt;/p&gt;
&lt;p&gt;PS: To clarify, this is an env variable that I created myself some weeks ago but I forgot where/how I had set it to stay persistent.&lt;/p&gt;</t>
  </si>
  <si>
    <t>2018-10-08 14:41:39.050000+00:00</t>
  </si>
  <si>
    <t>windows|powershell|git-bash</t>
  </si>
  <si>
    <t>How to change the data template of control at run time</t>
  </si>
  <si>
    <t>&lt;p&gt;I have a wpf application where have four radio buttons.&lt;/p&gt;
&lt;p&gt;I want to change the content of the listview depending on the radio box that is being checked.&lt;/p&gt;
&lt;p&gt;I have defined the data template but cannot find the way to assign them to the listview on radio box checked event . Below are the data templates.&lt;/p&gt;
&lt;pre&gt;&lt;code&gt;        &amp;lt;Window.Resources&amp;gt;
    &amp;lt;DataTemplate x:Key="OneTimeDataTemplate"&amp;gt;
        &amp;lt;GroupBox Height="160" HorizontalAlignment="Left" Margin="104,23,0,0" Name="gbOneTime" VerticalAlignment="Top" Width="453"&amp;gt;
            &amp;lt;Grid&amp;gt;
                &amp;lt;Grid.ColumnDefinitions&amp;gt;
                    &amp;lt;ColumnDefinition Width="36*" /&amp;gt;
                    &amp;lt;ColumnDefinition Width="418*" /&amp;gt;
                &amp;lt;/Grid.ColumnDefinitions&amp;gt;
                &amp;lt;DatePicker Height="25" HorizontalAlignment="Left" Margin="32,17,0,0" Name="datePicker1" VerticalAlignment="Top" Width="115" Grid.Column="1" /&amp;gt;
                &amp;lt;toolkit:TimePicker Height="28" Format="ShortTime" Margin="0,16,146,109" HorizontalAlignment="Right" Width="105" Grid.Column="1"&amp;gt;&amp;lt;/toolkit:TimePicker&amp;gt;
                &amp;lt;Label Content="Start:" Height="28" HorizontalAlignment="Left" Margin="20,16,0,0" Name="lblOneTimeStart" VerticalAlignment="Top" Grid.ColumnSpan="2" /&amp;gt;
                &amp;lt;CheckBox Content="Active" Height="16" HorizontalAlignment="Left" Margin="278,21,0,0" Name="cbOneTimeActive" VerticalAlignment="Top" Grid.Column="1" /&amp;gt;
            &amp;lt;/Grid&amp;gt;
        &amp;lt;/GroupBox&amp;gt;
    &amp;lt;/DataTemplate&amp;gt;
    &amp;lt;DataTemplate x:Key="DailyDataTemplate"&amp;gt;
        &amp;lt;GroupBox  Height="104" HorizontalAlignment="Left" Margin="105,21,0,0" Name="gbDaily" VerticalAlignment="Top" Width="448"&amp;gt;
            &amp;lt;Grid&amp;gt;
                &amp;lt;Grid.ColumnDefinitions&amp;gt;
                    &amp;lt;ColumnDefinition Width="36*" /&amp;gt;
                    &amp;lt;ColumnDefinition Width="418*" /&amp;gt;
                &amp;lt;/Grid.ColumnDefinitions&amp;gt;
                &amp;lt;toolkit:TimePicker Format="ShortTime" Margin="13,7,0,63" Grid.Column="1" HorizontalAlignment="Left" Width="105" /&amp;gt;
                &amp;lt;toolkit:TimePicker Format="ShortTime" Margin="0,9,145,61" Grid.Column="1" HorizontalAlignment="Right" Width="105" /&amp;gt;
                &amp;lt;Label Content="From:" Height="28" HorizontalAlignment="Left" Margin="6,6,0,0" Name="lblDailyFrom" VerticalAlignment="Top" Grid.ColumnSpan="2" /&amp;gt;
                &amp;lt;Label Content="To:" Height="28" HorizontalAlignment="Left" Margin="122,8,0,0" Name="lblDailyTo" VerticalAlignment="Top" Grid.Column="1" /&amp;gt;
                &amp;lt;Label Content="Run every :" Grid.ColumnSpan="2" Height="28" HorizontalAlignment="Left" Margin="6,51,0,0" Name="lblDailyRunEvery" VerticalAlignment="Top" /&amp;gt;
                &amp;lt;Label Content="days" Height="28" HorizontalAlignment="Left" Margin="114,51,0,0" Name="lblDailyDays" VerticalAlignment="Top" Grid.Column="1" /&amp;gt;
                &amp;lt;TextBox Height="23" Text="1" HorizontalAlignment="Left" Margin="53,53,0,0" Name="textBox3" VerticalAlignment="Top" Width="53" Grid.Column="1" /&amp;gt;
                &amp;lt;CheckBox Content="Active" Height="16" HorizontalAlignment="Left" Margin="286,13,0,0" Name="cbDailyActive" VerticalAlignment="Top" Grid.Column="1" /&amp;gt;
            &amp;lt;/Grid&amp;gt;
        &amp;lt;/GroupBox&amp;gt;
    &amp;lt;/DataTemplate&amp;gt;
    &amp;lt;DataTemplate x:Key="WeeklyDataTemplate"&amp;gt;
        &amp;lt;GroupBox  Height="160" HorizontalAlignment="Left" Margin="117,17,0,0" Name="gbWeekly" VerticalAlignment="Top" Width="436" Grid.ColumnSpan="2"&amp;gt;
            &amp;lt;Grid&amp;gt;
                &amp;lt;Grid.ColumnDefinitions&amp;gt;
                    &amp;lt;ColumnDefinition Width="36*" /&amp;gt;
                    &amp;lt;ColumnDefinition Width="418*" /&amp;gt;
                &amp;lt;/Grid.ColumnDefinitions&amp;gt;
                &amp;lt;toolkit:TimePicker Format="ShortTime" Grid.Column="1" HorizontalAlignment="Left" Margin="17,11,0,115" Width="105" /&amp;gt;
                &amp;lt;toolkit:TimePicker Format="ShortTime" Grid.Column="1" HorizontalAlignment="Right" Margin="0,13,141,115" Width="105" /&amp;gt;
                &amp;lt;Label Content="From:" Grid.ColumnSpan="2" Height="28" HorizontalAlignment="Left" Margin="10,10,0,0" Name="label4" VerticalAlignment="Top" /&amp;gt;
                &amp;lt;Label Content="Run every :" Grid.ColumnSpan="2" Height="28" HorizontalAlignment="Left" Margin="10,55,0,0" Name="label6" VerticalAlignment="Top" /&amp;gt;
                &amp;lt;Label Content="week on:" Grid.Column="1" Height="28" HorizontalAlignment="Left" Margin="98,55,0,0" Name="label7" VerticalAlignment="Top" /&amp;gt;
                &amp;lt;TextBox Grid.Column="1" Height="23" Margin="53,60,311,0" Name="textBox3" Text="1" VerticalAlignment="Top" /&amp;gt;
                &amp;lt;Label Content="To:" Height="28" HorizontalAlignment="Left" Margin="140,10,0,0" Name="label5" VerticalAlignment="Top" Grid.Column="1" /&amp;gt;
                &amp;lt;CheckBox Content="Monday" Height="16" HorizontalAlignment="Left" Margin="13,104,0,0" Name="checkBox1" VerticalAlignment="Top" Grid.ColumnSpan="2" /&amp;gt;
                &amp;lt;CheckBox Content="Tuesday" Height="16" HorizontalAlignment="Left" Margin="62,104,0,0" Name="checkBox2" VerticalAlignment="Top" Grid.Column="1" /&amp;gt;
                &amp;lt;CheckBox Content="Wednesday" Height="16" HorizontalAlignment="Left" Margin="140,104,0,0" Name="checkBox3" VerticalAlignment="Top" Grid.Column="1" /&amp;gt;
                &amp;lt;CheckBox Content="Thursday" Height="16" HorizontalAlignment="Left" Margin="221,104,0,0" Name="checkBox4" VerticalAlignment="Top" Grid.Column="1" /&amp;gt;
                &amp;lt;CheckBox Content="Sunday" Height="16" HorizontalAlignment="Left" Margin="140,131,0,0" Name="checkBox5" VerticalAlignment="Top" Grid.Column="1" /&amp;gt;
                &amp;lt;CheckBox Content="Friday" Grid.ColumnSpan="2" Height="16" HorizontalAlignment="Left" Margin="13,126,0,0" Name="checkBox6" VerticalAlignment="Top" /&amp;gt;
                &amp;lt;CheckBox Content="Saturday" Height="16" HorizontalAlignment="Left" Margin="62,131,0,0" Name="checkBox7" VerticalAlignment="Top" Grid.Column="1" /&amp;gt;
                &amp;lt;CheckBox Content="Active" Height="16" HorizontalAlignment="Left" Margin="303,15,0,0" Name="checkBox8" VerticalAlignment="Top" Grid.Column="1" /&amp;gt;
            &amp;lt;/Grid&amp;gt;
        &amp;lt;/GroupBox&amp;gt;
    &amp;lt;/DataTemplate&amp;gt;
    &amp;lt;DataTemplate x:Key="MonthlyDataTemplate"&amp;gt;
        &amp;lt;GroupBox  Height="160" HorizontalAlignment="Left" Margin="134,34,0,0" Name="gbMonthly" VerticalAlignment="Top" Width="466" Grid.ColumnSpan="2"&amp;gt;
            &amp;lt;Grid&amp;gt;
                &amp;lt;Grid.ColumnDefinitions&amp;gt;
                    &amp;lt;ColumnDefinition Width="36*" /&amp;gt;
                    &amp;lt;ColumnDefinition Width="418*" /&amp;gt;
                &amp;lt;/Grid.ColumnDefinitions&amp;gt;
                &amp;lt;toolkit:TimePicker Format="ShortTime" Grid.Column="1" HorizontalAlignment="Left" Margin="17,11,0,115" Width="105" /&amp;gt;
                &amp;lt;toolkit:TimePicker Format="ShortTime" Grid.Column="1" HorizontalAlignment="Right" Margin="0,13,141,115" Width="105" /&amp;gt;
                &amp;lt;Label Content="From:" Grid.ColumnSpan="2" Height="28" HorizontalAlignment="Left" Margin="10,10,0,0" Name="lblMonthlyFrom" VerticalAlignment="Top" /&amp;gt;
                &amp;lt;Label Content="To:" Height="28" HorizontalAlignment="Left" Margin="140,10,0,0" Name="lblMonthlyTo" VerticalAlignment="Top" Grid.Column="1" /&amp;gt;
                &amp;lt;ComboBox Grid.Column="1" Height="23" HorizontalAlignment="Left" Margin="33,60,0,0" Name="cbMonths" VerticalAlignment="Top" Width="244"&amp;gt;
                    &amp;lt;ComboBoxItem Content="January" DataContext="{Binding}" IsSelected="True" /&amp;gt;
                    &amp;lt;ComboBoxItem Content="February" /&amp;gt;
                    &amp;lt;ComboBoxItem Content="March" /&amp;gt;
                    &amp;lt;ComboBoxItem Content="April" /&amp;gt;
                    &amp;lt;ComboBoxItem Content="May" /&amp;gt;
                    &amp;lt;ComboBoxItem Content="June" /&amp;gt;
                    &amp;lt;ComboBoxItem Content="July" /&amp;gt;
                    &amp;lt;ComboBoxItem Content="August" /&amp;gt;
                    &amp;lt;ComboBoxItem Content="September" /&amp;gt;
                    &amp;lt;ComboBoxItem Content="October" /&amp;gt;
                    &amp;lt;ComboBoxItem Content="November" /&amp;gt;
                    &amp;lt;ComboBoxItem Content="December" /&amp;gt;
                &amp;lt;/ComboBox&amp;gt;
                &amp;lt;Label Content="Months:" Grid.ColumnSpan="2" Height="28" HorizontalAlignment="Left" Margin="10,58,0,0" Name="label6" VerticalAlignment="Top" /&amp;gt;
                &amp;lt;ComboBox Grid.Column="1" Height="23" HorizontalAlignment="Left" Margin="33,94,0,0" Name="comboBox2" VerticalAlignment="Top" Width="244"&amp;gt;
                    &amp;lt;ComboBoxItem Content="1" IsSelected="True" /&amp;gt;
                    &amp;lt;ComboBoxItem Content="2" /&amp;gt;
                    &amp;lt;ComboBoxItem Content="3" /&amp;gt;
                &amp;lt;/ComboBox&amp;gt;
                &amp;lt;Label Content="Days:" Grid.ColumnSpan="2" Height="28" HorizontalAlignment="Left" Margin="10,92,0,0" Name="label7" VerticalAlignment="Top" /&amp;gt;
                &amp;lt;CheckBox Content="Active" Height="16" HorizontalAlignment="Left" Margin="306,15,0,0" Name="checkBox1" VerticalAlignment="Top" Grid.Column="1" /&amp;gt;
            &amp;lt;/Grid&amp;gt;
        &amp;lt;/GroupBox&amp;gt;
    &amp;lt;/DataTemplate&amp;gt;
&amp;lt;/Window.Resources&amp;gt;
&lt;/code&gt;&lt;/pre&gt;</t>
  </si>
  <si>
    <t>2013-08-21 06:31:30.337000+00:00</t>
  </si>
  <si>
    <t>2013-08-21 19:52:54.097000+00:00</t>
  </si>
  <si>
    <t>How to add timestamp into my user session and set maximum inactivity duration?</t>
  </si>
  <si>
    <t>&lt;p&gt;I handled session using Play framework in my application like below code.&lt;/p&gt;
&lt;pre&gt;&lt;code&gt;def login = Action {
    { implicit request =&amp;gt;
          val email = request.body.asFormUrlEncoded.get("email")(0)
          val password = request.body.asFormUrlEncoded.get("password")(0)
          loginForm.bindFromRequest.fold(
              errors =&amp;gt; BadRequest(html.login(errors,"Please enter valid username password")),
              //contact =&amp;gt; Ok(html.login(loginForm,SignUpProcess.login(email,password)))
              contact =&amp;gt; Redirect(routes.Application.home).withSession("email" -&amp;gt; email,"password" -&amp;gt; password)
          )
      }
  }
  def index = Action { request =&amp;gt;
    request.session.get("email").map{ user =&amp;gt;
        Redirect(routes.Application.home).withSession("email" -&amp;gt; user)
    }.getOrElse{
         Ok(views.html.login(loginForm,"Enter username password to login"))
    }
  }
&lt;/code&gt;&lt;/pre&gt;
&lt;p&gt;I need to add timeout for my session. In Play documentation,&lt;/p&gt;
&lt;blockquote&gt;
  &lt;p&gt;There is no technical timeout for the session, which expires when the
  user closes the web browser. If you need a functional timeout for a
  specific application, just store a timestamp into the user Session and
  use it however your application needs (e.g. for a maximum session
  duration, maxmimum inactivity duration, etc.).&lt;/p&gt;
&lt;/blockquote&gt;
&lt;p&gt;How to add timestamp into my user session and set maximum insctivity duration?&lt;/p&gt;</t>
  </si>
  <si>
    <t>2013-11-06 10:36:11.733000+00:00</t>
  </si>
  <si>
    <t>2014-10-06 18:54:40.393000+00:00</t>
  </si>
  <si>
    <t>2013-11-06 11:05:36.943000+00:00</t>
  </si>
  <si>
    <t>scala|playframework|playframework-2.0</t>
  </si>
  <si>
    <t>Launching perf from bash script with CAP_SYS_ADMIN and CAP_IPC_LOCK capabilities</t>
  </si>
  <si>
    <t>&lt;p&gt;I want to exploit capabilities to run some tests with perf, without running commands as &lt;code&gt;root&lt;/code&gt; and without tweaking &lt;code&gt;/proc/sys/kernel/perf_event_paranoid&lt;/code&gt;. Some error messages of perf says:&lt;/p&gt;
&lt;pre&gt;&lt;code&gt;You may not have permission to collect stats.
Consider tweaking /proc/sys/kernel/perf_event_paranoid,
which controls use of the performance events system by
unprivileged users (without CAP_SYS_ADMIN).
The current value is 2:
-1: Allow use of (almost) all events by all users
&amp;gt;= 0: Disallow raw tracepoint access by users without CAP_IPC_LOCK
&amp;gt;= 1: Disallow CPU event access by users without CAP_SYS_ADMIN
&amp;gt;= 2: Disallow kernel profiling by users without CAP_SYS_ADMIN
&lt;/code&gt;&lt;/pre&gt;
&lt;p&gt;so i tried created some bash script with the same source but different sets of capabilities in the following way:&lt;/p&gt;
&lt;pre&gt;&lt;code&gt;wrapper_no_cap.sh -&amp;gt; no capabilities set
wrapper_cap_ipc_lock.sh -&amp;gt; setcap cap_ipc_lock+eip ./wrapper_cap_ipc_lock.sh
wrapper_cap_sys_admin.sh -&amp;gt; setcap cap_sys_admin+eip ./wrapper_cap_sys_admin.sh
&lt;/code&gt;&lt;/pre&gt;
&lt;p&gt;Every script has the same source, which is the following:&lt;/p&gt;
&lt;pre&gt;&lt;code&gt;#!/bin/bash
perf stat -e L1-dcache-load-misses:k seq 1 10
&lt;/code&gt;&lt;/pre&gt;
&lt;p&gt;But every script i run gives me the result as if i were a regular user (which means i cannot count kernel events or other privileged stuff). It's like capabilities are discarded when i call the script. perf version is &lt;code&gt;4.11.ga351e9&lt;/code&gt;.&lt;/p&gt;
&lt;p&gt;What is wrong with this method?&lt;/p&gt;</t>
  </si>
  <si>
    <t>2017-05-15 14:03:34.200000+00:00</t>
  </si>
  <si>
    <t>2017-05-22 14:59:20.170000+00:00</t>
  </si>
  <si>
    <t>linux|bash|perf|linux-capabilities</t>
  </si>
  <si>
    <t>Getting sum in the gridview data without database</t>
  </si>
  <si>
    <t>&lt;p&gt;I have a &lt;em&gt;Grid View&lt;/em&gt; that a user will only add data to it. But data is not being saved into a database.&lt;/p&gt;
&lt;p&gt;What i want to happen is to be able to Compute &amp;amp; Show the SUM of all the data's amount.&lt;/p&gt;
&lt;p&gt;Here is the &lt;em&gt;Grid View&lt;/em&gt;:
&lt;a href="https://i.stack.imgur.com/GzcpH.png" rel="nofollow noreferrer"&gt;&lt;img src="https://i.stack.imgur.com/GzcpH.png" alt="Grid View"&gt;&lt;/a&gt;&lt;/p&gt;
&lt;p&gt;I want the sum into the textbox. So, what i did was&lt;/p&gt;
&lt;p&gt;CODE BEHIND:&lt;/p&gt;
&lt;pre&gt;&lt;code&gt; void gettotal()
    {
        foreach (GridViewRow row in GridView1.Rows)
        {
            float GTotal = 0f;
            for (int i = 0; i &amp;lt; GridView1.Rows.Count; i++)
            {
                con.Open();
                SqlCommand cmd = new SqlCommand();
                cmd.Connection = con;
                string Amount = GridView1.Rows[row.RowIndex].Cells[4].Text;
                GTotal += Convert.ToSingle(Amount);
            }
            txtSubTotal.Text = GTotal.ToString();
        }
    }
    protected void AddProduct_Click(object sender, EventArgs e)
    {
        GetPO();
        gettotal();
        AddNewRecordRowToGrid();
    }
&lt;/code&gt;&lt;/pre&gt;
&lt;p&gt;Whenever &lt;code&gt;Button Add Product&lt;/code&gt; is clicked, it will add into the gridview.&lt;/p&gt;
&lt;p&gt;I tried the code and gets an ERROR of &lt;/p&gt;
&lt;blockquote&gt;
  &lt;p&gt;Input string was not in a correct format. &lt;/p&gt;
  &lt;p&gt;Line 375: GTotal += Convert.ToSingle(Amount);&lt;/p&gt;
&lt;/blockquote&gt;
&lt;p&gt;&lt;strong&gt;&lt;em&gt;EDIT #1&lt;/em&gt;&lt;/strong&gt;&lt;/p&gt;
&lt;p&gt;&lt;em&gt;ADDITIONAL:&lt;/em&gt; I am trying to get the amount as to when the btn add product is clicked. Will that work for me to find the value of the Amount? &lt;/p&gt;
&lt;p&gt;So i changed the code to &lt;/p&gt;
&lt;pre&gt;&lt;code&gt;string Amount = GridView1.Rows[row.RowIndex].Cells[4].Text;
//string Amount = GridView1.Rows[row.RowIndex].Cells[4].Text;
GTotal += string.IsNullOrEmpty(Amount) ? 0 : Convert.ToInt16(Amount);`
&lt;/code&gt;&lt;/pre&gt;
&lt;p&gt;Still says NULL&lt;/p&gt;</t>
  </si>
  <si>
    <t>2016-02-11 07:08:25.517000+00:00</t>
  </si>
  <si>
    <t>2016-02-11 08:00:49.033000+00:00</t>
  </si>
  <si>
    <t>function returns a function which can only be invoked 2 times</t>
  </si>
  <si>
    <t>&lt;p&gt;I am trying to write a function that returns a function which can be invoked twice(and the result of that is gonna be added together) but not more than twice. Also the result must be isNan as &lt;/p&gt;
&lt;pre&gt;&lt;code&gt;function twice(func) {
  var newFun=function(){
    for (var i=0; i&amp;lt;=2; i++){
      func();
    }
  }
  return newFun;
}
allReturns = twice(function() {
  return 4
});
var result=allReturns()+allReturns()+allReturns();  
&lt;/code&gt;&lt;/pre&gt;
&lt;p&gt;Any suggestions? Thanks!!&lt;/p&gt;</t>
  </si>
  <si>
    <t>2016-05-23 22:01:59.663000+00:00</t>
  </si>
  <si>
    <t>2016-05-23 22:34:22.077000+00:00</t>
  </si>
  <si>
    <t>2016-05-23 22:03:31.793000+00:00</t>
  </si>
  <si>
    <t>javascript|callback</t>
  </si>
  <si>
    <t>how could we redirect to any default page if the requested page is not found or any error occurs in asp.net</t>
  </si>
  <si>
    <t>&lt;p&gt;how could we redirect to any default page if the requested page is not found or any error occurs in asp.net for example in case of error 404...Thanks in advance&lt;/p&gt;</t>
  </si>
  <si>
    <t>2013-02-23 11:38:14.343000+00:00</t>
  </si>
  <si>
    <t>2013-02-25 03:40:47.333000+00:00</t>
  </si>
  <si>
    <t>I told you to delete this. Stop reverting back my content</t>
  </si>
  <si>
    <t>&lt;p&gt;I told you to delete this. Stop reverting back my content.&lt;/p&gt;</t>
  </si>
  <si>
    <t>2018-02-24 05:49:49.843000+00:00</t>
  </si>
  <si>
    <t>2018-02-28 20:19:27.200000+00:00</t>
  </si>
  <si>
    <t>math|mapping|postgis</t>
  </si>
  <si>
    <t>Hide Nav bar items during search</t>
  </si>
  <si>
    <t>&lt;p&gt;I have 3 nav bar items in my &lt;code&gt;navigationBar&lt;/code&gt; like so:&lt;/p&gt;
&lt;pre&gt;&lt;code&gt;func setupNavBarButtons() {
    let searchImage = UIImage(named: "search_icon")?.imageWithRenderingMode(.AlwaysOriginal)
    let searchBarButtonItem = UIBarButtonItem(image: searchImage, style: .Plain, target: self, action: #selector(handleSearch))
    let mapBarButtonItem = UIBarButtonItem(title: "Map", style: .Plain, target: self, action: #selector(displayMap))
    navigationItem.rightBarButtonItems = [mapBarButtonItem , searchBarButtonItem]
    let filterBarButtonItem = UIBarButtonItem(title: "Filter", style: .Plain , target: self, action: #selector(displayFilter))
    navigationItem.leftBarButtonItem = filterBarButtonItem
}
&lt;/code&gt;&lt;/pre&gt;
&lt;p&gt;When I tap the search icon it calls the function below:&lt;/p&gt;
&lt;pre&gt;&lt;code&gt;func handleSearch() {
    self.navigationItem.titleView = searchController.searchBar        
}
&lt;/code&gt;&lt;/pre&gt;
&lt;p&gt;I want to hide all &lt;code&gt;navigationBarItems&lt;/code&gt; while user is searching and then return nav bar items once user is done searching&lt;/p&gt;</t>
  </si>
  <si>
    <t>2016-08-04 15:00:49.710000+00:00</t>
  </si>
  <si>
    <t>2018-04-10 15:03:49.850000+00:00</t>
  </si>
  <si>
    <t>Knowing When a Particular Data-Point is Clicked?</t>
  </si>
  <si>
    <t>&lt;p&gt;I have a bar graph and I want to allow the user to right click a particular bar, select some operation (add one or anything really) that will affect only that bar.  Is this type of thing possible using ZedGraph?&lt;/p&gt;</t>
  </si>
  <si>
    <t>2011-07-20 19:05:32.990000+00:00</t>
  </si>
  <si>
    <t>2011-07-21 13:16:30.053000+00:00</t>
  </si>
  <si>
    <t>zedgraph</t>
  </si>
  <si>
    <t>Tomcat8 web application memory leak : jasper compiler WstxInputFactory</t>
  </si>
  <si>
    <t>&lt;p&gt;Working on memory leak of my webapp on tomcat8. I find out how to correct some leaks using ContextListener :&lt;/p&gt;
&lt;ul&gt;
&lt;li&gt;threadlocal&lt;/li&gt;
&lt;li&gt;JDBC driver&lt;/li&gt;
&lt;li&gt;Mongo DB connection...&lt;/li&gt;
&lt;/ul&gt;
&lt;p&gt;After all a PrallelWabappClassLoader are still referenced when a stop my webapp. I do a heapdump and analysed it in MAT :
&lt;a href="https://i.stack.imgur.com/X3vgl.png" rel="nofollow noreferrer"&gt;&lt;img src="https://i.stack.imgur.com/X3vgl.png" alt="enter image description here"&gt;&lt;/a&gt;&lt;/p&gt;
&lt;p&gt;I don't know how to fixe this leak. If this is some of my libraries or if I need to find myself that object to dereference it ?&lt;/p&gt;</t>
  </si>
  <si>
    <t>2018-09-04 09:27:11.337000+00:00</t>
  </si>
  <si>
    <t>memory-leaks|servletcontextlistener|tomcat8.5</t>
  </si>
  <si>
    <t>Find common sub string from the list of strings</t>
  </si>
  <si>
    <t>&lt;p&gt;How can I take out only a prefix of a string from the list of strings? The caveat is that I do not know the prefix before hand. Only through this function, I will know the prefix.&lt;/p&gt;
&lt;pre&gt;&lt;code&gt;(eg):
string_list = ["test11", "test12", "test13"]
# Prefix is test1
string_list = ["test-a", "test-b", "test-c"]
# Prefix is test-
string_list = ["test1", "test1a", "test12"]
# Prefix is test1
string_list = ["testa-1", "testb-1", "testc-1"]
# Prefix is test
&lt;/code&gt;&lt;/pre&gt;
&lt;p&gt;In case there is nothing common in all the strings of the list, it should be an empty string.&lt;/p&gt;</t>
  </si>
  <si>
    <t>2015-12-23 07:39:28.920000+00:00</t>
  </si>
  <si>
    <t>2015-12-23 08:22:04.937000+00:00</t>
  </si>
  <si>
    <t>string|list|python-2.7</t>
  </si>
  <si>
    <t>http result in contructor not available in ngoninit</t>
  </si>
  <si>
    <t>&lt;p&gt;Using angular2 with jquery, I am getting a list from API(have result), but it does not bind into jquery: &lt;/p&gt;
&lt;pre&gt;&lt;code&gt;list: Array&amp;lt;any&amp;gt; = [];
constructor(public http: Http){
   // I can get result from api
   this.list = http.get(...) ...
   // If I just pass value to list, it works
   //this.list = [{"test":"hello"}];
}
ngOnInit() {
    // using Jquery function, but the this.list is empty?
    (&amp;lt;JQueryCustom&amp;gt;$("#textarea")).makeInput({
        source: this.list, 
        showAtCaret: true
    });
}
&lt;/code&gt;&lt;/pre&gt;</t>
  </si>
  <si>
    <t>2016-11-09 15:49:03.007000+00:00</t>
  </si>
  <si>
    <t>2016-11-09 16:02:11.490000+00:00</t>
  </si>
  <si>
    <t>jquery|angular</t>
  </si>
  <si>
    <t>How to plug Braintree powered by Paypal, Recurring Billing in WooCommerce Subscription?</t>
  </si>
  <si>
    <t>&lt;p&gt;I need help regarding setting up &lt;code&gt;WooCommerce Subscription plugin&lt;/code&gt; for using a recurring payment for a Website and to facilitate Payments for the same I am using &lt;code&gt;PayPal Powered by Braintree - WooCommerce&lt;/code&gt;.&lt;/p&gt;
&lt;p&gt;The way I have set up the plugin is as follows:&lt;/p&gt;
&lt;p&gt;Using the WooCommerce Subscription Plugin I am creating the required plans which have Recurring Payments on the Website.&lt;/p&gt;
&lt;p&gt;And for payment processing we are using &lt;code&gt;Braintree powered by PayPal plugin&lt;/code&gt;.&lt;/p&gt;
&lt;p&gt;Issue I am facing is the &lt;code&gt;Braintree payment gateway&lt;/code&gt; is processing the payment as Recurring payment (Subscription), but on next due date of payment the customer is not charged automatically and the website owner has to manually charge the customer.&lt;/p&gt;
&lt;p&gt;So basically I want to process the payment automatically for a subscription without the website owner having to charge each subscription manually on due date.&lt;/p&gt;
&lt;p&gt;&lt;strong&gt;Setting for subscription plans on &lt;code&gt;WooCommerce&lt;/code&gt; Subscription plugin:&lt;/strong&gt;&lt;/p&gt;
&lt;p&gt;&lt;a href="https://i.stack.imgur.com/t67l5.png" rel="nofollow noreferrer"&gt;&lt;img src="https://i.stack.imgur.com/t67l5.png" alt="enter image description here"&gt;&lt;/a&gt; &lt;/p&gt;
&lt;p&gt;Settings on the Braintree powered by PayPal plugin.&lt;/p&gt;
&lt;p&gt;&lt;a href="https://i.stack.imgur.com/IRYe7.png" rel="nofollow noreferrer"&gt;&lt;img src="https://i.stack.imgur.com/IRYe7.png" alt="enter image description here"&gt;&lt;/a&gt;&lt;/p&gt;
&lt;p&gt;&lt;a href="https://i.stack.imgur.com/pSCGm.png" rel="nofollow noreferrer"&gt;&lt;img src="https://i.stack.imgur.com/pSCGm.png" alt="enter image description here"&gt;&lt;/a&gt;&lt;/p&gt;
&lt;p&gt;&lt;strong&gt;Few questions&lt;/strong&gt;&lt;/p&gt;
&lt;ol&gt;
&lt;li&gt;Is the setup mentioned above correct or am I missing something?&lt;/li&gt;
&lt;/ol&gt;
&lt;p&gt;Currently the Plans to be shown on the website are being created using the WooCommerece Subscription plugin, now do I need to create subscription plans on braintree panel first and then link those plans with Wordpress using the braintree api? Or creating the plans on Subscription Plugin is fine using Braintree as just a payment gateway.&lt;/p&gt;
&lt;ol start="2"&gt;
&lt;li&gt;&lt;p&gt;Is there anything to do with reference transactions, do I need to set up reference transactions on the Subscription module?&lt;/p&gt;&lt;/li&gt;
&lt;li&gt;&lt;p&gt;Is it necessary to enable reference transactions to process the payment automatically?&lt;/p&gt;&lt;/li&gt;
&lt;/ol&gt;
&lt;p&gt;I have tried different approaches without much luck, so any help in setting this up will be highly appreciated. &lt;/p&gt;</t>
  </si>
  <si>
    <t>2018-05-25 03:42:51.093000+00:00</t>
  </si>
  <si>
    <t>2018-06-04 07:20:38.830000+00:00</t>
  </si>
  <si>
    <t>paypal|woocommerce|braintree|recurring-billing|woocommerce-subscriptions</t>
  </si>
  <si>
    <t>How to push local branch to remote using Libgit2sharp</t>
  </si>
  <si>
    <t>&lt;p&gt;I create a local branch and want to push it to a remote. When I do that: &lt;/p&gt;
&lt;pre&gt;&lt;code&gt; Branch branch = getSelectedBanch();
 _repository.Refs.Add( $@"refs/remotes/origin/{branch.FriendlyName}", branch.CanonicalName );
 _repository.Branches.Update( branch, updater =&amp;gt; updater.Remote = "origin", updater =&amp;gt; updater.UpstreamBranch = branch.CanonicalName );
&lt;/code&gt;&lt;/pre&gt;
&lt;p&gt;and then make commit:&lt;/p&gt;
&lt;pre&gt;&lt;code&gt;_repository.Commit( "Commit message", _repository.Config.BuildSignature( DateTimeOffset.Now ), _repository.Config.BuildSignature( DateTimeOffset.Now ) );
&lt;/code&gt;&lt;/pre&gt;
&lt;p&gt;this changes is
commit��ed and pushed to a remote. But I do not want to push it changes. I want only commit (without a push). Why is this commit pushed?&lt;/p&gt;
&lt;p&gt;From the command line:&lt;/p&gt;
&lt;pre&gt;&lt;code&gt;git push -u origin Br1
&lt;/code&gt;&lt;/pre&gt;
&lt;p&gt;How can I do it?&lt;/p&gt;</t>
  </si>
  <si>
    <t>2018-03-06 11:23:26.717000+00:00</t>
  </si>
  <si>
    <t>c#|.net|git|libgit2sharp</t>
  </si>
  <si>
    <t>Handling concurrency in a booking sistem with laravel</t>
  </si>
  <si>
    <t>&lt;p&gt;I'm developing a REST api in Laravel 5.2 with postgresql that handles bookings for diferent establishments that have an start_time and an end_time. The user can see in the frontend the diferents times available in a certain establishments and make a booking. Here is the problematic situation:&lt;/p&gt;
&lt;ol&gt;
&lt;li&gt;Customer A wants to book an establishment. Sees that the establishment A is free from 15:00 hs to 20:00 hs&lt;/li&gt;
&lt;li&gt;Customer A selects the 16:00 to 17:00 time. (Have to press a button to confirm the booking)&lt;/li&gt;
&lt;li&gt;Customer B wants to book an establishment. Sees that the establishment A is free from 15:00 hs to 20:00&lt;/li&gt;
&lt;li&gt;Customer B selects the 16:00 to 17:00 apointment (Again, have to press a button to confirm the booking)&lt;/li&gt;
&lt;li&gt;Customer A confirms the booking&lt;/li&gt;
&lt;li&gt;If customer B confirms the booking, we will have 2 bookings at the same time.&lt;/li&gt;
&lt;/ol&gt;
&lt;p&gt;Have read a lot about queues in laravel and I'm not really sure if that is the correct way to solve this problem.&lt;/p&gt;
&lt;p&gt;The establishments doesnt have arbitrary hours so the customers can pick up a 1 or 2 or 3 hours booking.&lt;/p&gt;
&lt;p&gt;This is my booking model&lt;/p&gt;
&lt;pre&gt;&lt;code&gt;    Schema::create('bookings', function (Blueprint $table) {
        $table-&amp;gt;increments('id');
        $table-&amp;gt;timestamps();
        $table-&amp;gt;timestamp('start_time');
        $table-&amp;gt;timestamp('end_time');
        $table-&amp;gt;integer('user_id')-&amp;gt;nullable();
        $table-&amp;gt;integer('establishment_id')-&amp;gt;nullable();
        $table-&amp;gt;string('name')-&amp;gt;nullable();
        $table-&amp;gt;string('phone_number')-&amp;gt;nullable();
    });
&lt;/code&gt;&lt;/pre&gt;</t>
  </si>
  <si>
    <t>2017-06-28 20:06:58.503000+00:00</t>
  </si>
  <si>
    <t>2017-09-06 11:53:49.700000+00:00</t>
  </si>
  <si>
    <t>php|postgresql|laravel-5|concurrency</t>
  </si>
  <si>
    <t>how to control request with htaccess</t>
  </si>
  <si>
    <t>&lt;pre&gt;&lt;code&gt;# BEGIN 
&amp;lt;IfModule mod_rewrite.c&amp;gt;
RewriteEngine On
RewriteBase /
RewriteCond %{REQUEST_FILENAME} !-f
RewriteCond %{REQUEST_FILENAME} !-d
RewriteRule . /index.php [L]
&amp;lt;/IfModule&amp;gt;
# END 
&lt;/code&gt;&lt;/pre&gt;
&lt;p&gt;I am a beginner in htaccess , so does any one help me to describe what is that lines means?&lt;/p&gt;</t>
  </si>
  <si>
    <t>2009-08-18 17:10:15.290000+00:00</t>
  </si>
  <si>
    <t>2009-08-18 17:35:31.620000+00:00</t>
  </si>
  <si>
    <t>writing to csv file whilst keep shape of array</t>
  </si>
  <si>
    <t>&lt;p&gt;I want to write to a cvs file but it ceases to preserve the shape of the array, writing the equivalent of a 1d array. &lt;/p&gt;
&lt;pre&gt;&lt;code&gt;reader = open('/Users/williamneal/Scratch/Titanic/Employment.csv', 'rt')
csv_file_object = csv.reader(reader)
header = next(csv_file_object)
data=[]
for row in csv_file_object: 
    data.append(row)
data = np.array(data)
data = data.astype(float)
unemployment = data[:, 1:2]
total_employment = data[:, 2:3]
ratio = total_employment/unemployment
data = np.append(data, ratio, axis=1)
&lt;/code&gt;&lt;/pre&gt;
&lt;p&gt;Data is thus an ndarray with shape 16, 5. I am going wrong in the final for-loop somewhere.&lt;/p&gt;
&lt;pre&gt;&lt;code&gt;outputfile = open('/Users/williamneal/Scratch/Titanic/Employmentmodified.csv', 'wt')
write = csv.writer(outputfile, delimiter=' ')
for i in data:
        write.writerow(i)
&lt;/code&gt;&lt;/pre&gt;
&lt;p&gt;Any suggestions as I can't work it out from the &lt;a href="https://docs.python.org/3.5/library/csv.html" rel="nofollow noreferrer"&gt;documentation&lt;/a&gt;. &lt;/p&gt;
&lt;hr&gt;
&lt;p&gt;&lt;a href="https://i.stack.imgur.com/icl62.png" rel="nofollow noreferrer"&gt;&lt;img src="https://i.stack.imgur.com/icl62.png" alt="Print screen of print"&gt;&lt;/a&gt;&lt;/p&gt;</t>
  </si>
  <si>
    <t>2016-07-15 23:08:06.680000+00:00</t>
  </si>
  <si>
    <t>2016-07-16 00:12:47.623000+00:00</t>
  </si>
  <si>
    <t>2016-07-15 23:38:24.547000+00:00</t>
  </si>
  <si>
    <t>user6204921</t>
  </si>
  <si>
    <t>python|csv|numpy</t>
  </si>
  <si>
    <t>threading for a windows service</t>
  </si>
  <si>
    <t>&lt;p&gt;I have made a service which reads an xml. In the xml i have Input directory and output directory. The service picks the files in the input directory and renames them and moves them to the output directory. I want to implement threading in the service. I want it to pick one node of xml in one thread and other in the other. Or it would even be good if irrespective of nodes one thread picks the first 10 operations to be performed and the next the next 10 and so on. So that all the nodes are processed in a parallel fashion. Can anyone help me on this? i tried reading through a few threading tutorials but could not gain much through them. The service code is as follows:&lt;/p&gt;
&lt;pre&gt;&lt;code&gt;XmlDocument doc = new XmlDocument();
            doc.Load("Data.xml");
            int count = doc.SelectNodes("Data/DataClass").Count;
            for (int i = 1; i &amp;lt; count; i++)
            {
                string xpath = "/Data/DataClass[" + i + "]";
                XmlNode node = doc.SelectSingleNode(xpath);
                XmlNodeList subnode = node.ChildNodes;
                string pathO = "";
                string pathI = subnode[0].InnerText;
                string prefix = subnode[2].InnerText;
                string freq = subnode[3].InnerText;
                string[] filenames = Directory.GetFiles(pathI);
                node.ParentNode.RemoveChild(doc.SelectSingleNode(xpath));
                doc.Save("Data.xml");
                foreach (string filename in filenames)
                {
                    pathO = subnode[1].InnerText;
                    pathO = pathO + "\\" + prefix;
                    string fname = Path.GetFileName(filename);
                    pathO = pathO + fname;
                    System.IO.File.Move(filename, pathO);
                }
            } 
&lt;/code&gt;&lt;/pre&gt;</t>
  </si>
  <si>
    <t>2013-02-13 08:44:50.313000+00:00</t>
  </si>
  <si>
    <t>2013-02-14 06:59:10.167000+00:00</t>
  </si>
  <si>
    <t>c#|multithreading|windows-services</t>
  </si>
  <si>
    <t>How to tell which code is my copy while in a git merge</t>
  </si>
  <si>
    <t>&lt;p&gt;Several different developers have changed the same code that I changed. When I merge manually with git I see something like this:&lt;/p&gt;
&lt;pre&gt;&lt;code&gt;&amp;lt;&amp;lt;&amp;lt;&amp;lt;&amp;lt;&amp;lt;&amp;lt; HEAD
    //some code
=======
   //usually the exact same code
&amp;gt;&amp;gt;&amp;gt;&amp;gt;&amp;gt;&amp;gt;&amp;gt; 487a27067d58bca3d48fcfbae33f61c20a75345a
&lt;/code&gt;&lt;/pre&gt;
&lt;p&gt;Can someone tell me how to interpret this. Is the part between the head and equal sign usually what used to be in my version? I referred to &lt;a href="https://stackoverflow.com/questions/2304087/what-is-git-head-exactly"&gt;this&lt;/a&gt; post to understand what head exactly is but I'm still very unsure.&lt;/p&gt;</t>
  </si>
  <si>
    <t>2014-05-27 16:43:39.357000+00:00</t>
  </si>
  <si>
    <t>2014-05-27 16:52:35.510000+00:00</t>
  </si>
  <si>
    <t>2017-05-23 12:27:24.127000+00:00</t>
  </si>
  <si>
    <t>Prototype function inside of jQuery function</t>
  </si>
  <si>
    <t>&lt;p&gt;Is it possible to load a Prototype function within a JS function? I have the following code and I'm not sure that it'd work, but if it would, how would I go about triggering the function to actually execute when the if statement is true?&lt;/p&gt;
&lt;pre&gt;&lt;code&gt;if ((jQuery("div.amfinder-horizontal td:nth-child(1) select").val() == "0")) {
    jQuery("div.amfinder-horizontal td:nth-child(1) select option").each(function() { this.selected = (this.text == yearSelected); });
    jQuery("div.amfinder-horizontal td:nth-child(1) select option").change();
    function myFunction()
    {
        $$('finder-72--424').simulate('click');
        $$('finder-72--424').simulate('change');
    }
}
&lt;/code&gt;&lt;/pre&gt;
&lt;p&gt;As for proper coding technique, I know the function should be outside of the if statement, but I just put it there to demonstrate what I'm trying to do. :-)&lt;/p&gt;
&lt;p&gt;Thanks!&lt;/p&gt;</t>
  </si>
  <si>
    <t>2013-12-03 17:42:29.100000+00:00</t>
  </si>
  <si>
    <t>javascript|jquery|ajax|prototypejs</t>
  </si>
  <si>
    <t>RPN calculator c++ issues</t>
  </si>
  <si>
    <t>&lt;p&gt;I need to create an RPN calculator that operates on input files. It uses the 4 standard arithmetic operators as well as pow and %. I am not sure why the following program is not working for the last 4 input lines. I get an output of "SYNTAX ERROR" for the last 4 lines.  Any ideas or suggestions? The sample input .txt file I am using is:&lt;/p&gt;
&lt;p&gt;3 4 5.0 * -&lt;/p&gt;
&lt;p&gt;7&lt;/p&gt;
&lt;p&gt;4 * 8 30 +&lt;/p&gt;
&lt;p&gt;banana&lt;/p&gt;
&lt;p&gt;9 10 + 30 -&lt;/p&gt;
&lt;ol&gt;
&lt;li&gt;7 3-+ 2 -3+&lt;/li&gt;
&lt;/ol&gt;
&lt;p&gt;900 40.65-20+&lt;/p&gt;
&lt;p&gt;45.2        23.999%&lt;/p&gt;
&lt;p&gt;10 pow 2&lt;/p&gt;
&lt;p&gt;&lt;strong&gt;And the correct output should be:&lt;/strong&gt;&lt;/p&gt;
&lt;p&gt;-17&lt;/p&gt;
&lt;p&gt;7&lt;/p&gt;
&lt;p&gt;SYNTAX ERROR&lt;/p&gt;
&lt;p&gt;SYNTAX ERROR&lt;/p&gt;
&lt;p&gt;-11&lt;/p&gt;
&lt;p&gt;9 &lt;/p&gt;
&lt;p&gt;879.35&lt;/p&gt;
&lt;p&gt;21.201&lt;/p&gt;
&lt;p&gt;100&lt;/p&gt;
&lt;pre&gt;&lt;code&gt;#include&amp;lt;iostream&amp;gt;
#include&amp;lt;fstream&amp;gt;
#include&amp;lt;string&amp;gt;
#include&amp;lt;stack&amp;gt;
#include&amp;lt;sstream&amp;gt;
#include&amp;lt;math.h&amp;gt; //pow
#define SPACE(b) if (!(b)) throw "";
using namespace std;
double evalrpn(stack&amp;lt;string&amp;gt; &amp;amp; tkline);
int main(void){
    string line;
    ifstream inputfile;
    string fileloc;
one:cout &amp;lt;&amp;lt; "Enter the location of the input file: ";
    getline(cin, fileloc);
    inputfile.open(fileloc);
    while (inputfile.fail())
    {
        cout &amp;lt;&amp;lt; "The file at location " &amp;lt;&amp;lt; fileloc &amp;lt;&amp;lt; " failed to open." &amp;lt;&amp;lt; endl;
    goto one;
}
while (getline(inputfile, line)){
    stack&amp;lt;string&amp;gt; tkline;
    istringstream sstr(line);
    string tk;
    while (sstr &amp;gt;&amp;gt; tk)
        tkline.push(tk);
    if (!tkline.empty())
        try {
        auto z = evalrpn(tkline);
        SPACE(tkline.empty());
        cout &amp;lt;&amp;lt; z &amp;lt;&amp;lt; endl;
    }
    catch (...) { cout &amp;lt;&amp;lt; "SYNTAX ERROR" &amp;lt;&amp;lt; endl; }
    }
cin.ignore();
return 0;
}
double evalrpn(stack&amp;lt;string&amp;gt; &amp;amp; tkline){
SPACE(!tkline.empty());
double x, y;
auto tk = tkline.top();
tkline.pop();
auto n = tk.size();
if (n == 1 &amp;amp;&amp;amp; string("+-*/%'pow'").find(tk) != string::npos) {
    y = evalrpn(tkline);
    x = evalrpn(tkline);
    if (tk[0] == '+') x += y;
    else if (tk[0] == '-') x -= y;
    else if (tk[0] == '*') x *= y;
    else if (tk[0] == '/') x /= y;
    else if (tk[0] == '%') x = fmod(x,y);
    else pow(x, y);
}
else {
    unsigned i; x = stod(tk, &amp;amp;i);
    SPACE(i == n);
}
return x;
}
&lt;/code&gt;&lt;/pre&gt;</t>
  </si>
  <si>
    <t>2014-05-06 19:02:44.733000+00:00</t>
  </si>
  <si>
    <t>2014-05-06 19:13:26.377000+00:00</t>
  </si>
  <si>
    <t>c++|stack|calculator|rpn</t>
  </si>
  <si>
    <t>Bad use of java annotation</t>
  </si>
  <si>
    <t>&lt;p&gt;I know java annotation is a powerfull tool. For me, &lt;a href="http://projectlombok.org/features/index.html" rel="nofollow"&gt;project lombok&lt;/a&gt; is a great example of extreme use. But i've heard that sometimes, it is better not to use annotations.&lt;/p&gt;
&lt;p&gt;Can you give me examples of bad annotations, so i have an idea of what to avoid ?&lt;/p&gt;</t>
  </si>
  <si>
    <t>2011-08-23 13:41:58.693000+00:00</t>
  </si>
  <si>
    <t>2011-11-02 23:03:59.973000+00:00</t>
  </si>
  <si>
    <t>java|annotations</t>
  </si>
  <si>
    <t>How to compare datatime in python?</t>
  </si>
  <si>
    <t>&lt;p&gt;Goal:I need to find the difference between the start_time and current_time and see if its greater then an hour .&lt;/p&gt;
&lt;p&gt;start_time = 2016-08-15 23:52:51
current_time = 2016-08-17 13:42:12&lt;/p&gt;
&lt;p&gt;How do that in python ?&lt;/p&gt;
&lt;p&gt;Thanks&lt;/p&gt;</t>
  </si>
  <si>
    <t>2016-08-17 18:45:25.490000+00:00</t>
  </si>
  <si>
    <t>2016-08-17 19:02:30.760000+00:00</t>
  </si>
  <si>
    <t>python-2.7|python-datetime</t>
  </si>
  <si>
    <t>Jquery tools slide setting Effects</t>
  </si>
  <si>
    <t>&lt;p&gt;Hello im using a slide based on Jquery tools , the problem is i need more effects than fade &amp;amp; slide.. is ther any list.. i really search in the documentation, maybe i didnt look well but really i didnt find it.. here is my code.. but I need the slide to move to the left, and the one after comes in moving from rigth to center, i really have bad english,, how this effect is called.. its very very common.. and simple i think.. i thought actually that was the "slide" movemnt any way..&lt;/p&gt;
&lt;p&gt;Hope anyone can help me.&lt;/p&gt;
&lt;pre&gt;&lt;code&gt;&amp;lt;script language="JavaScript"&amp;gt;
    $(function() {
        $(".slidetabs").tabs(".images &amp;gt; div", {
            // enable "cross-fading" effect
            effect: 'slide',
            fadeOutSpeed: "slow",
            // start from the beginning after the last tab
            rotate: true
            // use the slideshow plugin. It accepts its own configuration
        }).slideshow();
    });
&amp;lt;/script&amp;gt;
&lt;/code&gt;&lt;/pre&gt;
&lt;p&gt;The effect on this slide : &lt;a href="http://jquerytools.org/" rel="nofollow"&gt;http://jquerytools.org/&lt;/a&gt;&lt;/p&gt;
&lt;p&gt;I need it on this slide : &lt;a href="http://jquerytools.org/demos/tabs/slideshow.html" rel="nofollow"&gt;http://jquerytools.org/demos/tabs/slideshow.html&lt;/a&gt;&lt;/p&gt;</t>
  </si>
  <si>
    <t>2013-01-22 23:51:53.760000+00:00</t>
  </si>
  <si>
    <t>2013-01-22 23:58:16.723000+00:00</t>
  </si>
  <si>
    <t>jquery|tabs|jquery-tools</t>
  </si>
  <si>
    <t>Split a string by '":"' or a space after a numerical digit</t>
  </si>
  <si>
    <t>&lt;p&gt;I have a string like:&lt;/p&gt;
&lt;pre&gt;&lt;code&gt;string = "roll:34 name:joshi ikera"
&lt;/code&gt;&lt;/pre&gt;
&lt;p&gt;I want to split this string by the delimiting &lt;code&gt;:&lt;/code&gt; and the space between the roll value and the name key. The output should look like this:&lt;/p&gt;
&lt;pre&gt;&lt;code&gt;[roll, 34, name, joshi ikera]
&lt;/code&gt;&lt;/pre&gt;
&lt;p&gt;I tried using:&lt;/p&gt;
&lt;pre&gt;&lt;code&gt;string.split(/:|\d\s/)
&lt;/code&gt;&lt;/pre&gt;
&lt;p&gt;but the output that I get is:&lt;/p&gt;
&lt;pre&gt;&lt;code&gt;[roll, 3, name, joshi ikera]
&lt;/code&gt;&lt;/pre&gt;
&lt;p&gt;How do I include the missing digit and just split by the space after the digit?&lt;/p&gt;</t>
  </si>
  <si>
    <t>2018-02-13 11:38:16.017000+00:00</t>
  </si>
  <si>
    <t>2018-02-13 12:57:40.533000+00:00</t>
  </si>
  <si>
    <t>ruby|regex|string</t>
  </si>
  <si>
    <t>How to get modifier key event(alt+ctrl+shift),</t>
  </si>
  <si>
    <t>&lt;p&gt;If anyone is working on win32 API.Please have a look to below issue.
I have a requirement to call a function when modifier keys are pressed(alt+ctrl+shift) at same time in win32 programming.But I am not getting how to handle this event when modifiers keys are pressed at same time.
If someone have any idea please post it.&lt;/p&gt;</t>
  </si>
  <si>
    <t>2015-10-10 08:35:35.853000+00:00</t>
  </si>
  <si>
    <t>2015-10-12 18:55:37.923000+00:00</t>
  </si>
  <si>
    <t>winapi|c++11</t>
  </si>
  <si>
    <t>attr is undefined</t>
  </si>
  <si>
    <t>&lt;p&gt;The following code this not work, because attr is undefined:&lt;/p&gt;
&lt;pre&gt;&lt;code&gt;$("#foo a[href]").each(function()
{
    this.attr("href", "www.google.com");
});
&lt;/code&gt;&lt;/pre&gt;
&lt;p&gt;But this code does:&lt;/p&gt;
&lt;pre&gt;&lt;code&gt;$("#foo a[href]").each(function()
{
    this.href = "www.google.com";
});
&lt;/code&gt;&lt;/pre&gt;
&lt;p&gt;Why??&lt;/p&gt;</t>
  </si>
  <si>
    <t>2011-07-27 13:26:21.797000+00:00</t>
  </si>
  <si>
    <t>2011-07-28 14:28:08.063000+00:00</t>
  </si>
  <si>
    <t>javascript|jquery|attr</t>
  </si>
  <si>
    <t>Nginx Wild Card Domains</t>
  </si>
  <si>
    <t>&lt;p&gt;I have an &lt;code&gt;A&lt;/code&gt; Name domain setup on Nginx, I also have wildcard DNS setup on Digital Ocean.&lt;/p&gt;
&lt;p&gt;I would like my main domain to point to where it is: &lt;code&gt;/usr/share/nginx/html/mission13.io&lt;/code&gt;&lt;/p&gt;
&lt;p&gt;I would then like all the wildcard domains to point to their respective folders: &lt;/p&gt;
&lt;ul&gt;
&lt;li&gt;&lt;code&gt;/usr/share/nginx/html/sub1.mission13.io&lt;/code&gt;&lt;/li&gt;
&lt;li&gt;&lt;code&gt;/usr/share/nginx/html/sub2.mission13.io&lt;/code&gt;&lt;/li&gt;
&lt;li&gt;&lt;code&gt;/usr/share/nginx/html/sub3.mission13.io&lt;/code&gt;&lt;/li&gt;
&lt;/ul&gt;
&lt;p&gt;Here is what I have, but I am not sure what to do to get them to point to the proper location. What can I change to do that?&lt;/p&gt;
&lt;pre&gt;&lt;code&gt;server{
    listen 80;
    root /usr/share/nginx/html/mission13.io;
    index index.php index.html index.htm;
    server_name mission13.io www.mission13.io *.mission13.io;
    location / {
            try_files $uri $uri/ /index.html;
    }
    include /usr/share/nginx/conf/mission13.io.conf;
    location ~ \.php$ {
            fastcgi_pass unix:/var/run/php5-fpm.sock;
            fastcgi_index index.php;
            fastcgi_param SCRIPT_FILENAME $document_root$fastcgi_script_name;
            include fastcgi_params;
    }
}
&lt;/code&gt;&lt;/pre&gt;</t>
  </si>
  <si>
    <t>2014-04-22 21:19:38.327000+00:00</t>
  </si>
  <si>
    <t>2014-04-24 04:43:36.883000+00:00</t>
  </si>
  <si>
    <t>nginx|webserver|wildcard|wildcard-subdomain</t>
  </si>
  <si>
    <t>Get function parameters name visual studio</t>
  </si>
  <si>
    <t>&lt;p&gt;I am trying to get a list of parameters and the return type from a mangled function compiled in visual studio.&lt;/p&gt;
&lt;p&gt;I know that I can use &lt;/p&gt;
&lt;pre&gt;&lt;code&gt;UnDecorateSymbolName(function.c_str(), undecoratedName, 200, UNDNAME_COMPLETE))
&lt;/code&gt;&lt;/pre&gt;
&lt;p&gt;but this just gives me another string, and I have to figure out if the string starts with a return type, or a specifier.&lt;/p&gt;
&lt;p&gt;Is there a function to return SymbolNameInfo? Something along the lines:&lt;/p&gt;
&lt;pre&gt;&lt;code&gt;struct SymbolInfo
{
    char[255] symbolName
    char[255] returnType
    char[255] parameters
};
&lt;/code&gt;&lt;/pre&gt;</t>
  </si>
  <si>
    <t>2014-01-03 13:17:43.077000+00:00</t>
  </si>
  <si>
    <t>2014-01-03 15:54:42.837000+00:00</t>
  </si>
  <si>
    <t>2014-01-03 13:23:33.097000+00:00</t>
  </si>
  <si>
    <t>What is a good way to deploy a Java program and give JVM arguments?</t>
  </si>
  <si>
    <t>&lt;p&gt;Currently I have been deploying my application as a .jar file, because users of every OS can just double click it. However I now need to increase the max heap size, and the only way to do that is to pass a command-line argument (-Xmx1g) to the JVM. I wish it was possible to include this in the jar manifest, but it's not.&lt;/p&gt;
&lt;p&gt;So now I am forced to include a .bat or .csh with the .jar that has the arguments. It seems like there is a better way to do this right? I don't think that Webstart is a good option because the .jar is meant to run in a user's directory where it writes out files. The application is a desktop GUI app.&lt;/p&gt;</t>
  </si>
  <si>
    <t>2012-04-17 20:40:02.427000+00:00</t>
  </si>
  <si>
    <t>2012-06-28 09:56:14.433000+00:00</t>
  </si>
  <si>
    <t>java|deployment|heap|java-web-start</t>
  </si>
  <si>
    <t>How to Limit a Values when fetch from mysql (PHP)</t>
  </si>
  <si>
    <t>&lt;p&gt;How to Limit PHP fetch values from mysql &lt;/p&gt;
&lt;p&gt;&lt;strong&gt;ex.(from **12/30/92 11m05&lt;/strong&gt; to &lt;strong&gt;12/30/92&lt;/strong&gt; &lt;em&gt;or&lt;/em&gt; &lt;strong&gt;12dj2ja&lt;/strong&gt; to &lt;strong&gt;12dj2&lt;/strong&gt;)** &lt;/p&gt;
&lt;p&gt;with out touching database&lt;/p&gt;
&lt;p&gt;here is my code&lt;/p&gt;
&lt;pre&gt;&lt;code&gt;&amp;lt;?
$strSQL = "SELECT * FROM timemanagement order  by ID ASC LIMIT 5"; 
mysql_query("SET NAMES 'utf8' COLLATE 'utf8_general_ci';");
$objQuery = mysql_query($strSQL) or die ("Error Query [".$strSQL."]");
?&amp;gt;
&amp;lt;p&amp;gt; Current Values: &amp;lt;?=$objResult["Time_S"];?&amp;gt; &amp;lt;/p&amp;gt;
&lt;/code&gt;&lt;/pre&gt;</t>
  </si>
  <si>
    <t>2014-06-05 05:38:09.750000+00:00</t>
  </si>
  <si>
    <t>2014-06-05 05:40:51.370000+00:00</t>
  </si>
  <si>
    <t>How do I hide a GWT PopupPanel with a clickhandler?</t>
  </si>
  <si>
    <t>&lt;p&gt;I am trying to make the submit button on my PopupPanel hide the panel, but I cannot seem to get it to function properly. I am able to have a button on my entrypoint show the panel, but I cannot seem to get the PopupPanel to hide.&lt;/p&gt;
&lt;pre&gt;&lt;code&gt;submitLinkPopup.btnSubmitLink.addClickHandler(new ClickHandler() {
    public void onClick(ClickEvent event) {
        if(if conditions go here){
        CallbackMethods.addLink(callback conditions go here);
                    //this is where I want to hide the panel
        }
        else{
            Window.alert("Error: Fields cannot be empty");
        }
    }
});
&lt;/code&gt;&lt;/pre&gt;</t>
  </si>
  <si>
    <t>2010-12-12 04:32:08.787000+00:00</t>
  </si>
  <si>
    <t>2010-12-12 04:38:30.253000+00:00</t>
  </si>
  <si>
    <t>Can't run two for loop statement within same if statement?</t>
  </si>
  <si>
    <t>&lt;p&gt;I have the following JS code, I feel weird that only the first for loop can run, but the 2nd part doesn't work. I even tried to make two different if statement and include the for loop separately, but the same thing happened. If I run the for loop separately (by deleting another for loop), both of them can run, means both of the logic should be correct. Please help.&lt;/p&gt;
&lt;pre&gt;&lt;code&gt;var s = "&amp;lt;?php printf($resultDataOrderInfo[0][status]); ?&amp;gt;";
   if(s == "Processing"){
       var t = document.getElementsByTagName("input");
       for (i=0; i&amp;lt;=t.length; i++){
           t[i].setAttribute("readonly","true");
       }  // only this above part can run
       var d = document.getElementsByName("delete");
       for (i=0; i&amp;lt;=d.length; i++){
           d[i].setAttribute("hidden","true");
       }
   }
&lt;/code&gt;&lt;/pre&gt;</t>
  </si>
  <si>
    <t>2014-05-05 22:40:20.113000+00:00</t>
  </si>
  <si>
    <t>2014-05-05 22:51:55.313000+00:00</t>
  </si>
  <si>
    <t>javascript|for-loop</t>
  </si>
  <si>
    <t>Push/Fetch command for Git in QtCreator works only in Remotes-menu</t>
  </si>
  <si>
    <t>&lt;p&gt;I'm currently fighting with QtCreator 2.5.0 and Git. I initialized a local repo in my project's root-directory. After that I added my remote repo on GitHub (SSH key etc. - all set). For some reason though QtCreator refuses to push/fetch my code to the remote repo when I use Tools-&gt;Git-&gt;Push/Fetch. However if I go to Tool-&gt;Git-&gt;Remotes... and pus/fetch from there it is working. Needless to say this is at least for me a very strange behaviour. The pushing from inside my terminal is also not an issue and works like a charm.&lt;/p&gt;
&lt;p&gt;Here is what I've done so far:&lt;/p&gt;
&lt;ul&gt;
&lt;li&gt;&lt;p&gt;I've checked with git in terminal to see if everything is set as you can see below.&lt;/p&gt;
&lt;pre&gt;&lt;code&gt;USER:~/QtProjects/TestProject$ git remote -v
TestProject git@github.com:USERNAME/TestProject.git (fetch)
TestProject git@github.com:USERNAME/TestProject.git (push)
&lt;/code&gt;&lt;/pre&gt;&lt;/li&gt;
&lt;li&gt;&lt;p&gt;Pushed/Fetched a couple of times in terminal with success (result was also visible on GitHub/local repo)&lt;/p&gt;&lt;/li&gt;
&lt;li&gt;&lt;p&gt;Pushed/Fetched a couple of times in Remotes-menu of QtCreator with success (result was also visible on GitHub/local repo):&lt;/p&gt;
&lt;pre&gt;&lt;code&gt;21:46 Executing in /home/USER/QtProjects/TestProject: /usr/bin/git push TestProject
Everything up-to-date
The command '/usr/bin/git' finished successfully.
&lt;/code&gt;&lt;/pre&gt;&lt;/li&gt;
&lt;li&gt;Pushed/Fetched a couple of times using Tools-&gt;Git-&gt;Push/Fetch with failure.&lt;/li&gt;
&lt;/ul&gt;
&lt;p&gt;Now I've noticed that when pushing using Tools-&gt;Git-&gt;Push/Fetch I get an empty string where my repo's name should be standing as displayed above along with the good old error of a missing push destination (below I've marked it with MISSING_REPO_NAME_HERE):&lt;/p&gt;
&lt;pre&gt;&lt;code&gt;21:46 Executing in /home/redbaron/QtProjects/HskaCompiler: /usr/bin/git push MISSING_REPO_NAME_HERE
fatal: No configured push destination.
Either specify the URL from the command-line or configure a remote repository using
git remote add &amp;lt;name&amp;gt; &amp;lt;url&amp;gt;
and then push using the remote name
git push &amp;lt;name&amp;gt;
The command '/usr/bin/git' terminated with exit code 128.
&lt;/code&gt;&lt;/pre&gt;
&lt;p&gt;Has anyone experienced something like this and maybe know how to fix it? I recently switched from Ubuntu 12.04 LTS 32bit with don't know which version of QtCreator (I guess the latest in the repos of Precise) to Debian Wheezy 7.6 64bit. In Ubuntu I didn't encounter such an issue. The most interesting thing here is that what QtCreator actually does is call &lt;strong&gt;git remote -v&lt;/strong&gt; the same way I do - in the project's root directory. In one case (Remotes-menu) it works, in the other - not.&lt;/p&gt;</t>
  </si>
  <si>
    <t>2014-08-30 20:20:35.573000+00:00</t>
  </si>
  <si>
    <t>2015-05-05 20:33:59.560000+00:00</t>
  </si>
  <si>
    <t>git|github|push|qt-creator|fetch</t>
  </si>
  <si>
    <t>Linking failed when using Hockey SDK in Xamarin IOS App</t>
  </si>
  <si>
    <t>&lt;p&gt;I have a Xamarin.forms app. In the iOS project I installed the HockeyApp package from &lt;a href="https://www.nuget.org/packages/HockeySDK.Xamarin/" rel="nofollow"&gt;here&lt;/a&gt; and followed the samples &lt;a href="https://components.xamarin.com/gettingstarted/hockeyappios" rel="nofollow"&gt;here&lt;/a&gt; by adding the following code in my &lt;code&gt;AppDelegate.cs&lt;/code&gt;:&lt;/p&gt;
&lt;pre&gt;&lt;code&gt;public override bool FinishedLaunching (UIApplication app, NSDictionary options)
{
    //We MUST wrap our setup in this block to wire up
    // Mono's SIGSEGV and SIGBUS signals
    HockeyApp.Setup.EnableCustomCrashReporting (() =&amp;gt; {
        //Get the shared instance
        var manager = BITHockeyManager.SharedHockeyManager;
        //Configure it to use our APP_ID
        manager.Configure ("YOUR-HOCKEYAPP-APPID");
        //Start the manager
        manager.StartManager ();
        //Authenticate (there are other authentication options)
        manager.Authenticator.AuthenticateInstallation ();
        //Rethrow any unhandled .NET exceptions as native iOS 
        // exceptions so the stack traces appear nicely in HockeyApp
        AppDomain.CurrentDomain.UnhandledException += (sender, e) =&amp;gt; 
            Setup.ThrowExceptionAsNative(e.ExceptionObject);
        TaskScheduler.UnobservedTaskException += (sender, e) =&amp;gt; 
            Setup.ThrowExceptionAsNative(e.Exception);
    });
    //The rest of your code here
    // ...
}
&lt;/code&gt;&lt;/pre&gt;
&lt;p&gt;As soon as I try to compile the program Visual Studio throws the following  error (and some more of that kind):&lt;/p&gt;
&lt;blockquote&gt;
  &lt;p&gt;Severity  Code    Description Project File    Line    Suppression State
  Error     Native linking failed, undefined symbol:
  std::__1::__vector_base_common::__throw_length_error() const.
  Please verify that all the necessary frameworks have been referenced
  and native libraries are properly linked in.  App.iOS&lt;/p&gt;
&lt;/blockquote&gt;
&lt;p&gt;When I comment that code piece everything runs fine.
Any suggestions on that? Anybody who successfully setup Hockey in an ios xamarin forms project?&lt;/p&gt;</t>
  </si>
  <si>
    <t>2016-04-19 18:32:45.287000+00:00</t>
  </si>
  <si>
    <t>2016-04-20 00:53:56.650000+00:00</t>
  </si>
  <si>
    <t>c#|xamarin|xamarin.ios|xamarin.forms|hockeyapp</t>
  </si>
  <si>
    <t>How to prevent pandas dataframe to shirk string value to [...] after appending ?</t>
  </si>
  <si>
    <t>&lt;p&gt;I use list of list to create dataframe in short with this code below, but I got result of df with &lt;code&gt;"..."&lt;/code&gt; value after put the value in dataframe for example : &lt;/p&gt;
&lt;p&gt;&lt;a href="http://shakespeare.mit.edu/allswell/allswell.1" rel="nofollow noreferrer"&gt;http://shakespeare.mit.edu/allswell/allswell.1&lt;/a&gt;...&lt;/p&gt;
&lt;p&gt;if I get value from actual "&lt;code&gt;lists&lt;/code&gt;" I can still print full   &lt;code&gt;http://shakespeare.mit.edu/allswell/allswell.1.1.html&lt;/code&gt;&lt;/p&gt;
&lt;p&gt;but how can I prevent &lt;code&gt;df[0]&lt;/code&gt; to return value of &lt;code&gt;http://shakespeare.mit.edu/allswell/allswell.1...&lt;/code&gt;&lt;/p&gt;
&lt;pre&gt;&lt;code&gt;lists = []
    for i in tables : 
        list = []
        link = http://shakespeare.mit.edu/allswell/allswell.1.1.html
        list.append(link)
        list.append(othervalue)
    lists.append(list)
df = pd.DataFrame(lists)
&lt;/code&gt;&lt;/pre&gt;</t>
  </si>
  <si>
    <t>2016-11-08 07:52:52.737000+00:00</t>
  </si>
  <si>
    <t>2016-11-08 07:57:40.997000+00:00</t>
  </si>
  <si>
    <t>python|string|pandas|dataframe|truncate</t>
  </si>
  <si>
    <t>How configure the pool size of @MessageDriven without using annotation?</t>
  </si>
  <si>
    <t>&lt;p&gt;We have a &lt;em&gt;unique&lt;/em&gt; EAR file and we would like to deploy it on two distinct servers.&lt;/p&gt;
&lt;p&gt;On the first one, we don't want any &lt;code&gt;MessageDriven&lt;/code&gt; beans to be processed (this server is dedicated to synchronous requests and to produce JMS messages).&lt;/p&gt;
&lt;p&gt;On the second one, we want a &lt;code&gt;MessageDriven&lt;/code&gt; beans pool to listen and process the JMS messages.&lt;/p&gt;
&lt;p&gt;&lt;strong&gt;We are on JBoss 7&lt;/strong&gt;.0.2 (and we'll move to 7.1.0 thereafter).&lt;/p&gt;
&lt;p&gt;The only way I found to configure pool size is through an &lt;code&gt;@ActivationConfigProperty&lt;/code&gt; with name &lt;code&gt;maxSession&lt;/code&gt;, but it means the value is hard coded in the class file.&lt;/p&gt;
&lt;p&gt;Is there another way, like a configuration in the not-so-well documented &lt;code&gt;standalone.xml&lt;/code&gt;, that allows us to define the pool size by server?&lt;/p&gt;</t>
  </si>
  <si>
    <t>2012-01-05 08:32:54.983000+00:00</t>
  </si>
  <si>
    <t>2012-02-19 15:39:49.740000+00:00</t>
  </si>
  <si>
    <t>configuration|pool|message-driven-bean|jboss7.x</t>
  </si>
  <si>
    <t>Php file uploaded correctly but not shown correctly in browser</t>
  </si>
  <si>
    <t>&lt;p&gt;I've written my own template, which generates a webpage from several php files. It was working correctly all the time, but since a few days, one file won't show changes in my browser. I've uploaded the file, but in the browser all changes don't appear. I've tried deleting the file and re-upload it, doesn't work. I've tried it in several browsers, all the same... In my localhost, everything works fine!&lt;/p&gt;
&lt;p&gt;I've found htcacheclean, but I don't know, how to use it: &lt;a href="https://httpd.apache.org/docs/2.4/programs/htcacheclean.html" rel="nofollow"&gt;https://httpd.apache.org/docs/2.4/programs/htcacheclean.html&lt;/a&gt;&lt;/p&gt;
&lt;p&gt;If I rename the file, everything works fine, but if I rename It back, things are broken.&lt;/p&gt;</t>
  </si>
  <si>
    <t>2016-03-23 14:16:57.550000+00:00</t>
  </si>
  <si>
    <t>2016-03-23 16:14:55.133000+00:00</t>
  </si>
  <si>
    <t>php|apache|ftp|webserver</t>
  </si>
  <si>
    <t>Access token request page expired</t>
  </si>
  <si>
    <t>&lt;p&gt;I am sending a request to get the box token access. I receive a 200 code but the response is a html that says "The page you were viewing has expired".&lt;/p&gt;
&lt;p&gt;&lt;strong&gt;the request:&lt;/strong&gt;&lt;/p&gt;
&lt;pre&gt;&lt;code&gt;access_token_params = {
      grant_type: 'authorization_code',
      code: params[:code],
      client_id: "id",
      client_secret: "secret"
    }
    box_ressources[:token].post(params: access_token_params) { |response, request, result, &amp;amp;block|
      check_request_success(response, "send_access_token")
      logger.info(response.to_str)
      set_token
}
&lt;/code&gt;&lt;/pre&gt;</t>
  </si>
  <si>
    <t>2014-11-22 23:11:42.287000+00:00</t>
  </si>
  <si>
    <t>ruby-on-rails|box-api</t>
  </si>
  <si>
    <t>Adding Text to Image or 3D Space HTML</t>
  </si>
  <si>
    <t>&lt;p&gt;My goal is to create a web app that works very similar to those websites that allow you to add custom text to a mug and your text appears in realtime on the image of the mug.&lt;/p&gt;
&lt;p&gt;Ideally I'd like to have my "image" be a 3d object that can be rotated as well, but I'd settle for just a 2d image if need be. The text would also need to be rotated at times.&lt;/p&gt;
&lt;p&gt;Can anyone point me to tutorials that demonstrate this or something similar? I'm also looking for suggestions as to the best tools and languages to use to accomplish this - Javascript/Three.js, other frameworks, etc?&lt;/p&gt;
&lt;p&gt;Thanks!&lt;/p&gt;</t>
  </si>
  <si>
    <t>2017-06-21 14:03:27.807000+00:00</t>
  </si>
  <si>
    <t>javascript|canvas|3d|three.js</t>
  </si>
  <si>
    <t>Java: RegEx Multiple Matches in Same 'fragment'</t>
  </si>
  <si>
    <t>&lt;p&gt;I'm trying to write a RegEx that would capture both instance of 'csv' delimited by commas in the string "csv,csv,csv,csv" and replace with "xml".&lt;/p&gt;
&lt;p&gt;So my output would be "csv,xml,xml,csv".&lt;/p&gt;
&lt;p&gt;The problem I'm running into is that my RegEx only captures the first instance of csv, and since the 'comma' at the end of the first match would also be the first delimiter of the second match, it doesn't get captured.&lt;/p&gt;
&lt;p&gt;RegEx = ",csv," (pretty simple example). &lt;/p&gt;
&lt;p&gt;Example 2: &lt;/p&gt;
&lt;p&gt;RegEx = "(,dog,)"&lt;/p&gt;
&lt;p&gt;Input "dog,dog,dog,dog"&lt;/p&gt;
&lt;p&gt;Output "dog,cat,cat,dog"&lt;/p&gt;
&lt;p&gt;Edit: I found what I was looking for, using lookahead and lookbehind.
RegEx = "(?&amp;lt;=,)dog(?=,)" would do the trick.&lt;/p&gt;</t>
  </si>
  <si>
    <t>2017-04-11 03:37:33.150000+00:00</t>
  </si>
  <si>
    <t>2017-04-11 04:06:36.257000+00:00</t>
  </si>
  <si>
    <t>2017-04-11 03:58:59.883000+00:00</t>
  </si>
  <si>
    <t>How can i exit a loop in c++ if i press enter?</t>
  </si>
  <si>
    <t>&lt;p&gt;I want to exit a loop if press enter in codeblocks(c++).
So this is my code&lt;/p&gt;
&lt;pre&gt;&lt;code&gt;    #include&amp;lt;bits/stdc++.h&amp;gt;
    using namespace std;
    int main()
    {
    string s="";
    char ch;
    while(1)
    {
        cin&amp;gt;&amp;gt;ch;
        s+=ch;
    }
    cout&amp;lt;&amp;lt;s&amp;lt;&amp;lt;endl;
    return 0;
    }
&lt;/code&gt;&lt;/pre&gt;</t>
  </si>
  <si>
    <t>2018-07-27 14:20:55.060000+00:00</t>
  </si>
  <si>
    <t>2018-07-27 15:09:19.200000+00:00</t>
  </si>
  <si>
    <t>Replacing Parts of String with Correction from Database in Java</t>
  </si>
  <si>
    <t>&lt;p&gt;I'm writing an OCR program in Java (using Tesseract to generate text from a label) and I want it to recognise common errors in the output, such as VV instead of W and NIR instead of MR which are stored in a database. So, for example, if it got a string like "VVEIN, MIR Adam" it should change to "WEIN, MR Adam".&lt;/p&gt;
&lt;p&gt;What would be the most efficient way to check if the strings match any of the common error text? The only way I can think of at the moment is passing the string through a series of regular expressions for every known error, but I am hoping there is a more efficient way. Thanks :)&lt;/p&gt;</t>
  </si>
  <si>
    <t>2012-11-05 13:12:54.383000+00:00</t>
  </si>
  <si>
    <t>2012-11-05 13:35:57.017000+00:00</t>
  </si>
  <si>
    <t>java|ocr</t>
  </si>
  <si>
    <t>Bower Installation Errors</t>
  </si>
  <si>
    <t>&lt;p&gt;Now I have installed Node and Npm and I run this command in terminal (yes I am on a mac):&lt;/p&gt;
&lt;pre&gt;&lt;code&gt;npm install -g bower
&lt;/code&gt;&lt;/pre&gt;
&lt;p&gt;Which follows with this output from the terminal:&lt;/p&gt;
&lt;pre&gt;&lt;code&gt;npm http GET https://registry.npmjs.org/bower
npm http 304 https://registry.npmjs.org/bower
npm ERR! Error: EACCES, mkdir '/usr/local/lib/node_modules/bower'
npm ERR!  { [Error: EACCES, mkdir '/usr/local/lib/node_modules/bower']
npm ERR!   errno: 3,
npm ERR!   code: 'EACCES',
npm ERR!   path: '/usr/local/lib/node_modules/bower',
npm ERR!   fstream_type: 'Directory',
npm ERR!   fstream_path: '/usr/local/lib/node_modules/bower',
npm ERR!   fstream_class: 'DirWriter',
npm ERR!   fstream_stack: 
npm ERR!    [ '/usr/local/lib/node_modules/npm/node_modules/fstream/lib/dir-writer.js:36:23',
npm ERR!      '/usr/local/lib/node_modules/npm/node_modules/mkdirp/index.js:37:53',
npm ERR!      'Object.oncomplete (fs.js:107:15)' ] }
npm ERR! 
npm ERR! Please try running this command again as root/Administrator.
npm ERR! System Darwin 13.0.0
npm ERR! command "node" "/usr/local/bin/npm" "install" "-g" "bower"
npm ERR! cwd /Users/Superfunnytogo
npm ERR! node -v v0.10.25
npm ERR! npm -v 1.3.24
npm ERR! path /usr/local/lib/node_modules/bower
npm ERR! fstream_path /usr/local/lib/node_modules/bower
npm ERR! fstream_type Directory
npm ERR! fstream_class DirWriter
npm ERR! code EACCES
npm ERR! errno 3
npm ERR! stack Error: EACCES, mkdir '/usr/local/lib/node_modules/bower'
npm ERR! fstream_stack /usr/local/lib/node_modules/npm/node_modules/fstream/lib/dir-writer.js:36:23
npm ERR! fstream_stack /usr/local/lib/node_modules/npm/node_modules/mkdirp/index.js:37:53
npm ERR! fstream_stack Object.oncomplete (fs.js:107:15)
npm ERR! 
npm ERR! Additional logging details can be found in:
npm ERR!     /Users/Superfunnytogo/npm-debug.log
npm ERR! not ok code 0
Device-365-352:~ Superfunnytogo$ npm install -g bower
npm http GET https://registry.npmjs.org/bower
npm http 304 https://registry.npmjs.org/bower
npm ERR! Error: EACCES, mkdir '/usr/local/lib/node_modules/bower'
npm ERR!  { [Error: EACCES, mkdir '/usr/local/lib/node_modules/bower']
npm ERR!   errno: 3,
npm ERR!   code: 'EACCES',
npm ERR!   path: '/usr/local/lib/node_modules/bower',
npm ERR!   fstream_type: 'Directory',
npm ERR!   fstream_path: '/usr/local/lib/node_modules/bower',
npm ERR!   fstream_class: 'DirWriter',
npm ERR!   fstream_stack: 
npm ERR!    [ '/usr/local/lib/node_modules/npm/node_modules/fstream/lib/dir-writer.js:36:23',
npm ERR!      '/usr/local/lib/node_modules/npm/node_modules/mkdirp/index.js:37:53',
npm ERR!      'Object.oncomplete (fs.js:107:15)' ] }
npm ERR! 
npm ERR! Please try running this command again as root/Administrator.
npm ERR! System Darwin 13.0.0
npm ERR! command "node" "/usr/local/bin/npm" "install" "-g" "bower"
npm ERR! cwd /Users/Superfunnytogo
npm ERR! node -v v0.10.25
npm ERR! npm -v 1.3.24
npm ERR! path /usr/local/lib/node_modules/bower
npm ERR! fstream_path /usr/local/lib/node_modules/bower
npm ERR! fstream_type Directory
npm ERR! fstream_class DirWriter
npm ERR! code EACCES
npm ERR! errno 3
npm ERR! stack Error: EACCES, mkdir '/usr/local/lib/node_modules/bower'
npm ERR! fstream_stack /usr/local/lib/node_modules/npm/node_modules/fstream/lib/dir-writer.js:36:23
npm ERR! fstream_stack /usr/local/lib/node_modules/npm/node_modules/mkdirp/index.js:37:53
npm ERR! fstream_stack Object.oncomplete (fs.js:107:15)
npm ERR! 
npm ERR! Additional logging details can be found in:
npm ERR!     /Users/Superfunnytogo/npm-debug.log
npm ERR! not ok code 0
&lt;/code&gt;&lt;/pre&gt;</t>
  </si>
  <si>
    <t>2014-02-07 00:08:43.037000+00:00</t>
  </si>
  <si>
    <t>2017-06-17 20:43:52.340000+00:00</t>
  </si>
  <si>
    <t>macos|node.js|npm|bower</t>
  </si>
  <si>
    <t>Is there a "current_page?" type method for page sections using Rails5?</t>
  </si>
  <si>
    <t>&lt;p&gt;QUICK QUESTIONS.&lt;/p&gt;
&lt;p&gt;I'm using Rails to develop a single page webapp with a sidebar for scrolling. I'd like for my sidebar to change active states depending on the page section. &lt;/p&gt;
&lt;p&gt;I'm used to using the "current_page?" method to set navigation links active, but am unaware if there is a method like this for page sections. I know jQuery can get this working, but I'd like to use as little lines of code as possible. &lt;/p&gt;
&lt;p&gt;&lt;strong&gt;&lt;em&gt;Is there another method out there like "current_page", but for sections on a page?&lt;/em&gt;&lt;/strong&gt;&lt;/p&gt;
&lt;p&gt;&lt;strong&gt;&lt;em&gt;Is there maybe a way to still use "current_page?", and apply that to page sections?&lt;/em&gt;&lt;/strong&gt;&lt;/p&gt;
&lt;p&gt;&lt;strong&gt;&lt;em&gt;Am I forced to use jQuery?&lt;/em&gt;&lt;/strong&gt; &lt;/p&gt;
&lt;p&gt;Have never used Rails for a single page webapp, so am feeling lost on how I could use the controller here. I know I probably should've used a framework like Angular, but I did not originally plan on developing this to be a single page webapp.&lt;/p&gt;
&lt;p&gt;Any help or advice would be GREATLY appreciated!&lt;/p&gt;</t>
  </si>
  <si>
    <t>2017-10-24 20:47:49.580000+00:00</t>
  </si>
  <si>
    <t>2017-10-24 21:00:25.207000+00:00</t>
  </si>
  <si>
    <t>jquery|ruby-on-rails|ruby|ruby-on-rails-5</t>
  </si>
  <si>
    <t>Not getting url variable with JSP</t>
  </si>
  <si>
    <t>&lt;p&gt;I am writing an online text editor for school.  I have been able to save a file with a custom name, so that is not the problem.  With an HTML form I have, it submits the text of the TextArea into a file specified by the user, then set the url to be blah.org/text.jsp?status=gen.   Later in the code, I have the program write the file if the variable status == gen, otherwise do nothing.  I am not able to create the file when I click submit, and I am thinking it has something to do with me getting the variable in the URL.  Here is my code:&lt;/p&gt;
&lt;pre&gt;&lt;code&gt;    /* Set the "user" variable to the "user" attribute assigned to the session */
String user = (String)session.getAttribute("user");
String status = request.getParameter("status");
    /* Get the name of the file */
String name = request.getParameter("name");
    /* Set the path of the file */
String path = "C:/userFiles/" + user + "/" + name + ".txt";
/* Get the text in a TextArea */
String value = request.getParameter("textArea");
    /* If there isn't a session, tell the user to Register/Log In */
if (null == session.getAttribute("user")) {
out.println("Please Register/Log-In to continue!");
    if (status == "gen") {
        try {
            FileOutputStream fos = new FileOutputStream(path);
            PrintWriter pw = new PrintWriter(fos);
            pw.println(value);
            pw.close();
            fos.close();
    }
    catch (Exception e) {
        out.println("&amp;lt;p&amp;gt;Exception Caught!");
    }
} else {
out.println("Error");
}
}
&lt;/code&gt;&lt;/pre&gt;
&lt;p&gt;and the form:&lt;/p&gt;
&lt;pre&gt;&lt;code&gt;&amp;lt;form name="form1" method="POST" action="text.jsp?status=gen"&amp;gt;
&amp;lt;textarea cols="50" rows="30" name="textArea"&amp;gt;&amp;lt;/textarea&amp;gt;
&amp;lt;center&amp;gt;Name: &amp;lt;input type="text" name="name" value="Don't put a .ext"&amp;gt; &amp;lt;input type="submit" value="Save" class="button"&amp;gt;&amp;lt;/center&amp;gt;
other code here &amp;lt;/form&amp;gt;
&lt;/code&gt;&lt;/pre&gt;</t>
  </si>
  <si>
    <t>2012-12-12 19:04:21.150000+00:00</t>
  </si>
  <si>
    <t>2012-12-12 19:08:57.113000+00:00</t>
  </si>
  <si>
    <t>html|jsp</t>
  </si>
  <si>
    <t>How to change the default target branch for merges in Gitlab</t>
  </si>
  <si>
    <t>&lt;p&gt;we are using Gitlab 8.10.1 with many groups and projects. Many of the projects happen to be forks of other projects.
Our problem is that whenever somebody opens a merge request for a project the default target branch is NOT the default branch of the project but from one very specific other project. Is there a way to override this setting somehow?
Just to make it clear, I know how to set the default branch of a project and those settings appear to be correct, however gitlab doesn't seem to use them when creating merge requests.
This issue is very annoying and has led to weird situations when people didn't pay attention and made merge requests with a completely different "master" as target.&lt;/p&gt;</t>
  </si>
  <si>
    <t>2016-08-12 08:16:27.233000+00:00</t>
  </si>
  <si>
    <t>2018-07-30 09:18:18.333000+00:00</t>
  </si>
  <si>
    <t>git|merge|settings|gitlab</t>
  </si>
  <si>
    <t>warning: local declaration of 'mapView' hides instance variable</t>
  </si>
  <si>
    <t>&lt;p&gt;please, can anybody explain and help me how to fix that warning?? thx in advance.&lt;/p&gt;
&lt;pre&gt;&lt;code&gt;-(void)mapView:(MKMapView *)mapView regionWillChangeAnimated:(BOOL)animated {
        mapRegion=mapView.region; //first warning
    }
    -(void)mapView:(MKMapView *)mapView regionDidChangeAnimated:(BOOL)animated  {
        newRegion=mapView.region; //second warning
        if(mapRegion.span.latitudeDelta&amp;gt;newRegion.span.latitudeDelta||mapRegion.span.longitudeDelta&amp;gt;newRegion.span.longitudeDelta)
            shouldAdjustZoom=NO;
    }
&lt;/code&gt;&lt;/pre&gt;</t>
  </si>
  <si>
    <t>2011-04-11 20:05:05.373000+00:00</t>
  </si>
  <si>
    <t>2011-04-11 20:09:10.480000+00:00</t>
  </si>
  <si>
    <t>iphone|sdk</t>
  </si>
  <si>
    <t>Change forms displayed on change of value of drop down</t>
  </si>
  <si>
    <t>&lt;p&gt;I have this HTML form and jQuery script:&lt;/p&gt;
&lt;p&gt;&lt;div class="snippet" data-lang="js" data-hide="false" data-console="true" data-babel="false"&gt;_x000D_
&lt;div class="snippet-code"&gt;_x000D_
&lt;pre class="snippet-code-js lang-js prettyprint-override"&gt;&lt;code&gt;$(document).ready(function() {_x000D_
  $('#accounttype').on('change', function() {_x000D_
_x000D_
    if (this.value == '1') {_x000D_
      $("#corporate").show();_x000D_
_x000D_
    } else if (this.value == '0') {_x000D_
      $("#individual").show();_x000D_
_x000D_
    } else {_x000D_
      $("#corporate").hide();_x000D_
      $("#individual").hide();_x000D_
    }_x000D_
_x000D_
  });_x000D_
});&lt;/code&gt;&lt;/pre&gt;_x000D_
&lt;pre class="snippet-code-html lang-html prettyprint-override"&gt;&lt;code&gt;&amp;lt;script src="https://ajax.googleapis.com/ajax/libs/jquery/2.1.1/jquery.min.js"&amp;gt;&amp;lt;/script&amp;gt;_x000D_
&amp;lt;div class="panel-body"&amp;gt;_x000D_
  &amp;lt;form role="form"&amp;gt;_x000D_
    &amp;lt;div class="form-group row"&amp;gt;_x000D_
      &amp;lt;label class="col-md-5 control-label"&amp;gt;Customer Account ID:&amp;lt;/label&amp;gt;_x000D_
      &amp;lt;div class="col-md-7"&amp;gt;_x000D_
        &amp;lt;input class="form-control" type="text" placeholder="ACT-2015-000011" disabled&amp;gt;_x000D_
      &amp;lt;/div&amp;gt;_x000D_
    &amp;lt;/div&amp;gt;_x000D_
    &amp;lt;div class="form-group row"&amp;gt;_x000D_
      &amp;lt;label class="col-md-5 control-label"&amp;gt;Customer Account Type:&amp;lt;/label&amp;gt;_x000D_
      &amp;lt;div class="col-md-7"&amp;gt;_x000D_
        &amp;lt;select id='accounttype' class="form-control"&amp;gt;_x000D_
          &amp;lt;option value="0"&amp;gt;Individual&amp;lt;/option&amp;gt;_x000D_
          &amp;lt;option value="1"&amp;gt;Corporate&amp;lt;/option&amp;gt;_x000D_
        &amp;lt;/select&amp;gt;_x000D_
      &amp;lt;/div&amp;gt;_x000D_
    &amp;lt;/div&amp;gt;_x000D_
    &amp;lt;div id='corporate' class="form-group row"&amp;gt;_x000D_
      &amp;lt;label class="col-md-5 control-label"&amp;gt;Customer Account Name:&amp;lt;/label&amp;gt;_x000D_
      &amp;lt;div class="col-md-7"&amp;gt;_x000D_
        &amp;lt;input class="form-control" type="text" placeholder="5SOS"&amp;gt;_x000D_
      &amp;lt;/div&amp;gt;_x000D_
    &amp;lt;/div&amp;gt;_x000D_
    &amp;lt;div id='individual' class="form-group row"&amp;gt;_x000D_
      &amp;lt;label class="col-md-5 control-label"&amp;gt;Customer ID:&amp;lt;/label&amp;gt;_x000D_
      &amp;lt;div class="col-md-7"&amp;gt;_x000D_
        &amp;lt;input class="form-control" type="text" placeholder="CST-2015-000011"&amp;gt;_x000D_
      &amp;lt;/div&amp;gt;_x000D_
    &amp;lt;/div&amp;gt;_x000D_
    &amp;lt;div id='individual' class="form-group row"&amp;gt;_x000D_
      &amp;lt;label class="col-md-5 control-label"&amp;gt;Customer First Name:&amp;lt;/label&amp;gt;_x000D_
      &amp;lt;div class="col-md-7"&amp;gt;_x000D_
        &amp;lt;input class="form-control" type="text" placeholder="Luke"&amp;gt;_x000D_
      &amp;lt;/div&amp;gt;_x000D_
    &amp;lt;/div&amp;gt;_x000D_
    &amp;lt;div id='individual' class="form-group row"&amp;gt;_x000D_
      &amp;lt;label class="col-md-5 control-label"&amp;gt;Customer Middle Name:&amp;lt;/label&amp;gt;_x000D_
      &amp;lt;div class="col-md-7"&amp;gt;_x000D_
        &amp;lt;input class="form-control" type="text" placeholder="Robert"&amp;gt;_x000D_
      &amp;lt;/div&amp;gt;_x000D_
    &amp;lt;/div&amp;gt;_x000D_
    &amp;lt;div id='individual' class="form-group row"&amp;gt;_x000D_
      &amp;lt;label class="col-md-5 control-label"&amp;gt;Customer Last Name:&amp;lt;/label&amp;gt;_x000D_
      &amp;lt;div class="col-md-7"&amp;gt;_x000D_
        &amp;lt;input class="form-control" type="text" placeholder="Hemmings"&amp;gt;_x000D_
      &amp;lt;/div&amp;gt;_x000D_
    &amp;lt;/div&amp;gt;_x000D_
    &amp;lt;div id='individual' class="form-group row"&amp;gt;_x000D_
      &amp;lt;label class="col-md-5 control-label"&amp;gt;Gender:&amp;lt;/label&amp;gt;_x000D_
      &amp;lt;div class="col-md-7"&amp;gt;_x000D_
        &amp;lt;input class="form-control" type="text" placeholder="Male"&amp;gt;_x000D_
      &amp;lt;/div&amp;gt;_x000D_
    &amp;lt;/div&amp;gt;_x000D_
    &amp;lt;div id='individual' class="form-group row"&amp;gt;_x000D_
      &amp;lt;label class="col-md-5 control-label"&amp;gt;Birthday:&amp;lt;/label&amp;gt;_x000D_
      &amp;lt;div class="col-md-7"&amp;gt;_x000D_
        &amp;lt;input class="form-control" type="text" placeholder="01/01/01"&amp;gt;_x000D_
      &amp;lt;/div&amp;gt;_x000D_
    &amp;lt;/div&amp;gt;_x000D_
    &amp;lt;div class="col-md-offset-9"&amp;gt;_x000D_
      &amp;lt;a href="cis.html" type="button" class="btn btn-primary"&amp;gt;Create/Enroll&amp;lt;/a&amp;gt;_x000D_
    &amp;lt;/div&amp;gt;_x000D_
  &amp;lt;/form&amp;gt;_x000D_
&amp;lt;/div&amp;gt;&lt;/code&gt;&lt;/pre&gt;_x000D_
&lt;/div&gt;_x000D_
&lt;/div&gt;_x000D_
&lt;/p&gt;
&lt;p&gt;What I need to do is to display the forms according to the value selected in the dropdown using &lt;strong&gt;onchange&lt;/strong&gt; but It doesn't seem to be working. Can someone point out what's wrong? Thanks!&lt;/p&gt;</t>
  </si>
  <si>
    <t>2016-08-20 11:16:26.667000+00:00</t>
  </si>
  <si>
    <t>2016-08-20 15:19:24.303000+00:00</t>
  </si>
  <si>
    <t>Can't retrieve data from parse.com because it assigns _User as the class name for registrations</t>
  </si>
  <si>
    <t>&lt;p&gt;Here is my script: &lt;/p&gt;
&lt;pre&gt;&lt;code&gt;void Sync ()
{
    var query = ParseObject.GetQuery("_User")
        .WhereEqualTo("username", userName);
    query.FirstAsync().ContinueWith(t =&amp;gt;
                                    {
        ParseObject obj = t.Result;
        int exper = obj.Get&amp;lt;int&amp;gt;("Experience");
        print ("Success!");
        print (exper);
    });;
}
&lt;/code&gt;&lt;/pre&gt;
&lt;p&gt;So my problem is: during the signups Parse makes the name of the user class as &lt;code&gt;_User&lt;/code&gt; and because of the &lt;code&gt;_&lt;/code&gt; at the beginning I am getting a error at Unity.&lt;/p&gt;
&lt;p&gt;Here is the error:&lt;/p&gt;
&lt;blockquote&gt;
  &lt;p&gt;ArgumentException: Use the class-specific query properties for class _User&lt;br&gt;
  Parameter name: className&lt;br&gt;
  Parse.ParseObject.GetQuery (System.String className)&lt;br&gt;
  User.Sync () (at Assets/Scripts/Database/User.cs:22)&lt;br&gt;
  User.OnGUI () (at Assets/Scripts/Database/User.cs:46)  &lt;/p&gt;
&lt;/blockquote&gt;</t>
  </si>
  <si>
    <t>2015-07-13 17:31:45.037000+00:00</t>
  </si>
  <si>
    <t>2015-07-15 10:22:10.093000+00:00</t>
  </si>
  <si>
    <t>2015-07-13 19:12:36.143000+00:00</t>
  </si>
  <si>
    <t>c#|parse.com|unity3d</t>
  </si>
  <si>
    <t>Catia V5 macro to get the coordinates of the points inside repetition(Points and Planes)</t>
  </si>
  <si>
    <t>&lt;p&gt;&lt;a href="https://i.stack.imgur.com/Xf5YW.png" rel="nofollow noreferrer"&gt;&lt;img src="https://i.stack.imgur.com/Xf5YW.png" alt="enter image description here"&gt;&lt;/a&gt;&lt;/p&gt;
&lt;p&gt;Using a Catia V5 macro I want to get the coordinates of the points inside Repetition(Points and Planes).1. This Repetition(Points and Planes).1 is inside a geometrical set (Shown in image).&lt;/p&gt;
&lt;p&gt;I have used selection.search to select Repetition(Points and Planes).1. But I'm not able to get the coordinates of the points.&lt;/p&gt;
&lt;pre&gt;&lt;code&gt;Dim objSel As Selection
objSel.Search "'Generative Shape Design'.'Repetition (Points and Planes)',sel"
&lt;/code&gt;&lt;/pre&gt;
&lt;p&gt;I want to export the point coordinates to a txt file after selecting the geometrical set (pntRep shown in image).&lt;/p&gt;</t>
  </si>
  <si>
    <t>2017-04-27 11:40:22.237000+00:00</t>
  </si>
  <si>
    <t>2017-04-27 13:39:46.833000+00:00</t>
  </si>
  <si>
    <t>2017-04-27 13:02:11.210000+00:00</t>
  </si>
  <si>
    <t>vba|catia</t>
  </si>
  <si>
    <t>Scalable solution for geocoding on iOS</t>
  </si>
  <si>
    <t>&lt;p&gt;I'm working on an iOS app that pulls events from Google Calendar and subsequently generates pins on a map for each event (based on what the event creator fills in for "Location"). The user can select a date range (today, this week, this month, etc.) and see all the events taking place near them over that period.&lt;/p&gt;
&lt;p&gt;&lt;strong&gt;Problem 1:&lt;/strong&gt; The app is for my local university, so a majority of the locations will be buildings on campus. These buildings have inconsistent addresses that are often difficult to find, so it would be good if the location "Foo Hall" would result in a pin on that building. Google Maps is capable of doing this, however Apple Maps has no knowledge of the buildings on my school campus.&lt;/p&gt;
&lt;p&gt;&lt;strong&gt;Problem 2:&lt;/strong&gt; In an ideal situation, thousands of students would be using this app. Each time they open the app, they could be viewing dozens of pins. Therefore, I'm worried that I may be pushing the limits imposed by Google's geocoding API (definitely the 2500 request limit, and maybe even the 100,000 request limit for the Business API).&lt;/p&gt;
&lt;p&gt;&lt;strong&gt;So my question is...&lt;/strong&gt; what would be the best solution for these two problems? Should I create a local database for building names and map them to coordinates? Or is there a way I can overcome the limitations of Google's Geocoding API? Is there a better solution I'm not thinking of?&lt;/p&gt;
&lt;p&gt;Thanks for any help!&lt;/p&gt;</t>
  </si>
  <si>
    <t>2012-07-25 15:38:45.680000+00:00</t>
  </si>
  <si>
    <t>2012-07-25 16:14:05.460000+00:00</t>
  </si>
  <si>
    <t>ios|google-maps|geocoding|google-calendar-api</t>
  </si>
  <si>
    <t>Time-based drilldowns in Power BI powered by Azure Data Warehouse</t>
  </si>
  <si>
    <t>&lt;p&gt;I have designed a simple Azure Data Warehouse where I want to track stock of my products on periodic basis. Moreover I want to have an ability to see that data grouped  by month, weeks, days and hours with ability to drill down from top to bottom. I have defined 3 dimensions:&lt;/p&gt;
&lt;pre&gt;&lt;code&gt;DimDate
DimTime 
DimProduct
&lt;/code&gt;&lt;/pre&gt;
&lt;p&gt;I have also defined a Fact table to track product stocks:&lt;/p&gt;
&lt;pre&gt;&lt;code&gt;FactStocks
- DateKey (20160510, 20160511, etc)
- TimeKey (0..23)
- ProductKey (Product1, Product2)
- StockValue (number, 1..9999)
&lt;/code&gt;&lt;/pre&gt;
&lt;p&gt;My fact sample data is below:&lt;/p&gt;
&lt;pre&gt;&lt;code&gt;20160510 20 Product1 100
20160510 20 Product2 30
20160510 21 Product1 110
20160510 21 Product2 35
20160510 22 Product1 112
20160510 22 Product2 28
20160510 23 Product1 120
20160510 23 Product2 31
20160511 00 Product1 150
20160511 00 Product2 29
20160511 01 Product1 95
20160511 01 Product2 40
&lt;/code&gt;&lt;/pre&gt;
&lt;p&gt;What I need is a chart of product availability over time with ability to check total (where x axis represents hours), as well as ability to filter by specific product: &lt;/p&gt;
&lt;pre&gt;&lt;code&gt;Total - 130, 145, 140, 151, 179, 135
Product1 - 100, 110, 112, 120, 150, 95;
Product2 - 30, 35, 28, 31, 29, 40;
x-&amp;gt; 20,21,22,23,00,01
&lt;/code&gt;&lt;/pre&gt;
&lt;p&gt;Moreover I need an ability to drill up and browse average availability by days and products  (where x axis represents days, weeks, month, years available via the &lt;code&gt;DimDate&lt;/code&gt; table):&lt;/p&gt;
&lt;pre&gt;&lt;code&gt;Total - 141.5, 157
Product1 - 110.5, 122.5
Product2 - 31, 34.5
x-&amp;gt; 20160510, 20160511
&lt;/code&gt;&lt;/pre&gt;
&lt;p&gt;It seems that &lt;code&gt;Power BI&lt;/code&gt; is unable to make that group by date thing, because it's trying to use an aggregate function to get the daily value and there is no ability to specify the average function which will take into account products (with grouping by product). The aggregating function just doesn't work here, Power BI is trying to sum all values across all products for a given day and get the average (e.g. for 20160511):&lt;/p&gt;
&lt;pre&gt;&lt;code&gt;150+29+95+40 / 4 = 78.5
&lt;/code&gt;&lt;/pre&gt;
&lt;p&gt;When what I need is the following:&lt;/p&gt;
&lt;pre&gt;&lt;code&gt;(150+29) + (95+40) / 2 = 157
&lt;/code&gt;&lt;/pre&gt;
&lt;p&gt;I just want to make it interactive with an ability to chose a product and easily drill up and down. Please advise how I should modify my Warehouse structure to support my scenario.&lt;/p&gt;</t>
  </si>
  <si>
    <t>2016-05-11 23:06:30.220000+00:00</t>
  </si>
  <si>
    <t>2017-09-21 00:02:37.390000+00:00</t>
  </si>
  <si>
    <t>2017-09-22 17:48:51.380000+00:00</t>
  </si>
  <si>
    <t>azure|data-warehouse|powerbi|azure-sqldw|bigdata</t>
  </si>
  <si>
    <t>What is correct way to process POST request</t>
  </si>
  <si>
    <t>&lt;p&gt;What I have done:&lt;/p&gt;
&lt;p&gt;routes.rb:&lt;/p&gt;
&lt;pre&gt;&lt;code&gt;post 'api/last_sync_time' =&amp;gt; 'api#set_last_sync_time'
&lt;/code&gt;&lt;/pre&gt;
&lt;p&gt;controller:&lt;/p&gt;
&lt;pre&gt;&lt;code&gt;protect_from_forgery with: :null_session, if: Proc.new { |c| c.request.format == 'application/json' }
def set_last_sync_time
    last_sync_time = params["last_sync_time"]
    FileStorage.initFromFilename('sync').setLastSyncTime(last_sync_time)
end
&lt;/code&gt;&lt;/pre&gt;
&lt;p&gt;test:&lt;/p&gt;
&lt;pre&gt;&lt;code&gt;curl -X POST -d "last_sync_time=1234567" http://localhost:3000/api/last_sync_time
&lt;/code&gt;&lt;/pre&gt;
&lt;p&gt;All works file, but in the Rails console I get message:&lt;/p&gt;
&lt;blockquote&gt;
  &lt;p&gt;ActionView::MissingTemplate (Missing template api/set_last_sync_time,
  application/set_last_sync_time with {:locale=&gt;[:en], :formats=&gt;[:html,
  :text, :js, :css, :ics, :csv, :vcf, :png, :jpeg, :gif, :bmp, :tiff,
  :mpeg, :xml, :rss, :atom, :yaml, :multipart_form, :url_encoded_form,
  :json, :pdf, :zip], :variants=&gt;[], :handlers=&gt;[:erb, :builder, :raw,
  :ruby, :jbuilder, :coffee]}.&lt;/p&gt;
&lt;/blockquote&gt;
&lt;p&gt;How can I fix it and may there is a better way of doing it ?&lt;/p&gt;</t>
  </si>
  <si>
    <t>2014-07-31 10:41:43.250000+00:00</t>
  </si>
  <si>
    <t>2014-07-31 10:44:55.653000+00:00</t>
  </si>
  <si>
    <t>Strange bug in JS code (maybe some variable state caching)</t>
  </si>
  <si>
    <t>&lt;p&gt;I'm trying to make a small game using JS and Canvas. It is the implementation from old "Stack Attack" 2D platformer from Siemens cellphones.&lt;/p&gt;
&lt;p&gt;So I implemented some basic logic to spawn, move around and throw boxes.&lt;/p&gt;
&lt;p&gt;Then I came across a very strange bahaviour: sometimes boxes are thrown at the same position within a small time slice, and my special "protecting" function that checks if the column is "available" for throwing at the current moment does not help. Thus the boxes overlap and are going down partly overlapping each other.&lt;/p&gt;
&lt;p&gt;I don't know how to efficiently debug this, so I kindly ask to help me with this error. Maybe there is a simple logical mistake in my code that I did not notice.&lt;/p&gt;
&lt;p&gt;I made a codepen here: &lt;a href="https://codepen.io/anon/pen/ajrqMB" rel="nofollow noreferrer"&gt;https://codepen.io/anon/pen/ajrqMB&lt;/a&gt;&lt;/p&gt;
&lt;p&gt;Function moving the boxes down:&lt;/p&gt;
&lt;pre&gt;&lt;code&gt;function moveColumnDown(pos) {
   var b = []
   for (var i = 0; i &amp;lt; boxes.length; i++) {
      if (boxes[i].x / cw == pos) {
         b.push(boxes[i])
      }
   }
   for (var i = 0; i &amp;lt; b.length; i++) {
      if (i == 0 &amp;amp;&amp;amp; b[i].y &amp;lt; height-3-ch ||
          i &amp;gt; 0 &amp;amp;&amp;amp; b[i].y + ch &amp;lt; b[i-1].y) {
         for (var j = i; j &amp;lt; b.length; j++) {
            b[j].y += spd_y
         }
         break;
      }
   }
   cols_state[pos] = (b.length == 0 || b[b.length-1].y &amp;gt;= y_offset+ch)
}
&lt;/code&gt;&lt;/pre&gt;
&lt;p&gt;I'm looking at this code and can't unserstand how even the top overlapping box is going down: the condition &lt;code&gt;i &amp;gt; 0 &amp;amp;&amp;amp; b[i].y + ch &amp;lt; b[i-1].y&lt;/code&gt; where &lt;code&gt;ch&lt;/code&gt; is a single box height should not be satisfied for it anyway...&lt;/p&gt;
&lt;p&gt;Also, this line&lt;/p&gt;
&lt;pre&gt;&lt;code&gt;cols_state[pos] = (b.length == 0 || b[b.length-1].y &amp;gt;= y_offset+ch)
&lt;/code&gt;&lt;/pre&gt;
&lt;p&gt;in the end of the function updates the column state. When the box get dropped, column state is set to &lt;code&gt;false&lt;/code&gt;. After the box has moved down a little bit in the function &lt;code&gt;moveColumnDown()&lt;/code&gt; the state is updated - to &lt;code&gt;false&lt;/code&gt; again, I suppose. But still the next box gets dropped for some unknown reason. I thought that maybe they get dropped at the same tick, when the column state is still &lt;code&gt;true&lt;/code&gt; - but even in this case assigning &lt;code&gt;false&lt;/code&gt; in the &lt;code&gt;drop()&lt;/code&gt; function should have mitigated the problem. But the problem still persists.&lt;/p&gt;
&lt;p&gt;UPDATE: It seems that the number of dropped boxes in the model doesn't match the real number of displayed boxes (it is much bigger). That's also very strange. On this picture there is 46 boxes (not on the conveyor), but the &lt;code&gt;boxes[]&lt;/code&gt; array contains 53 elements.&lt;/p&gt;
&lt;p&gt;&lt;a href="https://i.stack.imgur.com/cNgNN.png" rel="nofollow noreferrer"&gt;&lt;img src="https://i.stack.imgur.com/cNgNN.png" alt="screenshot"&gt;&lt;/a&gt;&lt;/p&gt;</t>
  </si>
  <si>
    <t>2018-08-15 14:54:44.790000+00:00</t>
  </si>
  <si>
    <t>2018-08-15 16:04:53.310000+00:00</t>
  </si>
  <si>
    <t>javascript|canvas</t>
  </si>
  <si>
    <t>Spotfire report appearing blank when published</t>
  </si>
  <si>
    <t>&lt;p&gt;I have created a report in Spotfire that appears fine in the software itself but when accessed through our web player it just presents a blank screen.&lt;/p&gt;
&lt;p&gt;I have created another report, which works perfectly, using the same data table and the connection strings and login details are the same.&lt;/p&gt;
&lt;p&gt;I've asked everyone here that uses Spotfire and nobody has seen the problem before.   Any suggestions on what the problem may be or where I might try looking would be greatly appreciated!!&lt;/p&gt;
&lt;p&gt;B&lt;/p&gt;</t>
  </si>
  <si>
    <t>2014-11-04 11:04:29.660000+00:00</t>
  </si>
  <si>
    <t>2015-02-05 06:58:05.610000+00:00</t>
  </si>
  <si>
    <t>report|publishing|spotfire</t>
  </si>
  <si>
    <t>window.onbeforeunload, window.unload, window.beforeunload functions are not working in IE and Mozilla</t>
  </si>
  <si>
    <t>&lt;pre&gt;&lt;code&gt;window.onbeforeunload = function (event) {            
    // I need to call an API here but the window is closing
    // before making that HTTP call
    parent.API.LMSFinish("").then(function () { })
};
&lt;/code&gt;&lt;/pre&gt;
&lt;p&gt;Is there any other way to call window.onbeforeunload function?&lt;/p&gt;</t>
  </si>
  <si>
    <t>2016-11-30 08:44:16.563000+00:00</t>
  </si>
  <si>
    <t>2016-11-30 09:32:27.397000+00:00</t>
  </si>
  <si>
    <t>2016-11-30 09:17:18.193000+00:00</t>
  </si>
  <si>
    <t>javascript|jquery|angularjs</t>
  </si>
  <si>
    <t>predictBinomial method slow from Java code</t>
  </si>
  <si>
    <t>&lt;p&gt;I am new to H2o. I am calling the predictBinomial method from a Java application and I am getting the correct results back, but it takes a long time to respond. Here is my scenario:&lt;/p&gt;
&lt;p&gt;I am exposing a web service method where I receive the name of the class (modelName) and using ClassLoader to load it (the idea is to allow business users to upload their compiled models to the server and be able to call the service without any development required):&lt;/p&gt;
&lt;pre&gt;&lt;code&gt;ClassLoader classLoader = new URLClassLoader(
                new URL[]{new URL(String.format("%s%s/", H2O_MODELS_URI, modelName))}, this.getClass().getClassLoader());
&lt;/code&gt;&lt;/pre&gt;
&lt;p&gt;then I instantiate the raw model:&lt;/p&gt;
&lt;pre&gt;&lt;code&gt;hex.genmodel.GenModel rawModel = (hex.genmodel.GenModel) classLoader.loadClass(modelName).newInstance();
&lt;/code&gt;&lt;/pre&gt;
&lt;p&gt;Instantiate the wrapper:&lt;/p&gt;
&lt;pre&gt;&lt;code&gt;EasyPredictModelWrapper model = new EasyPredictModelWrapper(rawModel);
&lt;/code&gt;&lt;/pre&gt;
&lt;p&gt;Prepare the RowData (modelParameters received as service parameters):&lt;/p&gt;
&lt;pre&gt;&lt;code&gt;RowData row = _h20ParametersMapper.map(modelParameters); 
&lt;/code&gt;&lt;/pre&gt;
&lt;p&gt;Until here, everything goes smoothly, but when I call&lt;/p&gt;
&lt;pre&gt;&lt;code&gt;BinomialModelPrediction binomialPrediction = model.predictBinomial(row);
&lt;/code&gt;&lt;/pre&gt;
&lt;p&gt;It takes more than 10 seconds to return a response, which doesn't work for us. Do you see any way I could gain some performance? I am referencing the h2o-genmodel:3.18.0.3 library.&lt;/p&gt;
&lt;p&gt;Thanks!&lt;/p&gt;</t>
  </si>
  <si>
    <t>2018-03-26 21:41:43.873000+00:00</t>
  </si>
  <si>
    <t>2018-03-27 04:00:22.400000+00:00</t>
  </si>
  <si>
    <t>h2o</t>
  </si>
  <si>
    <t>Cmd start command ignores /min switch</t>
  </si>
  <si>
    <t>&lt;p&gt;I'm running windows 2012 and whenever I type this in console:&lt;/p&gt;
&lt;pre&gt;&lt;code&gt;start /min calc.exe
&lt;/code&gt;&lt;/pre&gt;
&lt;p&gt;It opens the application but, it's not minimized to taskbar.&lt;/p&gt;
&lt;p&gt;On Windonws 8.1 it actually does minimize it.&lt;/p&gt;
&lt;p&gt;Any ideas why?&lt;/p&gt;
&lt;p&gt;&lt;strong&gt;Edit:&lt;/strong&gt; I want to be specific about this question as it is getting confused.&lt;/p&gt;
&lt;p&gt;&lt;em&gt;calc.exe&lt;/em&gt; above was just an example to demonstrate that /min switch is not working.&lt;/p&gt;
&lt;p&gt;My real goal is to launch &lt;em&gt;python&lt;/em&gt; and &lt;em&gt;chrome&lt;/em&gt; minimized in Win 2012 R2 via command line.&lt;/p&gt;
&lt;p&gt;Both of them do launch minimized in 8.1 when using the /min switch.&lt;/p&gt;</t>
  </si>
  <si>
    <t>2017-04-01 17:39:11.650000+00:00</t>
  </si>
  <si>
    <t>2017-04-10 18:08:48.537000+00:00</t>
  </si>
  <si>
    <t>2017-04-02 15:05:09.587000+00:00</t>
  </si>
  <si>
    <t>windows|shell|cmd|minimize|windows2012</t>
  </si>
  <si>
    <t>how to remain position alltought rectangle was hidden in rdlc Report</t>
  </si>
  <si>
    <t>&lt;p&gt;I insert a rectangle on the top of a report and set Visible = Hide 
under the rectangle has a textbox.
But when report was loaded. A textbox will move up replace rectangle was hidden.&lt;/p&gt;
&lt;p&gt;How to remain a position of the textbox?&lt;/p&gt;</t>
  </si>
  <si>
    <t>2016-07-07 02:46:00.587000+00:00</t>
  </si>
  <si>
    <t>2016-07-08 13:58:49.860000+00:00</t>
  </si>
  <si>
    <t>reporting-services|rdlc|reportviewer</t>
  </si>
  <si>
    <t>How are post-conditions implemented with CQRS?</t>
  </si>
  <si>
    <t>&lt;p&gt;How does CQRS handle post-conditions on immediately consistent models? I realise something like this is irrelevant on an eventually consistent system w/ event sourcing etc. But if I just wanted to apply vanilla CQRS to a simple interface, how would I write my post-conditions? Is the idea of CQRS to always assume eventual consistency?&lt;/p&gt;
&lt;p&gt;&lt;strong&gt;CRUD:&lt;/strong&gt;&lt;/p&gt;
&lt;pre&gt;&lt;code&gt;IDictionary
{
   void Set(string key, object value); // Ensures: Get(key) == value
   object Get(string key);
}
&lt;/code&gt;&lt;/pre&gt;
&lt;p&gt;&lt;strong&gt;CQRS:&lt;/strong&gt;&lt;/p&gt;
&lt;pre&gt;&lt;code&gt;IDictionaryQueries
{
   object Get(string key);
}
IDictionaryCommands
{
   void Set(string key, object value); // Ensures: ???
}
&lt;/code&gt;&lt;/pre&gt;</t>
  </si>
  <si>
    <t>2012-09-14 09:07:08.420000+00:00</t>
  </si>
  <si>
    <t>2012-09-15 04:00:46.723000+00:00</t>
  </si>
  <si>
    <t>.net|code-contracts|cqrs|eventual-consistency|formal-verification</t>
  </si>
  <si>
    <t>CSS Background url inside Div not showing up</t>
  </si>
  <si>
    <t>&lt;p&gt;My first question so please go easy. I've been stumped on this for a day now and can't work out what the issue is. Essentially I have a div with an ID that i'm adding a background url too..image1 inside the main div. Essentially it's an image that swaps when I hover. I've gone right back to basics and tried this code in a fresh document and it works perfectly. However when I paste the same code in the file i'm trying to work on the image doesn't display. No idea what would be stopping it?&lt;/p&gt;
&lt;ul&gt;
&lt;li&gt;The div id is working. I styled an empty red box to test it out.&lt;/li&gt;
&lt;li&gt;The path is correct. I even went as far as to paste the image into my root for the sake of simplicity. Still nothing.&lt;/li&gt;
&lt;/ul&gt;
&lt;p&gt;Any help would be appreciated.&lt;/p&gt;
&lt;p&gt;html:&lt;/p&gt;
&lt;pre&gt;&lt;code&gt;&amp;lt;div id="main"&amp;gt;
 &amp;lt;h1&amp;gt; &amp;lt;!--  something something about us --&amp;gt;  &amp;lt;/h1&amp;gt;
&amp;lt;p&amp;gt;The Custom House clock struck one. Mr. Fogg observed that his    watch was two hours too fast.
Two hours! Admitting that he was at this moment taking an express train, he could reach London and the Reform Club by a quarter before nine, p.m. His forehead slightly wrinkled.&amp;lt;/p&amp;gt;
&amp;lt;div id="image1"&amp;gt; &amp;lt;/div&amp;gt; &amp;lt;!-- This is the part i'm having trouble with--&amp;gt;
&lt;/code&gt;&lt;/pre&gt;
&lt;p&gt; &lt;/p&gt;
&lt;p&gt;CSS (including all css for #main):&lt;/p&gt;
&lt;pre&gt;&lt;code&gt;#main h1 {
        text-align: center;
        padding: 30px 0 0 0;
        color: #4b4b4c;
        }
#main {height: 685px;}
#main p {
        padding: 20px 50px 0 50px;
        width: 60%;
        margin: 0 auto;
        text-align: center;
        font-size: 15px;
        color: #868686;
            }
/* rollover css images */
#image1 {
    background: url(contextmap.jpg) no-repeat;
    width: 400px;
    height: 400px;
            }
&lt;/code&gt;&lt;/pre&gt;
&lt;p&gt;I haven't added the hover yet because I can't even get the initial image to display, yet everything worked fine in my sample using only this code.&lt;/p&gt;
&lt;p&gt;If there's anything i've left out please let me know. Like I said this is my first time posing a question. Thankyou.&lt;/p&gt;</t>
  </si>
  <si>
    <t>2015-11-23 01:00:07.390000+00:00</t>
  </si>
  <si>
    <t>2015-11-23 01:38:58.700000+00:00</t>
  </si>
  <si>
    <t>Need help doing some tricky log-in using iframe</t>
  </si>
  <si>
    <t>&lt;p&gt;I have no idea how to direct/target the result of this login form post to a specific page on my site, where an Iframe will control the session. Yes, I could just use a standard Iframe to show the remote site's login form to the user, but I'd like to use my own if at all possible.&lt;/p&gt;
&lt;p&gt;I'm going to add a concrete example:&lt;/p&gt;
&lt;p&gt;My page with the login form is here:
clients.connectedmanagement.com/login.html&lt;/p&gt;
&lt;p&gt;You will see that the current form calls a remote site, as follows:
&lt;/p&gt;
&lt;p&gt;After the user submits their username/password into the form on login.html, I need them taken to the following page on my site, with the results shown in an iframe:
clients.connectedmanagement.com/newpage.html&lt;/p&gt;
&lt;p&gt;Right now, newpage.html simply has an Iframe. How can I get the resulting &lt;a href="https://rwa.rentmanager.com" rel="nofollow"&gt;https://rwa.rentmanager.com&lt;/a&gt; page to display in the iframe located on newpage.html, after a user submits the current login form on login.html?&lt;/p&gt;</t>
  </si>
  <si>
    <t>2014-08-09 01:52:44.713000+00:00</t>
  </si>
  <si>
    <t>2014-08-10 03:32:26.993000+00:00</t>
  </si>
  <si>
    <t>javascript|html|iframe</t>
  </si>
  <si>
    <t>How to Update data in 4th tab fragment from main activity android?</t>
  </si>
  <si>
    <t>&lt;p&gt;&lt;strong&gt;I have 4 tab in mainactivity with viewpagerAdpater. From 4th fragment I am going to another activity and from there I am passing data throguh bundle into main activity . Now senario is taht I wanted to send that data Into 4th tab fragment.
I aprecaite if anyone explain me out with correct solution.&lt;/strong&gt;&lt;/p&gt;
&lt;pre&gt;&lt;code&gt;    import android.os.Bundle;
    import android.support.design.widget.TabLayout;
    import android.support.v4.view.ViewPager;
    import android.support.v7.app.AppCompatActivity;
    import android.support.v7.widget.Toolbar;
    import android.view.Menu;
    import android.view.MenuItem;
    public class MainActivity extends AppCompatActivity {
    @Override
    protected void onCreate(Bundle savedInstanceState) {
        super.onCreate(savedInstanceState);
        setContentView(R.layout.activity_main);
        Toolbar toolbar = (Toolbar) findViewById(R.id.toolbar);
        setSupportActionBar(toolbar);
        TabLayout tabLayout = (TabLayout) findViewById(R.id.tab_layout);
        tabLayout.addTab(tabLayout.newTab().setText("Tab 1"));
        tabLayout.addTab(tabLayout.newTab().setText("Tab 2"));
        tabLayout.addTab(tabLayout.newTab().setText("Tab 3"));
        tabLayout.setTabGravity(TabLayout.GRAVITY_FILL);
        final ViewPager viewPager = (ViewPager) findViewById(R.id.pager);
        final PagerAdapter adapter = new PagerAdapter
                (getSupportFragmentManager(), tabLayout.getTabCount());
        viewPager.setAdapter(adapter);
        viewPager.addOnPageChangeListener(new TabLayout.TabLayoutOnPageChangeListener(tabLayout));
        tabLayout.setOnTabSelectedListener(new TabLayout.OnTabSelectedListener() {
            @Override
            public void onTabSelected(TabLayout.Tab tab) {
                viewPager.setCurrentItem(tab.getPosition());
            }
            @Override
            public void onTabUnselected(TabLayout.Tab tab) {
            }
            @Override
            public void onTabReselected(TabLayout.Tab tab) {
            }
        });
    }
    @Override
    public boolean onCreateOptionsMenu(Menu menu) {
        getMenuInflater().inflate(R.menu.menu_main, menu);
        return true;
    }
    @Override
    public boolean onOptionsItemSelected(MenuItem item) {
        int id = item.getItemId();
        if (id == R.id.action_settings) {
            return true;
        }
        return super.onOptionsItemSelected(item);
    }
  }
  Tab3--- I wanted to send data directly mainacitivty to 3 fragment .
public class TabFragment3 extends Fragment {
     @Override
     public View onCreateView(LayoutInflater inflater, ViewGroup container, 
     Bundle savedInstanceState) {
        return inflater.inflate(R.layout.tab_fragment_3, container, false);
     }
    }
&lt;/code&gt;&lt;/pre&gt;</t>
  </si>
  <si>
    <t>2017-08-25 21:10:08.060000+00:00</t>
  </si>
  <si>
    <t>2017-08-25 22:10:23.807000+00:00</t>
  </si>
  <si>
    <t>android|performance|android-layout|android-fragments|android-viewpager</t>
  </si>
  <si>
    <t>64 bit code generated by GCC is 3 times slower than 32 bit</t>
  </si>
  <si>
    <t>&lt;p&gt;I've noticed that my code runs on 64 bit Linux much slower than on 32 bit Linux or 64 bit Window or 64 bit Mac. This is minimal test case.&lt;/p&gt;
&lt;pre&gt;&lt;code&gt;#include &amp;lt;stdlib.h&amp;gt;
typedef unsigned char UINT8;
void
stretch(UINT8 * lineOut, UINT8 * lineIn, int xsize, float *kk)
{
    int xx, x;
    for (xx = 0; xx &amp;lt; xsize; xx++) {
        float ss = 0.0;
        for (x = 0; x &amp;lt; xsize; x++) {
            ss += lineIn[x] * kk[x];
        }
        lineOut[xx] = (UINT8) ss;
    }
}
int
main( int argc, char** argv )
{
    int i;
    int xsize = 2048;
    UINT8 *lineIn = calloc(xsize, sizeof(UINT8));
    UINT8 *lineOut = calloc(xsize, sizeof(UINT8));
    float *kk = calloc(xsize, sizeof(float));
    for (i = 0; i &amp;lt; 1024; i++) {
        stretch(lineOut, lineIn, xsize, kk);
    }
    return 0;
}
&lt;/code&gt;&lt;/pre&gt;
&lt;p&gt;And there is how it runs:&lt;/p&gt;
&lt;pre&gt;&lt;code&gt;$ cc --version
cc (Ubuntu 4.8.2-19ubuntu1) 4.8.2
$ cc -O2 -Wall -m64 ./tt.c -o ./tt &amp;amp;&amp;amp; time ./tt
user  14.166s
$ cc -O2 -Wall -m32 ./tt.c -o ./tt &amp;amp;&amp;amp; time ./tt
user  5.018s
&lt;/code&gt;&lt;/pre&gt;
&lt;p&gt;As you can see, 32 bit version runs almost 3 times faster (I've tested both on 32bit and 64bit Ubuntu, result the same). And even more strange what performance depends on C standard:&lt;/p&gt;
&lt;pre&gt;&lt;code&gt;$ cc -O2 -Wall -std=c99 -m32 ./tt.c -o ./tt &amp;amp;&amp;amp; time ./tt
user  15.825s
$ cc -O2 -Wall -std=gnu99 -m32 ./tt.c -o ./tt &amp;amp;&amp;amp; time ./tt
user  5.090s
&lt;/code&gt;&lt;/pre&gt;
&lt;p&gt;How can it be? How can I workaround this to speed up 64 bit version generated by GCC.&lt;/p&gt;
&lt;p&gt;&lt;strong&gt;Update 1&lt;/strong&gt;&lt;/p&gt;
&lt;p&gt;I've compared assembler produced by fast 32 bit (default and gnu99) and slow (c99) and found following:&lt;/p&gt;
&lt;pre&gt;&lt;code&gt;.L5:
  movzbl    (%ebx,%eax), %edx   # MEM[base: lineIn_10(D), index: _72, offset: 0B], D.1543
  movl  %edx, (%esp)    # D.1543,
  fildl (%esp)  #
  fmuls (%esi,%eax,4)   # MEM[base: kk_18(D), index: _72, step: 4, offset: 0B]
  addl  $1, %eax    #, x
  cmpl  %ecx, %eax  # xsize, x
  faddp %st, %st(1) #,
  fstps 12(%esp)    #
  flds  12(%esp)    #
  jne   .L5 #,
&lt;/code&gt;&lt;/pre&gt;
&lt;p&gt;There is no &lt;code&gt;fstps&lt;/code&gt; and &lt;code&gt;flds&lt;/code&gt; commands in fast case. So GCC stores and loads value from memory on each step. I've tried &lt;code&gt;register float&lt;/code&gt; type, but this doesn't help.&lt;/p&gt;
&lt;p&gt;&lt;strong&gt;Update 2&lt;/strong&gt;&lt;/p&gt;
&lt;p&gt;I've tested on gcc-4.9 and looks like it generates optimal code for 64 bit. And &lt;code&gt;-ffast-math&lt;/code&gt; (suggested by @jch) fixes &lt;code&gt;-m32 -std=c99&lt;/code&gt; for both GCC versions. I'm still looking for solution for 64 bit on gcc-4.8, because it is more common version for now that 4.9.&lt;/p&gt;</t>
  </si>
  <si>
    <t>2014-10-27 10:55:27.733000+00:00</t>
  </si>
  <si>
    <t>2018-04-02 13:45:11.607000+00:00</t>
  </si>
  <si>
    <t>2014-10-27 12:49:29.780000+00:00</t>
  </si>
  <si>
    <t>c|performance|gcc|64bit</t>
  </si>
  <si>
    <t>Clean a list from leading certain instances</t>
  </si>
  <si>
    <t>&lt;p&gt;I would like to clean a list from leading occurrences of &lt;code&gt;'a'&lt;/code&gt;. That is, &lt;code&gt;['a', 'a', 'b', 'b']&lt;/code&gt; should become &lt;code&gt;['b', 'b']&lt;/code&gt; and at the same time &lt;code&gt;['b', 'a', 'a', 'b']&lt;/code&gt; should be kept unchanged.&lt;/p&gt;
&lt;pre&gt;&lt;code&gt;def remove_leading_items(l):
    if len(l) == 1 or l[0] != 'a':
        return l
    else:
        return remove_leading_items(l[1:])
&lt;/code&gt;&lt;/pre&gt;
&lt;p&gt;Is there a more pythonic way to do it?&lt;/p&gt;</t>
  </si>
  <si>
    <t>2018-02-16 07:20:43.480000+00:00</t>
  </si>
  <si>
    <t>2018-02-16 21:58:32.773000+00:00</t>
  </si>
  <si>
    <t>Cacti Thresholds to Send SNMP Trap</t>
  </si>
  <si>
    <t>&lt;p&gt;I recently started working with Cacti and Nagios on Ubuntu and I have limited knowledge of them. Currently Cacti sends an email when a threshold is changed. I would like to also have this threshold send an SNMP alert, in addition to the current email.&lt;/p&gt;
&lt;p&gt;I googled this but could not find an exact answer. Is there any easy way to archive this? Am I missing any settings or something?&lt;/p&gt;</t>
  </si>
  <si>
    <t>2015-05-28 22:10:50.457000+00:00</t>
  </si>
  <si>
    <t>2015-05-29 08:13:50.870000+00:00</t>
  </si>
  <si>
    <t>ubuntu|snmp|nagios|cacti</t>
  </si>
  <si>
    <t>Why my code isn't giving the correct substring in the string?</t>
  </si>
  <si>
    <t>&lt;pre&gt;&lt;code&gt;#include &amp;lt;iostream&amp;gt;
using namespace std;
bool RKalgorithm(string pat,string s){
    int patL=pat.length();
    int q=101;
    int pat_hash=0,str_hash=0;
    for(int i=0;pat[i];i++){
        pat_hash+=(pat[i]-'a')%q;
    }
    for(int i=0;i&amp;lt;patL;i++){
        str_hash+=(s[i]-'a')%q;
    }
    if(pat_hash==str_hash){
        if(s.substr(0,patL)==pat)
            return true;
    }
    int x=0;
    for(int i=patL;i&amp;lt;s.length();i++){
        str_hash-=(s[x]-'a')%q;
        str_hash+=(s[i]-'a')%q;
        x++;
        cout&amp;lt;&amp;lt;x&amp;lt;&amp;lt;" "&amp;lt;&amp;lt;i&amp;lt;&amp;lt;endl;
        cout&amp;lt;&amp;lt;s.substr(x,i)&amp;lt;&amp;lt;endl; //When i try to print it is giving the odd results
    }
    return false;
}
bool isRotatedStrOfs1(string s1,string s2){
    string temp=s2+s2;
    return RKalgorithm(s1,temp);
}
int main(){
    string s1,s2;
    cin&amp;gt;&amp;gt;s1&amp;gt;&amp;gt;s2;
    bool res=isRotatedStrOfs1(s1,s2);
    if(res)
        cout&amp;lt;&amp;lt;"Strings are rotations of each other"&amp;lt;&amp;lt;endl;
    else
        cout&amp;lt;&amp;lt;"Strings are not rotations of each other"&amp;lt;&amp;lt;endl;
    return 0;
}
&lt;/code&gt;&lt;/pre&gt;
&lt;p&gt;INPUT : aacd     acda &lt;/p&gt;
&lt;p&gt;OUPUT :&lt;/p&gt;
&lt;p&gt;1 4&lt;/p&gt;
&lt;p&gt;cdaa&lt;/p&gt;
&lt;p&gt;2 5&lt;/p&gt;
&lt;p&gt;daacd   // Why it is giving me the substring with length 5?&lt;/p&gt;
&lt;p&gt;3 6&lt;/p&gt;
&lt;p&gt;aacda  // Why it is giving me the substring with length 5?&lt;/p&gt;
&lt;p&gt;4 7&lt;/p&gt;
&lt;p&gt;acda&lt;/p&gt;
&lt;p&gt;Strings are not rotations of each other&lt;/p&gt;
&lt;p&gt;Can anyone help me ?
Thanks in advance.&lt;/p&gt;</t>
  </si>
  <si>
    <t>2018-01-17 06:07:54.413000+00:00</t>
  </si>
  <si>
    <t>string|c++14|substr</t>
  </si>
  <si>
    <t>Drawing an HTML table via D3 doesn't update existing data</t>
  </si>
  <si>
    <t>&lt;p&gt;I'm using D3 to draw an HTML table, and things work great on enter.  When I add a new item to my data collection, it adds the new item to the table correctly.&lt;/p&gt;
&lt;p&gt;The problem is whenever I update an existing object (an object in the backgroundJobs collection below) within the collection.  When I re-run the D3 code to sync up the table, it does not work.  Nothing happens.&lt;/p&gt;
&lt;p&gt;Here's the code:&lt;/p&gt;
&lt;pre&gt;&lt;code&gt;var visibleColumns = ['Name', 'Start', 'End', 'Status', 'Metadata', 'Errors'];
var table = d3.select('#jobs').append('table');
var thead = table.append('thead');
var tbody = table.append('tbody');
thead.append("tr")
    .selectAll("th")
    .data(visibleColumns)
    .enter()
    .append("th")
    .text(function (column) { return column; });
function tick() {
    var rows = tbody.selectAll("tr")
        .data(backgroundJobs, function(d) {
            return d.name;
        })
        .enter()
        .append("tr");
    var cells = rows.selectAll("td")
        .data(function(row) {
            return [{column: 'Name', value: row.name},
                    {column: 'Start', value: row.startedTimestamp},
                    {column: 'End', value: row.endedTimestamp},
                    {column: 'Status', value: row.isRunning},
                    {column: 'Metadata', value: ''},
                    {column: 'Errors', value: row.errorMsg}];
        })
       .enter()
        .append("td")
        .text(function(d) { return d.value; });
}
setInterval(tick, 500);
&lt;/code&gt;&lt;/pre&gt;</t>
  </si>
  <si>
    <t>2013-08-02 17:10:23.460000+00:00</t>
  </si>
  <si>
    <t>2016-11-28 18:28:58.563000+00:00</t>
  </si>
  <si>
    <t>2014-01-08 00:10:01.530000+00:00</t>
  </si>
  <si>
    <t>javascript|d3.js|html-table</t>
  </si>
  <si>
    <t>Maven project execution command</t>
  </si>
  <si>
    <t>&lt;p&gt;Below is my sample class file:&lt;/p&gt;
&lt;pre&gt;&lt;code&gt;package org.foo.tutorial;
public class App 
{
    public static void main( String[] args )
    {
        System.out.println( "Hello World!" );
    }
}
&lt;/code&gt;&lt;/pre&gt;
&lt;p&gt;In order to execute the project (maven framework) we run:&lt;/p&gt;
&lt;pre&gt;&lt;code&gt;&amp;gt;java -cp Something-1.0.SNAPSHOT.jar org.foo.tutorial.APP
&lt;/code&gt;&lt;/pre&gt;
&lt;p&gt;The above command works fine and gives me the output 'HELLO WORLD'.&lt;/p&gt;
&lt;p&gt;However, if I leave out the third argument in the above command (org.foo.tutorial.APP) I get the following error: &lt;/p&gt;
&lt;pre&gt;&lt;code&gt; Error: Could not find or load main class target.MavenTutorialApp-1.0-SNAPSHOT.jar
&lt;/code&gt;&lt;/pre&gt;
&lt;p&gt;My question is:&lt;/p&gt;
&lt;p&gt;Why should the groupId and app name matter when I am supplying the entire 'jar' file ?&lt;/p&gt;</t>
  </si>
  <si>
    <t>2015-09-16 15:34:07.873000+00:00</t>
  </si>
  <si>
    <t>2015-09-17 05:47:28.707000+00:00</t>
  </si>
  <si>
    <t>How do I update latest_tagged_content in xf_tinhte_xentag_tag row?</t>
  </si>
  <si>
    <t>&lt;p&gt;I've created a XenForo thread and post which have been created in db and serialized tag is in the thread, but the tag row is not updated to include the latest_tagged_content.&lt;/p&gt;
&lt;p&gt;What is the best way to update the tag row with new thread/post?&lt;/p&gt;
&lt;pre&gt;&lt;code&gt;$writer = XenForo_DataWriter::create('XenForo_DataWriter_Discussion_Thread');
$writer-&amp;gt;set('user_id', $user_id);
$writer-&amp;gt;set('username', "xxxxx");
$writer-&amp;gt;set('node_id', $node['node_id']);
$writer-&amp;gt;set('title', "Initial Post");
$writer-&amp;gt;set('tinhte_xentag_tags', serialize(Array('tag_text'=&amp;gt;$tag['tag_text'])));
$postWriter = $writer-&amp;gt;getFirstMessageDw();
$postWriter-&amp;gt;set('message', "Initial Post");
$writer-&amp;gt;save();
&lt;/code&gt;&lt;/pre&gt;</t>
  </si>
  <si>
    <t>2014-10-24 09:54:02.050000+00:00</t>
  </si>
  <si>
    <t>2014-10-30 01:01:55.727000+00:00</t>
  </si>
  <si>
    <t>php|xenforo</t>
  </si>
  <si>
    <t>Adding a sidebar and footer to a table</t>
  </si>
  <si>
    <t>&lt;p&gt;So I have a table that looks like this:&lt;/p&gt;
&lt;pre&gt;&lt;code&gt;+++++++++++
+    +    +
+ TD + TD +
+    +    +
+++++++++++
+    +    +
+ TD + TD +
+    +    +
+++++++++++
&lt;/code&gt;&lt;/pre&gt;
&lt;p&gt;And I can't seem to figure out how to add a sidebar:&lt;/p&gt;
&lt;pre&gt;&lt;code&gt;++++++++++++++++
+    +    + S  +
+ TD + TD + I  +
+    +    + D  +
+++++++++++ E  +
+    +    + B  +
+ TD + TD + A  +
+    +    + R  +
++++++++++++++++
&lt;/code&gt;&lt;/pre&gt;
&lt;p&gt;Or a footer&lt;/p&gt;
&lt;pre&gt;&lt;code&gt;++++++++++++++++
+    +    + S  +
+ TD + TD + I  +
+    +    + D  +
+++++++++++ E  +
+    +    + B  +
+ TD + TD + A  +
+    +    + R  +
++++++++++++++++
+         +
+ FOOTER  +
+         +
+++++++++++
&lt;/code&gt;&lt;/pre&gt;
&lt;p&gt;So, aside from my terrible ASCII skills, this is the HTML that I mentioned in the first model:&lt;/p&gt;
&lt;pre&gt;&lt;code&gt;&amp;lt;!-- Flatly, a baller theme, I use it in almost all projects --&amp;gt;
&amp;lt;link href = "https://bootswatch.com/flatly/bootstrap.min.css" rel = "stylesheet" type = "text/css"&amp;gt;
&amp;lt;table&amp;gt;
  &amp;lt;tr&amp;gt;
    &amp;lt;td&amp;gt;&amp;lt;/td&amp;gt;
    &amp;lt;td&amp;gt;&amp;lt;/td&amp;gt;
  &amp;lt;/tr&amp;gt;
  &amp;lt;tr&amp;gt;
    &amp;lt;td&amp;gt;&amp;lt;/td&amp;gt;
    &amp;lt;td&amp;gt;&amp;lt;/td&amp;gt;
  &amp;lt;/tr&amp;gt;
&amp;lt;/table&amp;gt;
&lt;/code&gt;&lt;/pre&gt;
&lt;p&gt;And the CSS:&lt;/p&gt;
&lt;pre&gt;&lt;code&gt;td {
    width: 50px;
    height: 50px;
    border: solid #000 1px !important;
}
&lt;/code&gt;&lt;/pre&gt;
&lt;p&gt;Giving a result you can see at &lt;a href="https://jsfiddle.net/tv5od4fg/2/" rel="nofollow"&gt;this&lt;/a&gt; fiddle. &lt;/p&gt;
&lt;p&gt;Now, if you're wondering why I would possibly need to make this, its for a little experiment I'm making, which will allow you to add to the table by pressing the sidebar and footer to extend the table by rows and columns. I'm attempting to make the footer and sidebar the same height and width as the table. (As shown in model 3)&lt;/p&gt;</t>
  </si>
  <si>
    <t>2016-10-12 12:16:29.747000+00:00</t>
  </si>
  <si>
    <t>2016-10-12 12:35:47.110000+00:00</t>
  </si>
  <si>
    <t>Do nuget package project references get messed up when packages stored locally on a diff folder?</t>
  </si>
  <si>
    <t>&lt;p&gt;When another developer gets latest from the repository in TFS, the references for each project in the solution don't seem to link up correctly.&lt;/p&gt;
&lt;p&gt;From what I assumed, if you use nuget, it will automatically pull the necessary libraries for you no?   Do I have to go into vs.net and tell it to download the libraries?&lt;/p&gt;
&lt;p&gt;Or did I add something into TFS that I shouldn't have such that it is assuming my packages are stored at a particular path when they might not be when another developer downloads the repository?&lt;/p&gt;
&lt;p&gt;This is vs.net 2010.&lt;/p&gt;</t>
  </si>
  <si>
    <t>2013-04-11 16:04:02.797000+00:00</t>
  </si>
  <si>
    <t>2015-03-13 21:48:15.693000+00:00</t>
  </si>
  <si>
    <t>c#|visual-studio|tfs</t>
  </si>
  <si>
    <t>PHP multi dimensional array not working as intended</t>
  </si>
  <si>
    <t>&lt;p&gt;I want to create this response&lt;/p&gt;
&lt;pre&gt;&lt;code&gt;'Points' =&amp;gt; array(
    'Point' =&amp;gt; array(
                    array(
                          'Type' =&amp;gt; 'value',
                          'Zone'   =&amp;gt; 'value
                    ),
                    array(
                          'Type' =&amp;gt; 'value',
                          'Zone'   =&amp;gt; 'value'
                    )
              )  
    )
&lt;/code&gt;&lt;/pre&gt;
&lt;p&gt;My code gives me this:&lt;/p&gt;
&lt;pre&gt;&lt;code&gt;array:1 [���
  "Points" =&amp;gt; array:1 [���
    "Point" =&amp;gt; array:2 [���
      "Type" =&amp;gt; 4
      "Zone" =&amp;gt; "Front"
    ]
  ]
]
&lt;/code&gt;&lt;/pre&gt;
&lt;p&gt;Which is very close, unfortunately de Points key is being overwritten anyone knows what I am doing wrong?&lt;/p&gt;
&lt;pre&gt;&lt;code&gt;$pointsObject = array();
foreach ($points as $point) {
    $pointsObject['Points']['Point'] = array(
        'Type'  =&amp;gt; $point-&amp;gt;type,
        'Zone'  =&amp;gt; $point-&amp;gt;zone
    );
}
dd($pointsObject);
&lt;/code&gt;&lt;/pre&gt;</t>
  </si>
  <si>
    <t>2017-10-03 14:38:22.343000+00:00</t>
  </si>
  <si>
    <t>2017-10-03 14:45:04.713000+00:00</t>
  </si>
  <si>
    <t>SciPy Parabolic Cylinder D and Complex Arguments</t>
  </si>
  <si>
    <t>&lt;p&gt;I'm trying to use the Parabolic Cylinder D function from SciPy and am having trouble with complex arguments.  Sample code to produce the error is:&lt;/p&gt;
&lt;pre&gt;&lt;code&gt;#!/usr/bin/env python
import numpy
import scipy.special as special
# test real numbers
test = 0.735759
A = test - special.pbdv(1,2)[0]
print A
# test complex numbers.
test = 9.43487e-16+1j*5.1361
A = test - special.pbdv(3,-1j)[0]
print A
&lt;/code&gt;&lt;/pre&gt;
&lt;p&gt;The error I get is:&lt;/p&gt;
&lt;pre&gt;&lt;code&gt;---&amp;gt; 19 A = test - special.pbdv(3,-1j)[0]
     20 print A
     21 
TypeError: ufunc 'pbdv' not supported for the input types, and the inputs could not be 
safely coerced to any supported types according to the casting rule ''safe''
&lt;/code&gt;&lt;/pre&gt;
&lt;p&gt;&lt;a href="http://docs.scipy.org/doc/numpy/reference/ufuncs.html" rel="nofollow noreferrer"&gt;From the documentation&lt;/a&gt; it looks like the function is simply not defined to work with complex arguments.  Other scipy functions (like the Bessel function jv) explicitly state they accept complex arguments, so I don't think I am wrong in my reading of the error.&lt;/p&gt;
&lt;p&gt;My follow up question: Is there an implementation of the Parabolic Cylinder D function in python that accepts complex arguments?  I've tried constructing my own from &lt;a href="https://en.wikipedia.org/wiki/Parabolic_cylinder_function" rel="nofollow noreferrer"&gt;Abramowitz and Stegun&lt;/a&gt; but I can't seem to get it to agree with Mathematica.  Suggestions would be appreciated.  My google skills haven't uncovered anything.&lt;/p&gt;
&lt;p&gt;Edit:
&lt;a href="https://scicomp.stackexchange.com/questions/24074/simulation-of-parabolic-cylinder-function-ua-x-for-complex-arguments"&gt;Question is similar to the question here&lt;/a&gt;.&lt;/p&gt;</t>
  </si>
  <si>
    <t>2016-07-28 19:14:28.873000+00:00</t>
  </si>
  <si>
    <t>2016-07-28 23:50:54.657000+00:00</t>
  </si>
  <si>
    <t>2017-04-13 12:53:54.717000+00:00</t>
  </si>
  <si>
    <t>python|numpy|math|scipy</t>
  </si>
  <si>
    <t>A problem occurred configuring project ':CordovaLib'</t>
  </si>
  <si>
    <t>&lt;p&gt;BUILD FAILED in 3s&lt;/p&gt;
&lt;p&gt;cmd: &lt;/p&gt;
&lt;pre&gt;&lt;code&gt;Command failed with exit code 1 Error output:
FAILURE: Build failed with an exception.
&lt;/code&gt;&lt;/pre&gt;
&lt;ul&gt;
&lt;li&gt;What went wrong:
A problem occurred configuring project 'CordovaLib'.
&lt;blockquote&gt;
  &lt;p&gt;No toolchains found in the NDK toolchains folder for ABI with pref&lt;/p&gt;
&lt;/blockquote&gt;&lt;/li&gt;
&lt;li&gt;&lt;p&gt;Try:
Run with &lt;code&gt;--stacktrace&lt;/code&gt; option to get the stack trace. Run with &lt;code&gt;--infout&lt;/code&gt;.&lt;/p&gt;&lt;/li&gt;
&lt;li&gt;&lt;p&gt;Get more help at &lt;a href="https://help.gradle.org" rel="nofollow noreferrer"&gt;https://help.gradle.org&lt;/a&gt;&lt;/p&gt;&lt;/li&gt;
&lt;/ul&gt;
&lt;p&gt;BUILD FAILED in 3s&lt;/p&gt;
&lt;p&gt;&lt;code&gt;[ERROR] An error occurred while running subprocess Cordova.&lt;/code&gt;&lt;/p&gt;
&lt;pre&gt;&lt;code&gt;    cordova build android exited with exit code 1.
    Re-running this command with the --verbose flag may provide
&lt;/code&gt;&lt;/pre&gt;</t>
  </si>
  <si>
    <t>2018-10-09 09:34:34.627000+00:00</t>
  </si>
  <si>
    <t>2018-10-10 01:07:44.123000+00:00</t>
  </si>
  <si>
    <t>2018-10-09 11:57:29.453000+00:00</t>
  </si>
  <si>
    <t>cordova|sdk|android-ndk|ionic3</t>
  </si>
  <si>
    <t>Calendar extender not showing desires dates</t>
  </si>
  <si>
    <t>&lt;p&gt;Hi i am Using Ajax calendar extender.
My default date should be 01/01/1997 and i  disabled dates after 01/01/1997.
But when i click on textbox with calendar extender ,
todays date is shown  and cannot able to navigate as i have disabled that dates.
&lt;img src="https://i.stack.imgur.com/1XWoh.png" alt="enter image description here"&gt;
I want the dates  of 1997 to be shown when clicking on calendar.&lt;/p&gt;
&lt;pre&gt;&lt;code&gt;CalendarExtender1.SelectedDate = /*desired date now 01/01/1997*/
&lt;/code&gt;&lt;/pre&gt;
&lt;p&gt;
&lt;/p&gt;</t>
  </si>
  <si>
    <t>2014-03-25 05:37:08.010000+00:00</t>
  </si>
  <si>
    <t>2014-03-25 05:43:42.937000+00:00</t>
  </si>
  <si>
    <t>jquery|date|calendar|ajaxcontroltoolkit</t>
  </si>
  <si>
    <t>Raspberry Windows 10 difference between external USB Stick and external Harddisc</t>
  </si>
  <si>
    <t>&lt;p&gt;I wrote a foreground application in C# which collects images from different servers and stores them on SD card, USB stick, or disk.&lt;/p&gt;
&lt;p&gt;In the application manifest, I set read/write filetypes and access to 
removable drives.&lt;/p&gt;
&lt;p&gt;The application is working if I use a USB Stick to store data, or
if I use the system SD card.  But if I use an external HDD to store the data, the &lt;code&gt;StorageFolder.GetFolderFromPathAsync(DirName)&lt;/code&gt; fails. Why?&lt;/p&gt;
&lt;p&gt;The path is in both cases "E:\". In that Path I create sub directories,
where files should be created: &lt;/p&gt;
&lt;pre&gt;&lt;code&gt;   public async void GetWebImage(String urlStr, String filename)
    {
        try
        {
            try
            {
                String DirName  = Path.GetDirectoryName(filename);
                String FileName = Path.GetFileName(filename);
                // Folder Struktur erzeugen
                var rootFolder = await StorageFolder.GetFolderFromPathAsync(DirName);
                var http_file = await rootFolder.CreateFileAsync(FileName, CreationCollisionOption.ReplaceExisting);
                HttpWebRequest httpWebRequest = HttpWebRequest.CreateHttp(urlStr);
                HttpWebResponse response = (HttpWebResponse)await httpWebRequest.GetResponseAsync();
                Stream resStream = response.GetResponseStream();
                using (var stream = await http_file.OpenAsync(FileAccessMode.ReadWrite))
                {
                    await resStream.CopyToAsync(stream.AsStreamForWrite());
                }
                response.Dispose();
            }
            catch (Exception ex)//any exceptions happend while saving the picture
            {
                String s = ex.ToString();
            }
        }
        catch (Exception ex)
        {
            String s = ex.ToString();
        }
    }
&lt;/code&gt;&lt;/pre&gt;
&lt;p&gt;The Path and storage to external drives I get this way :&lt;/p&gt;
&lt;pre&gt;&lt;code&gt;// Get Path to first external Drive, otherwise "ExternalStorageFolder==null"
    public StorageFolder ExternalStorageFolder;
    private async void GetFirstExternalStoragePath()
    {
        try
        {
            StorageFolder externalDevices;
            IReadOnlyList&amp;lt;StorageFolder&amp;gt; externalDrives;
            externalDevices = Windows.Storage.KnownFolders.RemovableDevices;
            externalDrives = await externalDevices.GetFoldersAsync();
            ExternalStorageFolder = externalDrives[0];
            TxtStatus.Text = "External Drive:"+ ExternalStorageFolder.Path + " found.";
        }
        catch (Exception ex)
        {
            String s = "No external Drive found\n" + ex.ToString();
            TxtStatus.Text = s;
            ExternalStorageFolder = null;
        }
    }
&lt;/code&gt;&lt;/pre&gt;
&lt;p&gt;If I access directly via "ExternalStorageFolder" I get no "access denied"
But if I use the "GetFolderFromPathAsync(DirName) this fails... Why?&lt;/p&gt;</t>
  </si>
  <si>
    <t>2017-06-20 17:51:37.910000+00:00</t>
  </si>
  <si>
    <t>2017-06-20 19:32:44.990000+00:00</t>
  </si>
  <si>
    <t>raspberry-pi|windows-10-iot-core</t>
  </si>
  <si>
    <t>Why is my KendoUI Grid with MultiSelect list crashing with a "... status of 500 (Internal Server Error)"?</t>
  </si>
  <si>
    <t>&lt;p&gt;In my ASP.net MVC application I've a Kendo UI Grid with a MultiSelect list. What I'm trying to do is to filter the grid based on the selections made in the MultiSelect list, but my view is crashing with the following error:&lt;/p&gt;
&lt;blockquote&gt;
  &lt;p&gt;Failed to load resource: the server responded with a status of 500 (Internal Server Error) &lt;/p&gt;
&lt;/blockquote&gt;
&lt;p&gt;Here is my code:&lt;/p&gt;
&lt;pre&gt;&lt;code&gt;@(Html.Kendo().MultiSelect()
                 .Name("filter")
                 .DataValueField("SkillID")
                 .DataTextField("SkillName")
                 .Placeholder("Select Skills")
                 .Events(e =&amp;gt; e.Change("onChange"))
                 .AutoBind(false)                                   
                 .DataSource(source =&amp;gt;
                    {
                      source.Read(read =&amp;gt;
                            {
                              read.Action("GetSkills", "Home");
                           })
                 .ServerFiltering(true);
                })
          )
@(Html.Kendo().Grid(
  (IEnumerable&amp;lt;BugFree.ViewModels.TechSkillViewModel&amp;gt;)ViewBag.TechSkills)
        .Name("grid1")
        .Columns(columns =&amp;gt;
            {
               columns.Bound(technician =&amp;gt;    
                  technician.UserID).Filterable(false);
               columns.Bound(technician =&amp;gt; 
                   technician.FirstName).Filterable(false);
               })
          .Pageable()
          .Sortable()
          .Filterable()
          .DataSource(datasource =&amp;gt; datasource
                  .Ajax()
                  .PageSize(20)                                  
                  .ServerOperation(false)
                  .Read(read =&amp;gt; read.Action("GetTechnicians", "Home").Data("additionalData"))
       )
     )
&amp;lt;script&amp;gt;
function additionalData(e) {
    var value = $("#filter").data("kendoMultiSelect").value();
    alert(value);
    return { filter: value }; // send the filter value as part of the Read request
}
function onChange() {
    var grid = $("#grid1").data("kendoGrid");
    grid.dataSource.read(); // rebind the Grid's DataSource
}
&lt;/code&gt;&lt;/pre&gt;
&lt;p&gt;&lt;/p&gt;
&lt;p&gt;And here is the controller code:&lt;/p&gt;
&lt;pre&gt;&lt;code&gt;public ActionResult GetTechnicians(string filter, [DataSourceRequest] DataSourceRequest request )
    {   
        // Do the filtering here
        return Json(technicians, JsonRequestBehavior.AllowGet);
    }
&lt;/code&gt;&lt;/pre&gt;</t>
  </si>
  <si>
    <t>2016-04-08 21:47:27.680000+00:00</t>
  </si>
  <si>
    <t>2016-04-11 12:30:00.720000+00:00</t>
  </si>
  <si>
    <t>asp.net-mvc|kendo-ui|telerik|kendo-grid</t>
  </si>
  <si>
    <t>Detecting when QSplitter child widget is collapsed</t>
  </si>
  <si>
    <t>&lt;p&gt;I have a class that uses a vertical QSplitter to separate two important widgets (the arrow pointer is at the splitter position):&lt;/p&gt;
&lt;p&gt;&lt;img src="https://i.stack.imgur.com/QRwSQ.png" alt="enter image description here"&gt;&lt;/p&gt;
&lt;p&gt;The upper child widget is a QTextEdit while the lower child is a custom widget that interacts with my app's tagging system. The lower child is collapsed by default; it is only displayed when the user clicks the tag toolbar button or drags the splitter upward. When the button is toggled on, the lower child is displayed, otherwise it remains hidden.&lt;/p&gt;
&lt;p&gt;The toolbar button works perfectly but right now I have no way to detect when the user  collapses the lower child by dragging the splitter bar all the way down. This causes the toolbar button to stay toggled on when the user collapses the lower child by hand. The inverse is also true; when the user drags the splitter up the button stays off.&lt;/p&gt;
&lt;p&gt;I've already tried connecting the QSplitter:splitterMoved(int pos,int index) signal to a slot that un-toggles the button when the lower child (index 1)  is collapsed (pos 0) manually but for some reason the signal never gets emitted. &lt;/p&gt;
&lt;p&gt;My code (the splitter object is called &lt;em&gt;divide&lt;/em&gt;) connects this signal...&lt;/p&gt;
&lt;pre&gt;&lt;code&gt;connect(divide, SIGNAL(splitterMoved(int,int)), this, SLOT(splitterMoved(int pos, int index)));
&lt;/code&gt;&lt;/pre&gt;
&lt;p&gt;... to this slot:&lt;/p&gt;
&lt;pre&gt;&lt;code&gt;void Editor::splitterMoved(int pos, int index){
    using namespace std;
    if((index==1) &amp;amp;&amp;amp; (pos==0)){
      ui-&amp;gt;TagButton-&amp;gt;setChecked(false);
    }
    else{
      ui-&amp;gt;TagButton-&amp;gt;setChecked(true);
    }
}
&lt;/code&gt;&lt;/pre&gt;
&lt;p&gt;Am I using this incorrectly? The slot currently does nothing no matter what I do to the splitter. Is there a better way to solve this problem?&lt;/p&gt;</t>
  </si>
  <si>
    <t>2013-06-11 22:57:17.380000+00:00</t>
  </si>
  <si>
    <t>2018-11-26 17:44:41.397000+00:00</t>
  </si>
  <si>
    <t>2013-06-11 23:04:36.670000+00:00</t>
  </si>
  <si>
    <t>qt|qsplitter</t>
  </si>
  <si>
    <t>How can I get error message appearing in console to validation in UI in swift?</t>
  </si>
  <si>
    <t>&lt;p&gt;How can I add &lt;a href="https://i.stack.imgur.com/a5KtN.png" rel="nofollow noreferrer"&gt;this error message in console&lt;/a&gt; to my API Service validation? I can't get the logic on how I will add validation to my API Service if the user inputs an invalid event code. Hoping for your help. Thank you&lt;/p&gt;
&lt;p&gt;&lt;strong&gt;sample APIService code&lt;/strong&gt;&lt;/p&gt;
&lt;pre&gt;&lt;code&gt;func validatePasscode(passcode: String, completionHandler: @escaping ((Event?, Error?) -&amp;gt; Void))
{
let passcodeURL = URL (string: "\(PASSCODE_CHECKER_URL)/\(passcode)")
Alamofire.request(passcodeURL!, method: .get).responseJSON { (response) in
        print(response)
    switch response.result {
    case .success:
        if let passcodeJSON = response.result.value as? [[String : Any]],
            let passcodeObj = passcodeJSON.first {
            print(passcodeObj)
            let event = Event.init(JSON: passcodeObj);
            completionHandler(event, nil)
            }
    case .failure(let error):
        print("failure with error: \(error.localizedDescription)")
        completionHandler(nil, error)
        }
    }
}
&lt;/code&gt;&lt;/pre&gt;
&lt;p&gt;&lt;strong&gt;API Response&lt;/strong&gt;&lt;/p&gt;
&lt;pre&gt;&lt;code&gt;SUCCESS: (
    {
    "closed_datetime" = "&amp;lt;null&amp;gt;";
    "closed_flag" = 0;
    "date_created" = "2018-07-12T12:53:00.000";
    "delete_flag" = 0;
    "deleted_datetime" = "&amp;lt;null&amp;gt;";
    "end_datetime" = "2018-07-13T13:00:00.000";
    "event_id" = "707024c4-8b93-46d6-b34d-e95b53b45750";
    "event_location" = "IT Room";
    "event_name" = "Laugh Trip";
    hasRaffle = 0;
    "participant_count" = 6;
    "registered_participants_count" = 5;
    "registration_req" = 0;
    "reopen_datetime" = "&amp;lt;null&amp;gt;";
    "reopen_flag" = 0;
    "start_datetime" = "2018-07-13T12:00:00.000";
  }
 )
&lt;/code&gt;&lt;/pre&gt;</t>
  </si>
  <si>
    <t>2018-09-18 02:44:51.827000+00:00</t>
  </si>
  <si>
    <t>2018-09-18 14:44:23.073000+00:00</t>
  </si>
  <si>
    <t>2018-09-18 02:51:47.797000+00:00</t>
  </si>
  <si>
    <t>How to associate .hl files to Clojure syntax highlighting in Light Table?</t>
  </si>
  <si>
    <t>&lt;p&gt;I'd like to get Hoplon (&lt;a href="http://hoplon.io/" rel="nofollow"&gt;http://hoplon.io/&lt;/a&gt;) code highlighted using Light Table.&lt;/p&gt;</t>
  </si>
  <si>
    <t>2014-02-15 03:33:13.430000+00:00</t>
  </si>
  <si>
    <t>2015-05-01 14:24:24.300000+00:00</t>
  </si>
  <si>
    <t>2014-09-12 19:54:22.267000+00:00</t>
  </si>
  <si>
    <t>clojure|clojurescript|lighttable|hoplon</t>
  </si>
  <si>
    <t>How does one copy document specific DTD during XSL transformation?</t>
  </si>
  <si>
    <t>&lt;p&gt;I have the following document specific DTD at the top of an XML file created by our editing software:&lt;/p&gt;
&lt;pre&gt;&lt;code&gt;&amp;lt;!DOCTYPE front SYSTEM "file:///M:/Library/AMH-Paed.dtd" [
&amp;lt;!NOTATION cgm PUBLIC "" &amp;gt;
&amp;lt;!-- Begin Document Specific Declarations --&amp;gt;&amp;lt;!ENTITY fm.tcont " (Continued)"&amp;gt;
&amp;lt;!ENTITY equation1 SYSTEM "equation11.cgm" NDATA cgm&amp;gt;
&amp;lt;!ENTITY equation2 SYSTEM "equation26.cgm" NDATA cgm&amp;gt;
&amp;lt;!ENTITY equation3 SYSTEM "equation32.cgm" NDATA cgm&amp;gt;
&amp;lt;!ENTITY equation4 SYSTEM "equation41.cgm" NDATA cgm&amp;gt;
&amp;lt;!ENTITY equation5 SYSTEM "equation51.cgm" NDATA cgm&amp;gt;
&amp;lt;!ENTITY equation6 SYSTEM "equation62.cgm" NDATA cgm&amp;gt;
&amp;lt;!-- End Document Specific Declarations --&amp;gt;]&amp;gt;
&lt;/code&gt;&lt;/pre&gt;
&lt;p&gt;We're updating the general doctype for our content, and so transforming the current XML files through XSLT.&lt;/p&gt;
&lt;p&gt;We have a couple of hundred documents, but only a handful of them have any specific declarations (which vary in number, name, and value) which we have to maintain through the transformation.&lt;/p&gt;
&lt;p&gt;However, I can't find a way to maintain the above entity declarations through the transformation.&lt;/p&gt;
&lt;p&gt;Is it possible, and how would you do it?&lt;/p&gt;</t>
  </si>
  <si>
    <t>2013-03-21 05:39:28.417000+00:00</t>
  </si>
  <si>
    <t>2013-03-21 09:12:37.267000+00:00</t>
  </si>
  <si>
    <t>2013-03-21 06:48:25.883000+00:00</t>
  </si>
  <si>
    <t>xml|xslt|xml-dtd|dtd-parsing</t>
  </si>
  <si>
    <t>Disable main menu</t>
  </si>
  <si>
    <t>&lt;p&gt;I have a menu that looks somewhat like the following,&lt;/p&gt;
&lt;p&gt;&lt;img src="https://i.stack.imgur.com/rzZIf.png" alt="enter image description here"&gt;&lt;/p&gt;
&lt;p&gt;When I open a particular dialog, I want to disable the whole menu. I realize that I can individually disable each menu item by using Update_Command_UIs, but that would mean adding event handlers for a 100 or more menu items. The menu is loaded initially with CMultiDocTemplate. Is there a way to do it by using the ID resource (IDR_MENU)?
&lt;p&gt;Any help would be appreciated.
Thank you.&lt;/p&gt;</t>
  </si>
  <si>
    <t>2014-02-20 09:21:44.933000+00:00</t>
  </si>
  <si>
    <t>2014-02-21 10:14:06.417000+00:00</t>
  </si>
  <si>
    <t>c++|visual-c++|menu|mfc|mdi</t>
  </si>
  <si>
    <t>Count of a string in crystal reports</t>
  </si>
  <si>
    <t>&lt;p&gt;&lt;img src="https://i.stack.imgur.com/proAa.png" alt="enter image description here"&gt;I have a  field carton no which is string type.The values are 1 and 2.
I gave summary as count for that in report footer .But it is showing 32 .But it should show 2 only.
Here the report having 32 records .I tried with changing string to number also&lt;/p&gt;</t>
  </si>
  <si>
    <t>2014-03-03 11:21:05.197000+00:00</t>
  </si>
  <si>
    <t>2014-03-03 12:23:06.923000+00:00</t>
  </si>
  <si>
    <t>2014-03-03 12:18:39.367000+00:00</t>
  </si>
  <si>
    <t>alert("{{env('PUSHER_APP_KEY')}}") is showing me an empty alert box</t>
  </si>
  <si>
    <t>&lt;p&gt;I am trying to set up pusher with laravel. I following the steps here at this link: &lt;a href="https://pusher-community.github.io/real-time-laravel/getting-started/pusher-js-debugging.html" rel="nofollow noreferrer"&gt;pusher workshop&lt;/a&gt;
My env variables in .env file are like this: &lt;/p&gt;
&lt;pre&gt;&lt;code&gt;PUSHER_APP_ID= 255785
PUSHER_APP_KEY= r7db42g80u25689132l2
PUSHER_APP_SECRET= f2gt87w4tw652s2d4q98
&lt;/code&gt;&lt;/pre&gt;
&lt;p&gt;I have this javascript code: &lt;/p&gt;
&lt;pre&gt;&lt;code&gt;&amp;lt;script&amp;gt;
    alert("{{env('PUSHER_APP_KEY')}}");
    var pusher = new Pusher("{{env('PUSHER_APP_KEY')}}");
    var channel = pusher.subscribe('test-channel');
    channel.bind('test-event', function(data) {
      alert(data.text);
    });
&amp;lt;/script&amp;gt;
&lt;/code&gt;&lt;/pre&gt;
&lt;p&gt;The alert in the begging is showing me an empty alert window. This means that {{env('PUSHER_APP_KEY')}} return an empty string. I run the below code to clear the configuration cache but the situation keeps the same. &lt;/p&gt;
&lt;pre&gt;&lt;code&gt;php artisan config:cache
&lt;/code&gt;&lt;/pre&gt;
&lt;p&gt;Also I double checked the other configurations and all look fine. &lt;/p&gt;</t>
  </si>
  <si>
    <t>2017-09-16 09:32:14.953000+00:00</t>
  </si>
  <si>
    <t>javascript|laravel|pusher</t>
  </si>
  <si>
    <t>Extract all urls Href php</t>
  </si>
  <si>
    <t>&lt;blockquote&gt;
  &lt;p&gt;&lt;strong&gt;Possible Duplicate:&lt;/strong&gt;&lt;br&gt;
  &lt;a href="https://stackoverflow.com/questions/5251282/finding-links-matching-given-string-in-xpath-domdocument-query"&gt;Finding links matching given string in xpath/domdocument query&lt;/a&gt;  &lt;/p&gt;
&lt;/blockquote&gt;
&lt;p&gt;Hello I have an HTML with many links. I am currently able to get links, just all over, I would only get a certain word.&lt;/p&gt;
&lt;pre&gt;
&lt;code&gt;
$dom = new DOMDocument;
$dom-&gt;loadHTML($html);
$links = $dom-&gt;getElementsByTagName('a');
foreach ($links as $link){
    echo $link-&gt;getAttribute('href');
}
&lt;/code&gt;
&lt;/pre&gt;
&lt;p&gt;I would list only links that contained a certain word,
example: sendspace.com&lt;/p&gt;
&lt;p&gt;result would be more or less below the:&lt;br /&gt;
&lt;a href="http://www.fileserve.com/file/eDpDMm9sad/" rel="nofollow noreferrer"&gt;http://www.fileserve.com/file/eDpDMm9sad/&lt;/a&gt;&lt;br /&gt;
&lt;a href="http://www.fileserve.com/file/7s83hjh347/" rel="nofollow noreferrer"&gt;http://www.fileserve.com/file/7s83hjh347/&lt;/a&gt;&lt;/p&gt;
&lt;p&gt;I would then convert these links to sha1.&lt;/p&gt;
&lt;p&gt;after conversion to save the html sha1 already applied to the links with the words contained.&lt;/p&gt;</t>
  </si>
  <si>
    <t>2011-03-10 16:28:37.120000+00:00</t>
  </si>
  <si>
    <t>2011-03-10 16:43:22.367000+00:00</t>
  </si>
  <si>
    <t>2017-05-23 12:06:08.333000+00:00</t>
  </si>
  <si>
    <t>php|dom|hyperlink|extract|href</t>
  </si>
  <si>
    <t>Reading a register value into a C variable</t>
  </si>
  <si>
    <t>&lt;p&gt;I remember seeing a way to use extended gcc inline assembly to read a register value and store it into a C variable. I cannot though for the life of me remember how to form the asm statement. Any help is much appreciated. &lt;/p&gt;</t>
  </si>
  <si>
    <t>2010-01-22 00:46:54.480000+00:00</t>
  </si>
  <si>
    <t>2018-03-17 10:42:08.473000+00:00</t>
  </si>
  <si>
    <t>2010-01-23 08:26:58.303000+00:00</t>
  </si>
  <si>
    <t>c|assembly|inline-assembly</t>
  </si>
  <si>
    <t>Expand rectangles as much as possible to cover another rectangle, minimizing overlap</t>
  </si>
  <si>
    <t>&lt;p&gt;Given a tiled, x- and y-aligned rectangle and (potentially) a starting set of other rectangles which may overlap, I'd like to find a set of rectangles so that:&lt;/p&gt;
&lt;ul&gt;
&lt;li&gt;if no starting rectangle exists, one might be created; otherwise do not create additional rectangles&lt;/li&gt;
&lt;li&gt;each of the rectangles in the starting set are expanded as much as possible&lt;/li&gt;
&lt;li&gt;the overlap is minimal&lt;/li&gt;
&lt;li&gt;the whole tiled rectangle's area is covered.&lt;/li&gt;
&lt;/ul&gt;
&lt;p&gt;This smells a lot like a set cover problem, but it still is... different.&lt;/p&gt;
&lt;p&gt;The key is that each starting rectangle's area has to be maximized while still minimizing general overlap. A good solution keeps a balance between necessary overlaps and high initial rectangles sizes.&lt;/p&gt;
&lt;p&gt;I'd propose a rating function such as that:
&lt;img src="https://latex.codecogs.com/png.latex?%5Cdpi%7B120%7D%20%5Cleft%5C%28%20%5Cleft%5C%28%20%5Csum%5Climits_%7Bn%3D0%7D%5E%7Binitial%5C_boxes%5C_count-1%7D%7B%7Bbox%5C_area%7D_n%7D%20%5Cright%5C%29%20%5Ctimes%20extended%5C_initial%5C_rectangles%5C_count%20%5Cright%5C%29%20-%20%5Cleft%5C%28%20%5Csum%5Climits_%7Bn%3D0%7D%5E%7B%7Boverlapping%5C_boxes%5C_count%7D-1%7D%7Bnumber%5C_of%5C_overlaps%7D%20%5Cright%5C%29" alt="\left( \left( \sum\limits_{n=0}^{initial_boxes_count-1}{{box_area}_n} \right) \times extended_initial_rectangles_count \right) - \left( \sum\limits_{n=0}^{{overlapping_boxes_count}-1}{number_of_overlaps} \right)"&gt;&lt;/p&gt;
&lt;p&gt;Higher is better.&lt;/p&gt;
&lt;p&gt;Examples (assumes a rectangle tiled into a 4x4 grid; numbers in tiles denote starting rectangle "ID"):&lt;/p&gt;
&lt;ul&gt;
&lt;li&gt;&lt;p&gt;easiest case: no starting rectangles provided, can just create one and expand it fully:&lt;/p&gt;
&lt;pre&gt;&lt;code&gt;.---------------.      .---------------.
|   |   |   |   |      | 1 | 1 | 1 | 1 |
|---|---|---|---|      |---|---|---|---|
|   |   |   |   |      | 1 | 1 | 1 | 1 |
|---|---|---|---|  =&amp;gt;  |---|---|---|---|
|   |   |   |   |      | 1 | 1 | 1 | 1 |
|---|---|---|---|      |---|---|---|---|
|   |   |   |   |      | 1 | 1 | 1 | 1 |
��---------------��      ��---------------��
                       rating: 16 * 1 - 0 = 16
&lt;/code&gt;&lt;/pre&gt;&lt;/li&gt;
&lt;li&gt;&lt;p&gt;more sophisticated:&lt;/p&gt;
&lt;pre&gt;&lt;code&gt;.---------------.      .---------------.      .---------------.
| 1 | 1 |   |   |      | 1 | 1 | 1 | 1 |      | 1 | 1 | 2 | 2 |
|---|---|---|---|      |---|---|---|---|      |---|---|---|---|
| 1 | 1 |   |   |      | 1 | 1 | 1 | 1 |      | 1 | 1 | 2 | 2 |
|---|---|---|---|  =&amp;gt;  |---|---|---|---|  or  |---|---|---|---|
|   |   | 2 | 2 |      | 2 | 2 | 2 | 2 |      | 1 | 1 | 2 | 2 |
|---|---|---|---|      |---|---|---|---|      |---|---|---|---|
|   |   | 2 | 2 |      | 2 | 2 | 2 | 2 |      | 1 | 1 | 2 | 2 |
��---------------��      ��---------------��      ��---------------��
         ratings:     (4 + 4) * 2 - 0 = 16   (4 + 4) * 2 - 0 = 16
&lt;/code&gt;&lt;/pre&gt;&lt;/li&gt;
&lt;li&gt;&lt;p&gt;pretty bad situation, with initial overlap:&lt;/p&gt;
&lt;pre&gt;&lt;code&gt;.-----------------.      .-----------------------.
| 1   |   |   |   |      |  1  |  1  |  1  |  1  |
|-----|---|---|---|      |-----|-----|-----|-----|
| 1,2 | 2 |   |   |      | 1,2 | 1,2 | 1,2 | 1,2 |
|-----|---|---|---|  =&amp;gt;  |-----|-----|-----|-----|
|     |   |   |   |      |  2  |  2  |  2  |  2  |
|-----|---|---|---|      |-----|-----|-----|-----|
|     |   |   |   |      |  2  |  2  |  2  |  2  |
��-----------------��      ��-----------------------��
    rating: (8 + 12) * 2 - (2 + 2 + 2 + 2) = 40 - 8 = 36
    covering with 1 only:
                         .-----------------------.
                         |  1  |  1  |  1  |  1  |
                         |-----|-----|-----|-----|
                         | 1,2 | 1,2 |  1  |  1  |
                     =&amp;gt;  |-----|-----|-----|-----|
                         |  1  |  1  |  1  |  1  |
                         |-----|-----|-----|-----|
                         |  1  |  1  |  1  |  1  |
                         ��-----------------------��
    rating: (16 + 2) * 1 - (2 + 2) = 18 - 4 = 16
&lt;/code&gt;&lt;/pre&gt;&lt;/li&gt;
&lt;li&gt;&lt;p&gt;more starting rectangles, also overlap:&lt;/p&gt;
&lt;pre&gt;&lt;code&gt;.-----------------.      .---------------------.
| 1 | 1,2 | 2 |   |      | 1 | 1,2 | 1,2 | 1,2 |
|---|-----|---|---|      |---|-----|-----|-----|
| 1 |  1  |   |   |      | 1 |  1  |  1  |  1  |
|---|-----|---|---|  =&amp;gt;  |---|-----|-----|-----|
| 3 |     |   |   |      | 3 |  3  |  3  |  3  |
|---|-----|---|---|      |---|-----|-----|-----|
|   |     |   |   |      | 3 |  3  |  3  |  3  |
��-----------------��      ��---------------------��
    rating: (8 + 3 + 8) * 3 - (2 + 2 + 2) = 57 - 6 = 51
&lt;/code&gt;&lt;/pre&gt;&lt;/li&gt;
&lt;/ul&gt;
&lt;p&gt;The starting rectangles may be located anywhere in the tiled rectangle and have any size (minimum bound 1 tile).&lt;/p&gt;
&lt;p&gt;The starting grid might be as big as 33x33 currently, though potentially bigger in the future.&lt;/p&gt;
&lt;p&gt;I haven't been able to reduce this problem instantiation to a well-problem, but this may only be my own inability.&lt;/p&gt;
&lt;hr&gt;
&lt;p&gt;My current approach to solve this in an efficient way would go like this:&lt;/p&gt;
&lt;pre&gt;&lt;code&gt;if list of starting rects empty:
  create starting rect in tile (0,0)
for each starting rect:
  calculate the distances in x and y direction to the next object (or wall)
sort distances in ascending order
while free space:
  pick rect with lowest distance
  expand it in lowest distance direction
&lt;/code&gt;&lt;/pre&gt;
&lt;p&gt;I'm unsure if this gives the optimal solution or really is the most efficient one... and naturally if there are edge cases this approach would fail on.&lt;/p&gt;</t>
  </si>
  <si>
    <t>2018-03-20 13:21:53.917000+00:00</t>
  </si>
  <si>
    <t>2018-03-24 06:50:32.817000+00:00</t>
  </si>
  <si>
    <t>algorithm|geometry|rectangles</t>
  </si>
  <si>
    <t>Filter serializer field's queryset based on current instance</t>
  </si>
  <si>
    <t>&lt;p&gt;In a HyperlinkedModelSerializer like the one below, how can I filter the set of related instances for the &lt;code&gt;other_model_objects&lt;/code&gt; field based on the "current" instance of the model? (Maybe by using the queryset parameter in some way?)&lt;/p&gt;
&lt;pre&gt;&lt;code&gt;class MyModelSerializer(serializers.HyperlinkedModelSerializer):
    other_model_objects = serializers.HyperlinkedRelatedField(
        many=True,
        queryset=OtherModel.objects.filter(foo=current_instance.field),
        view_name='othermodel-detail'
    )
    class Meta:
        model = MyModel
        fields = ('other_model_objects',)
&lt;/code&gt;&lt;/pre&gt;</t>
  </si>
  <si>
    <t>2017-03-09 14:28:04.053000+00:00</t>
  </si>
  <si>
    <t>2017-03-10 13:44:21.663000+00:00</t>
  </si>
  <si>
    <t>django|serialization|django-rest-framework|django-queryset</t>
  </si>
  <si>
    <t>How to make panda3d accept controls faster?</t>
  </si>
  <si>
    <t>&lt;p&gt;Hi I am trying to make a game on panda3d v 1.8.1 (python) but the controls seem to be very sloppy. One has to keep the keys pressed for a second or two to make things happen. Is there any way to make panda3d accept controls faster ?&lt;/p&gt;
&lt;p&gt;Here's my code of my key handler :&lt;/p&gt;
&lt;pre&gt;&lt;code&gt; class KeyHandler(DirectObject):
      def __init__(self):
        self.accept('arrow_left-repeat', self.lookLeft)
        self.accept('arrow_right-repeat', self.lookRight)
        self.accept('arrow_up-repeat', self.lookUp)
        self.accept('arrow_down-repeat', self.lookDown)
        self.accept('w-repeat', self.Moveforward)
        self.accept('s-repeat', self.Movebackward)
        self.accept('a-repeat', self.Moveleft)
        self.accept('d-repeat', self.Moveright)
        self.accept('q-repeat', self.MoveDown)
        self.accept('e-repeat', self.MoveUp)
        self.accept('space', self.Dotask)
     def lookLeft(self):
        global camxy
        camxy += 2
     def lookRight(self):
        global camxy
        camxy -= 2
     def lookUp(self):
        global camyz
        camyz += 2
     def lookDown(self):
        global camyz
        camyz -= 2
    def Moveforward(self):
         global camx
         if camx &amp;lt; 57 :
           camx += 1
    def Movebackward(self):
         global camx
         if camx &amp;gt; -32 :
           camx -= 1
   def Moveleft(self):
         global camy
         if camy &amp;lt; 42 :
           camy += 1
   def Moveright(self):
         global camy
         if camy &amp;gt; -36 :
           camy -= 1
   def MoveUp(self):
         global camz
         if camz &amp;lt; 15 :
           camz += 0.5
   def MoveDown(self):
         global camz
         if camz &amp;gt;1 :
            camz -= 0.5
a = KeyHandler()
def set_cam(task) :
    camera.setPos(camx,camy,camz)
    camera.setHpr(camxy,camyz,camzx)
taskMgr.add(set_cam, "setcamTask")
&lt;/code&gt;&lt;/pre&gt;
&lt;p&gt;The camera which I am using is the default camera of panda3d.&lt;/p&gt;
&lt;p&gt;Any help would be appreciated !&lt;/p&gt;</t>
  </si>
  <si>
    <t>2015-05-29 17:40:22.767000+00:00</t>
  </si>
  <si>
    <t>2016-05-14 18:05:52.600000+00:00</t>
  </si>
  <si>
    <t>python|python-2.7|panda3d</t>
  </si>
  <si>
    <t>Vim and key mapping</t>
  </si>
  <si>
    <t>&lt;p&gt;I would like to enable or disable mouse support in vim with only one key (in my case &lt;kbd&gt;F7&lt;/kbd&gt;). It should work in command mode insert mode. I have this in my .virmrc:&lt;/p&gt;
&lt;pre class="lang-none prettyprint-override"&gt;&lt;code&gt;  set mouse=
  nnoremap &amp;lt;F7&amp;gt;       :set mouse=a &amp;lt;CR&amp;gt;
  inoremap &amp;lt;F7&amp;gt; &amp;lt;C-o&amp;gt; :set mouse=a  &amp;lt;CR&amp;gt;
&lt;/code&gt;&lt;/pre&gt;
&lt;p&gt;but this does not work. I also want to switch &lt;code&gt;cursorline&lt;/code&gt; on and off in both modes. For this I have this in my .vimrc&lt;/p&gt;
&lt;pre class="lang-none prettyprint-override"&gt;&lt;code&gt;set nocursorline
nnoremap &amp;lt;F2&amp;gt;      :set cursorline!&amp;lt;CR&amp;gt;
inoremap &amp;lt;F2&amp;gt; &amp;lt;C-o&amp;gt;:set cursorline!&amp;lt;CR&amp;gt;
&lt;/code&gt;&lt;/pre&gt;
&lt;p&gt;Cursorline works well, mouse support does not. Why? &lt;/p&gt;</t>
  </si>
  <si>
    <t>2017-05-20 07:58:07.553000+00:00</t>
  </si>
  <si>
    <t>2017-05-21 11:47:10.860000+00:00</t>
  </si>
  <si>
    <t>2017-05-21 05:04:25.553000+00:00</t>
  </si>
  <si>
    <t>How to simply deactivate a button?</t>
  </si>
  <si>
    <t>&lt;p&gt;I've connected the button with my ViewController.swift.&lt;/p&gt;
&lt;pre&gt;&lt;code&gt;@IBAction func buttPressed(sender: AnyObject) {
   //DO THINGS
}
&lt;/code&gt;&lt;/pre&gt;
&lt;p&gt;When it's job get done, how to simply deactivate it? The other answers suggested that:&lt;/p&gt;
&lt;pre&gt;&lt;code&gt;button.enabled = false
&lt;/code&gt;&lt;/pre&gt;
&lt;p&gt;But I can't figured out how to use it, so how to handle this?&lt;/p&gt;
&lt;p&gt;Thanks a lot!&lt;/p&gt;</t>
  </si>
  <si>
    <t>2015-02-16 21:24:00.130000+00:00</t>
  </si>
  <si>
    <t>2015-02-16 21:58:55.123000+00:00</t>
  </si>
  <si>
    <t>ios|swift|uibutton</t>
  </si>
  <si>
    <t>How to i communicate with this api using volley</t>
  </si>
  <si>
    <t>&lt;p&gt;I have the following api on phpmyadmin. Now i want to learn how to send the email and password (String values) using volley lib.&lt;/p&gt;
&lt;pre&gt;&lt;code&gt;&amp;lt;?php
 defined('BASEPATH') OR exit('No direct script access allowed');
class Login extends MX_Controller {
public function index()
{
    $json = file_get_contents('php://input');
    $obj = json_decode($json, true);
    $email = $obj['email'];
    $password = $obj['password'];
    if ($obj['email']!="") {
        $this-&amp;gt;load-&amp;gt;module('camps');
        $mysql_query = "SELECT * FROM accounts where email='$email' and password='$password'";
        $result = $this-&amp;gt;camps-&amp;gt;_custom_query($mysql_query);
        $query = $result-&amp;gt;num_rows();
        if ($query==0) {
            echo json_encode($password);
        }
        else {
            echo json_encode('OK');
        }
    }
    else {
        echo json_encode('Try Again');
    }
}
}
}
&lt;/code&gt;&lt;/pre&gt;
&lt;p&gt;I have already tried using &lt;code&gt;getParams()&lt;/code&gt; method like this but its not working.&lt;/p&gt;
&lt;p&gt;Note: uname and password are &lt;code&gt;EditTexts&lt;/code&gt;&lt;/p&gt;
&lt;pre&gt;&lt;code&gt;protected Map&amp;lt;String, String&amp;gt; getParams() throws AuthFailureError {
                    Map&amp;lt;String, String&amp;gt; params = new HashMap&amp;lt;String, String&amp;gt;();
                    params.put("email",uname.getText().toString());
                    params.put("password",password.getText().toString());
                    return params;
                }
&lt;/code&gt;&lt;/pre&gt;</t>
  </si>
  <si>
    <t>2018-09-11 06:16:53.643000+00:00</t>
  </si>
  <si>
    <t>2018-09-11 07:20:29.127000+00:00</t>
  </si>
  <si>
    <t>2018-09-11 07:05:34.643000+00:00</t>
  </si>
  <si>
    <t>android|api|android-volley</t>
  </si>
  <si>
    <t>Mapsforge does not redraw cluster POI from Realm</t>
  </si>
  <si>
    <t>&lt;p&gt;I use Realm for loading POI from DB. Next add this points to cluster realization by mapsforge.
This code works well:&lt;/p&gt;
&lt;pre&gt;&lt;code&gt; RealmResults&amp;lt;GasolineRealm&amp;gt; gasolineRealms = presenter.getRealm().where(GasolineRealm.class)
            .findAll();
    for(int i=0; i&amp;lt;gasolineRealms.size(); i++){
        geoItems.add(new GasolineGeoItem(gasolineRealms.get(i).getId(),
                gasolineRealms.get(i).getLocalizationRealms().get(0).getTitle(),
                gasolineRealms.get(i).getCoordinateLatitude(),
                gasolineRealms.get(i).getCoordinateLongitude()));
        clusterer.addItem(geoItems.get(i));
    }
&lt;/code&gt;&lt;/pre&gt;
&lt;p&gt;It draw all POI on map, but if i use RxJava for Realm cluster never add POI on map.
Here is the code:&lt;/p&gt;
&lt;pre&gt;&lt;code&gt;Realm.getDefaultInstance().where(GasolineRealm.class)
            .findAllAsync()
            .asObservable()
            .observeOn(AndroidSchedulers.mainThread())
            .subscribe(new Observer&amp;lt;RealmResults&amp;lt;GasolineRealm&amp;gt;&amp;gt;() {
                @Override
                public void onCompleted() {
                }
                @Override
                public void onError(Throwable e) {
                }
                @Override
                public void onNext(RealmResults&amp;lt;GasolineRealm&amp;gt; gasolineRealms) {
                    for(int i=0; i&amp;lt;gasolineRealms.size(); i++){
                        geoItems.add(new GasolineGeoItem(gasolineRealms.get(i).getId(),
                                gasolineRealms.get(i).getLocalizationRealms().get(0).getTitle(),
                                gasolineRealms.get(i).getCoordinateLatitude(),
                                gasolineRealms.get(i).getCoordinateLongitude()));
                        clusterer.addItem(geoItems.get(i));
                    }
                }
            });
&lt;/code&gt;&lt;/pre&gt;</t>
  </si>
  <si>
    <t>2016-11-25 15:39:26.463000+00:00</t>
  </si>
  <si>
    <t>2016-11-25 18:29:10.340000+00:00</t>
  </si>
  <si>
    <t>android|realm|mapsforge</t>
  </si>
  <si>
    <t>Facebook Graph Api check if a loggedin user likes a post</t>
  </si>
  <si>
    <t>&lt;p&gt;I'm working on a app in which i need to check if the current logged In user liked a post from a particular page. So that i can show the appropriate like/liked button.
(I don't want to get all the likes of a post and iterate over them)&lt;/p&gt;
&lt;p&gt;Alternatively i could use the FBSDKLikeControl, but my problem is i want to show custom like/liked buttons.&lt;/p&gt;</t>
  </si>
  <si>
    <t>2015-06-23 11:03:15.933000+00:00</t>
  </si>
  <si>
    <t>2016-04-07 09:32:17.867000+00:00</t>
  </si>
  <si>
    <t>facebook|user-interface|facebook-graph-api-v2.3</t>
  </si>
  <si>
    <t>How to get ideal number of threads in parallel programs in java?</t>
  </si>
  <si>
    <t>&lt;p&gt;I need to get an ideal number of threads in a batch program, which runs in batch framework supporting parallel mode, like parallel step in Spring Batch.&lt;/p&gt;
&lt;p&gt;As far as I know, it is not good that there are too many threads to execute steps of a program, it may has negative effect to the performance of the program. Some factors could arise performance degradation(context switching, race condition when using shared resources(locking, sync..) ... (are there any other factors?)).&lt;/p&gt;
&lt;p&gt;Of course the best way of getting the ideal number of threads is for me to have actual program tests adjusting the number of threads of the program. But in my situation, it is not that easy to have the actual test because many things are needed for the tests(persons, test scheduling, test data, etc..), which are too difficult for me to prepare now. So, before getting the actual tests, I want to know the way of getting a guessable ideal number of threads of my program, as best as I can.
What should I consider to get the ideal number of threads(steps) of my program?? number of CPU cores?? number of processes on a machine on which my program would run?? number of database connection??
Is there a rational way such as a formula in a situation like this?&lt;/p&gt;</t>
  </si>
  <si>
    <t>2017-02-03 02:22:11.933000+00:00</t>
  </si>
  <si>
    <t>2018-10-03 00:28:07.860000+00:00</t>
  </si>
  <si>
    <t>2017-02-03 06:59:19.620000+00:00</t>
  </si>
  <si>
    <t>java|multithreading|performance|spring-batch</t>
  </si>
  <si>
    <t>How to pass querystring with JQuery?</t>
  </si>
  <si>
    <t>&lt;p&gt;A very good morning, i am currently working on a simple php project, the goal of the application is to read Oracle data and display the result, i've completed this part. I am having a little doubt on how to pass querystring along with JQuery, please advice. Many thanks in advance.&lt;/p&gt;
&lt;p&gt;index.php - this is where i am passing the querystring
index.php?campus=abc&amp;amp;floor=xyz&lt;/p&gt;
&lt;pre&gt;&lt;code&gt;&amp;lt;html&amp;gt;
&amp;lt;head&amp;gt;`enter code here`
    &amp;lt;title&amp;gt;Olympia College :: Kiosk&amp;lt;/title&amp;gt;
    &amp;lt;link rel="Stylesheet" type="text/css" href="assets/css/kiosk.css" /&amp;gt;
&amp;lt;script src="http://code.jquery.com/jquery-latest.js"&amp;gt;&amp;lt;/script&amp;gt;
&amp;lt;script&amp;gt;
// $(document).ready(function()
// {
//   $("#responsecontainer").load("contents.php");
//   var refreshId = setInterval(function()
//   {
//       $("#responsecontainer").load('contents.php?randval='+ Math.random());
//   }, 1000);
//   $.ajaxSetup({ cache: false });
// });
function update() {
  $("#notice_div").html('&amp;lt;img src="indicator.gif" alt="Synchronizing data, please wait a moment.."/&amp;gt;&amp;amp;nbsp;&amp;amp;nbsp;Synchronizing data, please wait a moment..');
  $.ajax({
    type: 'POST',
//    data: '{campus, floor}',
    url: 'timetable.php',
    timeout: 5000,
        success: function(data) {
          $("#some_div").html(data);
          $("#notice_div").html('');
          window.setTimeout(update, 10000);
        },
        error: function (XMLHttpRequest, textStatus, errorThrown) {
          $("#notice_div").html('Timeout contacting server..');
          window.setTimeout(update, 60000);
        }
    });
}
$(document).ready(function() {
    update();
});
&amp;lt;/script&amp;gt;
&amp;lt;/head&amp;gt;
&amp;lt;body&amp;gt;
    &amp;lt;!--&amp;lt;div id="responsecontainer"&amp;gt;
    &amp;lt;?php //echo date("l, F d, Y h:i:s" ,time());?&amp;gt;
    &amp;lt;/div&amp;gt;--&amp;gt;
    &amp;lt;div id="main"&amp;gt;
        &amp;lt;div id="left"&amp;gt;&amp;lt;img src="assets/images/oc_logo.png" alt="Olympia College Malaysia"&amp;gt;&amp;lt;/img&amp;gt;&amp;lt;/div&amp;gt;
        &amp;lt;div id="right"&amp;gt;&amp;lt;div id="notice_div"&amp;gt;&amp;lt;/div&amp;gt;&amp;lt;div id="fright"&amp;gt;&amp;lt;a href="setting.php" title="Change settings"&amp;gt;Setting&amp;lt;/a&amp;gt;&amp;amp;nbsp;&amp;amp;nbsp;|&amp;amp;nbsp;&amp;amp;nbsp;&amp;lt;a href="bug.php" title="Send bug report"&amp;gt;Bug Report&amp;lt;/a&amp;gt;&amp;lt;/div&amp;gt;&amp;lt;/div&amp;gt;    
    &amp;lt;/div&amp;gt;
    &amp;lt;div id="line"&amp;gt;&amp;lt;/div&amp;gt;
    &amp;lt;br /&amp;gt;
    &amp;lt;div id="some_div"&amp;gt;&amp;lt;/div&amp;gt;
&amp;lt;/body&amp;gt;
&lt;/code&gt;&lt;/pre&gt;
&lt;p&gt;timetable.php&lt;/p&gt;
&lt;pre&gt;&lt;code&gt;&amp;lt;?php
$datasource = "******";
$hostname = "******";
$username = "*****";
$password = "*****";
$database = "*****";
$campus = $_REQUEST['campus'];
$floor = $_REQUEST['floor'];
//KL CAMPUS
if ($campus == 'ockl')
    $campus = 'KL CAMPUS';
elseif ($campus == 'ocpj')
    $campus = 'PJ CAMPUS';
elseif ($campus == 'ocpg')
    $campus = 'PENANG CAMPUS';
elseif ($campus == 'ocip')
    $campus = 'IPOH CAMPUS';
elseif ($campus == 'ockt')
    $campus = 'KUANTAN CAMPUS';
elseif ($campus == 'ocjb')
    $campus = 'JB CAMPUS';
//echo $_REQUEST['campus'];
$connect = odbc_connect($datasource, $username, $password);
    if(!$connect){
        echo "Unable to connect!&amp;lt;br /&amp;gt;&amp;lt;br /&amp;gt;";
    }
    else {
        //echo "Successfully connected!&amp;lt;br /&amp;gt;&amp;lt;br /&amp;gt;";
    };
$query = "SELECT DISTINCT 
          RESOURCE_DAY_TIME_SETUP.DAY, 
          RESOURCE_DAY_TIME_SETUP.FLOOR_CODE,
          RESOURCE_DAY_TIME_SETUP.RESOURCES_CODE,
          RESOURCE_DAY_TIME_SETUP.CAMPUS 
          FROM RESOURCE_DAY_TIME_SETUP WHERE CAMPUS LIKE '" . $campus . "'";
$result = odbc_exec($connect, $query);
echo "&amp;lt;table border='1'&amp;gt;";
echo "&amp;lt;tr&amp;gt; &amp;lt;th&amp;gt;Day&amp;lt;/th&amp;gt; &amp;lt;th&amp;gt;Floor&amp;lt;/th&amp;gt; &amp;lt;th&amp;gt;Room&amp;lt;/th&amp;gt; &amp;lt;th&amp;gt;Duration&amp;lt;/th&amp;gt; &amp;lt;th&amp;gt;Start&amp;lt;/th&amp;gt; &amp;lt;th&amp;gt;End&amp;lt;/th&amp;gt; &amp;lt;th&amp;gt;Lecturer&amp;lt;/th&amp;gt; &amp;lt;th&amp;gt;Status&amp;lt;/th&amp;gt; &amp;lt;th&amp;gt;Campus&amp;lt;/th&amp;gt; &amp;lt;/tr&amp;gt;";
while (odbc_fetch_row($result)){
    $day = odbc_result($result,1);
        $floor_code = odbc_result($result, 2);
    $resources_code = odbc_result($result,3);      
    $campus = odbc_result($result,4);
        echo "&amp;lt;tr&amp;gt;";
        echo "&amp;lt;td&amp;gt;$day&amp;lt;/td&amp;gt;";
        echo "&amp;lt;td&amp;gt;$floor_code&amp;lt;/td&amp;gt;";
        echo "&amp;lt;td&amp;gt;$resources_code&amp;lt;/td&amp;gt;";
        echo "&amp;lt;td&amp;gt;$resources_code&amp;lt;/td&amp;gt;";
        echo "&amp;lt;td&amp;gt;$resources_code&amp;lt;/td&amp;gt;";
        echo "&amp;lt;td&amp;gt;$resources_code&amp;lt;/td&amp;gt;";
        echo "&amp;lt;td&amp;gt;$resources_code&amp;lt;/td&amp;gt;";
        echo "&amp;lt;td&amp;gt;$resources_code&amp;lt;/td&amp;gt;";
        echo "&amp;lt;td&amp;gt;$campus&amp;lt;/td&amp;gt;";
        echo "&amp;lt;/tr&amp;gt;";
}
odbc_close($connect);
echo "&amp;lt;/table&amp;gt;";
?&amp;gt;
&lt;/code&gt;&lt;/pre&gt;
&lt;p&gt;Hope someone here can shed some light to point me in the correct direction, many thanks in advance.&lt;/p&gt;</t>
  </si>
  <si>
    <t>2011-08-20 04:37:28.013000+00:00</t>
  </si>
  <si>
    <t>2011-08-20 04:46:44.913000+00:00</t>
  </si>
  <si>
    <t>php|jquery|oracle|query-string</t>
  </si>
  <si>
    <t>Insert DateTime into SQL Server Using PHP</t>
  </si>
  <si>
    <t>&lt;p&gt;I'm trying to insert a datetime value into my SQL database using PHP. &lt;/p&gt;
&lt;p&gt;This is my code:&lt;/p&gt;
&lt;pre&gt;&lt;code&gt;$time= date('Y-m-d H:i:s.u');
$ordersquery= "INSERT INTO Orders (customerID, orderDate) VALUES ('{$phonenumber}', '{$time}')";
echo $ordersquery."\n";
&lt;/code&gt;&lt;/pre&gt;
&lt;p&gt;Whenever I try to execute the code, there is a failure to enter the information into the database that reads:&lt;/p&gt;
&lt;blockquote&gt;
  &lt;p&gt;INSERT INTO Orders (customerID, orderDate) VALUES ('(444) 849-7592',
  '2015-05-10 12:03:28.000000')&lt;/p&gt;
  &lt;p&gt;boolean false&lt;/p&gt;
  &lt;p&gt;Conversion failed when converting date and/or time from character
  string.&lt;/p&gt;
  &lt;p&gt;null&lt;/p&gt;
&lt;/blockquote&gt;
&lt;p&gt;&lt;strong&gt;I've also tried using CURRENT_TIMESTAMP and using ISO-8601 format.&lt;/strong&gt;&lt;/p&gt;</t>
  </si>
  <si>
    <t>2015-05-10 16:12:31.650000+00:00</t>
  </si>
  <si>
    <t>2015-05-11 00:19:44.487000+00:00</t>
  </si>
  <si>
    <t>php|sql-server|datetime</t>
  </si>
  <si>
    <t>Xpages - Repeat control / view SSJS</t>
  </si>
  <si>
    <t>&lt;p&gt;I have the exact same design of a database on live and DEV, however, when I have a repeat control on a page, it works as expected on DEV, pulling in the status of documents from a view but not on live, where it just lists the number of the document in the view. It also doesn't seem to return any unique values. I'm using a dbcolumn to get the values, and tried wrapping an @unique around it, and then using a script lib to handle the unique entries, but no such luck.  Image attached and code below. Any ideas?&lt;/p&gt;
&lt;pre&gt;&lt;code&gt;&amp;lt;table class="table table-hover"&amp;gt;
  &amp;lt;thead&amp;gt;
    &amp;lt;tr&amp;gt;
      &amp;lt;th&amp;gt;Status&amp;lt;/th&amp;gt;
      &amp;lt;th&amp;gt;Total&amp;lt;/th&amp;gt;
      &amp;lt;th&amp;gt;%&amp;lt;/th&amp;gt;
    &amp;lt;/tr&amp;gt;
  &amp;lt;/thead&amp;gt;
            &amp;lt;tbody&amp;gt;
                &amp;lt;xp:repeat id="repeat1" rows="30" var="row"&amp;gt;
                    &amp;lt;xp:this.value&amp;gt;&amp;lt;![CDATA[#{javascript://var result = @DbColumn("", "vwStatusStats", 1);
//var result = session.evaluate("@DbColumn(\"\"; ; \"vwStatusStats\"; 1)").elementAt(0) 
//result = session.evaluate("@Unique");
//return result
//return @Unique(@DbColumn("", "vwStatusStats", 1))
return DbColumnArray("", "", "", "unique", "", "vwStatusStats", 1)
}]]&amp;gt;&amp;lt;/xp:this.value&amp;gt;
                    &amp;lt;tr&amp;gt;
                        &amp;lt;td&amp;gt;
                            &amp;lt;xp:text escape="true"
                                id="computedField11"&amp;gt;
                                &amp;lt;xp:this.value&amp;gt;&amp;lt;![CDATA[#{javascript:row}]]&amp;gt;&amp;lt;/xp:this.value&amp;gt;
                            &amp;lt;/xp:text&amp;gt;
                        &amp;lt;/td&amp;gt;
                        &amp;lt;td&amp;gt;
                            &amp;lt;xp:text escape="true"
                                id="computedField1"&amp;gt;
                                &amp;lt;xp:this.value&amp;gt;&amp;lt;![CDATA[#{javascript:var v:NotesView = database.getView("vwStatusStats");
var vec:NotesViewEntryCollection = v.getAllEntriesByKey(row);
return vec.getCount().toString()}]]&amp;gt;&amp;lt;/xp:this.value&amp;gt;
                            &amp;lt;/xp:text&amp;gt;
                        &amp;lt;/td&amp;gt;
                        &amp;lt;td&amp;gt;
                            &amp;lt;xp:text escape="true"
                                id="computedField2"&amp;gt;
                                &amp;lt;xp:this.value&amp;gt;&amp;lt;![CDATA[#{javascript:var total = getComponent("cmpTotal").getValue();
var amount = getComponent("computedField1").getValue();
var result = (amount / total) * 100;
return result}]]&amp;gt;&amp;lt;/xp:this.value&amp;gt;
                            &amp;lt;/xp:text&amp;gt;
                        &amp;lt;/td&amp;gt;
                    &amp;lt;/tr&amp;gt;
                &amp;lt;/xp:repeat&amp;gt;
                &amp;lt;tr&amp;gt;
                    &amp;lt;td&amp;gt;Total&amp;lt;/td&amp;gt;                      
                    &amp;lt;td&amp;gt;
                        &amp;lt;xp:text escape="true" id="cmpTotal"&amp;gt;
                            &amp;lt;xp:this.value&amp;gt;&amp;lt;![CDATA[#{javascript:var v:NotesView = database.getView("vwStatusStats");
return v.getEntryCount().toString()}]]&amp;gt;&amp;lt;/xp:this.value&amp;gt;
                        &amp;lt;/xp:text&amp;gt;&amp;lt;/td&amp;gt;
                        &amp;lt;td&amp;gt;
                            &amp;lt;xp:text escape="true"
                                id="computedField3"&amp;gt;
                                &amp;lt;xp:this.value&amp;gt;&amp;lt;![CDATA[#{javascript:var total = getComponent("cmpTotal").getValue();
var amount = getComponent("cmpTotal").getValue();
var result = (amount / total) * 100;
return result}]]&amp;gt;&amp;lt;/xp:this.value&amp;gt;
                            &amp;lt;/xp:text&amp;gt;&amp;lt;/td&amp;gt;
                &amp;lt;/tr&amp;gt;               
            &amp;lt;/tbody&amp;gt;
                    &amp;lt;/table&amp;gt;        
&lt;/code&gt;&lt;/pre&gt;
&lt;p&gt;&lt;a href="https://i.stack.imgur.com/BSc3E.png" rel="nofollow noreferrer"&gt;&lt;img src="https://i.stack.imgur.com/BSc3E.png" alt="Issue"&gt;&lt;/a&gt;&lt;/p&gt;</t>
  </si>
  <si>
    <t>2018-05-01 15:00:53.823000+00:00</t>
  </si>
  <si>
    <t>2018-05-02 08:01:05.070000+00:00</t>
  </si>
  <si>
    <t>xpages|xpages-extlib</t>
  </si>
  <si>
    <t>Python - optimise array routine</t>
  </si>
  <si>
    <t>&lt;p&gt;I have two 2D arrays of about 80 000 rows (and a few columns) each. I have two nested for loops that take ages to process (because 80000*80000 is big).&lt;/p&gt;
&lt;p&gt;The first block creates an array from some external data.&lt;/p&gt;
&lt;pre&gt;&lt;code&gt;arrayIn = [[]]
del arrayIn[0]
# use arrayIn.append() to add mixed lists to each row
# example arrayIn.append(['dogs2443', 'cats12332', 3])
&lt;/code&gt;&lt;/pre&gt;
&lt;p&gt;Then I copy an ID from this array into a new array, but checking to make sure that an ID is only added once. I tried using the &lt;code&gt;in&lt;/code&gt; command, but it didn't work because I was comparing a String to an array element.&lt;/p&gt;
&lt;pre&gt;&lt;code&gt;allNodes = [[]]
del allNodes[0]
for row in arrayIn
    add = True
    for node in allNodes:
        if row[0] == node[0]:
            add = False
    if add:
        allNodes.append(row[0])
&lt;/code&gt;&lt;/pre&gt;
&lt;p&gt;Then it copies the index from the new array back to the original array to make accessing elements in the new array more easily:&lt;/p&gt;
&lt;pre&gt;&lt;code&gt;for row in arrayIn:
    for index, node in enumerate(allNodes, start=0)
        if row[0] == node[0]
            row[0] = index
&lt;/code&gt;&lt;/pre&gt;
&lt;p&gt;So there are quite a few things:&lt;/p&gt;
&lt;ol&gt;
&lt;li&gt;My array creation method means I have to awkwardly &lt;code&gt;del&lt;/code&gt; the first element.&lt;/li&gt;
&lt;li&gt;The IDs I'm using are String data type. Would making it an integer/long speed it up?&lt;/li&gt;
&lt;li&gt;Would using a completely different structure speed it up? &lt;code&gt;Numpy&lt;/code&gt; or something else?&lt;/li&gt;
&lt;li&gt;It seems to get progressively slower as it proceeds. Is there anything I can do with memory? It's running on a powerful computer.&lt;/li&gt;
&lt;li&gt;Perhaps there's a clever way to combine these two steps that I haven't thought of.&lt;/li&gt;
&lt;/ol&gt;</t>
  </si>
  <si>
    <t>2016-03-04 16:06:28.747000+00:00</t>
  </si>
  <si>
    <t>2016-03-04 16:44:32.903000+00:00</t>
  </si>
  <si>
    <t>python|arrays|nested</t>
  </si>
  <si>
    <t>How to format output using racket</t>
  </si>
  <si>
    <t>&lt;p&gt;how to format output using racket? I want to output a fixed-width number and fill it with 0 if small? hot to get it? I have searched the racket document but can only find &lt;code&gt;fprintf&lt;/code&gt;, and it seems can't do it.&lt;/p&gt;</t>
  </si>
  <si>
    <t>2015-09-29 08:35:34.990000+00:00</t>
  </si>
  <si>
    <t>2015-09-29 12:56:20.733000+00:00</t>
  </si>
  <si>
    <t>format|racket</t>
  </si>
  <si>
    <t>Why decrement is not working properly in C programming?</t>
  </si>
  <si>
    <t>&lt;p&gt;I'm trying to create a pyramid in C, i need to get the next pattern:&lt;/p&gt;
&lt;pre&gt;&lt;code&gt;    A
   ABA
  ABCBA
 ABCDCDA
ABCDEDCBA
&lt;/code&gt;&lt;/pre&gt;
&lt;p&gt;I need to use nested for loops, but the decrementing is not working properly for me, this is my code:&lt;/p&gt;
&lt;pre&gt;&lt;code&gt;int main(void)
{
    int i, j, k, g;
    char userLatter;
    printf("please enter an uppercase letter:\n");
    scanf("%c", &amp;amp;userLatter);
    int asci = userLatter;
    for (i = 0; i &amp;lt; 5; i++)
    {
        for (j = 4; j &amp;gt; i; j--)
        {
            printf(" ");
        }
        asci = userLatter;
        for (k = 0; k &amp;lt;= i ; k++)
        {
         printf("%c", asci++);
        }
        for (g = 1; g &amp;lt;= i; g++)
        {
            printf("%c", --asci);
        }
        printf("\n"); 
    }
}
&lt;/code&gt;&lt;/pre&gt;
&lt;p&gt;this is the input "a"&lt;/p&gt;
&lt;p&gt;and the output im getting is:&lt;/p&gt;
&lt;pre&gt;&lt;code&gt;    a
   abb
  abccb
 abcddcb
abcdeedcb
&lt;/code&gt;&lt;/pre&gt;
&lt;p&gt;Can you please tell me what am I doing wrong?&lt;/p&gt;
&lt;p&gt;tnx&lt;/p&gt;</t>
  </si>
  <si>
    <t>2013-01-23 23:10:46.013000+00:00</t>
  </si>
  <si>
    <t>2013-01-23 23:19:14.220000+00:00</t>
  </si>
  <si>
    <t>2013-01-23 23:16:40.830000+00:00</t>
  </si>
  <si>
    <t>Does the Box API OAUTH protocol work from behind a firewall?</t>
  </si>
  <si>
    <t>&lt;p&gt;I am investigating the possibility of integrating Box API calls from an internal application that sits behind our firewall (it is not exposed to the outside world).&lt;/p&gt;
&lt;p&gt;So the question is, if we fire off an authentication request to Box with a callback URI, does Box post back directly to the specified call back URI (so essentially its initiating a new request from Box to the client), or does it send a request back to the client who made the request (standard HTTP request/response), and expect the client to redirect to the call back URI with the tokens?&lt;/p&gt;
&lt;p&gt;This might sound an odd question, but during my investigation it appears this is how the Twitter OAUTH protocol works, and if so would help us a lot as we don't want to open up the firewall to the outside world.&lt;/p&gt;
&lt;p&gt;See here for info: &lt;a href="https://dev.twitter.com/discussions/5801" rel="nofollow noreferrer"&gt;https://dev.twitter.com/discussions/5801&lt;/a&gt;&lt;/p&gt;
&lt;p&gt;EDIT: Just found this which seems to suggest that the client will always initiate the request, never the server: &lt;a href="https://stackoverflow.com/a/6116736/811108"&gt;https://stackoverflow.com/a/6116736/811108&lt;/a&gt;&lt;/p&gt;
&lt;p&gt;Many thanks in advance.&lt;/p&gt;</t>
  </si>
  <si>
    <t>2014-01-27 10:33:28.467000+00:00</t>
  </si>
  <si>
    <t>2014-01-28 12:06:43.197000+00:00</t>
  </si>
  <si>
    <t>2017-05-23 11:49:23.973000+00:00</t>
  </si>
  <si>
    <t>oauth|firewall|box-api</t>
  </si>
  <si>
    <t>select row from one table where value exists from array from another table</t>
  </si>
  <si>
    <t>&lt;p&gt;I have two tables.&lt;/p&gt;
&lt;ol&gt;
&lt;li&gt;&lt;p&gt;&lt;strong&gt;&lt;code&gt;Users table&lt;/code&gt;&lt;/strong&gt; have columns &lt;/p&gt;
&lt;ul&gt;
&lt;li&gt;&lt;code&gt;member_group&lt;/code&gt; equals to
&lt;ul&gt;
&lt;li&gt;Admin&lt;/li&gt;
&lt;li&gt;Marketing&lt;/li&gt;
&lt;li&gt;Sales&lt;/li&gt;
&lt;/ul&gt;&lt;/li&gt;
&lt;li&gt;&lt;code&gt;zone&lt;/code&gt; equals to
&lt;ul&gt;
&lt;li&gt;North&lt;/li&gt;
&lt;li&gt;West&lt;/li&gt;
&lt;li&gt;East&lt;/li&gt;
&lt;/ul&gt;&lt;/li&gt;
&lt;/ul&gt;&lt;/li&gt;
&lt;li&gt;&lt;p&gt;&lt;strong&gt;&lt;code&gt;Meetings table&lt;/code&gt;&lt;/strong&gt; have columns&lt;/p&gt;
&lt;ul&gt;
&lt;li&gt;&lt;code&gt;for_member_group&lt;/code&gt; &lt;/li&gt;
&lt;li&gt;&lt;code&gt;for_zone&lt;/code&gt; columns.&lt;/li&gt;
&lt;/ul&gt;&lt;/li&gt;
&lt;/ol&gt;
&lt;p&gt;&lt;code&gt;for_member_group&lt;/code&gt; and &lt;code&gt;for_zone&lt;/code&gt; may contain multiple values with comma separation. &lt;/p&gt;
&lt;p&gt;&lt;strong&gt;E.g.&lt;/strong&gt; &lt;/p&gt;
&lt;ul&gt;
&lt;li&gt;&lt;code&gt;for_member_group&lt;/code&gt; = Admin,Sales&lt;/li&gt;
&lt;li&gt;&lt;p&gt;&lt;code&gt;for_member_group&lt;/code&gt; = Admin,Marketing,Sales&lt;/p&gt;
&lt;p&gt;And same with &lt;code&gt;for_zone&lt;/code&gt; column too.&lt;/p&gt;&lt;/li&gt;
&lt;/ul&gt;
&lt;p&gt;Now I want to send emails to that particular meeting.&lt;/p&gt;
&lt;p&gt;&lt;strong&gt;E.g.&lt;/strong&gt; From Meetings table row 3 with values like &lt;code&gt;for_member_group&lt;/code&gt; = 'Admin,Marketing' and &lt;code&gt;for_zone&lt;/code&gt;='East,West'&lt;/p&gt;
&lt;p&gt;Now mail should be sent to Admin and Marketing name containing rows and East and West containing zone names only form &lt;strong&gt;&lt;code&gt;Users Table&lt;/code&gt;&lt;/strong&gt;&lt;/p&gt;
&lt;p&gt;&lt;strong&gt;BUT USER QUERY is not working....&lt;/strong&gt; No user selected and no email gets sent...&lt;/p&gt;
&lt;p&gt;I also tried &lt;code&gt;echo $userdata['email'];&lt;/code&gt; But nothing echoed...and  No Error is seen...&lt;/p&gt;
&lt;p&gt;I have tried as follows :&lt;/p&gt;
&lt;pre&gt;&lt;code&gt;&amp;lt;?php
    $qry = "select * from $meetings where meeting_start &amp;gt; $today order by meeting_start desc limit 1";
    $results = $database-&amp;gt;get_results($qry);
    foreach($results as $lecture_data){
        $for_member_group = $lecture_data['for_member_group'];
        $for_zone = $lecture_data['for_zone'];
        $userquery = "select * from $users where member_group IN('$for_member_group') and zone IN('$for_zone') ";
        $userresult = $database-&amp;gt;get_results($userquery);
        foreach ($userresult as $userdata){
            echo $userdata['email'];
            ob_start();
   ?&amp;gt;
   &amp;lt;!-- EMail HTML and PHP Coding--&amp;gt;
 &amp;lt;?php
  rest php code
     }
 }
 ?&amp;gt;
&lt;/code&gt;&lt;/pre&gt;</t>
  </si>
  <si>
    <t>2018-04-06 10:05:56.037000+00:00</t>
  </si>
  <si>
    <t>2018-04-06 10:39:15.260000+00:00</t>
  </si>
  <si>
    <t>2018-04-06 10:23:39.030000+00:00</t>
  </si>
  <si>
    <t>Which logging library to use for cross-language (Java, C++, Python) system</t>
  </si>
  <si>
    <t>&lt;p&gt;I have a system where a central Java controller launches analysis processes, which may be written in C++, Java, or Python (mostly they are C++). All these processes currently run on the same server. What are you suggestions to&lt;/p&gt;
&lt;ul&gt;
&lt;li&gt;Create a central log to which all processes can write to&lt;/li&gt;
&lt;li&gt;What if in the future I push some processes to another server. How can I support distributed logging?&lt;/li&gt;
&lt;/ul&gt;
&lt;p&gt;Thanks!&lt;/p&gt;</t>
  </si>
  <si>
    <t>2010-05-21 21:49:06.730000+00:00</t>
  </si>
  <si>
    <t>2010-05-28 04:00:36.010000+00:00</t>
  </si>
  <si>
    <t>2010-05-21 21:51:12.450000+00:00</t>
  </si>
  <si>
    <t>java|c++|python|logging</t>
  </si>
  <si>
    <t>Django ��� how to define named route?</t>
  </si>
  <si>
    <t>&lt;p&gt;I have an html file named base.html, as below:&lt;/p&gt;
&lt;pre&gt;&lt;code&gt;&amp;lt;html ng-app="exampleApp"&amp;gt;
&amp;lt;head&amp;gt;
    &amp;lt;script src="https://ajax.googleapis.com/ajax/libs/jquery/1.11.3/jquery.min.js"&amp;gt;&amp;lt;/script&amp;gt;
    &amp;lt;script src="static/js/angular.min.js"&amp;gt;&amp;lt;/script&amp;gt;
    &amp;lt;script src="static/js/app.js"&amp;gt;&amp;lt;/script&amp;gt;
&amp;lt;/head&amp;gt;
&amp;lt;title&amp;gt; Heloow&amp;lt;/title&amp;gt;
&amp;lt;body ng-controller="MainCtrl"&amp;gt;
{% verbatim%}
&amp;lt;a href="{% url 'responsive' %}" class="btn btn-lg btn-primary" ng-click="clickToOpen()"&amp;gt;Next &amp;gt;&amp;gt; &amp;lt;/a&amp;gt;
{% endverbatim %}
&amp;lt;/body&amp;gt;
&amp;lt;/html&amp;gt;
&lt;/code&gt;&lt;/pre&gt;
&lt;p&gt;and I have app.js as below:&lt;/p&gt;
&lt;pre&gt;&lt;code&gt;var app = angular.module('exampleApp', ['ngDialog']);
app.controller('MainCtrl', function ($scope, ngDialog) {
    $scope.clickToOpen = function () {
        ngDialog.open({ template: 'view.html' });
    };
});
&lt;/code&gt;&lt;/pre&gt;
&lt;p&gt;But when I load the page am getting an error as below, please help guys. Thanks in advance.
&lt;a href="https://i.stack.imgur.com/2WLHv.png" rel="nofollow noreferrer"&gt;&lt;img src="https://i.stack.imgur.com/2WLHv.png" alt="enter image description here"&gt;&lt;/a&gt;&lt;/p&gt;</t>
  </si>
  <si>
    <t>2015-08-22 11:57:24.570000+00:00</t>
  </si>
  <si>
    <t>2015-08-22 12:18:02.313000+00:00</t>
  </si>
  <si>
    <t>html|django-views</t>
  </si>
  <si>
    <t>Crontab not executing bash script</t>
  </si>
  <si>
    <t>&lt;p&gt;I very very rarely use Linux and so don't have any experience with bash scripts and cron jobs.
This is in fact my first attempt. So it's probably something really simple to fix.&lt;/p&gt;
&lt;p&gt;I have the following:&lt;/p&gt;
&lt;p&gt;/etc/cron.d/clear-mixtape-dir.sh
permissions are: 644&lt;/p&gt;
&lt;pre&gt;&lt;code&gt;#!/bin/bash
# Clears the /tmp/mixtape2 directory
rm -rf "/tmp/mixtape2/"*
&lt;/code&gt;&lt;/pre&gt;
&lt;p&gt;My crontab file looks like so:&lt;/p&gt;
&lt;pre&gt;&lt;code&gt;SHELL=/bin/bash
PATH=/sbin:/bin:/usr/sbin:/usr/bin
MAILTO=root
HOME=/
*/15 * * * * /etc/cron.d/clear-mixtape-dir.sh &amp;gt;/dev/null 2&amp;gt;&amp;amp;1
&lt;/code&gt;&lt;/pre&gt;
&lt;p&gt;I'm trying to execute the .sh script every 15 minutes.&lt;/p&gt;
&lt;p&gt;Everything i've found says this should work, but it doesn't.&lt;/p&gt;
&lt;p&gt;Does anything like file permissions (on files within /tmp/mixtape2/) matter in this case?
Or perhaps the permissions set on the actual .sh script - maybe they need setting to executable?&lt;/p&gt;
&lt;p&gt;Any advice appreciated.&lt;/p&gt;</t>
  </si>
  <si>
    <t>2013-04-25 15:22:17.073000+00:00</t>
  </si>
  <si>
    <t>2013-09-18 01:04:00.853000+00:00</t>
  </si>
  <si>
    <t>bash|shell|cron|crontab</t>
  </si>
  <si>
    <t>Locking records returned by context? Or perhaps a change to my approach</t>
  </si>
  <si>
    <t>&lt;p&gt;I'm not sure whether I need a way to lock records returned by the context or simply need a new approach.&lt;/p&gt;
&lt;p&gt;Here's the story. We currently have a small number of apps that integrate with our CRM. Some of them open a XrmServiceContext and return a few thousand record to perform updates. These scripts are calling SaveChanges along the way but there will still be accounts near the end that will be saved a couple of minutes after the context return them. If a user updates the record during this time, their changes are overwritten by the script.&lt;/p&gt;
&lt;p&gt;Is there a way of locking the records until the context has saved the update back or is there a better approach I should be taking?&lt;/p&gt;
&lt;p&gt;Kit&lt;/p&gt;</t>
  </si>
  <si>
    <t>2012-07-17 19:19:46.120000+00:00</t>
  </si>
  <si>
    <t>2016-08-08 12:26:11.867000+00:00</t>
  </si>
  <si>
    <t>dynamics-crm|dynamics-crm-2011</t>
  </si>
  <si>
    <t>fatal error C1083: Cannot open include file: 'aux.h': Permission denied</t>
  </si>
  <si>
    <t>&lt;p&gt;I copied the following code from OpenGL's Redbook (&lt;a href="http://fly.cc.fer.hr/~unreal/theredbook/chapter04.html" rel="nofollow"&gt;Chapter 4: Display Lists&lt;/a&gt;) into my editor (Visual Studio Express Edition 2008), named it &lt;code&gt;list.c&lt;/code&gt; and got compilation error.&lt;/p&gt;
&lt;pre&gt;&lt;code&gt;#include "aux.h"
#include &amp;lt;GL/gl.h&amp;gt;
#include &amp;lt;GL/glu.h&amp;gt;
GLuint listName = 1;
void myinit (void)
{
glNewList (listName, GL_COMPILE);
        glColor3f(1.0, 0.0, 0.0);
        glBegin (GL_TRIANGLES);
            glVertex2f (0.0, 0.0);
            glVertex2f (1.0, 0.0);
            glVertex2f (0.0, 1.0);
        glEnd ();
        glTranslatef (1.5, 0.0, 0.0);
    glEndList ();
    glShadeModel (GL_FLAT);
}
void drawLine (void)
{
    glBegin (GL_LINES);
        glVertex2f (0.0, 0.5);
        glVertex2f (15.0, 0.5);
    glEnd ();
}
void display(void)
{
    GLuint i;
    glClear (GL_COLOR_BUFFER_BIT);
    glColor3f(0.0, 1.0, 0.0);
    for (i = 0; i &amp;lt; 10; i++)
        glCallList (listName);
    drawLine ();
    glFlush ();
}
void myReshape(GLsizei w, GLsizei h)
{
    glViewport(0, 0, w, h);
    glMatrixMode(GL_PROJECTION);
    glLoadIdentity();
    if (w &amp;lt;= h) 
        gluOrtho2D (0.0, 2.0, -0.5 * (GLfloat) h/(GLfloat) w, 
              1.5 * (GLfloat) h/(GLfloat) w);
    else 
        gluOrtho2D (0.0, 2.0 * (GLfloat) w/(GLfloat) h, -0.5,
              1.5); 
    glMatrixMode(GL_MODELVIEW);
    glLoadIdentity();
}
int main(int argc, char** argv)
{
    auxInitDisplayMode (AUX_SINGLE | AUX_RGBA);
    auxInitPosition (0, 0, 400, 50);
    auxInitWindow (argv[0]);
    myinit ();
    auxReshapeFunc (myReshape);
    auxMainLoop(display);
}
&lt;/code&gt;&lt;/pre&gt;</t>
  </si>
  <si>
    <t>2010-11-06 15:15:13.247000+00:00</t>
  </si>
  <si>
    <t>2010-11-21 12:24:44.770000+00:00</t>
  </si>
  <si>
    <t>2010-11-06 15:30:17.877000+00:00</t>
  </si>
  <si>
    <t>c|visual-studio|opengl</t>
  </si>
  <si>
    <t>Loop over Set of Functions for Variable Pipelining and Separate Usage</t>
  </si>
  <si>
    <t>&lt;p&gt;I have the following 10 functions:&lt;/p&gt;
&lt;pre&gt;&lt;code&gt;def function1(data1,data2):
    ...
    return value
def function2(data1,data2):
    ...
    return value
...
def function10(data1,data2):
    ...
    return value
&lt;/code&gt;&lt;/pre&gt;
&lt;p&gt;I want to use these functions separately when needed but also
in a pipeline for calculating properties and appending to a list.
Like this:&lt;/p&gt;
&lt;pre&gt;&lt;code&gt;collecting_list = []
for idx in range(10):  
    collecting_list.append(function1(data1[idx],data2[idx]))
    collecting_list.append(function2(data1[idx],data2[idx]))
    collecting_list.append(function3(data1[idx],data2[idx]))
    collecting_list.append(function4(data1[idx],data2[idx]))
    collecting_list.append(function5(data1[idx],data2[idx]))
    collecting_list.append(function6(data1[idx],data2[idx]))
    collecting_list.append(function7(data1[idx],data2[idx]))
    collecting_list.append(function8(data1[idx],data2[idx]))
    collecting_list.append(function9(data1[idx],data2[idx]))
    collecting_list.append(function10(data1[idx],data2[idx])
&lt;/code&gt;&lt;/pre&gt;
&lt;p&gt;Obviously I would need some property to loop over function names, but I never came across this problem before and was just wondering if I can call those functions in a loop without hard coding this and just adjusting the function-number (e.g. function1(), function2(), ... function10()).
Hints and ideas appreciated!&lt;/p&gt;</t>
  </si>
  <si>
    <t>2018-08-14 20:25:12.887000+00:00</t>
  </si>
  <si>
    <t>2018-08-15 18:32:15.830000+00:00</t>
  </si>
  <si>
    <t>python-3.x|function|loops</t>
  </si>
  <si>
    <t>XSL Foreach Not Pulling Values</t>
  </si>
  <si>
    <t>&lt;p&gt;I got this XML document set up using some XSL and css to make it look nice. I cannot get this foreach to work though and I'm not sure what I'm doing wrong. Anybody got any ideas?&lt;/p&gt;
&lt;p&gt;XML&lt;/p&gt;
&lt;pre&gt;&lt;code&gt;&amp;lt;?xml version="1.0"?&amp;gt;
&amp;lt;?xml-stylesheet type="text/xsl" href="q3.xsl"?&amp;gt;
&amp;lt;expenseReport&amp;gt;
    &amp;lt;companyInfo&amp;gt;
        &amp;lt;name&amp;gt;John Doe&amp;lt;/name&amp;gt;
        &amp;lt;email&amp;gt;jdoe@company.com&amp;lt;/email&amp;gt;
        &amp;lt;empNum&amp;gt;1&amp;lt;/empNum&amp;gt;
        &amp;lt;companyCode&amp;gt;10010011&amp;lt;/companyCode&amp;gt;
    &amp;lt;/companyInfo&amp;gt;
    &amp;lt;timeFrame&amp;gt;
        &amp;lt;costCenter /&amp;gt;
        &amp;lt;startDate /&amp;gt;
        &amp;lt;endDate /&amp;gt;
    &amp;lt;/timeFrame&amp;gt;
    &amp;lt;purpose /&amp;gt;
    &amp;lt;technicalInfo&amp;gt;
        &amp;lt;date&amp;gt;9/9/09&amp;lt;/date&amp;gt;
        &amp;lt;desc&amp;gt;heading to shanghai&amp;lt;/desc&amp;gt;
        &amp;lt;miles&amp;gt;a lot&amp;lt;/miles&amp;gt;
        &amp;lt;mileage amt="0.00"&amp;gt;1.21&amp;lt;/mileage&amp;gt;
        &amp;lt;airFare&amp;gt;7&amp;lt;/airFare&amp;gt;
        &amp;lt;other&amp;gt;fish?&amp;lt;/other&amp;gt;
        &amp;lt;meals&amp;gt;yes&amp;lt;/meals&amp;gt;
        &amp;lt;conf&amp;gt;gesundheit&amp;lt;/conf&amp;gt;
        &amp;lt;misc&amp;gt;champaign&amp;lt;/misc&amp;gt;
        &amp;lt;code&amp;gt;red&amp;lt;/code&amp;gt;
        &amp;lt;total price="0.00"&amp;gt;107.00&amp;lt;/total&amp;gt;
    &amp;lt;/technicalInfo&amp;gt;
    &amp;lt;technicalInfo&amp;gt;
        &amp;lt;date&amp;gt;10/10/10&amp;lt;/date&amp;gt;
        &amp;lt;desc&amp;gt;hawaii vacation&amp;lt;/desc&amp;gt;
        &amp;lt;miles&amp;gt;a bunch&amp;lt;/miles&amp;gt;
        &amp;lt;mileage amt="0.00"&amp;gt;100.9&amp;lt;/mileage&amp;gt;
        &amp;lt;airFare&amp;gt;1234.29&amp;lt;/airFare&amp;gt;
        &amp;lt;other&amp;gt;nope&amp;lt;/other&amp;gt;
        &amp;lt;meals&amp;gt;lobster dinner&amp;lt;/meals&amp;gt;
        &amp;lt;conf&amp;gt;Still not sure what this is&amp;lt;/conf&amp;gt;
        &amp;lt;misc&amp;gt;clubs&amp;lt;/misc&amp;gt;
        &amp;lt;code&amp;gt;bluish green&amp;lt;/code&amp;gt;
        &amp;lt;total price="0.00"&amp;gt;3000.87&amp;lt;/total&amp;gt;
    &amp;lt;/technicalInfo&amp;gt;
    &amp;lt;technicalInfo&amp;gt;
        &amp;lt;date&amp;gt;11/11/11&amp;lt;/date&amp;gt;
        &amp;lt;desc&amp;gt;Moving to Flordia&amp;lt;/desc&amp;gt;
        &amp;lt;miles&amp;gt;not too many&amp;lt;/miles&amp;gt;
        &amp;lt;mileage amt="0.00"&amp;gt;12.3&amp;lt;/mileage&amp;gt;
        &amp;lt;airFare /&amp;gt;
        &amp;lt;other&amp;gt;Stopped at McDonalds&amp;lt;/other&amp;gt;
        &amp;lt;meals&amp;gt;Big Mac and Fries&amp;lt;/meals&amp;gt;
        &amp;lt;conf&amp;gt;No Idea&amp;lt;/conf&amp;gt;
        &amp;lt;misc&amp;gt;Bought Gold Steering Wheel&amp;lt;/misc&amp;gt;
        &amp;lt;code&amp;gt;clear&amp;lt;/code&amp;gt;
        &amp;lt;total price="0.00"&amp;gt;35.83&amp;lt;/total&amp;gt;
    &amp;lt;/technicalInfo&amp;gt;
&amp;lt;/expenseReport&amp;gt;
&lt;/code&gt;&lt;/pre&gt;
&lt;p&gt;XSL&lt;/p&gt;
&lt;pre&gt;&lt;code&gt;&amp;lt;?xml version="1.0" encoding="ISO-8859-1"?&amp;gt;
&amp;lt;xsl:stylesheet version="1.0"
xmlns:xsl="http://www.w3.org/1999/XSL/Transform"&amp;gt;
&amp;lt;xsl:template match="/"&amp;gt;
  &amp;lt;html&amp;gt;
  &amp;lt;head&amp;gt;
    &amp;lt;title&amp;gt;Expense Report&amp;lt;/title&amp;gt;
    &amp;lt;link type="text/css" rel="stylesheet" href="q3.css" /&amp;gt;
  &amp;lt;/head&amp;gt;
  &amp;lt;body&amp;gt;
    &amp;lt;div id="container"&amp;gt;
        &amp;lt;h1&amp;gt;Expense Report&amp;lt;/h1&amp;gt;
            &amp;lt;br /&amp;gt;
        &amp;lt;table id="companyInfo" cellspacing="0px"&amp;gt;
            &amp;lt;tr&amp;gt;
                &amp;lt;td&amp;gt;Name:&amp;lt;/td&amp;gt;
                &amp;lt;td class="data"&amp;gt;&amp;lt;xsl:value-of select="expenseReport/companyInfo/name"/&amp;gt;&amp;lt;/td&amp;gt;
            &amp;lt;/tr&amp;gt;
            &amp;lt;tr&amp;gt;
                &amp;lt;td&amp;gt;Email:&amp;lt;/td&amp;gt;
                &amp;lt;td class="data"&amp;gt;&amp;lt;xsl:value-of select="expenseReport/companyInfo/email"/&amp;gt;&amp;lt;/td&amp;gt;
            &amp;lt;/tr&amp;gt;
            &amp;lt;tr&amp;gt;
                &amp;lt;td&amp;gt;Employee Number:&amp;lt;/td&amp;gt;
                &amp;lt;td class="data"&amp;gt;&amp;lt;xsl:value-of select="expenseReport/companyInfo/empNum"/&amp;gt;&amp;lt;/td&amp;gt;
            &amp;lt;/tr&amp;gt;
            &amp;lt;tr&amp;gt;
                &amp;lt;td&amp;gt;Company Number:&amp;lt;/td&amp;gt;
                &amp;lt;td class="data"&amp;gt;&amp;lt;xsl:value-of select="expenseReport/companyInfo/companyCode"/&amp;gt;&amp;lt;/td&amp;gt;
            &amp;lt;/tr&amp;gt;
        &amp;lt;/table&amp;gt;
        &amp;lt;table id="timeFrame" cellspacing="0px"&amp;gt;
            &amp;lt;tr&amp;gt;
                &amp;lt;td&amp;gt;Cost Center: &amp;lt;/td&amp;gt;
                &amp;lt;td&amp;gt;&amp;lt;xsl:value-of select="expenseReport/timeFrame/costCenter"/&amp;gt;&amp;lt;/td&amp;gt;
            &amp;lt;/tr&amp;gt;
            &amp;lt;tr&amp;gt;
                &amp;lt;td&amp;gt;Start Date: &amp;lt;/td&amp;gt;
                &amp;lt;td&amp;gt;&amp;lt;xsl:value-of select="expenseReport/timeFrame/startDate"/&amp;gt;&amp;lt;/td&amp;gt;
            &amp;lt;/tr&amp;gt;
            &amp;lt;tr&amp;gt;
                &amp;lt;td&amp;gt;End Date:&amp;lt;/td&amp;gt;
                &amp;lt;td&amp;gt;&amp;lt;xsl:value-of select="expenseReport/timeFrame/endDate"/&amp;gt;&amp;lt;/td&amp;gt;
            &amp;lt;/tr&amp;gt;
        &amp;lt;/table&amp;gt;
        &amp;lt;table id="purpose" cellspacing="0px"&amp;gt;
            &amp;lt;tr&amp;gt;
                &amp;lt;td&amp;gt;
                    Purpose:
                &amp;lt;/td&amp;gt;
                &amp;lt;td width="700px"&amp;gt;
                    &amp;lt;xsl:value-of select="expenseReport/purpose"/&amp;gt;
                &amp;lt;/td&amp;gt;
            &amp;lt;/tr&amp;gt;
        &amp;lt;/table&amp;gt;
            &amp;lt;br /&amp;gt;
            &amp;lt;br /&amp;gt;
        &amp;lt;table id="techInfo" cellspacing="0px" width="900px"&amp;gt;
            &amp;lt;tr&amp;gt;
                &amp;lt;th&amp;gt;Date&amp;lt;/th&amp;gt;
                &amp;lt;th&amp;gt;Description&amp;lt;/th&amp;gt;
                &amp;lt;th&amp;gt;Miles&amp;lt;/th&amp;gt;
                &amp;lt;th&amp;gt;Milage&amp;lt;/th&amp;gt;
                &amp;lt;th&amp;gt;Airfare&amp;lt;/th&amp;gt;
                &amp;lt;th&amp;gt;Other&amp;lt;/th&amp;gt;
                &amp;lt;th&amp;gt;Meals&amp;lt;/th&amp;gt;
                &amp;lt;th&amp;gt;Conf.&amp;lt;/th&amp;gt;
                &amp;lt;th&amp;gt;Misc&amp;lt;/th&amp;gt;
                &amp;lt;th&amp;gt;Code&amp;lt;/th&amp;gt;
                &amp;lt;th&amp;gt;Total&amp;lt;/th&amp;gt;
            &amp;lt;/tr&amp;gt;
            &amp;lt;xsl:for-each select="expenseReport/technicalInfo"&amp;gt;
            &amp;lt;tr&amp;gt;
                    &amp;lt;td&amp;gt;&amp;lt;xsl:value-of select="expenseReport/technicalInfo/date"/&amp;gt;&amp;lt;/td&amp;gt;
                    &amp;lt;td&amp;gt;&amp;lt;xsl:value-of select="expenseReport/technicalInfo/desc"/&amp;gt;&amp;lt;/td&amp;gt;
                    &amp;lt;td&amp;gt;&amp;lt;xsl:value-of select="expenseReport/technicalInfo/miles"/&amp;gt;&amp;lt;/td&amp;gt;
                    &amp;lt;td&amp;gt;&amp;lt;xsl:value-of select="expenseReport/technicalInfo/milage"/&amp;gt;&amp;lt;/td&amp;gt;
                    &amp;lt;td&amp;gt;&amp;lt;xsl:value-of select="expenseReport/technicalInfo/airfare"/&amp;gt;&amp;lt;/td&amp;gt;
                    &amp;lt;td&amp;gt;&amp;lt;xsl:value-of select="expenseReport/technicalInfo/other"/&amp;gt;&amp;lt;/td&amp;gt;
                    &amp;lt;td&amp;gt;&amp;lt;xsl:value-of select="expenseReport/technicalInfo/meals"/&amp;gt;&amp;lt;/td&amp;gt;
                    &amp;lt;td&amp;gt;&amp;lt;xsl:value-of select="expenseReport/technicalInfo/conf"/&amp;gt;&amp;lt;/td&amp;gt;
                    &amp;lt;td&amp;gt;&amp;lt;xsl:value-of select="expenseReport/technicalInfo/misc"/&amp;gt;&amp;lt;/td&amp;gt;
                    &amp;lt;td&amp;gt;&amp;lt;xsl:value-of select="expenseReport/technicalInfo/code"/&amp;gt;&amp;lt;/td&amp;gt;
                    &amp;lt;td&amp;gt;&amp;lt;xsl:value-of select="expenseReport/technicalInfo/total"/&amp;gt;&amp;lt;/td&amp;gt;
            &amp;lt;/tr&amp;gt;
            &amp;lt;/xsl:for-each&amp;gt;
        &amp;lt;/table&amp;gt;
    &amp;lt;/div&amp;gt;
  &amp;lt;/body&amp;gt;
  &amp;lt;/html&amp;gt;
&amp;lt;/xsl:template&amp;gt;
&amp;lt;/xsl:stylesheet&amp;gt;
&lt;/code&gt;&lt;/pre&gt;
&lt;p&gt;It's showing it up as blank data. Maybe I'm not sure how this foreach works.&lt;/p&gt;</t>
  </si>
  <si>
    <t>2011-10-15 03:20:30.697000+00:00</t>
  </si>
  <si>
    <t>2011-10-15 04:00:29.383000+00:00</t>
  </si>
  <si>
    <t>html|xml|xslt|foreach</t>
  </si>
  <si>
    <t>Splitting a ruby class into multiple files</t>
  </si>
  <si>
    <t>&lt;p&gt;I've discovered that I can split a class into multiple files by calling &lt;code&gt;class &amp;lt;sameclassname&amp;gt;; &amp;lt;code&amp;gt; ;end&lt;/code&gt; from within each file. I've decided to divide up a very large class this way. The advantages I see: &lt;/p&gt;
&lt;ul&gt;
&lt;li&gt;I can have separate spec files called by guard to reduce spec time. &lt;/li&gt;
&lt;li&gt;Forces me to organize and compartmentalize my code &lt;/li&gt;
&lt;/ul&gt;
&lt;p&gt;Are there any pitfalls to this method? I can't find any information about people doing it. &lt;/p&gt;</t>
  </si>
  <si>
    <t>2015-08-13 05:01:50.920000+00:00</t>
  </si>
  <si>
    <t>2016-05-09 23:26:43.973000+00:00</t>
  </si>
  <si>
    <t>ruby|file|class</t>
  </si>
  <si>
    <t>Turn string into multidimensional Array and then sort it by sub-value within the array</t>
  </si>
  <si>
    <t>&lt;p&gt;I have a string like this:&lt;/p&gt;
&lt;p&gt;event name|event description|event type|event date|event time|event details,&lt;Br&gt;
event name|event description|event type|event date|event time|event details,&lt;Br&gt;
event name|event description|event type|event date|event time|event details,&lt;Br&gt;
event name|event description|event type|event date|event time|event details,&lt;/p&gt;
&lt;p&gt;This is all in one string. I need to turn it into and array, re-sort it by event date and then turn it back into a string.&lt;/p&gt;
&lt;p&gt;Any help is appreciated. Thanks so much.&lt;/p&gt;</t>
  </si>
  <si>
    <t>2009-08-31 17:45:34.973000+00:00</t>
  </si>
  <si>
    <t>2009-08-31 18:06:22+00:00</t>
  </si>
  <si>
    <t>2009-08-31 17:50:29.550000+00:00</t>
  </si>
  <si>
    <t>valiik</t>
  </si>
  <si>
    <t>is it posible to include page numbers with onendpage events</t>
  </si>
  <si>
    <t>&lt;p&gt;I am working through some more examples from the new itextpdf website...(good job by the way) I normally add page numbers in headers and footers as a second pass over the document once it is completed.&lt;/p&gt;
&lt;p&gt;Is there a way to add the page number dynamically in a header or footer as an onendpage event?&lt;/p&gt;
&lt;p&gt;Clearly this could be done by using a counter with document.addPage(), but text may create new pages all by itself when given a large text block so this would then not work.&lt;/p&gt;</t>
  </si>
  <si>
    <t>2015-12-06 11:08:49.167000+00:00</t>
  </si>
  <si>
    <t>2015-12-06 11:23:08.273000+00:00</t>
  </si>
  <si>
    <t>itext</t>
  </si>
  <si>
    <t>Foreign key allow null SQL</t>
  </si>
  <si>
    <t>&lt;p&gt;please check it this two tables.&lt;/p&gt;
&lt;pre&gt;&lt;code&gt;create table Panda (id int identity, koalaId null) 
create table Koala (id int identity)
&lt;/code&gt;&lt;/pre&gt;
&lt;p&gt;I need that &lt;code&gt;koalaId&lt;/code&gt; was foreign key to table Koala -&gt; identity, but also I need that &lt;code&gt;koalaId&lt;/code&gt; can be a &lt;code&gt;NULL&lt;/code&gt;. &lt;/p&gt;
&lt;p&gt;After this will be resolved, I need get data from Panda, but I get only a error:&lt;/p&gt;
&lt;blockquote&gt;
  &lt;p&gt;Property koalaId for Panda not be set to null. This property must be set to a value that is not null and is of type Int32.&lt;/p&gt;
&lt;/blockquote&gt;
&lt;p&gt;And I want for &lt;code&gt;koalaId&lt;/code&gt; set to &lt;code&gt;null&lt;/code&gt;.&lt;/p&gt;
&lt;p&gt;Thank you for your advice.&lt;/p&gt;</t>
  </si>
  <si>
    <t>2014-01-03 13:00:33.877000+00:00</t>
  </si>
  <si>
    <t>2014-01-04 20:03:19.993000+00:00</t>
  </si>
  <si>
    <t>2014-01-03 13:30:47.703000+00:00</t>
  </si>
  <si>
    <t>c#|sql-server|null|foreign-keys</t>
  </si>
  <si>
    <t>eAccelerator vs APC</t>
  </si>
  <si>
    <t>&lt;p&gt;I know this topic has been beat to death but a lot of the things I read are from 2006 and a few years old.  Surely each must have some improvements since?&lt;/p&gt;
&lt;p&gt;Anyways, which is faster and where can I find up-to-date benchmarks of both?  I know APC will be included in PHP 6 but isn't that because it's written by PHP?  eAccelerator from what I can find still seems to be a bit faster.&lt;/p&gt;
&lt;p&gt;Also another question what's the best configuration I can have for php (not servers) to maximize performance?  (aka just installing eaccelerator vs eaccelerator + zend optimizer).  Also do unused php modules slow php down even if not being used?&lt;/p&gt;</t>
  </si>
  <si>
    <t>2009-08-25 18:44:50.847000+00:00</t>
  </si>
  <si>
    <t>2009-08-25 19:00:03.217000+00:00</t>
  </si>
  <si>
    <t>C# - How do I iterate all the rows in Excel._Worksheet?</t>
  </si>
  <si>
    <t>&lt;p&gt;I am looking to programmatically pull data from an Excel worksheet and insert it into a database table.  &lt;/p&gt;
&lt;p&gt;How do I determine the number of columns and rows in a worksheet or otherwise iterate the rows?  &lt;/p&gt;
&lt;p&gt;I have&lt;/p&gt;
&lt;pre&gt;&lt;code&gt;Excel._Worksheet worksheet = (Excel._Worksheet)workbook.ActiveSheet;
&lt;/code&gt;&lt;/pre&gt;
&lt;p&gt;I tried &lt;code&gt;worksheet.Range.Rows.Count&lt;/code&gt;&lt;/p&gt;
&lt;p&gt;which tosses up&lt;/p&gt;
&lt;blockquote&gt;
  &lt;p&gt;Indexed property 'Microsoft.Office.Interop.Excel._Worksheet.Range' has
  non-optional arguments which must be provided&lt;/p&gt;
&lt;/blockquote&gt;
&lt;p&gt;What needs to be done?&lt;/p&gt;</t>
  </si>
  <si>
    <t>2011-10-11 14:33:43.767000+00:00</t>
  </si>
  <si>
    <t>2015-10-18 16:07:27.487000+00:00</t>
  </si>
  <si>
    <t>2011-10-11 14:40:01.407000+00:00</t>
  </si>
  <si>
    <t>c#|excel|excel-2007|excel-interop</t>
  </si>
  <si>
    <t>HTML Value finding</t>
  </si>
  <si>
    <t>&lt;p&gt;I know that "this.value" can get the value of the &lt;code&gt;&amp;lt;option&amp;gt;&lt;/code&gt; tag:&lt;/p&gt;
&lt;pre&gt;&lt;code&gt;&amp;lt;select name="users" onchange="showUser(this.value)"&amp;gt;
  &amp;lt;option value=""&amp;gt;Select a person:&amp;lt;/option&amp;gt;
  &amp;lt;option value="1"&amp;gt;Peter Griffin&amp;lt;/option&amp;gt;
  &amp;lt;option value="2"&amp;gt;Lois Griffin&amp;lt;/option&amp;gt;
  &amp;lt;option value="3"&amp;gt;Joseph Swanson&amp;lt;/option&amp;gt;
  &amp;lt;option value="4"&amp;gt;Glenn Quagmire&amp;lt;/option&amp;gt;
  &amp;lt;/select&amp;gt;
&lt;/code&gt;&lt;/pre&gt;
&lt;p&gt;But how to get a value (value="IE") from the &lt;code&gt;&amp;lt;a&amp;gt;&lt;/code&gt; tag, because this doesn't work:&lt;/p&gt;
&lt;pre&gt;&lt;code&gt;&amp;lt;a href="#" value="IE" onclick="showUser(this.value)"&amp;gt;Click&amp;lt;/a&amp;gt;
&lt;/code&gt;&lt;/pre&gt;</t>
  </si>
  <si>
    <t>2016-05-14 17:57:22.260000+00:00</t>
  </si>
  <si>
    <t>2016-05-14 18:43:48.097000+00:00</t>
  </si>
  <si>
    <t>2016-05-14 18:00:31.667000+00:00</t>
  </si>
  <si>
    <t>How Do I Fix A Flexbox Sticky Footer In IE11</t>
  </si>
  <si>
    <t>&lt;p&gt;I have created a sticky footer using flexbox. It works in all browsers apart from IE11.&lt;/p&gt;
&lt;p&gt;&lt;a href="http://codepen.io/Pedr/pen/doaWeq" rel="noreferrer"&gt;Codepen&lt;/a&gt;&lt;/p&gt;
&lt;p&gt;&lt;div class="snippet" data-lang="js" data-hide="false"&gt;_x000D_
&lt;div class="snippet-code"&gt;_x000D_
&lt;pre class="snippet-code-css lang-css prettyprint-override"&gt;&lt;code&gt;html {_x000D_
  box-sizing: border-box;_x000D_
}_x000D_
_x000D_
*, *:before, *:after {_x000D_
  box-sizing: inherit;_x000D_
}_x000D_
_x000D_
.Page {_x000D_
  min-height: 100vh;_x000D_
  display: flex;_x000D_
  flex-direction: column;_x000D_
  flex: 1;_x000D_
}_x000D_
_x000D_
.Page-header {_x000D_
  background: blue;_x000D_
}_x000D_
_x000D_
.Page-footer {_x000D_
  background: green;_x000D_
}_x000D_
_x000D_
.Page-body {_x000D_
  background: red;_x000D_
  flex: 1;_x000D_
}&lt;/code&gt;&lt;/pre&gt;_x000D_
&lt;pre class="snippet-code-html lang-html prettyprint-override"&gt;&lt;code&gt;&amp;lt;div class="Page"&amp;gt;_x000D_
  &amp;lt;header class="Page-header"&amp;gt;_x000D_
    HEADER_x000D_
  &amp;lt;/header&amp;gt;_x000D_
  &amp;lt;div class="Page-body"&amp;gt;_x000D_
    BODY_x000D_
  &amp;lt;/div&amp;gt;_x000D_
  &amp;lt;footer class="Page-footer"&amp;gt;_x000D_
    FOOTER_x000D_
  &amp;lt;/footer&amp;gt;_x000D_
&amp;lt;/div&amp;gt;&lt;/code&gt;&lt;/pre&gt;_x000D_
&lt;/div&gt;_x000D_
&lt;/div&gt;_x000D_
&lt;/p&gt;
&lt;p&gt;&lt;strong&gt;Why is it breaking in IE11 and how can I fix it?&lt;/strong&gt;&lt;/p&gt;</t>
  </si>
  <si>
    <t>2015-08-05 14:19:12.807000+00:00</t>
  </si>
  <si>
    <t>2017-01-16 16:22:49.087000+00:00</t>
  </si>
  <si>
    <t>html|css|internet-explorer|flexbox|sticky-footer</t>
  </si>
  <si>
    <t>Python: How to send a hexdecimal string through socket in Python3 without encoding it?</t>
  </si>
  <si>
    <t>&lt;p&gt;I performed socket communication in python2, it worked well and I have to make it works in python3 again. I have tired str.encode() stuff with many formats, but the other side of the network can't recognize what I send. The only thing I know is that the python3 str type is encoded as Unicode uft-8 in default, and I'm pretty sure the critical question in here is that what is the format of python2 str type. I have to send exactly the same thing as what was stored in python2 str. But the tricky thing is the socket of python3 only sends the encoded unicode bytes or other buffer interface, rather than the str type with the raw data in Python2. The example is as follow:&lt;/p&gt;
&lt;p&gt;In python2:&lt;/p&gt;
&lt;pre&gt;&lt;code&gt;data = 'AA060100B155'
datasplit = [fulldata[i: i+2] for i in range(0, len(fulldata), 2)]
senddata = ''
for item in datasplit:
    itemdec = chr(int(item, 16))
    senddata += itemdec
print(senddata) 
#'\xaa\x06\x01\x00\xb1U',which is the data I need
&lt;/code&gt;&lt;/pre&gt;
&lt;p&gt;In python3, seems it can only sends the encoded bytes using "senddata.encode()", but it is not the format I want. You can try:&lt;/p&gt;
&lt;pre&gt;&lt;code&gt;print(senddata.encode('latin-1'))
#b'\xaa\x06\x01\x01\xb2U'
&lt;/code&gt;&lt;/pre&gt;
&lt;p&gt;to see the difference of two senddatas, and an interesting thing is that it is faulty encoded when using utf-8.&lt;/p&gt;
&lt;p&gt;The data stored in Python3 str type is the thing I need, but my question is how to send the data of that string without encoding it? Or how to perform the same str type of Python2 in Python3?&lt;/p&gt;
&lt;p&gt;Can anyone help me with this?&lt;/p&gt;</t>
  </si>
  <si>
    <t>2017-04-17 12:12:05.313000+00:00</t>
  </si>
  <si>
    <t>2017-04-18 16:49:05.890000+00:00</t>
  </si>
  <si>
    <t>2017-04-17 12:58:54.660000+00:00</t>
  </si>
  <si>
    <t>python|python-3.x|unicode</t>
  </si>
  <si>
    <t>TeamCity tfs pull on agent</t>
  </si>
  <si>
    <t>&lt;p&gt;I have a teamcity server running on a my mac with an agent on my tfs/vs2010 build machine. I keep getting errors every time i start the build that say "Team Foundation Server VCS Support runs only under Windows".  My first reaction is that the webserver is trying to pull the code (the mac and not the windows build machine).  I changed the VCS checkout mode to "Automatically on Agent", but I am still getting that error. Is there anything I need to change so that all the pulling is done on the agent and not the webserver?&lt;/p&gt;
&lt;p&gt;Thanks in advance.&lt;/p&gt;</t>
  </si>
  <si>
    <t>2012-07-26 17:29:08.680000+00:00</t>
  </si>
  <si>
    <t>2015-12-07 09:40:25.687000+00:00</t>
  </si>
  <si>
    <t>teamcity</t>
  </si>
  <si>
    <t>Google map integration probleme</t>
  </si>
  <si>
    <t>&lt;p&gt;When we want to integrate Google map in windows application by using c# it gives the following errors when we run the application &lt;/p&gt;
&lt;p&gt;error : you seems to be using unsupported browser &lt;/p&gt;
&lt;p&gt;Any one who has some idea please help us &lt;/p&gt;</t>
  </si>
  <si>
    <t>2016-07-27 09:52:08.087000+00:00</t>
  </si>
  <si>
    <t>2016-07-27 17:22:26.863000+00:00</t>
  </si>
  <si>
    <t>Execute phpmailer script only if google captcha is successfully executed</t>
  </si>
  <si>
    <t>&lt;p&gt;I need to integrate google's invisible recaptcha php script into a website with a form that works with a phpmailer script that I called sendmail.php ( form action="sendmail.php").&lt;/p&gt;
&lt;p&gt;Is there a way to execute sendmail.php only if the recaptcha is correctly executed by the user?&lt;/p&gt;
&lt;p&gt;I have both php scripts but I'm a newbie in php and I don't know how to combine them :(.&lt;/p&gt;
&lt;p&gt;Here is the php script of google's captcha&lt;/p&gt;
&lt;pre&gt;&lt;code&gt;&amp;lt;?php
function post_captcha($user_response) {
    $fields_string = '';
    $fields = array(
        'secret' =&amp;gt; '________________SECRET_KEY_______________',
        'response' =&amp;gt; $user_response
    );
    foreach($fields as $key=&amp;gt;$value)
    $fields_string .= $key . '=' . $value . '&amp;amp;';
    $fields_string = rtrim($fields_string, '&amp;amp;');
    $ch = curl_init();
    curl_setopt($ch, CURLOPT_URL, 'https://www.google.com/recaptcha/api/siteverify');
    curl_setopt($ch, CURLOPT_POST, count($fields));
    curl_setopt($ch, CURLOPT_POSTFIELDS, $fields_string);
    curl_setopt($ch, CURLOPT_RETURNTRANSFER, True);
    $result = curl_exec($ch);
    curl_close($ch);
    return json_decode($result, true);
}
// Call the function post_captcha
$res = post_captcha($_POST['g-recaptcha-response']);
if (!$res['success']) {
    // What happens when the reCAPTCHA is not properly set up
    echo 'reCAPTCHA error: Check to make sure your keys match the registered domain and are in the correct locations. You may also want to doublecheck your code for typos or syntax errors.';
} else {
    // If CAPTCHA is successful...
    // Paste mail function or whatever else you want to happen here!
    echo '&amp;lt;br&amp;gt;&amp;lt;p&amp;gt;CAPTCHA was completed successfully!&amp;lt;/p&amp;gt;&amp;lt;br&amp;gt;';
    // Here, I suppose, I need to execute sendmail.php ( phpmailer script )
}
?&amp;gt;
&lt;/code&gt;&lt;/pre&gt;
&lt;p&gt;Thanks for helping me :) &lt;/p&gt;</t>
  </si>
  <si>
    <t>2018-01-27 11:55:14.667000+00:00</t>
  </si>
  <si>
    <t>2018-01-27 12:02:31.333000+00:00</t>
  </si>
  <si>
    <t>2018-01-27 12:02:02.647000+00:00</t>
  </si>
  <si>
    <t>php|phpmailer|recaptcha</t>
  </si>
  <si>
    <t>Symfony2 form queryBuilder find distinct object</t>
  </si>
  <si>
    <t>&lt;p&gt;I have an Organization entity. &lt;/p&gt;
&lt;pre&gt;&lt;code&gt;Acme\BaseBundle\Entity\Organization:
type: entity
...
oneToMany:
    childOrganizations:
        targetEntity: Organization
        mappedBy: parentOrganization
manyToOne:
    parentOrganization:
        targetEntity: Organization
        inversedBy: childOrganizations
        nullable: true
&lt;/code&gt;&lt;/pre&gt;
&lt;p&gt;I have this form:&lt;/p&gt;
&lt;pre&gt;&lt;code&gt;-&amp;gt;add('parentOrganization', 'entity', array(
    'class'         =&amp;gt; "AcmeBaseBundle:Organization",
    'property'      =&amp;gt; 'name',
    'required'      =&amp;gt; false,
    'query_builder' =&amp;gt; function(EntityRepository $er)
        {
           return $er
             -&amp;gt;createQueryBuilder('o')
             -&amp;gt;select('o')
             -&amp;gt;add('groupBy', 'o.name');
        },
))
&lt;/code&gt;&lt;/pre&gt;
&lt;p&gt;Then I would like to show only different organizations. I mean if I have first, second and third organization. Then I have a form for the first organization and I would like to have just two choices in parentOrganization entity field (second and third), but in this case I have three choices (first can be parent of first).&lt;/p&gt;
&lt;p&gt;Is there some way to leave out possibility to connect with own org?&lt;/p&gt;
&lt;p&gt;EDIT: The problem is that I am working in form class and I don't know how to handle Organization object here. This is my code:&lt;/p&gt;
&lt;pre&gt;&lt;code&gt;class OrganizationType extends AbstractType
{
        /**
     * @param FormBuilderInterface $builder
     * @param array $options
     */
    public function buildForm(FormBuilderInterface $builder, array $options)
    {
        $builder
            -&amp;gt;add('name', null, array('max_length' =&amp;gt; 100))
            -&amp;gt;add('type')
            -&amp;gt;add('parentOrganization', 'entity', array(
                    'class'         =&amp;gt; "AcmeBaseBundle:Organization",
                    'property'      =&amp;gt; 'name',
                    'required'      =&amp;gt; false,
                    'query_builder' =&amp;gt; function(EntityRepository $er)
                        {
                            return $er-&amp;gt;createQueryBuilder('o')
                                -&amp;gt;select('o')
                                -&amp;gt;add('groupBy', 'o.name');
                        }
                ))
            -&amp;gt;add('addresses', 'bootstrap_collection', array(
                'type'                  =&amp;gt; new AddressType(),
                'allow_add'             =&amp;gt; true,
                'allow_delete'          =&amp;gt; true,
                'add_button_text'       =&amp;gt; '+',
                'delete_button_text'    =&amp;gt; '-',
                'by_reference'          =&amp;gt; false,
                'sub_widget_col'        =&amp;gt; 9,
                'button_col'            =&amp;gt; 3
            ))
    }
    /**
     * @param OptionsResolverInterface $resolver
     */
    public function setDefaultOptions(OptionsResolverInterface $resolver)
    {
         $resolver-&amp;gt;setDefaults(array(
            'data_class' =&amp;gt; 'Acme\BaseBundle\Entity\Organization'
        ));
    }
    public function getName()
    {
        return 'acme_basebundle_organization';
    }
}
&lt;/code&gt;&lt;/pre&gt;</t>
  </si>
  <si>
    <t>2014-04-21 10:50:19.937000+00:00</t>
  </si>
  <si>
    <t>2014-04-21 16:50:16.173000+00:00</t>
  </si>
  <si>
    <t>2014-04-21 16:25:53.987000+00:00</t>
  </si>
  <si>
    <t>symfony|doctrine2</t>
  </si>
  <si>
    <t>Finding the lexicographically largest rotations in the string</t>
  </si>
  <si>
    <t>&lt;p&gt;I need to find the Lexicographically largest string out of the given input string.
So if the input is &lt;/p&gt;
&lt;pre&gt;&lt;code&gt;enjoy
&lt;/code&gt;&lt;/pre&gt;
&lt;p&gt;the o/p should be&lt;/p&gt;
&lt;pre&gt;&lt;code&gt;yenjo
&lt;/code&gt;&lt;/pre&gt;
&lt;p&gt;The code i tried was....&lt;/p&gt;
&lt;pre&gt;&lt;code&gt;int n;
cout&amp;lt;&amp;lt;"Enter the number of strings";
cin&amp;gt;&amp;gt;n;
int len[n];
char str[n][1000];
for(int i=0;i&amp;lt;n;i++)
{
    cin&amp;gt;&amp;gt;str[i];
    len[i]=strlen(str[i]);
}
int num,pos[n];
for(int i=0;i&amp;lt;n;i++)
{
    pos[i]=0;
    num=int(str[i][0]);
    for(int j=1;j&amp;lt;len[i];j++)
    {
       if(int(str[i][j])&amp;gt;num)
        {
           num=int(str[i][j]);
           pos[i]=j;
       }   
    }    
}
int i,j,k;
char temp[1];
for(i=0;i&amp;lt;n;i++)
{
    for(j=0;j&amp;lt;pos[i];j++)
        {
        temp[0]=str[i][0];
        for(k=0;k&amp;lt;len[i];k++)
         {
            str[i][k]=str[i][k+1];
        }
        strcat(str[i],temp);
        str[i][len[i]]='\0';
    }
    cout&amp;lt;&amp;lt;str[i]&amp;lt;&amp;lt;"\n";
}
return 0;
}
&lt;/code&gt;&lt;/pre&gt;
&lt;p&gt;But this code only ckecks for the largest number and not for the number present next to it and hence fails for the i/p&lt;/p&gt;
&lt;pre&gt;&lt;code&gt;blowhowler
&lt;/code&gt;&lt;/pre&gt;
&lt;p&gt;The o/p should be &lt;code&gt;wlerblowho&lt;/code&gt; but i get the o/p as &lt;code&gt;whowlerblo&lt;/code&gt;.
&lt;br /&gt; How can i keep track of each element that preceeds the largest character so as to get the correct output?&lt;/p&gt;</t>
  </si>
  <si>
    <t>2014-09-17 22:54:16.760000+00:00</t>
  </si>
  <si>
    <t>2016-08-09 14:36:24.403000+00:00</t>
  </si>
  <si>
    <t>2014-09-17 22:59:32.877000+00:00</t>
  </si>
  <si>
    <t>c++|string|lexicographic</t>
  </si>
  <si>
    <t>I cannot find my "unexpected token error" in my JS code given by JSDoc during the parsing phase</t>
  </si>
  <si>
    <t>&lt;p&gt;I am trying to document my javascript with JSDoc. However, it won't parse this code due to a "unexpected token error located in the 4th line of the following code. I've looked through the entire code block with luck.&lt;/p&gt;
&lt;pre&gt;&lt;code&gt;/** Create a new sorter given a table element */
return
{
    create: function(table, initialSortedColumn, customDataAccessors)
    {
        var sorter = Object.create(sorterPrototype);
        sorter.init(table, initialSortedColumn, customDataAccessors);
        return sorter;
    }
};
&lt;/code&gt;&lt;/pre&gt;</t>
  </si>
  <si>
    <t>2018-11-04 16:25:21.977000+00:00</t>
  </si>
  <si>
    <t>2018-11-04 17:07:19.017000+00:00</t>
  </si>
  <si>
    <t>javascript|jsdoc|jsdoc3</t>
  </si>
  <si>
    <t>MVC Controller from library does not get called</t>
  </si>
  <si>
    <t>&lt;p&gt;I have an MVC application and some libraries that is it referring to. In one of the libraries I have created a controller class. However, it never seems to reach the controller from this library when navigating to the controller/action name.&lt;/p&gt;
&lt;pre&gt;&lt;code&gt;using System;
using System.Web;
using System.Web.Mvc;
namespace Solution.Lib.Test
{
    public class CustomPrintController : Controller
    {
    [HttpGet]
    public string Index()
    {
        return "Solution.Lib.Test says Hi";
    }
    }
}
&lt;/code&gt;&lt;/pre&gt;
&lt;p&gt;When I browse to localhost/CustomPrint/Index I get:&lt;/p&gt;
&lt;p&gt;Server Error in '/' Application.&lt;/p&gt;
&lt;p&gt;The resource cannot be found.&lt;/p&gt;
&lt;p&gt;Description: HTTP 404. The resource you are looking for (or one of its dependencies) could have been removed, had its name changed, or is temporarily unavailable.  Please review the following URL and make sure that it is spelled correctly. &lt;/p&gt;
&lt;p&gt;Requested URL: /CustomPrint/Index&lt;/p&gt;</t>
  </si>
  <si>
    <t>2014-06-06 09:41:55.807000+00:00</t>
  </si>
  <si>
    <t>2014-06-06 12:11:10.060000+00:00</t>
  </si>
  <si>
    <t>asp.net-mvc|asp.net-mvc-4</t>
  </si>
  <si>
    <t>Cocoa Webkit visit url without typing http://?</t>
  </si>
  <si>
    <t>&lt;p&gt;Is there a way to visit a website without typing http://?&lt;/p&gt;</t>
  </si>
  <si>
    <t>2010-03-31 04:43:17.650000+00:00</t>
  </si>
  <si>
    <t>2010-12-23 19:49:50.663000+00:00</t>
  </si>
  <si>
    <t>cocoa|url|webkit</t>
  </si>
  <si>
    <t>how to get the list of files from a particular directory using glob in expect scripting</t>
  </si>
  <si>
    <t>&lt;p&gt;what I want to get is the list of all the files starting with hello but must belong only to a particular directory in which i am searching.
 I tried &lt;/p&gt;
&lt;blockquote&gt;
  &lt;p&gt;set files [glob -type f hello*]
  but i am getting files from all the directories starting with hello.I want those files starting with hello in my current directory.&lt;/p&gt;
&lt;/blockquote&gt;</t>
  </si>
  <si>
    <t>2016-05-11 12:57:41.473000+00:00</t>
  </si>
  <si>
    <t>2016-05-11 13:29:04.660000+00:00</t>
  </si>
  <si>
    <t>Making use of the base path in Laravel 5 (Lumen)</t>
  </si>
  <si>
    <t>&lt;p&gt;I am using laravel in a project. On my local machine the server I have to access is just&lt;/p&gt;
&lt;p&gt;&lt;code&gt;laraveltest.dev&lt;/code&gt;. When I open this URL the project works fine and without problems.&lt;/p&gt;
&lt;p&gt;However, when I upload this on a testing server, where the stuff is located in a sub-foder, like this: &lt;code&gt;laraveltest.de/test2/&lt;/code&gt;. The public folder is at &lt;code&gt;laraveltest.de/test2/public/&lt;/code&gt;, but when calling &lt;code&gt;laraveltest.de/test2/public&lt;/code&gt; the application always returns an 404 error.&lt;/p&gt;
&lt;p&gt;I thought this might be because of the base path, so I did the following in the &lt;code&gt;bootstrap/app.php&lt;/code&gt;&lt;/p&gt;
&lt;pre&gt;&lt;code&gt;$app = new Laravel\Lumen\Application(
    realpath(__DIR__.'/../') . env('APP_BASE_PATH')
);
&lt;/code&gt;&lt;/pre&gt;
&lt;p&gt;where &lt;code&gt;env('APP_BASE_PATH')&lt;/code&gt; is the subfolder.&lt;/p&gt;
&lt;p&gt;So &lt;code&gt;app-&amp;gt;basePath()&lt;/code&gt; returns &lt;code&gt;/var/www/laraveltest/test2/public&lt;/code&gt;. However, when now opening&lt;/p&gt;
&lt;p&gt;&lt;code&gt;laraveltest.de/test2/public&lt;/code&gt; I'm always getting the 404 error and I don't know why. What am I doing wrong?&lt;/p&gt;</t>
  </si>
  <si>
    <t>2015-05-28 16:02:44.327000+00:00</t>
  </si>
  <si>
    <t>2018-11-22 05:02:21.653000+00:00</t>
  </si>
  <si>
    <t>php|laravel|laravel-5|lumen</t>
  </si>
  <si>
    <t>How to connect Server with Client using c++ on QT creator and gui?</t>
  </si>
  <si>
    <t>&lt;p&gt;I need to create a connection between a Server and a Client using c++ but with a GUI. I choose to use Qt Creator but I see variuos type of guides and anything help me to understand some things. So, do you know a valid guide or tutorial can help me? Because I didn't write any line of code because I don't know also how to start... So please Someone can help me? thanks&lt;/p&gt;</t>
  </si>
  <si>
    <t>2016-01-11 16:37:01.443000+00:00</t>
  </si>
  <si>
    <t>2016-01-12 02:37:51.680000+00:00</t>
  </si>
  <si>
    <t>c++|qt|sockets|server|client</t>
  </si>
  <si>
    <t>How to style html tables? - fill cell / enlarge image on hover / color one section</t>
  </si>
  <si>
    <t>&lt;p&gt;I am working with some html tables inside of html tables and I am having trouble doing some specific styling. Here is my table:
&lt;img src="https://i.stack.imgur.com/5hGyh.png" alt="enter image description here"&gt;&lt;/p&gt;
&lt;blockquote&gt;
  &lt;p&gt;&lt;strong&gt;Note:&lt;/strong&gt; The blue part is the hover.&lt;/p&gt;
&lt;/blockquote&gt;
&lt;p&gt;The specific things I want to do are:&lt;/p&gt;
&lt;pre&gt;&lt;code&gt;1. Make the image in each cell fill the entire cell (instead of having that much blue space)
2. Make the image enlarge when you hover on the image.
3. Make the right section (with the info and buy button) have a light grey background.
&lt;/code&gt;&lt;/pre&gt;
&lt;p&gt;&lt;a href="http://jsfiddle.net/uS6tG/" rel="nofollow noreferrer"&gt;Here is my fiddle.&lt;/a&gt;&lt;/p&gt;
&lt;p&gt;(the fiddle made my output looked stretched and Im not sure why)&lt;/p&gt;</t>
  </si>
  <si>
    <t>2013-12-11 16:57:21.097000+00:00</t>
  </si>
  <si>
    <t>2013-12-11 17:13:48.420000+00:00</t>
  </si>
  <si>
    <t>html|css|hover|image-enlarge</t>
  </si>
  <si>
    <t>Unable to save Date to salesforce?</t>
  </si>
  <si>
    <t>&lt;p&gt;To my surprise , its not st.forward thing to do; saving Date to &lt;strong&gt;Salesforce&lt;/strong&gt; .&lt;/p&gt;
&lt;p&gt;I'm trying to &lt;strong&gt;update&lt;/strong&gt; one field which is of &lt;strong&gt;type Date&lt;/strong&gt; but it throws me some weird error .&lt;/p&gt;
&lt;p&gt;&lt;strong&gt;Code :&lt;/strong&gt;&lt;/p&gt;
&lt;pre&gt;&lt;code&gt;var objSer = new JavaScriptSerializer();
string json = objSer .Serialize(new{
          startdate = sfdcValue
       });
MyUpdateMethod("objectName/" + id, json);
&lt;/code&gt;&lt;/pre&gt;
&lt;p&gt;I tried to convert date to IS0 8601 standard (as suggested over SO) &lt;/p&gt;
&lt;p&gt;1.) DateTime.UtcNow.ToString("s",System.Globalization.CultureInfo.InvariantCulture)&lt;/p&gt;
&lt;p&gt;2.) DateTime.UtcNow.ToString("o")&lt;/p&gt;
&lt;p&gt;&lt;strong&gt;Error Info :&lt;/strong&gt;&lt;/p&gt;
&lt;blockquote&gt;
  &lt;p&gt;{"message":"Cannot deserialize instance of double from VALUE_STRING
  value 2017-05-26T10:31:40.5790708Z or request may be missing a
  required field at [line:1, column:2]","errorCode":"JSON_PARSER_ERROR"}&lt;/p&gt;
&lt;/blockquote&gt;</t>
  </si>
  <si>
    <t>2017-05-26 10:35:12.183000+00:00</t>
  </si>
  <si>
    <t>2017-05-27 04:51:55.863000+00:00</t>
  </si>
  <si>
    <t>c#|salesforce</t>
  </si>
  <si>
    <t>In python, when self can be omitted?</t>
  </si>
  <si>
    <t>&lt;p&gt;Codes below defined &lt;em&gt;Duck&lt;/em&gt; class as composited from &lt;em&gt;Bill&lt;/em&gt; class and &lt;em&gt;Tail&lt;/em&gt; class. My questions is that as for the method &lt;em&gt;about()&lt;/em&gt; inside &lt;em&gt;Duck&lt;/em&gt; class definition, why can one write &lt;code&gt;bill.description&lt;/code&gt; and &lt;code&gt;tail.length&lt;/code&gt;? Is &lt;code&gt;self&lt;/code&gt; omitted here? If yes, when can I omit &lt;code&gt;self&lt;/code&gt;? Can I omit them inside &lt;code&gt;__init__&lt;/code&gt; method?&lt;/p&gt;
&lt;pre&gt;&lt;code&gt;class Bill(): 
    def __init__(self, description):
        self.description = description 
class Tail(): 
    def __init__(self, length): 
        self.length = length 
class Duck(): 
    def __init__(self, bill, tail): 
        self.bill = bill
        self.tail = tail 
    def about(self): 
        print('This duck has a', bill.description, 'bill and a', tail.length, 'tail')
tail = Tail('long')
bill = Bill('wide orange') 
duck = Duck(bill, tail)
duck.about()
&lt;/code&gt;&lt;/pre&gt;
&lt;p&gt;The output are as follows,
&lt;a href="https://i.stack.imgur.com/5Mx6N.png" rel="nofollow noreferrer"&gt;&lt;img src="https://i.stack.imgur.com/5Mx6N.png" alt="enter image description here"&gt;&lt;/a&gt;&lt;/p&gt;</t>
  </si>
  <si>
    <t>2016-06-22 08:50:50.753000+00:00</t>
  </si>
  <si>
    <t>2016-06-22 09:22:43.833000+00:00</t>
  </si>
  <si>
    <t>Pandas :Add certain row of a dataframe to a certain row of the other dataframe</t>
  </si>
  <si>
    <t>&lt;p&gt;Want to do this:&lt;/p&gt;
&lt;pre&gt;&lt;code&gt;df1=
A B C Max
1 2 3 C
4 2 1 A
3 5 2 B
3 2 4 C
7 5 2 A
df2= 
A B C Max
1 1 2 C
2 1 1 A
1 2 1 B
&lt;/code&gt;&lt;/pre&gt;
&lt;p&gt;return:&lt;/p&gt;
&lt;pre&gt;&lt;code&gt;A B C Max
2 3 5 C
6 3 2 A
4 7 3 B
4 3 6 C
9 6 3 A
&lt;/code&gt;&lt;/pre&gt;
&lt;p&gt;Basically, df1 add the row from df2 with the same max.
Is there any convenient way to do it?&lt;/p&gt;</t>
  </si>
  <si>
    <t>2015-12-16 00:35:01.510000+00:00</t>
  </si>
  <si>
    <t>2015-12-16 03:13:15.790000+00:00</t>
  </si>
  <si>
    <t>2015-12-16 00:52:47.563000+00:00</t>
  </si>
  <si>
    <t>Twisted: how to read from a client socket after writing data to the same socket?</t>
  </si>
  <si>
    <t>&lt;p&gt;I am attempting to write a simple TCP server in twisted which has to perform the following operations in sequence:&lt;/p&gt;
&lt;ol&gt;
&lt;li&gt;A client connects to the server and the &lt;code&gt;KEEPALIVE&lt;/code&gt; flag for this connection is set to 1.&lt;/li&gt;
&lt;li&gt;The server receives data from the client.&lt;/li&gt;
&lt;li&gt;It then computes the response which is a list.&lt;/li&gt;
&lt;li&gt;The server then sends each item of the list one by one while waiting for explicit ACKs from the client in between, i.e., after sending a single item from the list, the server waits for an ACK packet from the client and only after receiving the ACK does it proceed to send the rest of the items in the same manner.&lt;/li&gt;
&lt;/ol&gt;
&lt;p&gt;The following is the code:&lt;/p&gt;
&lt;pre&gt;&lt;code&gt;class MyFactory(ServerFactory):
    protocol = MyProtocol
    def __init__(self, service):
        self.service = service
class MyProtocol(Protocol):
    def connectionMade(self):
         try:
             self.transport.setTcpKeepAlive(1)
         except AttributeError: 
             pass
         self.deferred = Deferred()
         self.deferred.addCallback(self.factory.service.compute_response)
         self.deferred.addCallback(self.send_response)
    def dataReceived(self, data):
         self.fire(data)
    def fire(self, data):
        if self.deferred is not None:
            d, self.deferred = self.deferred, None
            d.callback(data)
    def send_response(self, data):
        for item in data:
            d = Deferred()
            d.addCallback(self.transport.write)
            d.addCallback(self.wait_for_ack)
            d.callback(item)
        return   
    def wait_for_ack(self, dummy):
        try:
            self.transport.socket.recv(1024)
        except socket.error as e:
            print e
        return
&lt;/code&gt;&lt;/pre&gt;
&lt;p&gt;Upon running the server and the client I get the following exception:&lt;/p&gt;
&lt;p&gt;&lt;code&gt;Resource temporarily unavailable&lt;/code&gt;&lt;/p&gt;
&lt;p&gt;I understand the reason for this exception - I'm trying to call a blocking method on non blocking socket. &lt;/p&gt;
&lt;p&gt;Please help me in finding a solution to this problem.&lt;/p&gt;</t>
  </si>
  <si>
    <t>2015-11-18 11:44:54.753000+00:00</t>
  </si>
  <si>
    <t>2015-11-20 09:46:44.120000+00:00</t>
  </si>
  <si>
    <t>python|sockets|tcp|twisted|twisted.internet</t>
  </si>
  <si>
    <t>Finding PUA characters anywhere in column?</t>
  </si>
  <si>
    <t>&lt;p&gt;I asked a similar question here: &lt;a href="https://stackoverflow.com/q/42181599/3306356"&gt;sqlite3 run sql - select all with PUA characters&lt;/a&gt;.&lt;/p&gt;
&lt;p&gt;The answer:&lt;/p&gt;
&lt;pre&gt;&lt;code&gt;SELECT *
FROM TableName
WHERE (ColumnName &amp;gt;= '���' AND ColumnName &amp;lt; '���')
   OR (ColumnName &amp;gt;= '' AND ColumnName &amp;lt; '')
   OR (ColumnName &amp;gt;= '' AND ColumnName &amp;lt; '');
&lt;/code&gt;&lt;/pre&gt;
&lt;p&gt;Only works with entries that start with a PUA character.&lt;/p&gt;
&lt;p&gt;I'm trying to find a way to find these characters anywhere inside the entries (i.e.: LIKE) but I can't seem to figure out how to do it aside from the above.&lt;/p&gt;
&lt;p&gt;Ideas?&lt;/p&gt;</t>
  </si>
  <si>
    <t>2018-01-28 14:13:20.327000+00:00</t>
  </si>
  <si>
    <t>2018-01-28 14:44:13.380000+00:00</t>
  </si>
  <si>
    <t>search|sqlite3</t>
  </si>
  <si>
    <t>Bootsrap navbar rails gem glypicon</t>
  </si>
  <si>
    <t>&lt;p&gt;I just added the &lt;a href="https://github.com/bootstrap-ruby/rails-bootstrap-navbar" rel="nofollow noreferrer"&gt;gem rails-bootstrap-navbar&lt;/a&gt; to my rails project and I would like to be able to add a glyphicon in front of my dropdown menu, there is no problem to do it with a menu-item but for the dropdown itself, there is no example in the &lt;a href="https://github.com/bootstrap-ruby/bootstrap-navbar/wiki/Usage-with-Bootstrap-3" rel="nofollow noreferrer"&gt;documentation&lt;/a&gt;. Since the dropdown is already a block, I have no idea how to add a span to it.&lt;/p&gt;
&lt;pre&gt;&lt;code&gt;= navbar fixed: :top do
  = navbar_header brand: 'My great app', brand_link: '/home'
  = navbar_collapse do
    = navbar_group class: 'foo', id: 'menu' do
      = navbar_text 'Pick an option:'
      = navbar_item "Home", '/'
      = navbar_item "About Us", '/about-us'
      = navbar_item '/contact' do
        %span.glyphicon.glyphicon-hand-right
        Contact Us!
      = navbar_dropdown "I want an icon too :-(" do
        = navbar_item '/contact' do
        %span.glyphicon.glyphicon-hand-right
        I can easily have an icon :-)
        - if true # check if user is admin, maybe like "if current_user.try(:admin?)"
          = navbar_dropdown_divider
          = navbar_item "Admin Dashboard", '/admin'
          = navbar_item "Users", '/admin/users'
    = navbar_group align: 'right' do
      - if true # check if user is logged in, maybe like "if current_user.present?"
        = navbar_item "Log Out", '/logout'
      - else
        = navbar_item "Log In", '/login'
&lt;/code&gt;&lt;/pre&gt;
&lt;p&gt;The exact part I'd like to change&lt;/p&gt;
&lt;pre&gt;&lt;code&gt;          = navbar_dropdown "I want an icon too :-(" do
            = navbar_item '/contact' do
            %span.glyphicon.glyphicon-hand-right
            I can easily have an icon :-)
&lt;/code&gt;&lt;/pre&gt;</t>
  </si>
  <si>
    <t>2017-12-22 08:33:15.173000+00:00</t>
  </si>
  <si>
    <t>2017-12-22 08:51:50.597000+00:00</t>
  </si>
  <si>
    <t>ruby-on-rails|twitter-bootstrap|haml</t>
  </si>
  <si>
    <t>SSRS Setting the color of the data labels in a stacked bar chart</t>
  </si>
  <si>
    <t>&lt;p&gt;I created a stacked bar chart to display ticket counts.  The colors for the chart are dark so I set the color to display the data labels to white. 
When one of the groups has a low number to display, the value is displayed above the chart so it cannot be seen.  That color has to be changed to black.  In addition, when the value is low and the first group, the value cannot be seen well.
Here is an image of the 2 problems:&lt;/p&gt;
&lt;p&gt;&lt;a href="https://i.stack.imgur.com/VdQ1Z.png" rel="nofollow noreferrer"&gt;&lt;img src="https://i.stack.imgur.com/VdQ1Z.png" alt="enter image description here"&gt;&lt;/a&gt;&lt;/p&gt;
&lt;p&gt;The 'Closed' bar has a value of '1' in the first group but it is difficult to see.  I don't know if there is a solution to this.
Is there a way to display this text so that it can be easier to see?&lt;/p&gt;
&lt;p&gt;The second issue is that in the 'Open' bar, the top group has a value of 1 but the data label is above the bar so the color will have to be changed to 'Black'.  Is there a way to determine if the value will be displayed above the bar or do I have to play with the values until it is displayed above and then create an expression when the value is below that value, then display data label in Black? &lt;/p&gt;
&lt;p&gt;&lt;strong&gt;UPDATE&lt;/strong&gt;
What I am trying to do with the values that are too low to see is to add to my current expression for the data label. Currently, I use an &lt;code&gt;IIF&lt;/code&gt; statement to not show any data labels that are zero and it is working.  &lt;/p&gt;
&lt;pre&gt;&lt;code&gt;= IIf(Fields!TicketCnt.Value = 0, "", Fields!TicketCnt.Value)
&lt;/code&gt;&lt;/pre&gt;
&lt;p&gt;I tried adding of the first condition to not display the label if greater than 0 and less than 6 and the ticket type is 'SPRs'.  This is the code:&lt;/p&gt;
&lt;pre&gt;&lt;code&gt;= IIF((Fields!TicketCnt.Value = 0) OR (Fields!TicketCnt.Value &amp;gt; 0 AND Fields!TicketCnt.Value &amp;lt; 6 AND Fields!TicketType.Value = "SPRs"), "", Fields!TicketCnt.Value)
&lt;/code&gt;&lt;/pre&gt;
&lt;p&gt;&lt;strong&gt;UPDATE&lt;/strong&gt;
I got the code working so the value is not displayed if it is between 1 - 6 and the Board is type SPRs.  I was using TicketType and not Board.&lt;/p&gt;
&lt;pre&gt;&lt;code&gt;= IIF((Fields!TicketCnt.Value = 0) OR (Fields!TicketCnt.Value &amp;gt; 0 AND Fields!TicketCnt.Value &amp;lt; 6 AND Fields!Board.Value = "SPRs"), "", Fields!TicketCnt.Value)
&lt;/code&gt;&lt;/pre&gt;</t>
  </si>
  <si>
    <t>2017-03-28 15:09:07.210000+00:00</t>
  </si>
  <si>
    <t>2017-03-28 16:55:43.013000+00:00</t>
  </si>
  <si>
    <t>reporting-services|stacked-chart</t>
  </si>
  <si>
    <t>Django OAuth2 invalid grant_type</t>
  </si>
  <si>
    <t>&lt;p&gt;I am using Django OAuth Toolkit and I successfully create sign_up call - which in return gives me this response:&lt;/p&gt;
&lt;pre&gt;&lt;code&gt;{
  "username": "boban16",
  "client_id": "sxFB8WOd5qupdyp5c4pjJHXAQQFPVCW7FKA3SUmy",
  "client_secret": "3nUreBDpx9cCSEeVyOhpXZ76Om0keOxFwK2rRQJNK5wvYuA1tUF37sH0Of473wCgeJ3tCmflN9kPnP9VkgepWxrARC6iimqI6y34pyVU7otlcXHjS2SSOmsP2c0XNxrA"
}
&lt;/code&gt;&lt;/pre&gt;
&lt;p&gt;So, I am now trying to make a call to generate token using Postman application - request looks like this:
&lt;img src="https://i.stack.imgur.com/u9fMw.png" alt="Postman token generation call"&gt;&lt;/p&gt;
&lt;p&gt;And this is the response:&lt;/p&gt;
&lt;pre&gt;&lt;code&gt;{
  "error_description": "Invalid credentials given.",
  "error": "invalid_grant"
}
&lt;/code&gt;&lt;/pre&gt;
&lt;p&gt;This is my code from &lt;strong&gt;urls.py&lt;/strong&gt;&lt;/p&gt;
&lt;pre&gt;&lt;code&gt;urlpatterns = patterns('',
    url(r'^sign_up/$', SignUp.as_view(), name="sign_up"),
    url(r'^login/$', Login.as_view(), name="login"),
    url(r'^o/', include('oauth2_provider.urls', namespace='oauth2_provider')),
)
&lt;/code&gt;&lt;/pre&gt;
&lt;p&gt;This is part from &lt;strong&gt;settings.py&lt;/strong&gt;&lt;/p&gt;
&lt;pre&gt;&lt;code&gt;REST_FRAMEWORK = {
    'DEFAULT_AUTHENTICATION_CLASSES': (
        # 'rest_framework.authentication.BasicAuthentication',
        'oauth2_provider.ext.rest_framework.OAuth2Authentication',
    ),
    'DEFAULT_PERMISSION_CLASSES': (
        'rest_framework.permissions.AllowAny',
    ),
}
&lt;/code&gt;&lt;/pre&gt;
&lt;p&gt;I am not sure what is the problem and how can I fix it. Has anyone some advice how to make it work? Thanks a lot!&lt;/p&gt;
&lt;p&gt;------- UPDATE --------&lt;/p&gt;
&lt;p&gt;I finally got some response:&lt;/p&gt;
&lt;pre&gt;&lt;code&gt;curl -v http://127.0.0.1:8000/o/token/ -X POST -u "&amp;lt;client_id&amp;gt;:&amp;lt;client_secret&amp;gt;" -d "grant_type=client_credentials"
&lt;/code&gt;&lt;/pre&gt;
&lt;p&gt;And this is the response:&lt;/p&gt;
&lt;pre&gt;&lt;code&gt;* Hostname was NOT found in DNS cache
*   Trying 127.0.0.1...
* Connected to 127.0.0.1 (127.0.0.1) port 8000 (#0)
* Server auth using Basic with user 'JNBUdgUJ44ndu49yeokHxU0ZUNfIbpdESC8PVTQU'
&amp;gt; POST /o/token/ HTTP/1.1
&amp;gt; Authorization: Basic Sk5CVWRnVUo0NG5kdTQ5eWVva0h4VTBaVU5mSWJwZEVTQzhQVlRRVTpaQVNwZ0xLY3didXA2ajJ2YlJqakc1WlFZenpWWFZWQU5HcHJ0WWZVNnIya2VpUkEzZW9vNlh5M0tSMENkOGpWN3FLT2xFTENoTHZTUk5vTzBkUE5YNGdoRXdvRnB4UDNKbHdxY0FqRkpIV0RmSkJzYnpmNjJ5dE5DaEFVM29RcA==
&amp;gt; User-Agent: curl/7.37.1
&amp;gt; Host: 127.0.0.1:8000
&amp;gt; Accept: */*
&amp;gt; Content-Length: 29
&amp;gt; Content-Type: application/x-www-form-urlencoded
&amp;gt; 
* upload completely sent off: 29 out of 29 bytes
* HTTP 1.0, assume close after body
&amp;lt; HTTP/1.0 401 UNAUTHORIZED
&amp;lt; Date: Sat, 13 Jun 2015 16:14:19 GMT
&amp;lt; Server: WSGIServer/0.2 CPython/3.4.3
&amp;lt; Content-Type: application/json
&amp;lt; Cache-Control: no-store
&amp;lt; Pragma: no-cache
&amp;lt; X-Frame-Options: SAMEORIGIN
&amp;lt; 
* Closing connection 0
{"error": "unauthorized_client"}
&lt;/code&gt;&lt;/pre&gt;
&lt;p&gt;As you can see in response - I got authorization token, but it says at the end - unauthorized client. Is that okay or not? Thanks!&lt;/p&gt;</t>
  </si>
  <si>
    <t>2015-06-13 15:33:23.233000+00:00</t>
  </si>
  <si>
    <t>2015-06-14 09:28:58.010000+00:00</t>
  </si>
  <si>
    <t>2015-06-14 08:26:45.427000+00:00</t>
  </si>
  <si>
    <t>python|django|oauth-2.0</t>
  </si>
  <si>
    <t>Changing font awesome element color</t>
  </si>
  <si>
    <t>&lt;p&gt;I am working on a template that has font-awesome elements.  How do I change the color?  I cant see anything in the font-awesome.css that allows me to do this. The elements are referenced as:&lt;/p&gt;
&lt;pre&gt;&lt;code&gt;&amp;lt;i class="fa fa-leaf"&amp;gt;&amp;lt;/i&amp;gt;
&lt;/code&gt;&lt;/pre&gt;</t>
  </si>
  <si>
    <t>2014-06-24 01:00:57.597000+00:00</t>
  </si>
  <si>
    <t>2014-06-24 01:05:14.897000+00:00</t>
  </si>
  <si>
    <t>2014-06-24 01:01:50.450000+00:00</t>
  </si>
  <si>
    <t>Drupal 6 - Using "menu block" - module</t>
  </si>
  <si>
    <t>&lt;p&gt;I successfully installed the menu-block module and I read on &lt;a href="http://www.palantir.net/blog/better-know-module-menu-block-part-i" rel="nofollow"&gt;http://www.palantir.net/blog/better-know-module-menu-block-part-i&lt;/a&gt; that there is a tab called "Add menu block", but I really can't find it. I use Drupal 6 by the way. I've searched for quite a long time now.
I would be great if someone could give me a tip how to use this module appropriately.&lt;/p&gt;
&lt;p&gt;Any help is appreciated.&lt;/p&gt;
&lt;p&gt;Thanks in advance,&lt;/p&gt;
&lt;p&gt;enne&lt;/p&gt;</t>
  </si>
  <si>
    <t>2012-03-13 15:34:11.667000+00:00</t>
  </si>
  <si>
    <t>2012-03-15 13:45:49.530000+00:00</t>
  </si>
  <si>
    <t>drupal</t>
  </si>
  <si>
    <t>Facebook App submission for review : Mutual friends permission</t>
  </si>
  <si>
    <t>&lt;p&gt;For iOS : Hello, after reviewing the things and researching I derived that to get mutual friends, we need to call context.fields(mutual_friends).&lt;/p&gt;
&lt;p&gt;So confusion is do I need to submit app to facebook for review?
If yes, then which permission to select as I can see only "All Mutual Friends API" permission and it is clearly mentioned that all mutual friends api permission cannot be used at client side i.e in iPhone app.&lt;/p&gt;
&lt;p&gt;My purpose is not to get all mutual friends, but only those use the app, so it will be suitable to select "All mutual friends"?&lt;/p&gt;
&lt;p&gt;So do we need permission to get mutual friends(in addition to that both users have granted user_friends permission, and if yes, then what should be selected among permissions while submitting app for review to facebook?&lt;/p&gt;</t>
  </si>
  <si>
    <t>2015-12-15 13:21:24.963000+00:00</t>
  </si>
  <si>
    <t>2017-04-24 06:20:27.843000+00:00</t>
  </si>
  <si>
    <t>2015-12-15 13:23:48.470000+00:00</t>
  </si>
  <si>
    <t>ios|objective-c|iphone|facebook-sdk-4.0</t>
  </si>
  <si>
    <t>How to use a post_save receiver with django-polymorphic?</t>
  </si>
  <si>
    <t>&lt;p&gt;I have a  &lt;code&gt;django-polymorphic&lt;/code&gt; model and want to implement a &lt;code&gt;post_save&lt;/code&gt; signal to automatically create a related model that is also polymorphic.&lt;/p&gt;
&lt;p&gt;It's something like the code below, the relevant piece of non-working code being the &lt;code&gt;@receiver&lt;/code&gt; decorated &lt;code&gt;work_post_save&lt;/code&gt; method. The problem is the instance is a ctype_id and not an object.&lt;/p&gt;
&lt;pre&gt;&lt;code&gt;from django.db import models
from django.db.models import signals
from django.dispatch import receiver
from polymorphic.models import PolymorphicModel
from mygallery.models import Album
# Work Parent PolymorphicModel
class Work(PolymorphicModel):
    title = models.CharField(blank=True,max_length=256)
    slug = models.SlugField(max_length=256)
@receiver(signals.post_save, sender=Work)
def work_post_save(sender, instance, signal, created, **kwargs):
    album, new = Album.objects.get_or_create(title=instance.title + ' Stills', slug=instance.slug + '-stills')
    work_album, new = WorkAlbum.objects.get_or_create(work=instance, album=album, is_key=True)
class ArtProject(Work):
    manifesto = models.CharField(blank=True,max_length=256)
class CodeProject(Work):
    code = models.CharField(blank=True,max_length=256)
# Content Parent PolymorphicModel
class WorkContent(PolymorphicModel):
    is_key = models.BooleanField(default=False, unique=True, default=False)
class WorkAlbum(WorkContent):
    work = models.ForeignKey(Work, related_name='work_albums')
    album = models.ForeignKey(Album, related_name='album_works')
&lt;/code&gt;&lt;/pre&gt;</t>
  </si>
  <si>
    <t>2016-07-17 21:57:10.003000+00:00</t>
  </si>
  <si>
    <t>2017-03-15 08:50:34.967000+00:00</t>
  </si>
  <si>
    <t>python|django|polymorphism</t>
  </si>
  <si>
    <t>Icon vertical alignment in Bootstrap 2.3.2 navbar-form</t>
  </si>
  <si>
    <t>&lt;p&gt;I've got a Bootstrap 2.3.2 project where there's a navigation bar. This bar contains icons (Fontawesome) that are just icons (not a button or a link). However, these are incorrectly vertically aligned. They stick to the top.&lt;/p&gt;
&lt;p&gt;Here's a dumbed down example:&lt;/p&gt;
&lt;p&gt;&lt;div class="snippet" data-lang="js" data-hide="true" data-console="true" data-babel="false"&gt;_x000D_
&lt;div class="snippet-code snippet-currently-hidden"&gt;_x000D_
&lt;pre class="snippet-code-html lang-html prettyprint-override"&gt;&lt;code&gt;&amp;lt;link href="https://maxcdn.bootstrapcdn.com/twitter-bootstrap/2.3.2/css/bootstrap-combined.min.css" rel="stylesheet"/&amp;gt;_x000D_
_x000D_
&amp;lt;div class="navbar"&amp;gt;_x000D_
  &amp;lt;div class="navbar-inner"&amp;gt;_x000D_
    &amp;lt;div class="navbar-form pull-left"&amp;gt;_x000D_
      &amp;lt;i class="icon-time"&amp;gt;&amp;lt;/i&amp;gt;_x000D_
      &amp;lt;button class="btn"&amp;gt;_x000D_
        Some button_x000D_
      &amp;lt;/button&amp;gt;_x000D_
      &amp;lt;select&amp;gt;_x000D_
        &amp;lt;option&amp;gt;Option 1&amp;lt;/option&amp;gt;_x000D_
        &amp;lt;option&amp;gt;Option 2&amp;lt;/option&amp;gt;_x000D_
      &amp;lt;/select&amp;gt;_x000D_
    &amp;lt;/div&amp;gt;_x000D_
  &amp;lt;/div&amp;gt;_x000D_
&amp;lt;/div&amp;gt;&lt;/code&gt;&lt;/pre&gt;_x000D_
&lt;/div&gt;_x000D_
&lt;/div&gt;_x000D_
&lt;/p&gt;
&lt;p&gt;I want to move the clock icon in the above example down, so it aligns with the text on the same line. Preferably by just using Twitter Bootstrap classes, but I can't find anything in the docs.&lt;/p&gt;</t>
  </si>
  <si>
    <t>2016-10-11 12:44:39.040000+00:00</t>
  </si>
  <si>
    <t>2016-10-11 12:55:57.210000+00:00</t>
  </si>
  <si>
    <t>css|twitter-bootstrap</t>
  </si>
  <si>
    <t>fb ios sdk session for use with existing fb connect website</t>
  </si>
  <si>
    <t>&lt;p&gt;How does my fb connect webserver authenticate a user that logged in via fb ios sdk? I have a website which uses facebook connect. In it, i do use the app secret to authenticate the user via a cookie created by the facebook javascript sdk via the facebook python library:&lt;/p&gt;
&lt;pre&gt;&lt;code&gt;def get_user_from_cookie(cookies, app_id, app_secret):
    """Parses the cookie set by the official Facebook JavaScript SDK.
    cookies should be a dictionary-like object mapping cookie names to
    cookie values.
    If the user is logged in via Facebook, we return a dictionary with the
    keys "uid" and "access_token". The former is the user's Facebook ID,
    and the latter can be used to make authenticated requests to the Graph API.
    If the user is not logged in, we return None.
    Download the official Facebook JavaScript SDK at
    http://github.com/facebook/connect-js/. Read more about Facebook
    authentication at http://developers.facebook.com/docs/authentication/.
    """
    cookie = cookies.get("fbs_" + app_id, "")
    if not cookie: return None
    args = dict((k, v[-1]) for k, v in cgi.parse_qs(cookie.strip('"')).items())
    payload = "".join(k + "=" + args[k] for k in sorted(args.keys())
        if k != "sig")
    sig = hashlib.md5(payload + app_secret).hexdigest()
    expires = int(args["expires"])
    if sig == args.get("sig") and (expires == 0 or time.time() &amp;lt; expires):
        return args
    else:
        return None
&lt;/code&gt;&lt;/pre&gt;
&lt;p&gt;Now, I'm wondering how to connect a user who logs in via the iphone to my website. Do I just send the access token over to my webserver and based on the the access token make a call to the graph(just bypass the above function)? If that is it, then what about all the validation the above function offers?&lt;/p&gt;</t>
  </si>
  <si>
    <t>2011-05-06 21:15:15.957000+00:00</t>
  </si>
  <si>
    <t>2011-05-12 18:48:14.707000+00:00</t>
  </si>
  <si>
    <t>2011-05-11 17:57:28.110000+00:00</t>
  </si>
  <si>
    <t>iphone|python|objective-c|facebook</t>
  </si>
  <si>
    <t>draw all leaflet tiles on canvas (transform3d)</t>
  </si>
  <si>
    <t>&lt;p&gt;Good day,
I try to draw all tiles, on cavas using leaflet.js as provider.
But, as it used translate3d transform
1 level - map Pane
2 level - overlay Pane(I also lokking for solution about SVG Pane. I use canVG to convert svg to canvas, but don't understand how to create canvas correctly)&lt;/p&gt;
&lt;p&gt;How to draw tiles on canvas?&lt;/p&gt;
&lt;p&gt;For example 
1 level - transform: translate3d(-247px, 184px, 0px);
This is part of code:&lt;/p&gt;
&lt;pre&gt;&lt;code&gt;var svgE = $(overlayPane).find('svg');
        var xml;
        var mapPane = $(".leaflet-map-pane")[0];
        var mapTransform = mapPane.style.transform.split(",");
        var mapX = parseFloat(mapTransform[0].split("(")[1].replace("px", ""));
        var mapY = parseFloat(mapTransform[1].replace("px", ""));
        var canvas = document.createElement("canvas");
        canvas.className = "screenShotTempCanvas";
        canvas.width = map.getSize().x;
        canvas.height = map.getSize().y;
        var ctx = canvas.getContext('2d');
        $(canvas).insertBefore($(".leaflet-zoom-animated"));
        if ($("img.leaflet-tile").length !== 0) {
            var myTiles = $("img.leaflet-tile");
            var tilesLeft = [];
            var tilesTop = [];
            var tileMethod = [];
            for (var i = 0; i &amp;lt; myTiles.length; i++) {
                if (myTiles[i].style.left != "") {
                    tilesLeft.push(parseFloat(myTiles[i].style.left.replace("px", "")));
                    tilesTop.push(parseFloat(myTiles[i].style.top.replace("px", "")));
                    tileMethod[i] = "left";
                } else if (myTiles[i].style.transform != "") {
                    var tileTransform = myTiles[i].style.transform.split(",");
                    tilesLeft[i] = parseFloat(tileTransform[0].split("(")[1].replace("px", ""));
                    tilesTop[i] = parseFloat(tileTransform[1].replace("px", ""));
                    myTiles[i].style.transform = "";
                    tileMethod[i] = "transform";
                } else {
                    tilesLeft[i] = 0;
                    tilesRight[i] = 0;
                    tileMethod[i] = "neither";
                };
                myTiles[i].setAttribute('crossOrigin', 'anonymous');
                myTiles[i].style.left = (tilesLeft[i]) + "px";
                myTiles[i].style.top = (tilesTop[i]) + "px";
                ctx.drawImage(myTiles[i], tilesLeft[i], tilesTop[i])
            };
        }
        setTimeout(function() {
            var myImage = canvas.toDataURL("image/jpeg");
            var link = document.createElement('a');
            link.download = "test.jpeg";
            link.href = myImage;
            document.body.appendChild(link);
            $(link).css("display", "none");
            link.click();
            document.body.removeChild(link);
            console.log(sdfsdfgsdfg)
        }, 10000)
&lt;/code&gt;&lt;/pre&gt;
&lt;p&gt;Second question how to correctly create canvas for SVG?&lt;/p&gt;
&lt;pre&gt;&lt;code&gt;if ($(map.getContainer()).find('svg').length !== undefined &amp;amp;&amp;amp; $(map.getContainer()).find('svg').length !== 0) {
            svgE.each(function() {
                L.DomUtil.getPosition(svgE);
                xml = new XMLSerializer().serializeToString(this);
                canvg(canvas, xml);
                $(canvas).insertBefore(this);
                $(this).attr('class', 'tempHide').attr("id", "TempSvgToHide").hide();
            });
        }
&lt;/code&gt;&lt;/pre&gt;</t>
  </si>
  <si>
    <t>2016-05-11 16:56:37.170000+00:00</t>
  </si>
  <si>
    <t>javascript|canvas|svg|leaflet|hardware-acceleration</t>
  </si>
  <si>
    <t>JavaScript regex for blacklisting words</t>
  </si>
  <si>
    <t>&lt;p&gt;I'm trying to write a regex to blacklist certain words. I'm able to create a whitelist like &lt;code&gt;/^(carrots|onions|corn)$/&lt;/code&gt; but how would I convert that into a blacklist?&lt;/p&gt;
&lt;p&gt;&lt;b&gt;Edit:&lt;/b&gt; To clarify, I'm matching this blacklist against a whole string. For example &lt;code&gt;"corndog"&lt;/code&gt; should be allowed. I want the regex equivalent of &lt;code&gt;blacklistArray.indexOf(word) === -1&lt;/code&gt;&lt;/p&gt;</t>
  </si>
  <si>
    <t>2017-04-26 17:56:56.330000+00:00</t>
  </si>
  <si>
    <t>2017-04-28 21:14:07.383000+00:00</t>
  </si>
  <si>
    <t>javascript|regex|regex-negation|blacklist</t>
  </si>
  <si>
    <t>The best way to set up app variables when the app is initializing</t>
  </si>
  <si>
    <t>&lt;p&gt;Before I start, I am using a .Net back end.&lt;/p&gt;
&lt;p&gt;From the server I want to send app specific details such as api end points to the angular app to use to populate the page with data. Thses end points will be sent to the client side angular app.&lt;/p&gt;
&lt;p&gt;I have an api and the api locations may change from time to time so I want this to be handled in the back end. If these are changed I don't want to have to change my front end code.&lt;/p&gt;
&lt;p&gt;So before I can hit these apis I need to know the end points.&lt;/p&gt;
&lt;p&gt;What is the best way to bootstrap my app to have these available before I query the api.&lt;/p&gt;</t>
  </si>
  <si>
    <t>2014-10-27 14:40:58.253000+00:00</t>
  </si>
  <si>
    <t>2014-10-27 14:51:57.807000+00:00</t>
  </si>
  <si>
    <t>C# XML Serialization - weakening encapsulation?</t>
  </si>
  <si>
    <t>&lt;p&gt;Am I correct in thinking that, in order to get C# to serialize an object, I MUST have a public property for every field that needs its state stored? &lt;/p&gt;
&lt;p&gt;If so, is that not very very sucky, as it weakens (if not breaks entirely) any encapsulation my class has?&lt;/p&gt;
&lt;p&gt;In Java, XStream can iterate over every non-transient field and archive it. In C# this can't happen, and just to make things worse, things like Dictionaries don't serialize AT ALL. It's all a bit of a mess, no?&lt;/p&gt;
&lt;p&gt;I've seen the DLL for a "port" of XStream to .net, but there are no docs and I'm suspicious.&lt;/p&gt;</t>
  </si>
  <si>
    <t>2011-11-28 14:26:38.740000+00:00</t>
  </si>
  <si>
    <t>2011-11-28 16:08:20.633000+00:00</t>
  </si>
  <si>
    <t>c#|.net|serialization|encapsulation|xstream</t>
  </si>
  <si>
    <t>How to get notified when map zoom or scroll animation has finished?</t>
  </si>
  <si>
    <t>&lt;p&gt;I'm &lt;em&gt;very&lt;/em&gt; new to iOS programming, and apologize fi this question sounds rather trivial. But after searching the web for hours, I've given up.&lt;/p&gt;
&lt;p&gt;I need to get current zoom level of the map in my iOS app, so that when I change current view, I can retain zoom level. Using &lt;a href="http://troybrant.net/blog/2010/01/set-the-zoom-level-of-an-mkmapview/" rel="nofollow"&gt;this code&lt;/a&gt;, I can get and set zoom levels. I implemented the &lt;code&gt;mapView:regionDidChangeAnimated:&lt;/code&gt; method of &lt;code&gt;MKMapViewDelegate&lt;/code&gt; protocol. But this method is called multiple times during initial "zoom in" animation of the map, and if during this period, I need to update the map, I might have wrong zoom level. I certainly don't want to turn off map animations. So, I was looking for a way to determine if map is currently being animated or stationary, before reading and storing zoom level.&lt;/p&gt;
&lt;p&gt;I'm using &lt;code&gt;MKMapView&lt;/code&gt;.&lt;/p&gt;</t>
  </si>
  <si>
    <t>2014-07-30 07:31:15.967000+00:00</t>
  </si>
  <si>
    <t>2014-07-30 08:35:58.810000+00:00</t>
  </si>
  <si>
    <t>2014-07-30 07:36:17.507000+00:00</t>
  </si>
  <si>
    <t>ios|xcode|mapkit</t>
  </si>
  <si>
    <t>jquery simple image changer</t>
  </si>
  <si>
    <t>&lt;p&gt;Hello everyone I have this code to change multiple images like slideshow&lt;/p&gt;
&lt;pre&gt;&lt;code&gt;function test() {
   $(".topimg img").first().appendTo('.topimg').fadeOut(1000);
   $(".topimg img").first().fadeIn(1000);
   setTimeout(test, 7000);
}
test();
&lt;/code&gt;&lt;/pre&gt;
&lt;p&gt;But I have one problem when I minimize browser or change tab and when I back image are changing too fast.How can I fix that and please fix this code do not give me another one with javascript or anything this is the simple one.&lt;/p&gt;</t>
  </si>
  <si>
    <t>2012-09-25 07:03:31.160000+00:00</t>
  </si>
  <si>
    <t>2012-09-25 07:22:34.593000+00:00</t>
  </si>
  <si>
    <t>2012-09-25 07:09:37.490000+00:00</t>
  </si>
  <si>
    <t>javascript|jquery|image|slider</t>
  </si>
  <si>
    <t>Why does the value of a dictionary variable persist between method calls?</t>
  </si>
  <si>
    <t>&lt;p&gt;This is not a homework question. I came across this when I was attempting to answer a question on SO. It intrigued me. I searched online for a while and could not find anything. Here is the code:&lt;/p&gt;
&lt;pre&gt;&lt;code&gt;def unravel(data, resultsdict={}):
    for k in data:
        if isinstance(data[k],dict):
            unravel(data[k], resultsdict)
        else:
            resultsdict[k] = data[k]
    return resultsdict
&lt;/code&gt;&lt;/pre&gt;
&lt;p&gt;Run:&lt;/p&gt;
&lt;pre&gt;&lt;code&gt;&amp;gt;&amp;gt;&amp;gt; print unravel({'a': 'b'})
{'a': 'b'}
&amp;gt;&amp;gt;&amp;gt; print unravel({'c': 'd'})
{'a': 'b', 'c': 'd'}
&lt;/code&gt;&lt;/pre&gt;
&lt;p&gt;Why does the dictionary returned by the first method get used in the second call, in spite of the default argument &lt;code&gt;resultsdict={}&lt;/code&gt;?&lt;/p&gt;</t>
  </si>
  <si>
    <t>2016-04-12 20:34:31.307000+00:00</t>
  </si>
  <si>
    <t>2016-04-12 20:40:42.047000+00:00</t>
  </si>
  <si>
    <t>python|language-design|mutable</t>
  </si>
  <si>
    <t>Using rails ActionView::TemplateRenderer to render a template without a request or session</t>
  </si>
  <si>
    <t>&lt;p&gt;I need to render some Rails HAML templates without a request or session.&lt;/p&gt;
&lt;p&gt;I found this class: &lt;a href="http://rubydoc.info/docs/rails/3.1.1/ActionView/TemplateRenderer" rel="nofollow"&gt;http://rubydoc.info/docs/rails/3.1.1/ActionView/TemplateRenderer&lt;/a&gt;&lt;/p&gt;
&lt;p&gt;... but I'm not having much luck with it.&lt;/p&gt;
&lt;p&gt;I can't figure out what to pass as the "local_context" argument to the constructor (which is defined in ActionView::AbstractRenderer).&lt;/p&gt;
&lt;p&gt;Can someone provide a little working example of how to use this class? Many thanks!&lt;/p&gt;</t>
  </si>
  <si>
    <t>2012-07-16 18:47:31.507000+00:00</t>
  </si>
  <si>
    <t>2012-07-20 03:09:21.573000+00:00</t>
  </si>
  <si>
    <t>ruby-on-rails|rendering</t>
  </si>
  <si>
    <t>"Lock wait timeout exceeded; try restarting transaction" on simple table</t>
  </si>
  <si>
    <t>&lt;p&gt;I have created database table. But there is a strange thing I can insert row into table, but when I want to delete or update database row it throws an error: &lt;/p&gt;
&lt;blockquote&gt;
  &lt;p&gt;/* SQL Error (1205): Lock wait timeout
  exceeded; try restarting transaction
  */&lt;/p&gt;
&lt;/blockquote&gt;
&lt;p&gt;In other tables there is no errors, and everything works pretty fine.&lt;/p&gt;
&lt;p&gt;Here is a table structure:&lt;/p&gt;
&lt;pre&gt;&lt;code&gt;CREATE TABLE `cruises` (
    `id` BIGINT(10) UNSIGNED NOT NULL AUTO_INCREMENT,
    `enable_text` ENUM('true','false') NOT NULL,
    `enable_file` ENUM('true','false') NOT NULL,
    `title` VARCHAR(256) NOT NULL,
    `full_text` MEDIUMTEXT NOT NULL,
    `description` VARCHAR(256) NULL,
    `date_of_departure` DATE NOT NULL,
    `number_of_nights` INT(10) UNSIGNED NOT NULL,
    `point_of_departure` VARCHAR(256) NOT NULL,
    `cruise_type` BIGINT(10) UNSIGNED NOT NULL,
    `cruises_document_id` BIGINT(10) UNSIGNED NOT NULL,
    `price` FLOAT(5,0) UNSIGNED NOT NULL,
    PRIMARY KEY (`id`),
    INDEX `FK_cruises_cruises_types` (`cruise_type`),
    INDEX `FK_cruises_cruises_documents` (`cruises_document_id`),
    CONSTRAINT `FK_cruises_cruises_documents` FOREIGN KEY (`cruises_document_id`) REFERENCES `cruises_documents` (`id`),
    CONSTRAINT `FK_cruises_cruises_types` FOREIGN KEY (`cruise_type`) REFERENCES `cruises_types` (`id`)
)
ENGINE=InnoDB
ROW_FORMAT=DEFAULT
&lt;/code&gt;&lt;/pre&gt;
&lt;p&gt;I have tried this thing on 2 different databases, but the same problem appears all the time. Any ideas?&lt;/p&gt;</t>
  </si>
  <si>
    <t>2010-11-29 09:56:52.510000+00:00</t>
  </si>
  <si>
    <t>2012-02-12 11:39:45.387000+00:00</t>
  </si>
  <si>
    <t>@font-face not working in IE7 and IE8</t>
  </si>
  <si>
    <t>&lt;p&gt;I'm attempting a custom font and have utilized everything I know of (including ?#iefix) and it's working great on every browser except IE8 and IE7. I simplified it down to bare bones and still see the issue.&lt;/p&gt;
&lt;p&gt;&lt;a href="http://berinti.com/compass-learning/test/" rel="nofollow"&gt;Here's a link to the live version of the test&lt;/a&gt;&lt;/p&gt;
&lt;p&gt;This is the HTML:&lt;/p&gt;
&lt;pre&gt;&lt;code&gt;&amp;lt;!DOCTYPE html PUBLIC "-//W3C//DTD XHTML 1.0 Transitional//EN" "http://www.w3.org/TR/xhtml1/DTD/xhtml1-transitional.dtd"&amp;gt;
&amp;lt;html xmlns="http://www.w3.org/1999/xhtml"&amp;gt;
&amp;lt;head&amp;gt;
&amp;lt;meta http-equiv="Content-Type" content="text/html; charset=utf-8" /&amp;gt;
&amp;lt;title&amp;gt;Untitled Document&amp;lt;/title&amp;gt;
&amp;lt;link rel="stylesheet" href="styles.css"&amp;gt;
&amp;lt;/head&amp;gt;
&amp;lt;body&amp;gt;
&amp;lt;h1&amp;gt;This is a test.&amp;lt;/h1&amp;gt;
&amp;lt;/body&amp;gt;
&amp;lt;/html&amp;gt;
&lt;/code&gt;&lt;/pre&gt;
&lt;p&gt;CSS Here:&lt;/p&gt;
&lt;pre&gt;&lt;code&gt;@charset "utf-8";
/* CSS Document */
@font-face {
    font-family: 'swz721kc';
    src: url('fonts/swz721kc.eot');
    src: url('fonts/swz721kc.eot?#iefix') format('embedded-opentype'),
         url('fonts/swz721kc.woff') format('woff'),
         url('fonts/swz721kc.ttf') format('truetype'),
         url('fonts/swz721kc.svg#swz721kc') format('svg');
    font-weight: normal;
    font-style: normal;
}
h1 {
    font-family: 'swz721kc';
    font-size: 42px;
    color: #000;
    font-weight: normal;
    margin: 30px 0 0 0;
    padding: 0;
}
&lt;/code&gt;&lt;/pre&gt;</t>
  </si>
  <si>
    <t>2013-06-23 23:30:44.857000+00:00</t>
  </si>
  <si>
    <t>2013-07-05 14:00:21.700000+00:00</t>
  </si>
  <si>
    <t>html|css|internet-explorer-8|internet-explorer-7|font-face</t>
  </si>
  <si>
    <t>How do I stop a javascript from executing using confirm?</t>
  </si>
  <si>
    <t>&lt;p&gt;I need help with getting the prevention of a button blick to work if the user does not click yes on the confirmation window, this worked well for submits, but it doesn't seem to have any effect when there is a javascript that runs when the button is clicked.&lt;/p&gt;
&lt;p&gt;the button:&lt;/p&gt;
&lt;pre&gt;&lt;code&gt;&amp;lt;input type="button" value="Delete" class="deleteResource btn btn-link NoBorder NoBackGround" data-id="@resource.Id" data-url="@Url.Action("DeleteResource")" data-confirm="are you sure?" /&amp;gt;
&lt;/code&gt;&lt;/pre&gt;
&lt;p&gt;the javascript:&lt;/p&gt;
&lt;pre&gt;&lt;code&gt;    jQuery(document).ready(function () {
        jQuery('[data-confirm]').click(function (e) {
            if (!confirm(jQuery(this).attr("data-confirm"))) {
                e.preventDefault();
                e.stopPropagation();
            }
        });
    });
    jQuery(document).ready(function() {
    jQuery('.deleteResource').click(function() {
        var id = $(this).data('id');
        var url = $(this).data('url');
        var param = { id: id }
        $.post(url, param, function (data) {
            if (data) {
                location.reload();
            } else {
                alert("Kunde inte utf��ra ��tg��rden.");
            }
        });
    });
});
&lt;/code&gt;&lt;/pre&gt;
&lt;p&gt;am I missing something or is this just not possible?&lt;/p&gt;</t>
  </si>
  <si>
    <t>2016-07-05 08:33:51.040000+00:00</t>
  </si>
  <si>
    <t>2016-07-05 08:46:17.260000+00:00</t>
  </si>
  <si>
    <t>2016-07-05 08:43:22.637000+00:00</t>
  </si>
  <si>
    <t>user2283330</t>
  </si>
  <si>
    <t>javascript|asp.net-mvc-5</t>
  </si>
  <si>
    <t>cannot query array-like object returned from Mongodb</t>
  </si>
  <si>
    <t>&lt;p&gt;Using node.js / express and mongoose (mongodb) and passport. I am having trouble getting to the key/value pairs of the returned array- like object.
user model:&lt;/p&gt;
&lt;pre&gt;&lt;code&gt;{ 
 local : {
   email     : String,
   password  : String
},
 skills : {
  skill     : String,
  level     : Number
 }
}
&lt;/code&gt;&lt;/pre&gt;
&lt;p&gt;I can add new skills to the user like this: Works exactly as intended&lt;/p&gt;
&lt;pre&gt;&lt;code&gt;app.post( '/addskill', function ( req, res ) {
    var newskill = {skill : req.body.skill,  level : req.body.level};
    User.findByIdAndUpdate( req.user.id,
     { $push: { skills: newskill }}, 
     function (err, user ) {
      res.redirect('/profile');
    });
});
&lt;/code&gt;&lt;/pre&gt;
&lt;p&gt;I can easily access the email and password strings in my ejs file like this:&lt;/p&gt;
&lt;pre&gt;&lt;code&gt;&amp;lt;%= user.local.email %&amp;gt;
&amp;lt;%= user.local.password %&amp;gt;
&lt;/code&gt;&lt;/pre&gt;
&lt;p&gt;When I query the db with &lt;/p&gt;
&lt;pre&gt;&lt;code&gt;user.skills
&lt;/code&gt;&lt;/pre&gt;
&lt;p&gt;I can get all the skills in this format:&lt;/p&gt;
&lt;pre&gt;&lt;code&gt;[ { skill: 'qwe', level: 1 }, { skill: 'html', level: 1 }, { skill: 'python', level: 4 } ]
&lt;/code&gt;&lt;/pre&gt;
&lt;p&gt;Again, exactly what I am looking for. What I want to do now is create a table listing the skills and levels.&lt;/p&gt;
&lt;p&gt;None of the array methods seem to work
I tried in the ejs template file.&lt;/p&gt;
&lt;pre&gt;&lt;code&gt;user.skills.forEach()  -- not working 'user' is null
user.forEach --  works to create a list of users.
user.skills[0].skill  -- not working
user.skills[i].skill -- in var loop, not working
&lt;/code&gt;&lt;/pre&gt;
&lt;p&gt;here is the error message:&lt;/p&gt;
&lt;pre&gt;&lt;code&gt;Object [ { skill: 'qwe', level: 1 }, { skill: 'html', level: 1 }, 
{ skill: 'python', level: 4 } ] has no method 'forEach' at eval ...
&lt;/code&gt;&lt;/pre&gt;
&lt;p&gt;So my question really is: How can I access the key-value pairs in the this collection (array?)&lt;/p&gt;
&lt;p&gt;Thanks!!&lt;/p&gt;</t>
  </si>
  <si>
    <t>2014-05-22 14:19:16.397000+00:00</t>
  </si>
  <si>
    <t>2014-09-09 13:30:35.873000+00:00</t>
  </si>
  <si>
    <t>2014-05-22 21:32:09.270000+00:00</t>
  </si>
  <si>
    <t>Trying to reload my parentViewController's data but failing</t>
  </si>
  <si>
    <t>&lt;p&gt;Trying to &lt;code&gt;[self.parentViewController.tableView reloadData]&lt;/code&gt; from a save: method in my DetailViewController but getting my favorite error: &lt;em&gt;request for member 'tableView' in something not a structure or union.&lt;/em&gt; &lt;/p&gt;
&lt;p&gt;Included the header for my RootViewController and casted the parentViewController as a RootViewController to no avail.&lt;/p&gt;
&lt;p&gt;What have I botched?&lt;/p&gt;</t>
  </si>
  <si>
    <t>2009-12-18 01:29:00.797000+00:00</t>
  </si>
  <si>
    <t>2009-12-18 05:23:38.577000+00:00</t>
  </si>
  <si>
    <t>iphone|cocoa-touch|uinavigationcontroller|uitableview</t>
  </si>
  <si>
    <t>Simple data file versioning with DataContractSerializer</t>
  </si>
  <si>
    <t>&lt;p&gt;Having read &lt;a href="http://msdn.microsoft.com/en-us/library/ms731138.aspx" rel="nofollow noreferrer"&gt;Data Contract Versioning&lt;/a&gt; we concluded that it's not really the whole story. For example, what happens if you used to have ValueA, and in the new version it's now called ValueB and is of a different type, and you need to convert ValueA to ValueB?&lt;/p&gt;
&lt;p&gt;There are some &lt;a href="http://msdn.microsoft.com/en-us/library/ms733734.aspx" rel="nofollow noreferrer"&gt;callbacks&lt;/a&gt; I could use to help with this, but it doesn't look like a very maintainable solution if we expect the format to change frequently over a long period of time.&lt;/p&gt;
&lt;p&gt;The solution we settled for is to keep a "saved by version" field, and upon loading the file invoke conversion routines specific to older versions as required. These conversion routines know how to convert XML for older data to XML for newer data.&lt;/p&gt;
&lt;p&gt;However, as it turns out, &lt;a href="https://stackoverflow.com/questions/1513525/ignore-field-order-in-datacontractserializer"&gt;DataContractSerializes requires the order of the elements to be exactly what it expects&lt;/a&gt;. This means our conversion process must know to insert elements into &lt;strong&gt;exactly&lt;/strong&gt; the correct location. This is a lot harder than simply adding an element with a known name, if you take inheritance into account. With inheritance, you can't reliably &lt;code&gt;AddBeforeSelf&lt;/code&gt; or &lt;code&gt;AddAfterSelf&lt;/code&gt; &lt;em&gt;any&lt;/em&gt; field, simply because there isn't a single field that is always next to this new field.&lt;/p&gt;
&lt;p&gt;Leaving aside the reasons why DataContractSerializer was made so strict, can you please suggest ways around this? Perhaps a great article on how to remain backwards-compatible with very old data contracts, that doesn't become unwieldy at the point where you made the 100th breaking change to the format.&lt;/p&gt;
&lt;p&gt;There are some extra guidelines in &lt;a href="http://msdn.microsoft.com/en-us/library/ms733832.aspx" rel="nofollow noreferrer"&gt;this article&lt;/a&gt;, but this must have been written for a different purpose. There is for example no way we can leave old data members hanging around forever (point 9). It appears that most such articles are written from a communication protocol point of view, rather than storing data in a file.&lt;/p&gt;</t>
  </si>
  <si>
    <t>2009-10-03 12:12:45.650000+00:00</t>
  </si>
  <si>
    <t>2010-10-11 10:45:21.303000+00:00</t>
  </si>
  <si>
    <t>2017-05-23 12:16:55.457000+00:00</t>
  </si>
  <si>
    <t>.net|datacontractserializer</t>
  </si>
  <si>
    <t>Jquery/Ajax or PHP sessions to enter data in DB with Laravel</t>
  </si>
  <si>
    <t>&lt;p&gt;I would like to get an idea of what a "Best Practice" may be. I am redeveloping a web app I made, that allows users to select items from a dropdown list, add them to a "Queue" and then allows the user to save them to the DB as their user when the info is finished being entered. &lt;/p&gt;
&lt;p&gt;Currently, I am using, Jquery/Ajax to get the data from the selections, add it an array, then append it to the Queue Table.&lt;/p&gt;
&lt;p&gt;When the user clicks save, it passes the array through ajax to PHP to send it to the database. &lt;/p&gt;
&lt;p&gt;I am recreating this application in laravel, and wonder if it would be better to store the user defined data into a session and then pass it directly to the php script to insert it into a database. &lt;/p&gt;
&lt;p&gt;I am not familiar as familiar as I would like to be with sessions, so I would like your advice if this is worth pursuing or if I would be using sessions wrong. &lt;/p&gt;</t>
  </si>
  <si>
    <t>2016-10-12 02:15:59.057000+00:00</t>
  </si>
  <si>
    <t>2016-10-12 02:20:28.800000+00:00</t>
  </si>
  <si>
    <t>javascript|php|jquery|ajax|session</t>
  </si>
  <si>
    <t>Preventdefault not working for left click, working fine for middle and right</t>
  </si>
  <si>
    <t>&lt;p&gt;I've wrote the below code to show a &lt;code&gt;jQuery-UI dialog&lt;/code&gt; box popup when user clicks (left, middle or right) on external links. It is working fine for middle and right click but on left click it's not working correctly (preventDefault fails for left click I guess). I've implemented this &lt;a href="http://www.technostall.com/samsung-galaxy-ace-plus-s7500-how-to-root-and-install-custom-recovery-image/" rel="nofollow"&gt;on my site&lt;/a&gt;, you can see the problem there. &lt;/p&gt;
&lt;pre&gt;&lt;code&gt;&amp;lt;script type="text/javascript"&amp;gt;
jQuery(document).ready(function ($) {
$('a').filter(function() {
    return this.href.indexOf(location.origin) !== 0;
}).addClass('external');
$(document).on("mousedown", "a.external", function(e) {
      e.preventDefault();
      popUp.start(this);
});
-----------------
-----------------
code for showing popup
-----------------
&amp;lt;/script&amp;gt;
&lt;/code&gt;&lt;/pre&gt;</t>
  </si>
  <si>
    <t>2013-06-16 07:28:42.393000+00:00</t>
  </si>
  <si>
    <t>jquery|preventdefault|mousedown</t>
  </si>
  <si>
    <t>wp-pagenavi not working on custom query wordpress</t>
  </si>
  <si>
    <t>&lt;p&gt;I face very weird issue on &lt;code&gt;wp-pagenavi&lt;/code&gt; plugin. I am using WooCommerce plugin it works perfectly. Now i make a page template and want to show all that products which product type is bundle, my products show but wp-pagenavi not working. I also try on blog page its working perfect there but not in my page template.&lt;/p&gt;
&lt;p&gt;Here is my code:&lt;/p&gt;
&lt;p&gt;Page Template Name&lt;/p&gt;
&lt;pre&gt;&lt;code&gt;&amp;lt;?php
    /*
    Template Name: Bundle Products
    */
    get_header();
?&amp;gt;
&lt;/code&gt;&lt;/pre&gt;
&lt;p&gt;My custome Query&lt;/p&gt;
&lt;pre&gt;&lt;code&gt;&amp;lt;?php
    $paged = get_query_var('page') ? get_query_var('page') : 1;
    $gb_bundle_args = array(
                    'post_type' =&amp;gt; 'product',
                    'order' =&amp;gt; 'DESC',
                    'paged' =&amp;gt; $paged,
                    'tax_query' =&amp;gt; array(
                        array(
                            'taxonomy' =&amp;gt; 'product_type',
                            'field' =&amp;gt; 'name',
                            'terms' =&amp;gt; 'bundle'
                        )
                    )
            );
    $gb_bundle_qry = new WP_Query($gb_bundle_args);
    if($gb_bundle_qry-&amp;gt;have_posts()) :
        while($gb_bundle_qry-&amp;gt;have_posts()) :
            $gb_bundle_qry-&amp;gt;the_post();
            the_title();
            echo '&amp;lt;br /&amp;gt;';
        endwhile;
    else :
        echo "No Bundle Products";
    endif;
    wp_pagenavi();
    wp_reset_query();
?&amp;gt;
&lt;/code&gt;&lt;/pre&gt;
&lt;p&gt;I searched alot about this but nothing found.&lt;/p&gt;</t>
  </si>
  <si>
    <t>2015-04-23 06:51:29.633000+00:00</t>
  </si>
  <si>
    <t>2016-03-09 09:23:01.277000+00:00</t>
  </si>
  <si>
    <t>wordpress|pagination|woocommerce</t>
  </si>
  <si>
    <t>Glade can't find gui.glade</t>
  </si>
  <si>
    <t>&lt;p&gt;I'm using in my code:&lt;/p&gt;
&lt;pre&gt;&lt;code&gt;Glade.XML gxml = new Glade.XML (null, "gui.glade", "PublicanCreators", null);
&lt;/code&gt;&lt;/pre&gt;
&lt;p&gt;The gui.glade file is placed in the same &lt;a href="https://github.com/saigkill/PublicanCreators/tree/master/PublicanCreators" rel="nofollow noreferrer" title="gui.glade"&gt;directory&lt;/a&gt; as the Program.cs (which runs the code).&lt;/p&gt;
&lt;p&gt;The compiling process has suceeded. But while running the exe i'm getting:&lt;/p&gt;
&lt;blockquote&gt;
  &lt;p&gt;Stacktrace:&lt;/p&gt;
  &lt;p&gt;at  &amp;lt;0xffffffff&gt;   at (wrapper managed-to-native)
  Glade.XML.gtksharp_glade_xml_get_filename (intptr)    at Glade.XML.get_Filename ()    at
  (wrapper runtime-invoke) .runtime_invoke_object__this__
  (object,intptr,intptr,intptr)    at 
  &amp;lt;0xffffffff&gt;   at Glade.XML..ctor
  (System.Reflection.Assembly,string,string,string)    at PublicanCreators.GladeApp..ctor (string[]) [0x00018] in
  /home/sascha/RiderProjects/PublicanCreators/PublicanCreators/Program.cs:40
  at PublicanCreators.GladeApp.Main (string[]) [0x00002] in
  /home/sascha/RiderProjects/PublicanCreators/PublicanCreators/Program.cs:34
  at (wrapper runtime-invoke) .runtime_invoke_void_object
  (object,intptr,intptr,intptr) &lt;/p&gt;
&lt;/blockquote&gt;
&lt;p&gt;What can i do?&lt;/p&gt;</t>
  </si>
  <si>
    <t>2017-01-16 23:33:39.590000+00:00</t>
  </si>
  <si>
    <t>2017-01-17 09:46:42.727000+00:00</t>
  </si>
  <si>
    <t>c#|mono</t>
  </si>
  <si>
    <t>JQuery Problem/Error</t>
  </si>
  <si>
    <t>&lt;p&gt;I am having a problem getting some JavaScript to work.&lt;/p&gt;
&lt;p&gt;Please find the code below, I am trying to do an AJAX call. When I put in the names manually (commented code) it works fine, but when I use the AJAX call it doesn't add the correct data to the dropdown.&lt;/p&gt;
&lt;pre&gt;&lt;code&gt;$(function() {
    /* var names = [
        { value: 1, label: "Marcus Ekwall" },
    { value: 1.1, label: "Marcus 1" },
        { value: 2, label: "John Resig" },
        { value: 3, label: "Eric Hynds" },
        { value: 4, label: "Paul Irish" },
        { value: 5, label: "Alex Sexton" }
    ];*/
    var names = "";
    var container = $("div.ui-tagging"),
    highlight = container.children("div.highlight"),
        textArea = container.find("textarea"),
     meta = container.children("input.meta"),
        activeSearch = false,
        searchTerm = "",
        beginFrom = 0;
    textArea.keypress(function(e){
        // activate on @
        if (e.which == 64 &amp;amp;&amp;amp; !activeSearch) {
            activeSearch = true;
            beginFrom = e.target.selectionStart+1;
        }
        // deactivate on space
        if (e.which == 32 &amp;amp;&amp;amp; activeSearch) {
            activeSearch = false;
        }
    }).bind("keyup change", function(e){
        var cur = highlight.find("span"),
            val = textArea.val();
        cur.each(function(i){
            var s = $(this);
            val = val.replace(s.text(), $("&amp;lt;div&amp;gt;").append(s).html());
        });
        highlight.html(val);
    }).autocomplete({
        minLength: 0,
        delay: 0,
        open: function(event, ui) {
            //console.log(ui);
        },
        source: function(request, response) {
            if (activeSearch) {
                searchTerm = request.term.substring(beginFrom);
                if (request.term.substring(beginFrom-1, beginFrom) != "@") {
                    activeSearch = false;
                    beginFrom = 0;
                    searchTerm = "";
                }
                if (searchTerm != "") {
                    var re = new RegExp("^"+escape(searchTerm)+".+", "i");
                    var matches = [];
                    $.ajax({
                        url: '/search.asp?SearchTerm=' + searchTerm,
                        success: function(data) {
                            var names = data;
                            alert(names);
                        }
                    });
                    $.each(names, function(){
                        if (this.label.match(re)) {
                            matches.push(this);
                        }
                    });
                    response(matches);
                }
            }
        },
        focus: function() {
            // prevent value inserted on focus
            return false;
        },
        select: function(event, ui) {
            activeSearch = false;
            //console.log("@"+searchTerm, ui.item.label);
            this.value = this.value.replace("@"+searchTerm, ui.item.label)+' ';
            highlight.html(highlight.html().replace("@"+searchTerm, '&amp;lt;span class="ui-corner-all"&amp;gt;'+ui.item.label+'&amp;lt;/span&amp;gt;')+' ');
            meta.val((meta.val()+" @["+ui.item.value+":]").trim());
            return false;
        }
    });
});
&lt;/code&gt;&lt;/pre&gt;</t>
  </si>
  <si>
    <t>2011-01-12 12:59:49.057000+00:00</t>
  </si>
  <si>
    <t>2011-01-12 14:06:01.270000+00:00</t>
  </si>
  <si>
    <t>2011-01-12 13:08:17.940000+00:00</t>
  </si>
  <si>
    <t>Duplicate SQL Record Entries with in 3 days</t>
  </si>
  <si>
    <t>&lt;p&gt;Table has following structure&lt;/p&gt;
&lt;pre&gt;&lt;code&gt;ID, OrderNumber, PFirstName, PLastName, Product, LastDateModified
&lt;/code&gt;&lt;/pre&gt;
&lt;p&gt;This information is populated into my SQL Server database by a XML import file and is created when the front end hits 'Enter'. But someone on the front has been seeing an error and then hitting Cancel and re-submitting the order with new information.&lt;/p&gt;
&lt;p&gt;Now, the first order is in the Database because they didn't cancel it out on the backend first.&lt;/p&gt;
&lt;p&gt;How can I find the any duplicate &lt;code&gt;OrderNumber, PFirstName, PLastName, Product&lt;/code&gt; within 3 days of any &lt;code&gt;lastdatemodified&lt;/code&gt; entry? &lt;/p&gt;</t>
  </si>
  <si>
    <t>2017-05-18 16:26:09.303000+00:00</t>
  </si>
  <si>
    <t>2017-05-18 16:54:42.510000+00:00</t>
  </si>
  <si>
    <t>2017-05-18 16:32:28.720000+00:00</t>
  </si>
  <si>
    <t>Android SharedPreferences successfully not working</t>
  </si>
  <si>
    <t>&lt;p&gt;I'm newbie into android and today I wanted to implement some SharedPreferences.&lt;/p&gt;
&lt;p&gt;Here's my code: (or &lt;a href="http://i.stack.imgur.com/fFVTb.png" rel="nofollow"&gt;Image&lt;/a&gt; if ou like it more)&lt;/p&gt;
&lt;pre&gt;&lt;code&gt;@Override
public void onCreate(Bundle savedInstanceState) {  
// SOME CODE HERE
    // Initialize Shared Preferences
    final SharedPreferences sharedPreferences = getApplicationContext().getSharedPreferences("MyData", Context.MODE_PRIVATE);
    sharedPreferences.registerOnSharedPreferenceChangeListener(new SharedPreferences.OnSharedPreferenceChangeListener() {
        @Override
        public void onSharedPreferenceChanged(SharedPreferences sharedPreferences, String s) {
            logMsg(sharedPreferences.toString() + "=&amp;gt;" + s + "=&amp;gt;" + sharedPreferences.getString(s, ""));
        }
    });
    final EditText etId = (EditText) findViewById(R.id.etId);
    final EditText etValue = (EditText) findViewById(R.id.etValue);
    Button btnSave = (Button) findViewById(R.id.btn_save);
    btnSave.setOnClickListener(new OnClickListener() {
        @Override
        public void onClick(View view) {
            // set Data
            logMsg("Id= " + etId.getText().toString() + " Value= " + etValue.getText().toString());
            sharedPreferences.edit().putString(etId.getText().toString(), etValue.getText().toString());
            if (sharedPreferences.edit().commit()){
                logMsg("Success");
            }else {
                logMsg("Fail");
            }
            // get Data
            logMsg("Id= '" + etId.getText().toString() + "' Value= " + sharedPreferences.getString(etId.getText().toString(), "No Value"));
        }
    });
//SOME CODE HERE
}
&lt;/code&gt;&lt;/pre&gt;
&lt;p&gt;The problem is that after pressing &lt;em&gt;btn_save&lt;/em&gt; log says &lt;strong&gt;Success on &lt;code&gt;sharedPreferences.edit().commit()&lt;/code&gt;&lt;/strong&gt; but after that &lt;strong&gt;I don't retrieve any data with &lt;code&gt;getString()&lt;/code&gt;&lt;/strong&gt; (respectively I retrieve &lt;em&gt;dafault value&lt;/em&gt; that is in my case &lt;em&gt;"No Value"&lt;/em&gt;).&lt;/p&gt;
&lt;p&gt;Do you have any idea what's wrong?
Is it necessary to unregister &lt;em&gt;SharedPreferences.OnSharedPreferenceChangeListener&lt;/em&gt;?&lt;/p&gt;
&lt;p&gt;Thanks.&lt;/p&gt;</t>
  </si>
  <si>
    <t>2016-08-20 17:23:56.753000+00:00</t>
  </si>
  <si>
    <t>2016-08-20 17:39:44.913000+00:00</t>
  </si>
  <si>
    <t>android|sharedpreferences</t>
  </si>
  <si>
    <t>Groovy difference between 'any' and 'find' methods</t>
  </si>
  <si>
    <t>&lt;p&gt;In groovy, there are two methods namely &lt;code&gt;any&lt;/code&gt; and &lt;code&gt;find&lt;/code&gt; method that can be used in Maps.&lt;/p&gt;
&lt;p&gt;Both these methods will "search" for the content that we are interested in (that is, both &lt;code&gt;any&lt;/code&gt; and &lt;code&gt;find&lt;/code&gt; method return whether the element is in Map or not, that is they need to search).&lt;/p&gt;
&lt;p&gt;But within this search how do they differ? &lt;/p&gt;</t>
  </si>
  <si>
    <t>2011-03-01 13:20:30.253000+00:00</t>
  </si>
  <si>
    <t>2016-12-07 22:29:29.083000+00:00</t>
  </si>
  <si>
    <t>2011-03-01 13:27:40.177000+00:00</t>
  </si>
  <si>
    <t>Support all google domains in a content script</t>
  </si>
  <si>
    <t>&lt;p&gt;I am making a content script that does something with the google results webpage. &lt;/p&gt;
&lt;p&gt;The line below in the &lt;code&gt;manifest.json&lt;/code&gt; is not valid. &lt;/p&gt;
&lt;blockquote&gt;
  &lt;p&gt;"matches": [ "https://www.google.*/*" ]&lt;/p&gt;
&lt;/blockquote&gt;
&lt;p&gt;The error due to above line in manifest.json is: &lt;/p&gt;
&lt;blockquote&gt;
  &lt;p&gt;Invalid value for 'content_scripts[0].matches[0]': Invalid host wildcard.&lt;/p&gt;
&lt;/blockquote&gt;
&lt;p&gt;I want to run the script on various domains like google.com, google.co.in, google.de etc. How do I accomplish that?&lt;/p&gt;</t>
  </si>
  <si>
    <t>2012-06-17 07:29:54.287000+00:00</t>
  </si>
  <si>
    <t>2014-05-28 11:55:26.193000+00:00</t>
  </si>
  <si>
    <t>2012-06-17 08:38:06.673000+00:00</t>
  </si>
  <si>
    <t>javascript|google-chrome-extension|manifest|content-script</t>
  </si>
  <si>
    <t>Python Create fixed banner within console / with console</t>
  </si>
  <si>
    <t>&lt;p&gt;I am working on a text-based RPG game, and I need a way of displaying the important figures such as remaining life and level so that it is always available to be checked.&lt;/p&gt;
&lt;p&gt;Is there a way of creating a stationary banner within the console to display such figures? If not, do I have to create a GUI with the banner and embed the console?&lt;/p&gt;
&lt;p&gt;Any alternative solutions that also work would be appreciated, given that it shows the figures at all times.&lt;/p&gt;
&lt;p&gt;Thank you.&lt;/p&gt;</t>
  </si>
  <si>
    <t>2016-01-28 02:33:35.870000+00:00</t>
  </si>
  <si>
    <t>2016-01-28 14:09:53.277000+00:00</t>
  </si>
  <si>
    <t>2016-01-28 13:05:00.107000+00:00</t>
  </si>
  <si>
    <t>python|python-3.x|python-3.5|adventure</t>
  </si>
  <si>
    <t>Winrar limit of extractions</t>
  </si>
  <si>
    <t>&lt;p&gt;i wanted to ask if there could be an extraction limit of .rar files, likes when it got extracted a certain number of times, it would delete itself. If not, maybe this could be possible with an .bat file which will be opened after the extraction and checks the amount of extractions and if it is at its limit, it will do a taskkill and delete the file (with deleting in recycle bin)&lt;/p&gt;</t>
  </si>
  <si>
    <t>2016-01-17 01:21:05.937000+00:00</t>
  </si>
  <si>
    <t>2016-01-17 02:20:14.037000+00:00</t>
  </si>
  <si>
    <t>batch-file|winrar</t>
  </si>
  <si>
    <t>How to "merge/group by" rows in excel and add the values located on a different column in excel</t>
  </si>
  <si>
    <t>&lt;pre&gt;&lt;code&gt;ID   Name   Valued
1    John    1.23
2    Eve     2.20
1    John    2.30
3    Adam    4.50
3    Eve     2.00
and so on...
&lt;/code&gt;&lt;/pre&gt;
&lt;p&gt;And I want the result like this&lt;/p&gt;
&lt;pre&gt;&lt;code&gt;ID   Name    Valued
1   John    3.33    "valued were sum from rows 1 &amp;amp; 2 - because they have the same ID"
2   Eve     2.20
3   Adam    6.50    "valued were sum from 4 &amp;amp; 5 - because they have the same ID whatever the data under the column Name"
&lt;/code&gt;&lt;/pre&gt;
&lt;p&gt;How can I write this using VBA for Excel? &lt;/p&gt;</t>
  </si>
  <si>
    <t>2017-08-29 10:13:06.350000+00:00</t>
  </si>
  <si>
    <t>2017-08-29 13:54:30.913000+00:00</t>
  </si>
  <si>
    <t>2017-08-29 10:16:27.370000+00:00</t>
  </si>
  <si>
    <t>How to remove position from ArrayBuffer Javascript</t>
  </si>
  <si>
    <t>&lt;p&gt;I have this ArrayBuffer and need to remove/delete the position of value 21.&lt;/p&gt;
&lt;p&gt;I tried to use &lt;code&gt;.splice(24,1)&lt;/code&gt; or &lt;code&gt;delete array[24]&lt;/code&gt; and didn't work...&lt;/p&gt;
&lt;p&gt;What's the correct way to do that?&lt;/p&gt;
&lt;pre&gt;&lt;code&gt;&amp;lt;Buffer 01 a6 31 35 cb 12 00 08 7d cb b8 ae c5 3e 2d 0e 1e d0 fe 29 4e 61 fd 01 21 a0 00 c0 03 00 00 00 00 00 00 00 00 00 04 24 03 19 15 cb 0b 3b 26 06 0b 31 00 ...&amp;gt;
&lt;/code&gt;&lt;/pre&gt;</t>
  </si>
  <si>
    <t>2015-11-09 12:27:01.280000+00:00</t>
  </si>
  <si>
    <t>2015-11-19 23:13:24.950000+00:00</t>
  </si>
  <si>
    <t>javascript|splice|arraybuffer</t>
  </si>
  <si>
    <t>Unknown symbols when I read file</t>
  </si>
  <si>
    <t>&lt;p&gt;I read file, but in the end of file i get unknown symbols:&lt;/p&gt;
&lt;pre&gt;&lt;code&gt;int main()
{
        char *buffer, ch;
        int i = 0, size;
        FILE *fp = fopen("file.txt", "r");
        if(!fp){
                printf("File not found!\n");
                exit(1);
        }
        fseek(fp, 0, SEEK_END);
        size = ftell(fp);
        printf("%d\n", size);
        fseek(fp, 0, SEEK_SET); 
        buffer = malloc(size * sizeof(*buffer));
        while(((ch = fgetc(fp)) != NULL) &amp;amp;&amp;amp; (i &amp;lt;= size)){
                buffer[i++] = ch;
        }
        printf(buffer);
        fclose(fp);
        free(buffer);
        getch();
        return 0;
}
&lt;/code&gt;&lt;/pre&gt;</t>
  </si>
  <si>
    <t>2010-03-27 16:57:33.730000+00:00</t>
  </si>
  <si>
    <t>2010-03-27 17:07:04.853000+00:00</t>
  </si>
  <si>
    <t>c|file</t>
  </si>
  <si>
    <t>Flask-SQLAlchemy: Can't reconnect until invalid transaction is rolled back</t>
  </si>
  <si>
    <t>&lt;p&gt;So I am using Amazon Web Services RDS to run a MySQL server and using Python's Flask framework to run the application server and Flask-SQLAlchemy to interface with the RDS.&lt;/p&gt;
&lt;p&gt;My app config.py&lt;/p&gt;
&lt;pre&gt;&lt;code&gt;SQLALCHEMY_DATABASE_URI = '&amp;lt;RDS Host&amp;gt;'
SQLALCHEMY_POOL_RECYCLE = 60
&lt;/code&gt;&lt;/pre&gt;
&lt;p&gt;My __ init __.py&lt;/p&gt;
&lt;pre&gt;&lt;code&gt;from flask import Flask
from flask.ext.sqlalchemy import SQLAlchemy
application = Flask(__name__)
application.config.from_object('config')
db = SQLAlchemy(application)
&lt;/code&gt;&lt;/pre&gt;
&lt;p&gt;I have my main application.py&lt;/p&gt;
&lt;pre&gt;&lt;code&gt;from flask import Flask
from application import db
import flask.ext.restless
from application.models import Person
application = Flask(__name__)
application.debug=True
db.init_app(application)
@application.route('/')
def index():
    return "Hello, World!"
manager = flask.ext.restless.APIManager(application, flask_sqlalchemy_db=db)
manager.create_api(Person, methods=['GET','POST', 'DELETE'])
if __name__ == '__main__':
    application.run(host='0.0.0.0')
&lt;/code&gt;&lt;/pre&gt;
&lt;p&gt;The models.py&lt;/p&gt;
&lt;pre&gt;&lt;code&gt;class Person(db.Model):
    __bind_key__= 'people'
    id = db.Column(db.Integer, primary_key=True)
    firstName = db.Column(db.String(80))
    lastName = db.Column(db.String(80))
    email = db.Column(db.String(80))
    def __init__(self, firstName=None, lastName=None, email=None):
        self.firstName = firstName
        self.lastName = lastName
        self.email = email
&lt;/code&gt;&lt;/pre&gt;
&lt;p&gt;I then have a script to populate the database for testing purposes after db creation and app start:&lt;/p&gt;
&lt;pre&gt;&lt;code&gt;from application import db
from application.models import Person
person = Person('Bob', 'Jones', 'bob@website.net')
db.session.add(person)
db.session.commit()
&lt;/code&gt;&lt;/pre&gt;
&lt;p&gt;Once I've reset the database with db.drop_all() and db.create_all() I start the application.py and then the script to populate the database.&lt;/p&gt;
&lt;p&gt;The server will respond with correct JSON but if I come back and check it hours later, I get the error that I need to rollback or sometimes the 2006 error that the MySQL server has gone away.&lt;/p&gt;
&lt;p&gt;People suggested that I change timeout settings on the MySQL server but that hasn't fixed anything. Here are my settings:&lt;/p&gt;
&lt;pre&gt;&lt;code&gt;innodb_lock_wait_timeout = 3000
max_allowed_packet       = 65536
net_write_timeout        = 300
wait_timeout             = 300
&lt;/code&gt;&lt;/pre&gt;
&lt;p&gt;Then when I look at the RDS monitor, it shows the MySQL server kept the connection open for quite a while until the timeout. Now correct me if I'm wrong but isn't the connection supposed to be closed after it's finished? It seems that the application server keeps making sure that the database connection exists and then when the MySQL server times out, Flask/Flask-SQLAlchemy throws an error and brings down the app server with it.&lt;/p&gt;
&lt;p&gt;Any suggestions are appreciated, thanks!&lt;/p&gt;</t>
  </si>
  <si>
    <t>2015-06-29 17:30:49.487000+00:00</t>
  </si>
  <si>
    <t>2015-07-07 05:07:45.517000+00:00</t>
  </si>
  <si>
    <t>python|mysql|amazon-web-services|flask|flask-sqlalchemy</t>
  </si>
  <si>
    <t>Ruby &amp; win23ole : How to close window started using shell.ShellExecute</t>
  </si>
  <si>
    <t>&lt;p&gt;I am using the code below to start ror server. Is there a easy way to quit that window without  going through the route of finding the pid and using 'taskkill'? I mean after all i have the handle in 'shell' variable don't I?&lt;/p&gt;
&lt;pre&gt;&lt;code&gt;shell = WIN32OLE.new('Shell.Application')
shell.ShellExecute("run_app_server.bat")
&lt;/code&gt;&lt;/pre&gt;
&lt;p&gt;With the above code a window running ror server shows up. Now I also want to quit it from within the code. &lt;/p&gt;
&lt;p&gt;Thanks&lt;/p&gt;</t>
  </si>
  <si>
    <t>2012-01-24 07:30:22.120000+00:00</t>
  </si>
  <si>
    <t>2012-01-25 12:53:30.657000+00:00</t>
  </si>
  <si>
    <t>ruby|win32ole</t>
  </si>
  <si>
    <t>How do I increase the size of the default circle that surrounds the current location in Google Maps?</t>
  </si>
  <si>
    <t>&lt;p&gt;Google Maps has a default blue circle that surrounds the dot of the current location. I wish to alter this dynamically i.e. make it bigger or smaller. How can I do this? Is there a built in method to manipulate this or do I have to use an overlay or something? &lt;/p&gt;
&lt;p&gt;Circle on Google Maps:&lt;/p&gt;
&lt;p&gt;&lt;img src="https://i.stack.imgur.com/K7s0p.png" alt="enter image description here"&gt;&lt;/p&gt;</t>
  </si>
  <si>
    <t>2013-03-16 21:01:44.583000+00:00</t>
  </si>
  <si>
    <t>2014-07-15 20:13:41.017000+00:00</t>
  </si>
  <si>
    <t>android|google-maps-android-api-2|circle</t>
  </si>
  <si>
    <t>append to collabsible content after the header?</t>
  </si>
  <si>
    <t>&lt;p&gt;i am running into problem, concerning append. i ve a dynacmic collabsible, which i fill with a dynamic list. i want to append this list after the header h3 of the collabsible.
when i append it to the collabsible, it does not appear in the &lt;/p&gt;
&lt;pre&gt;&lt;code&gt;&amp;lt;div class="ui-collapsible-content ui-collapsible-content-collapsed"&amp;gt; &amp;lt;/div&amp;gt;
&lt;/code&gt;&lt;/pre&gt;
&lt;p&gt;but after. therefor i get a space between the content header and the list, which i want to avoid.
i tried this: &lt;/p&gt;
&lt;pre&gt;&lt;code&gt;$('some-selector &amp;gt; ui-collapsible-content ui-collapsible-content-collapsed') but it does not work.
&lt;/code&gt;&lt;/pre&gt;
&lt;p&gt;any hints?    &lt;/p&gt;</t>
  </si>
  <si>
    <t>2012-08-22 13:42:50.583000+00:00</t>
  </si>
  <si>
    <t>2012-08-22 13:47:08.753000+00:00</t>
  </si>
  <si>
    <t>jquery-mobile|jquery-selectors</t>
  </si>
  <si>
    <t>join tables and SUM columns for each distinct row with some rows are considered as column</t>
  </si>
  <si>
    <t>&lt;p&gt;I have two tables as&lt;/p&gt;
&lt;p&gt;&lt;em&gt;&lt;strong&gt;table1&lt;/em&gt;&lt;/strong&gt;&lt;/p&gt;
&lt;pre&gt;&lt;code&gt;id1  | total_amount| final_amount| p_id
---------------------------------------
1    |  500        |    505      |  10
2    |  700        |    710      |  20
3    |  400        |    400      |  10
4    |  450        |    460      |  20
5    |  300        |    300      |  10
&lt;/code&gt;&lt;/pre&gt;
&lt;p&gt;&lt;em&gt;&lt;strong&gt;table2&lt;/em&gt;&lt;/strong&gt;&lt;/p&gt;
&lt;pre&gt;&lt;code&gt;id2    | month  | amount | id1
------------------------------
1      |  jan   |  300   |  1
2      |  feb   |  200   |  1
3      |  jan   |  200   |  2
4      |  feb   |  500   |  2
5      |  feb   |  400   |  3
6      |  jan   |  150   |  4
7      |  feb   |  300   |  4
8      |  jan   |  300   |  5
&lt;/code&gt;&lt;/pre&gt;
&lt;p&gt;here tatal_amount column value is sum(amount) by condition as id1
while final_amount is getting from total_amount+(some dummy value)&lt;/p&gt;
&lt;p&gt;so result getting from those table is as below..&lt;/p&gt;
&lt;pre&gt;&lt;code&gt;id3 | p_id  | jan | feb | total
-------------------------------
1   |  10   | 600 | 600 | 1205
2   |  20   | 350 | 800 | 1170
&lt;/code&gt;&lt;/pre&gt;
&lt;p&gt;here value in jan,feb columns is sum of amount in table2 while value in total column is sum of final_amount in table1 and those all is group by p_id
so what is a query for above output.
if you known then please reply...... &lt;/p&gt;</t>
  </si>
  <si>
    <t>2010-12-30 12:20:23.460000+00:00</t>
  </si>
  <si>
    <t>2012-09-02 06:19:10.837000+00:00</t>
  </si>
  <si>
    <t>yanking by line number in vim</t>
  </si>
  <si>
    <t>&lt;p&gt;I have a file and I want to do the following.&lt;/p&gt;
&lt;pre&gt;&lt;code&gt;- copy every n lines starting from m (m,m+n,m+2n, ...)
- copy line number 2, 5, 27, ... by specifying line numbers.
&lt;/code&gt;&lt;/pre&gt;
&lt;p&gt;THanks&lt;/p&gt;</t>
  </si>
  <si>
    <t>2013-07-08 10:12:39.387000+00:00</t>
  </si>
  <si>
    <t>2013-07-08 18:49:03.910000+00:00</t>
  </si>
  <si>
    <t>vim|yank</t>
  </si>
  <si>
    <t>FlexSlider - Execute "next" action</t>
  </si>
  <si>
    <t>&lt;p&gt;I'm currently developing a responsive website using flexslider. The address of the test version is here:
&lt;a href="http://residentsecurity.daniel-lucas.com/" rel="nofollow"&gt;http://residentsecurity.daniel-lucas.com/&lt;/a&gt;&lt;/p&gt;
&lt;p&gt;When the site shrinks down to tablet / mobile version an icon appears showing the user that by sliding their finger on the slider they can go to the next/previous image.&lt;/p&gt;
&lt;p&gt;I've tried turning this icon into a link so that if the user clicks on it, it will go to the next slide.&lt;/p&gt;
&lt;p&gt;I thought that by inserting&lt;/p&gt;
&lt;pre&gt;&lt;code&gt;&amp;lt;a href="#" class="flex-next"&amp;gt;Next&amp;lt;/a&amp;gt;
&lt;/code&gt;&lt;/pre&gt;
&lt;p&gt;the script for flexslider would use the link to go to the next slide but it's not working.&lt;/p&gt;
&lt;p&gt;Does anyone know how to turn make this link work with flexslider?&lt;/p&gt;
&lt;p&gt;Thanks in advance&lt;/p&gt;</t>
  </si>
  <si>
    <t>2013-06-08 14:31:12.900000+00:00</t>
  </si>
  <si>
    <t>2013-06-17 09:15:05.730000+00:00</t>
  </si>
  <si>
    <t>javascript|html|flexslider</t>
  </si>
  <si>
    <t>Parse Clouod Code Check If Date Is Today</t>
  </si>
  <si>
    <t>&lt;p&gt;In my app i want a feature where the user can update their status but i want them to only be able to update it once every 24 hours. Basically i want to take the updatedAt field from parse and check if the change was today in Cloud Code. &lt;/p&gt;
&lt;p&gt;I am not very familiar with javascript but her's what i've tried:
&lt;a href="https://www.parse.com/questions/compare-date-and-createdat-to-figure-out-the-difference-in-days" rel="nofollow noreferrer"&gt;https://www.parse.com/questions/compare-date-and-createdat-to-figure-out-the-difference-in-days&lt;/a&gt;
&lt;a href="https://stackoverflow.com/questions/24630244/how-to-compare-2-date-fields-in-parse-cloud"&gt;How to compare 2 Date fields in Parse Cloud?&lt;/a&gt;&lt;/p&gt;
&lt;p&gt;I couldn't get to a solution that would basically tell me (beforeSave) if the date is today and allow the user to save/update the field if it isn't.&lt;/p&gt;
&lt;p&gt;An example of what i want is WhatsApp that only allowed changing the last seen status on/off once every 24 hours. Also Viber has this feature.&lt;/p&gt;
&lt;p&gt;Thanks.&lt;/p&gt;</t>
  </si>
  <si>
    <t>2015-11-29 10:24:12.983000+00:00</t>
  </si>
  <si>
    <t>2015-11-29 10:28:34.140000+00:00</t>
  </si>
  <si>
    <t>2017-05-23 12:15:10.500000+00:00</t>
  </si>
  <si>
    <t>javascript|swift|parse.com</t>
  </si>
  <si>
    <t>file_get_contents work with direct typed url and not with automatically obtained url</t>
  </si>
  <si>
    <t>&lt;p&gt;I have a strange situation with &lt;strong&gt;file_get_contents&lt;/strong&gt;.
A webservice returns me an &lt;strong&gt;url&lt;/strong&gt;, so with that &lt;strong&gt;url&lt;/strong&gt; I use &lt;strong&gt;file_get_contents&lt;/strong&gt;() to get the content of the file from that url.&lt;/p&gt;
&lt;p&gt;something like:&lt;/p&gt;
&lt;pre&gt;&lt;code&gt;$url = $result_from_webservice-&amp;gt;url;
if( file_get_contents( $url ) ){
    echo 'ok';
}
else{
    echo 'error';
}
&lt;/code&gt;&lt;/pre&gt;
&lt;p&gt;the result of that pice of code whas "&lt;strong&gt;error&lt;/strong&gt;".&lt;/p&gt;
&lt;p&gt;so I have tried to set &lt;strong&gt;$url&lt;/strong&gt; var directly. I have display the url result&lt;/p&gt;
&lt;pre&gt;&lt;code&gt;echo $result_from_webservice-&amp;gt;url;
&lt;/code&gt;&lt;/pre&gt;
&lt;p&gt;from witch I have obtained the url like:
    &lt;a href="https://site.com/page.php?foo1=bar1&amp;amp;foo2=bar2" rel="nofollow"&gt;https://site.com/page.php?foo1=bar1&amp;amp;foo2=bar2&lt;/a&gt;&lt;/p&gt;
&lt;p&gt;and then I used the direct result like:&lt;/p&gt;
&lt;pre&gt;&lt;code&gt;$url = 'https://site.com/page.php?foo1=bar1&amp;amp;foo2=bar2';
&lt;/code&gt;&lt;/pre&gt;
&lt;p&gt;and surprise.. that worked (result = "ok").&lt;/p&gt;
&lt;p&gt;then I tried to apply urldecode, thinking that my smart browser has tried to smooth the page content.&lt;/p&gt;
&lt;pre&gt;&lt;code&gt;$url = $result_from_webservice-&amp;gt;url;
    $url = urldecode( $url );
&lt;/code&gt;&lt;/pre&gt;
&lt;p&gt;but no success.&lt;/p&gt;
&lt;p&gt;I have allowed php to print all errors and no errors, no warnings, no notice.&lt;/p&gt;
&lt;p&gt;Do someone has an idea about what happens here and how can I solve it?&lt;/p&gt;</t>
  </si>
  <si>
    <t>2012-07-26 07:57:50.223000+00:00</t>
  </si>
  <si>
    <t>2012-07-26 08:20:07.107000+00:00</t>
  </si>
  <si>
    <t>url|static|file-get-contents</t>
  </si>
  <si>
    <t>MASM615 Procedure Re-Write not working (Want to add "USES" Directive)</t>
  </si>
  <si>
    <t>&lt;p&gt;I want to rewrite a procedure given to me in MASM615. I simply intend to use the "USES" directive so that i dont have to do all the pushes and pops to and from stack. This would clearly change some of the addresses referenced in the procedure, as they refer to the stack pointer (esp). I thought i implemented it properly, but the program hangs on me. The procedure is supposed to output a string that is written directly in the code stream, then skip over the string so that the CPU doesn't give error for trying to execute the string as code. below is the procedure i was GIVEN:&lt;/p&gt;
&lt;pre&gt;&lt;code&gt;WritePrompt PROC
push ebp
mov ebp, esp           ; set up the ebp pointer
push esi               ; save used reg
push eax               ; save used reg
mov esi, [ebp+4]       ; use ret.addr. as string pointer 
L1:  cmp BYTE PTR [esi], 0  ; check for the end of string
jz L2                  ; jump if the string is over
mov al, [esi]          ; get the next string character
call WriteChar         ; ... and output it
inc esi                ; increment the string pointer
jmp L1
L2:  inc esi                ; adjust the string pointer
mov [ebp+4], esi       ; modify the return address
pop eax                ; restore all used regs and exit
pop esi
pop ebp
ret
WritePrompt ENDP
&lt;/code&gt;&lt;/pre&gt;
&lt;p&gt;That was what i was given, and below is my simplified re-write, using the USES directive to skip stack pushes and pops:&lt;/p&gt;
&lt;pre&gt;&lt;code&gt;outStr PROC USES eax ebp esi
mov ebp, esp
mov esi, [ebp]
L1:
cmp BYTE PTR [esi], 0
jz L2
mov al, [esi]
call WriteChar
inc esi
jmp L1
L2:
inc esi
mov [ebp], esi
ret
outStr ENDP
&lt;/code&gt;&lt;/pre&gt;
&lt;p&gt;This procedure, when called, causes the program to hang. Why? what's wrong with it? I feel like i accounted for any changes that pushing and popping would have made.&lt;/p&gt;
&lt;p&gt;Edit: after adding "call dumpregs" a few places for debugging, ive found that the line that crashes the program is "cmp BYTE PTR [esi], 0", which makes me think i havent gotten the pointer to the string properly from stack. using "mov esi, [ebp + 4]" seems to at least get me farther, but then it jumps to L2 right away.&lt;/p&gt;
&lt;p&gt;Edit2:&lt;/p&gt;
&lt;p&gt;I found the problem. It seems the documentation i am using is VERY unclear about what the USES directive does. It pushes all the "Used" registers to stack, and pops them after, just like would be done without the USES directive. Therefore, the commands i needed to use were:&lt;/p&gt;
&lt;pre&gt;&lt;code&gt;mov ebp, esp
add ebp, 12
mov esi, [ebp]
&lt;/code&gt;&lt;/pre&gt;
&lt;p&gt;Since i cant even answer my own questions yet, i guess i have to put it here. This question is closed. Thanks anyway!&lt;/p&gt;</t>
  </si>
  <si>
    <t>2013-07-25 19:13:36.957000+00:00</t>
  </si>
  <si>
    <t>2017-07-29 12:39:59.380000+00:00</t>
  </si>
  <si>
    <t>assembly</t>
  </si>
  <si>
    <t>ConvexHull orders differently in matlab and python</t>
  </si>
  <si>
    <t>&lt;p&gt;I have this problem: I need to use in my Python code the &lt;code&gt;ConvexHull&lt;/code&gt; function and I need it to work exactly the same way as the &lt;code&gt;ConvHulln&lt;/code&gt; in MATLAB, but they give different results. This is an example (I'm using the &lt;code&gt;scipy.spatial.ConvexHull&lt;/code&gt; but I've tried with the &lt;code&gt;cv2.convexHull&lt;/code&gt; and with the Python &lt;a href="https://pypi.python.org/pypi/pyhull" rel="nofollow"&gt;&lt;code&gt;ConvexHull&lt;/code&gt;&lt;/a&gt; too and they don't give the correct result. &lt;/p&gt;
&lt;p&gt;The MATLAB command used is: &lt;code&gt;k = convhulln([r, c]);&lt;/code&gt; and the Python command used &lt;code&gt;k = ConvexHull(rc,qhull_options='Qt').simplices&lt;/code&gt; &lt;/p&gt;
&lt;p&gt;The results obtained are different: &lt;/p&gt;
&lt;p&gt;MATLAB: &lt;/p&gt;
&lt;pre&gt;&lt;code&gt;k= 
[[104 1] [1 8] [8 17] [17 103] [103 125] [125 136] [136 162] [162 166] [166 167] [167 163] [163 104]]
&lt;/code&gt;&lt;/pre&gt;
&lt;p&gt;Python:&lt;/p&gt;
&lt;pre&gt;&lt;code&gt;k=[[ 16 102][103   0][  7   0][  7  16][162 166][162 103][124 102][124 135][161 135][165 166][165 161]]
&lt;/code&gt;&lt;/pre&gt;
&lt;p&gt;The results are right (in Python the index is MATLAB-1), but the order is different. Does anyone have a solution for that? I need Python's order to be the same as MATLAB's order.&lt;/p&gt;</t>
  </si>
  <si>
    <t>2015-11-09 17:58:21.443000+00:00</t>
  </si>
  <si>
    <t>2015-11-09 18:53:09.950000+00:00</t>
  </si>
  <si>
    <t>python|matlab|convex-hull</t>
  </si>
  <si>
    <t>Wampserver: Error after upgrading to php5.5 - Entry Point Not found</t>
  </si>
  <si>
    <t>&lt;p&gt;I have this error - Entry Point Not Found - after upgrading my wampserver's php to 5.5.8&lt;/p&gt;
&lt;p&gt;Did anyone know what it mean? What I have mis-configured and how I can to fix it?&lt;/p&gt;
&lt;p&gt;&lt;img src="https://i.stack.imgur.com/JyczR.jpg" alt="enter image description here"&gt;&lt;/p&gt;</t>
  </si>
  <si>
    <t>2014-01-22 12:18:52.947000+00:00</t>
  </si>
  <si>
    <t>2014-05-04 08:06:15.427000+00:00</t>
  </si>
  <si>
    <t>php|wampserver</t>
  </si>
  <si>
    <t>Creating a file uploading system in Django</t>
  </si>
  <si>
    <t>&lt;p&gt;In my &lt;code&gt;Django&lt;/code&gt; application I intend to create a file uploading system which puts the user uploaded files in a &lt;code&gt;data&lt;/code&gt; folder. In order to do this I followed online tutorials &lt;a href="https://simpleisbetterthancomplex.com/tutorial/2016/08/01/how-to-upload-files-with-django.html" rel="nofollow noreferrer"&gt;Link 1&lt;/a&gt; &lt;a href="http://nemesisdesign.net/blog/coding/django-private-file-upload-and-serving/" rel="nofollow noreferrer"&gt;Link 2&lt;/a&gt; and coded a below simple application. But it is producing error&lt;/p&gt;
&lt;blockquote&gt;
  &lt;p&gt;PermissionError: [Errno 13] Permission denied: '/data'&lt;/p&gt;
&lt;/blockquote&gt;
&lt;p&gt;&lt;strong&gt;Project Structure&lt;/strong&gt;&lt;/p&gt;
&lt;pre&gt;&lt;code&gt;&amp;lt;project_name&amp;gt;
|--data
|--&amp;lt;app_name&amp;gt;
|--&amp;lt;project_name&amp;gt;
|--manage.py
&lt;/code&gt;&lt;/pre&gt;
&lt;p&gt;&lt;strong&gt;index.html&lt;/strong&gt;&lt;/p&gt;
&lt;pre&gt;&lt;code&gt;&amp;lt;div class="custom-file"&amp;gt;
&amp;lt;input type="file" class="custom-file-input" id="fileupload" name="fileupload" multiple required&amp;gt;
&amp;lt;label class="custom-file-label" for="fileupload"&amp;gt;Choose files&amp;lt;/label&amp;gt;
&amp;lt;/div&amp;gt;
&lt;/code&gt;&lt;/pre&gt;
&lt;p&gt;&lt;strong&gt;view.py&lt;/strong&gt;&lt;/p&gt;
&lt;pre&gt;&lt;code&gt;from django.core.files.storage import FileSystemStorage
from django.views.decorators.csrf import csrf_exempt
@csrf_exempt
def upload(request):
    files = request.FILES.getlist('fileupload')
    fs = FileSystemStorage(location="/data/upload/")
    for fl in files:
        fs.save(fl.name, fl)
&lt;/code&gt;&lt;/pre&gt;
&lt;p&gt;&lt;strong&gt;settings.py&lt;/strong&gt;&lt;/p&gt;
&lt;pre&gt;&lt;code&gt;MEDIA_URL = '/media/'
MEDIA_ROOT = os.path.join(BASE_DIR, 'data')
&lt;/code&gt;&lt;/pre&gt;</t>
  </si>
  <si>
    <t>2018-02-25 18:48:10.703000+00:00</t>
  </si>
  <si>
    <t>2018-02-25 22:15:34.867000+00:00</t>
  </si>
  <si>
    <t>django|python-3.x|file-upload</t>
  </si>
  <si>
    <t>Maven jaxws plugin - skip execution</t>
  </si>
  <si>
    <t>&lt;p&gt;I'm using the JAX-WS maven plugin (org.jvnet.jax-ws-commons:jaxws-maven-plugin version 2.2) to generate classes from a bunch of WSDL files in my project, and as the WSDLs never really change I would like to disable this code generation by default, and only enable it for a particular maven profile I've created. The  element of this plugin supports a  element, but setting this to true seems to do nothing. Am I doing something wrong here? Or is this a known bug, and is there something else I could do to avoid this code generation?&lt;/p&gt;
&lt;p&gt;My plugin configuration looks like this:&lt;/p&gt;
&lt;pre&gt;&lt;code&gt; &amp;lt;plugin&amp;gt;
    &amp;lt;groupId&amp;gt;org.jvnet.jax-ws-commons&amp;lt;/groupId&amp;gt;
    &amp;lt;artifactId&amp;gt;jaxws-maven-plugin&amp;lt;/artifactId&amp;gt;
    &amp;lt;version&amp;gt;2.2&amp;lt;/version&amp;gt;
    &amp;lt;executions&amp;gt;
      &amp;lt;execution&amp;gt;
        &amp;lt;id&amp;gt;import-wsdld&amp;lt;/id&amp;gt;
        &amp;lt;phase&amp;gt;generate-sources&amp;lt;/phase&amp;gt;
        &amp;lt;goals&amp;gt;
          &amp;lt;goal&amp;gt;wsimport&amp;lt;/goal&amp;gt;
        &amp;lt;/goals&amp;gt;
        &amp;lt;configuration&amp;gt;
          &amp;lt;wsdlFiles&amp;gt;
            &amp;lt;wsdlFile&amp;gt;MyWSDL.wsdl&amp;lt;/wsdlFile&amp;gt;
          &amp;lt;/wsdlFiles&amp;gt;
        &amp;lt;/configuration&amp;gt;
      &amp;lt;/execution&amp;gt;
    &amp;lt;/executions&amp;gt;
    &amp;lt;configuration&amp;gt;
      &amp;lt;skip&amp;gt;true&amp;lt;/skip&amp;gt;
      &amp;lt;packageName&amp;gt;com.my.package&amp;lt;/packageName&amp;gt;
      &amp;lt;wsdlDirectory&amp;gt;src/main/resources/wsdl&amp;lt;/wsdlDirectory&amp;gt;
      &amp;lt;keep&amp;gt;true&amp;lt;/keep&amp;gt;
      &amp;lt;xnocompile&amp;gt;true&amp;lt;/xnocompile&amp;gt;
      &amp;lt;sourceDestDir&amp;gt;src/main/java&amp;lt;/sourceDestDir&amp;gt;
      &amp;lt;verbose&amp;gt;false&amp;lt;/verbose&amp;gt;
    &amp;lt;/configuration&amp;gt;
    &amp;lt;!-- Necessary to revert back to 2.1.7 --&amp;gt;
    &amp;lt;dependencies&amp;gt;
      &amp;lt;dependency&amp;gt;
        &amp;lt;groupId&amp;gt;com.sun.xml.ws&amp;lt;/groupId&amp;gt;
        &amp;lt;artifactId&amp;gt;jaxws-tools&amp;lt;/artifactId&amp;gt;
        &amp;lt;version&amp;gt;2.1.7&amp;lt;/version&amp;gt;
        &amp;lt;exclusions&amp;gt;
          &amp;lt;exclusion&amp;gt;
            &amp;lt;groupId&amp;gt;org.jvnet.staxex&amp;lt;/groupId&amp;gt;
            &amp;lt;artifactId&amp;gt;stax-ex&amp;lt;/artifactId&amp;gt;
          &amp;lt;/exclusion&amp;gt;
        &amp;lt;/exclusions&amp;gt;
      &amp;lt;/dependency&amp;gt;
      &amp;lt;dependency&amp;gt;
        &amp;lt;groupId&amp;gt;org.jvnet.staxex&amp;lt;/groupId&amp;gt;
        &amp;lt;artifactId&amp;gt;stax-ex&amp;lt;/artifactId&amp;gt;
        &amp;lt;version&amp;gt;1.2&amp;lt;/version&amp;gt;
        &amp;lt;exclusions&amp;gt;
          &amp;lt;exclusion&amp;gt;
            &amp;lt;groupId&amp;gt;javax.xml.stream&amp;lt;/groupId&amp;gt;
            &amp;lt;artifactId&amp;gt;stax-api&amp;lt;/artifactId&amp;gt;
          &amp;lt;/exclusion&amp;gt;
        &amp;lt;/exclusions&amp;gt;
      &amp;lt;/dependency&amp;gt;
    &amp;lt;/dependencies&amp;gt;
  &amp;lt;/plugin&amp;gt;
&lt;/code&gt;&lt;/pre&gt;
&lt;p&gt;Many thanks,&lt;/p&gt;
&lt;p&gt;Joseph.&lt;/p&gt;</t>
  </si>
  <si>
    <t>2012-06-29 05:46:10.087000+00:00</t>
  </si>
  <si>
    <t>2016-02-03 08:05:45.780000+00:00</t>
  </si>
  <si>
    <t>java|maven|jax-ws|maven-3</t>
  </si>
  <si>
    <t>jQuery url is not swapped around on a web server</t>
  </si>
  <si>
    <t>&lt;p&gt;Okay so here's the problem.&lt;/p&gt;
&lt;pre&gt;&lt;code&gt;&amp;lt;a&amp;gt;
&lt;/code&gt;&lt;/pre&gt;
&lt;p&gt;Tag on the website has a href of &lt;/p&gt;
&lt;pre&gt;&lt;code&gt;/news-features/8/news-headlines/103818/these-pupils-deserve-better
&lt;/code&gt;&lt;/pre&gt;
&lt;p&gt;and of course the domain in the beginning let's say it is:&lt;/p&gt;
&lt;p&gt;&lt;a href="http://www.webserver.com/" rel="nofollow noreferrer"&gt;http://www.webserver.com/&lt;/a&gt;&lt;/p&gt;
&lt;p&gt;Therefore the whole link is&lt;/p&gt;
&lt;p&gt;&lt;a href="http://www.webserver.com/news-features/8/news-headlines/103818/these-pupils-deserve-better" rel="nofollow noreferrer"&gt;http://www.webserver.com/news-features/8/news-headlines/103818/these-pupils-deserve-better&lt;/a&gt;&lt;/p&gt;
&lt;p&gt;However, it should be:&lt;/p&gt;
&lt;p&gt;&lt;a href="http://www.oldham-chronicle.co.uk/news-features/8/news-headlines/103818/these-pupils-deserve-better" rel="nofollow noreferrer"&gt;http://www.oldham-chronicle.co.uk/news-features/8/news-headlines/103818/these-pupils-deserve-better&lt;/a&gt;&lt;/p&gt;
&lt;p&gt;So it is linked to the website information is taken from.&lt;/p&gt;
&lt;p&gt;My JQuery function is&lt;/p&gt;
&lt;pre&gt;&lt;code&gt;var base = "http://www.oldham-chronicle.co.uk/";
$('a').each(function(index, element) {
  element.href = element.href.replace("http://dev.liveoldham.com/", base);
});
&lt;/code&gt;&lt;/pre&gt;
&lt;p&gt;Which locally works fine as it gives me the correct link however the same code on a webserver gives me:&lt;/p&gt;
&lt;p&gt;/news-features/8/news-headlines/103818/these-pupils-deserve-better
&lt;a href="https://i.stack.imgur.com/kMsYj.jpg" rel="nofollow noreferrer"&gt;&lt;img src="https://i.stack.imgur.com/kMsYj.jpg" alt="enter image description here"&gt;&lt;/a&gt;&lt;/p&gt;
&lt;p&gt;Now I am not sure what is the fault, is it the .htaccess and it's rewrite rule or is it something else?&lt;/p&gt;</t>
  </si>
  <si>
    <t>2017-06-01 11:41:35.640000+00:00</t>
  </si>
  <si>
    <t>javascript|jquery|laravel|laravel-5</t>
  </si>
  <si>
    <t>SSRS Display One-To-Many Relationship</t>
  </si>
  <si>
    <t>&lt;p&gt;I have just begun using SSRS, and I was able to display records in a table page by page using a tablix. &lt;/p&gt;
&lt;p&gt;The next step is to display a one to many relationship on the following page. For example, first page, customers data, second page, all notes for the given customer. &lt;/p&gt;
&lt;p&gt;Sorry, I am sure this is a common question but I couldn't find any questions where the author had this exact goal, though I imagine this is a common and basic thing to do with SSRS&lt;/p&gt;
&lt;p&gt;Using Joins seems to cause either duplicate customer data pages with one note per page or it causes the notes to appear after all customer data pages. So I'm guessing I'll have to use a second dataset somehow&lt;/p&gt;</t>
  </si>
  <si>
    <t>2018-04-15 22:19:34.557000+00:00</t>
  </si>
  <si>
    <t>sql|sql-server|reporting-services|reporting</t>
  </si>
  <si>
    <t>global scope vs file scope</t>
  </si>
  <si>
    <t>&lt;p&gt;What is right to say about global variable:&lt;/p&gt;
&lt;p&gt;If it is declared without &lt;code&gt;static&lt;/code&gt; keyword:&lt;/p&gt;
&lt;ol&gt;
&lt;li&gt;It has &lt;code&gt;file scope&lt;/code&gt; and &lt;code&gt;external linkage&lt;/code&gt; OR&lt;/li&gt;
&lt;li&gt;It has &lt;code&gt;program scope&lt;/code&gt; and is visible to all files in the program&lt;/li&gt;
&lt;/ol&gt;
&lt;p&gt;If it is declared with &lt;code&gt;static&lt;/code&gt; keyword:&lt;/p&gt;
&lt;ol&gt;
&lt;li&gt;It has &lt;code&gt;global scope&lt;/code&gt; and &lt;code&gt;internal linkage&lt;/code&gt; OR&lt;/li&gt;
&lt;li&gt;It has &lt;code&gt;file scope&lt;/code&gt; and &lt;code&gt;internal linkage&lt;/code&gt;&lt;/li&gt;
&lt;/ol&gt;
&lt;p&gt;And how is global namespace scope related to this?&lt;/p&gt;
&lt;p&gt;This notions are really confusing altough i think I understand how it works, but at different places they call it in different ways so i don't know which is right.&lt;/p&gt;</t>
  </si>
  <si>
    <t>2014-01-30 00:21:31.610000+00:00</t>
  </si>
  <si>
    <t>2014-01-30 00:35:45.880000+00:00</t>
  </si>
  <si>
    <t>c++|scope|global-variables</t>
  </si>
  <si>
    <t>Is there a way to restrict the search within certain bounds in Google Maps API (latitude &amp; longitud)</t>
  </si>
  <si>
    <t>&lt;p&gt;I'm trying to restrict a search results. I cannot use this method's class (google.maps.places.SearchBox)&lt;/p&gt;
&lt;pre&gt;&lt;code&gt;setBounds(bounds:LatLngBounds|LatLngBoundsLiteral)
&lt;/code&gt;&lt;/pre&gt;
&lt;p&gt;Because the results are not restricted to the bounds, but prioritized.&lt;/p&gt;</t>
  </si>
  <si>
    <t>2017-06-27 15:11:39.300000+00:00</t>
  </si>
  <si>
    <t>2018-11-22 07:55:27.557000+00:00</t>
  </si>
  <si>
    <t>google-maps|google-maps-api-3|google-api</t>
  </si>
  <si>
    <t>Hadoop - How to switch from implementing the writable interface to use an Avro object?</t>
  </si>
  <si>
    <t>&lt;p&gt;I���m using Hadoop to convert JSONs into CSV files to access them with Hive.&lt;/p&gt;
&lt;p&gt;At the moment the Mapper is filling an own data structure parsing the JSONs with JSON-Smart. Then the reducer is reading out that object and is writing it to a file, separated by commas.
For making this faster I already implemented the writable interface in the data structure...&lt;/p&gt;
&lt;p&gt;Now I want to use Avro for the data structure object to have more flexibility and performance. How could I change my classes to make them exchange an Avro object instead of a writable?&lt;/p&gt;</t>
  </si>
  <si>
    <t>2013-02-11 16:11:21.880000+00:00</t>
  </si>
  <si>
    <t>2014-10-17 07:27:16.850000+00:00</t>
  </si>
  <si>
    <t>hadoop|mapreduce|avro|writable</t>
  </si>
  <si>
    <t>pro's and cons of MEF vs Portable Areas via MvcContrib for collaborative programming</t>
  </si>
  <si>
    <t>&lt;p&gt;I've been looking into MEF and Portable areas and the pro's and cons of using these in a collaborative programming environment.&lt;/p&gt;
&lt;p&gt;I've found the following article&lt;/p&gt;
&lt;p&gt;&lt;a href="http://www.thegecko.org/index.php/2010/06/pluggable-mvc-2-0-using-mef-and-strongly-typed-views/" rel="nofollow noreferrer"&gt;http://www.thegecko.org/index.php/2010/06/pluggable-mvc-2-0-using-mef-and-strongly-typed-views/&lt;/a&gt;&lt;/p&gt;
&lt;p&gt;which states &lt;/p&gt;
&lt;blockquote&gt;
  &lt;p&gt;MEF was chosen over other solutions
  such as Portable Areas as it allows
  all plugins to be composed together as
  a single site at runtime without the
  assemblies needing to reference each
  other.&lt;/p&gt;
&lt;/blockquote&gt;
&lt;p&gt;I haven't found any real in depth comparisons between the two technologies, although I did find the following question which didn't have any answers.&lt;/p&gt;
&lt;p&gt;&lt;a href="http://mef.codeplex.com/Thread/View.aspx?ThreadId=210370" rel="nofollow noreferrer"&gt;http://mef.codeplex.com/Thread/View.aspx?ThreadId=210370&lt;/a&gt;&lt;/p&gt;
&lt;p&gt;Have spent a while searching, does anyone have any experience with these two technologies and/or insight into situations where one would be preferable over the other?&lt;/p&gt;</t>
  </si>
  <si>
    <t>2010-08-24 14:37:39.117000+00:00</t>
  </si>
  <si>
    <t>2013-04-06 17:07:01.220000+00:00</t>
  </si>
  <si>
    <t>asp.net-mvc|mef|mvccontrib</t>
  </si>
  <si>
    <t>WPF options classic theme</t>
  </si>
  <si>
    <t>&lt;p&gt;I have the following resources XML in my grid:&lt;/p&gt;
&lt;pre&gt;&lt;code&gt;&amp;lt;Grid.Resources&amp;gt;
    &amp;lt;ResourceDictionary&amp;gt;
        &amp;lt;ResourceDictionary.MergedDictionaries&amp;gt;
            &amp;lt;ResourceDictionary Source="/PresentationFramework.Classic;component/themes/classic.xaml" /&amp;gt;
        &amp;lt;/ResourceDictionary.MergedDictionaries&amp;gt;
    &amp;lt;/ResourceDictionary&amp;gt;
&amp;lt;/Grid.Resources&amp;gt;
&lt;/code&gt;&lt;/pre&gt;
&lt;p&gt;And this works, I load in the classic theme. But the classic theme button backgrounds are very white? Is there any way I can change the default background color of buttons in this theme?&lt;/p&gt;</t>
  </si>
  <si>
    <t>2012-10-31 10:50:46.590000+00:00</t>
  </si>
  <si>
    <t>2012-10-31 11:47:46.103000+00:00</t>
  </si>
  <si>
    <t>c#|wpf|themes</t>
  </si>
  <si>
    <t>WebSecurity SimpleMembershipProvider not working together?</t>
  </si>
  <si>
    <t>&lt;p&gt;Getting a bit disappointed with all the weird exception I keep running into while working with WebSecurity. Also the poor integration with OAuth doesn't make it look prettier. Considering to drop the concept and write the whole user management manually...&lt;/p&gt;
&lt;p&gt;Anyway, I am using WebSecurity to administer users and passwords. Now I try to implement the part where accounts can be deleted. Weirdly enough this method is not on the static class WebSecurity. Apparently I need to delete accounts via the SimpleMembershipProvider.&lt;/p&gt;
&lt;pre&gt;&lt;code&gt;var provider = new SimpleMembershipProvider();
provider.DeleteAccount(username);
&lt;/code&gt;&lt;/pre&gt;
&lt;p&gt;The deleteAccount method throws an invalidoperation exception with the following message:&lt;/p&gt;
&lt;pre&gt;&lt;code&gt;You must call the "WebSecurity.InitializeDatabaseConnection" method before you call 
any other method of the "WebSecurity" class. This call should be placed in an 
_AppStart.cshtml file in the root of your site.
&lt;/code&gt;&lt;/pre&gt;
&lt;p&gt;Well that's weird since I already have this in my _ViewStart (otherwise I wouldn't have been able to create the accounts in the first place).&lt;/p&gt;
&lt;pre&gt;&lt;code&gt;        if (!WebSecurity.Initialized)
        {
            WebSecurity.InitializeDatabaseConnection(
                "DefaultConnection",
                "Users",
                "UserId",
                "UserName",
                true);
        }
&lt;/code&gt;&lt;/pre&gt;
&lt;p&gt;What am I doing wrong this time?&lt;/p&gt;</t>
  </si>
  <si>
    <t>2012-12-30 12:40:46.990000+00:00</t>
  </si>
  <si>
    <t>2012-12-30 13:00:48.713000+00:00</t>
  </si>
  <si>
    <t>asp.net|asp.net-mvc|authentication</t>
  </si>
  <si>
    <t>tolower function of the corpus package throws an error</t>
  </si>
  <si>
    <t>&lt;p&gt;I trying to do some text mining using twitter data. I do the following:&lt;/p&gt;
&lt;pre&gt;&lt;code&gt;#connect to twitter API
setup_twitter_oauth(consumer_key, consumer_secret, access_token, access_secret)
#set radius and amount of requests
N=200  # tweets to request from each query
S=200  # radius in miles
lats=c(38.9,40.7)
lons=c(-77,-74)
roger=do.call(rbind,lapply(1:length(lats), function(i) searchTwitter('Roger+Federer',
                                                                  lang="en",n=N,resultType="recent",
                                                                  geocode=paste(lats[i],lons[i],paste0(S,"mi"),sep=","))))
&lt;/code&gt;&lt;/pre&gt;
&lt;p&gt;This all works fine but when I want to use the tolower function of the corpus package like this:&lt;/p&gt;
&lt;pre&gt;&lt;code&gt;data=as.data.frame(cbind(tweet=rogertext))
corpus=Corpus(VectorSource(data$tweet))
corpus=tm_map(corpus,tolower)
&lt;/code&gt;&lt;/pre&gt;
&lt;p&gt;It trows this error:&lt;/p&gt;
&lt;pre&gt;&lt;code&gt;&amp;gt; corpus=tm_map(corpus,tolower)
Error in FUN(X[[i]], ...) : 
invalid input 'RT @Federerism: Roger Federer reaches  5 million followers   on twitter  Love You Roger �� �������� �� ������ �� �������� �� ������ #Roger #Federer #   Federerism #Maestro https:/�������' in 'utf8towcs'
&lt;/code&gt;&lt;/pre&gt;
&lt;p&gt;Any thought on what goes wrong?&lt;/p&gt;</t>
  </si>
  <si>
    <t>2016-05-28 08:54:24.830000+00:00</t>
  </si>
  <si>
    <t>2016-05-28 11:18:11.807000+00:00</t>
  </si>
  <si>
    <t>r|text-mining|tm|corpus</t>
  </si>
  <si>
    <t>I am getting error in my method. I have implemented the method but it still showing the error</t>
  </si>
  <si>
    <t>&lt;p&gt;&lt;strong&gt;this is my Common.java. i using a list of question here.should i implement my getUserName() here? my only error is getCurrentUser().&lt;/strong&gt;&lt;/p&gt;
&lt;pre&gt;&lt;code&gt;package sonu.enigma.Common;
import java.util.ArrayList;
import java.util.List;
import sonu.enigma.Model.Question;
/**
 * Created by PAWAN on 04-10-2017.
 */
public class Common {
    public static String CategoryId;
    public static String CurrentUser;
    public static List&amp;lt;Question&amp;gt;questionList=new ArrayList&amp;lt;&amp;gt;();
}
&lt;/code&gt;&lt;/pre&gt;
&lt;p&gt;&lt;code&gt;My error is here in&lt;/code&gt;getUserName()&lt;code&gt;. I have implemented the method in other class as&lt;/code&gt;User.java` . but still its showing the error her. can anyone help me to fix it? should i write my User.java again? or is there any problem in my class? thanks in advance.&lt;/p&gt;
&lt;pre&gt;&lt;code&gt;package sonu.enigma;
import android.content.Intent;
import android.os.Bundle;
import android.support.v7.app.AppCompatActivity;
import android.view.View;
import android.widget.Button;
import android.widget.ProgressBar;
import android.widget.TextView;
import com.google.firebase.database.DatabaseReference;
import com.google.firebase.database.FirebaseDatabase;
import sonu.enigma.Common.Common;
import sonu.enigma.Model.QuestionScore;
public class Done extends AppCompatActivity {
    Button btnTryAgain;
    TextView txtResultScore, getTxtResultQuestion;
    ProgressBar progressBar;
    FirebaseDatabase database;
    DatabaseReference question_score;
    @Override
    protected void onCreate(Bundle savedInstanceState) {
        super.onCreate(savedInstanceState);
        setContentView(R.layout.activity_done);
        database = FirebaseDatabase.getInstance();
        question_score=database.getReference("Question_Score");
        txtResultScore=(TextView)findViewById(R.id.txtTotalScore);
        getTxtResultQuestion=(TextView)findViewById(R.id.txtTotalQuestion);
        progressBar=(ProgressBar)findViewById(R.id.doneProgressBar);
        btnTryAgain=(Button)findViewById(R.id.btnTryAgain);
        btnTryAgain.setOnClickListener(new View.OnClickListener() {
            @Override
            public void onClick(View v) {
                Intent intent= new Intent(Done.this, Home.class);
                startActivity(intent);
                finish();
            }
        });
        Bundle extra= getIntent().getExtras();
        if (extra!=null){
            int score=extra.getInt("SCORE");
            int totalQuestion=extra.getInt("TOTAL");
            int correctAnswer=extra.getInt("CORRECT");
            txtResultScore.setText(String.format("SCORE : %d", score));
            getTxtResultQuestion.setText(String.format("PASSED : %d / %d",correctAnswer, totalQuestion ));
            progressBar.setMax(totalQuestion);
            progressBar.setProgress(correctAnswer);
            question_score.child(String.format("%s_%s", Common.CurrentUser.getUserName(), Common.CategoryId))
                    .setValue(new QuestionScore(String.format("%s_%s", Common.CurrentUser.getUserName(), Common.CategoryId),Common.CurrentUser.getUserName(),String.valueOf(score)));
        }
    }
}
`**
`package sonu.enigma.Model;
/**
 * Created by PAWAN on 01-10-2017.
 */
public class User {
    private String userName;
    private String password;
    private String email;
    public User(){
    }
    public User(String userName, String password, String email){
        this.userName=userName;
        this.password=password;
        this.email =email;
    }
    public String getUserName() {
        return userName;
    }
    public void setUserName(String userName) {
        this.userName = userName;
    }
    public String getPassword() {
        return password;
    }
    public void setPassword(String password) {
        this.password = password;
    }
    public String getEmail() {
        return email;
    }
    public void setEmail(String email) {
        this.email = email;
    }
}
`**above is my User.java . **
&lt;/code&gt;&lt;/pre&gt;
&lt;p&gt;&lt;strong&gt;getUserName method&lt;/strong&gt; &lt;/p&gt;
&lt;p&gt;&lt;a href="https://i.stack.imgur.com/595AG.jpg" rel="nofollow noreferrer"&gt;&lt;img src="https://i.stack.imgur.com/595AG.jpg" alt="enter image description here"&gt;&lt;/a&gt;&lt;/p&gt;</t>
  </si>
  <si>
    <t>2017-10-05 05:19:58.050000+00:00</t>
  </si>
  <si>
    <t>2017-10-05 05:53:03.370000+00:00</t>
  </si>
  <si>
    <t>2017-10-05 05:32:27.810000+00:00</t>
  </si>
  <si>
    <t>Cloudaccess.com , joomla 3, my template and custom.css issue</t>
  </si>
  <si>
    <t>&lt;p&gt;Im designing a joomla website with my own template on cloudaccess.com
and im experiencing a strange issue.&lt;/p&gt;
&lt;p&gt;My template is uploaded on my server and installed in joomla. 
It even loads nicely.
I created the file custom.css inside my templates css folder to customize it even further BUT when i reload the font-end page on cloudaccess.com, the custom.css never loads although it is present in the folder. For some reason joomla doesnt read it and i dont know why because locally on my computer with xampp it loads just fine!&lt;/p&gt;
&lt;p&gt;Any idea why this bizzare problem appears?&lt;/p&gt;
&lt;p&gt;&lt;a href="http://i.stack.imgur.com/748zD.png" rel="nofollow"&gt;screenshot of the server&lt;/a&gt;&lt;/p&gt;</t>
  </si>
  <si>
    <t>2016-01-19 23:13:47.337000+00:00</t>
  </si>
  <si>
    <t>2016-01-20 09:14:24.680000+00:00</t>
  </si>
  <si>
    <t>css|templates|joomla</t>
  </si>
  <si>
    <t>Angular 1.4.14 &lt;input&gt; not show ng-model value after add item in ng-repeat</t>
  </si>
  <si>
    <t>&lt;p&gt;I have  which ng-model in ng-repeat of InvoiceLines&lt;br&gt;
+ After add new Invoice Line first, i type some character in , ng-model and input value display well, InvoiceLines has 1 line.&lt;br&gt;
+ After add new Invoice Line second, InvoiceLines has 2 line, first line  display blank but it ng-model keep old value which i typed&lt;br&gt;
Here is my html&lt;/p&gt;
&lt;pre&gt;&lt;code&gt;&amp;lt;div class="grid-row" ng-repeat="invoiceLine in EditInvoice.InvoiceLines track by $index" data-idx="{{$index + 1}}" ng-init="invoiceLine.LineNo = $index + 1 + ''"&amp;gt;
    &amp;lt;div class="data-row row sortable-handle editable-row"&amp;gt;
        &amp;lt;div class="row-index col" style="width:50px; float:left;"&amp;gt;
            {{$index + 1}} 
        &amp;lt;/div&amp;gt;
        &amp;lt;div class="col grid-static-col" style="width:150px; float:left;"&amp;gt;
            &amp;lt;div class="form-group"&amp;gt;
                &amp;lt;select class="form-control item-code" name="ItemCode[]" id="ItemCode_{{$index + 1}}" ng-model="invoiceLine.ItemCode"&amp;gt;
                    &amp;lt;option value=""&amp;gt;--Select --&amp;lt;/option&amp;gt;
                &amp;lt;/select&amp;gt;
            &amp;lt;/div&amp;gt;
        &amp;lt;/div&amp;gt;
        &amp;lt;div class="col grid-static-col" style="width:300px; float:left;"&amp;gt;
            &amp;lt;div class="form-group"&amp;gt;
                &amp;lt;input type="text" class="form-control" name="Description[]" id="Description_{{$index + 1}}" ng-model="invoiceLine.Description" /&amp;gt;
            &amp;lt;/div&amp;gt;
        &amp;lt;/div&amp;gt;
    &amp;lt;/div&amp;gt;
&amp;lt;/div&amp;gt;  
&lt;/code&gt;&lt;/pre&gt;
&lt;p&gt;Here is my addLine function  &lt;/p&gt;
&lt;pre&gt;&lt;code&gt;$scope.addLine = function() {
            var _invoiceLine = $scope.createInvoiceLineObject();
            $scope.EditInvoice.InvoiceLines.push(_invoiceLine);
        };
&lt;/code&gt;&lt;/pre&gt;
&lt;p&gt;If i use &lt;/p&gt;
&lt;pre&gt;&lt;code&gt;&amp;lt;input type="text" class="form-control" name="Description[]" id="Description_{{$index + 1}}" ng-model="invoiceLine.Description" ng-value="invoiceLine.Description"/&amp;gt;
&lt;/code&gt;&lt;/pre&gt;
&lt;p&gt; of first line will keep old value which i typed after call function addLine&lt;/p&gt;
&lt;p&gt;&lt;strong&gt;Update&lt;/strong&gt;&lt;br&gt;
Here is error if use ng-model only&lt;br&gt;
&lt;a href="https://i.stack.imgur.com/Cv1KM.gif" rel="nofollow noreferrer"&gt;&lt;img src="https://i.stack.imgur.com/Cv1KM.gif" alt="Here is error if use ng-model only"&gt;&lt;/a&gt;&lt;/p&gt;
&lt;p&gt;It will be ok if use ng-model with ng-value&lt;br&gt;
&lt;a href="https://i.stack.imgur.com/QXLNL.gif" rel="nofollow noreferrer"&gt;&lt;img src="https://i.stack.imgur.com/QXLNL.gif" alt="It will be ok if use ng-model with ng-value"&gt;&lt;/a&gt;&lt;/p&gt;</t>
  </si>
  <si>
    <t>2017-12-25 16:19:49.273000+00:00</t>
  </si>
  <si>
    <t>2017-12-30 07:51:22.010000+00:00</t>
  </si>
  <si>
    <t>2017-12-26 01:42:03.760000+00:00</t>
  </si>
  <si>
    <t>Get Currency Bid/Ask price for currencies in PHP using Yahoo Finance</t>
  </si>
  <si>
    <t>&lt;p&gt;I found/hacked (and I do mean hacked, I know it's not pretty) the code below.&lt;/p&gt;
&lt;p&gt;What I am to accomplish:&lt;/p&gt;
&lt;ul&gt;
&lt;li&gt;Get both the ask/bid value for 3 currencies&lt;/li&gt;
&lt;li&gt;Currencies are USD, BRL,&lt;/li&gt;
&lt;li&gt;EUR  Base currency is ARS&lt;/li&gt;
&lt;li&gt;Avoid getting too fancy, I just need to echo 6 values (bid/ask for each currency from the base currency)&lt;/li&gt;
&lt;/ul&gt;
&lt;p&gt;I'm able to get what I think is the average rate, but I'm unsure how to get the bid/ask values.&lt;/p&gt;
&lt;p&gt;I do notice that:
 - if you change $usd_allData[1] to $usd_allData[2], you get the date
 - if you change $usd_allData[1] to $usd_allData[3], you get the time&lt;/p&gt;
&lt;p&gt;If you have any insights or flashes of genius, please send them my way.&lt;/p&gt;
&lt;p&gt;Thanks in advance!&lt;/p&gt;
&lt;hr&gt;
&lt;pre&gt;&lt;code&gt;&amp;lt;?php
/* USD
------------------------- */
$usd_from   = 'USD'; /*change it to your required currencies */
$usd_to     = 'ARS';
$usd_url = 'http://finance.yahoo.com/d/quotes.csv?e=.csv&amp;amp;f=sl1d1t1&amp;amp;s='. $usd_from . $usd_to .'=X';
$usd_handle = @fopen($usd_url, 'r');
if ($usd_handle) {
    $usd_result = fgets($usd_handle, 4096);
    fclose($usd_handle);
}
$usd_allData = explode(',',$usd_result); /* Get all the contents to an array */
$usd_Value = $usd_allData[1];
/* EUR
------------------------- */
$eur_from   = 'EUR'; /*change it to your required currencies */
$eur_to     = 'ARS';
$eur_url = 'http://finance.yahoo.com/d/quotes.csv?e=.csv&amp;amp;f=sl1d1t1&amp;amp;s='. $eur_from . $eur_to .'=X';
$eur_handle = @fopen($eur_url, 'r');
if ($eur_handle) {
    $eur_result = fgets($eur_handle, 4096);
    fclose($eur_handle);
}
$eur_allData = explode(',',$eur_result); /* Get all the contents to an array */
$eur_Value = $eur_allData[1];
/* BRL
------------------------- */
$brl_from   = 'BRL'; /*change it to your required currencies */
$brl_to     = 'ARS';
$brl_url = 'http://finance.yahoo.com/d/quotes.csv?e=.csv&amp;amp;f=sl1d1t1&amp;amp;s='. $brl_from .     $brl_to .'=X';
$brl_handle = @fopen($brl_url, 'r');
if ($brl_handle) {
    $brl_result = fgets($brl_handle, 4096);
    fclose($brl_handle);
}
$brl_allData = explode(',',$brl_result); /* Get all the contents to an array */
$brl_Value = $brl_allData[1];
echo (
    $usd_Value . '&amp;lt;br&amp;gt;&amp;lt;hr&amp;gt;' .
    $eur_Value . '&amp;lt;br&amp;gt;&amp;lt;hr&amp;gt;' .
    $brl_Value 
)
?&amp;gt;
&lt;/code&gt;&lt;/pre&gt;</t>
  </si>
  <si>
    <t>2014-02-20 23:33:02.993000+00:00</t>
  </si>
  <si>
    <t>2017-03-09 17:30:19.310000+00:00</t>
  </si>
  <si>
    <t>2014-02-21 01:00:32.957000+00:00</t>
  </si>
  <si>
    <t>php|yahoo-finance|currency-exchange-rates</t>
  </si>
  <si>
    <t>How to create enum optional instance</t>
  </si>
  <si>
    <t>&lt;p&gt;I am leraning Swift 3 from "The Swift Programming Language (Swift 3 beta)". Below is their enum example. In the end of this example, they have written "Use the &lt;code&gt;init?(rawvalue:)&lt;/code&gt; to make an instance of enumeration from a raw value". Can anybody tell me, how to make that. Thanks.&lt;/p&gt;
&lt;pre&gt;&lt;code&gt;enum Rank: Int {
    case ace = 1 // Raw value
    case two, three, four , five , six, seven, eight, nine, ten
    case jack, queen, king
init?(rawValue: Int) {
    self = rawValue == 1 ? .ace : .jack
}
    func simpleDescription() -&amp;gt; String{
        switch self {
        case .ace:
            return "ace"
        case .jack:
            return "jack"
        case .queen:
            return "queen"
        case .king:
            return "king"
        default:
            return String(self.rawValue)
        }
    }
}
&lt;/code&gt;&lt;/pre&gt;</t>
  </si>
  <si>
    <t>2016-07-11 10:45:44.407000+00:00</t>
  </si>
  <si>
    <t>2016-07-14 06:14:05.677000+00:00</t>
  </si>
  <si>
    <t>2016-07-13 06:27:52.407000+00:00</t>
  </si>
  <si>
    <t>Manage gemset for ruby project with rvm and bundler</t>
  </si>
  <si>
    <t>&lt;p&gt;I am new to ruby and I am trying to achieve the following. &lt;/p&gt;
&lt;p&gt;When I run &lt;code&gt;bundle install&lt;/code&gt; my project should have a gemset created with all the gem dependencies in the &lt;code&gt;Gemfile&lt;/code&gt; of the project installed in the project gemset. &lt;/p&gt;
&lt;p&gt;So I have the following files&lt;/p&gt;
&lt;ul&gt;
&lt;li&gt;Gemfile&lt;/li&gt;
&lt;li&gt;.ruby-version&lt;/li&gt;
&lt;li&gt;.ruby-gemset&lt;/li&gt;
&lt;/ul&gt;
&lt;p&gt;My .ruby-version looks like this&lt;/p&gt;
&lt;p&gt;ruby-2.0.0&lt;/p&gt;
&lt;p&gt;My .ruby-gemset files looks as follows&lt;/p&gt;
&lt;ul&gt;
&lt;li&gt;my_service&lt;/li&gt;
&lt;/ul&gt;
&lt;p&gt;And my Gemfile just has ruby gem dependencies&lt;/p&gt;
&lt;p&gt;When I do &lt;code&gt;bundle install&lt;/code&gt; and then do a &lt;code&gt;echo $GEM_HOME&lt;/code&gt; my $GEM_HOME is still the default and when i do &lt;code&gt;rvm list&lt;/code&gt; the current ruby version is &lt;code&gt;ruby-2.3.0&lt;/code&gt; which is not what i specified in my .ruby-version file and when I go to ~/.rvm/gems I dont see my gemset in that folder. &lt;/p&gt;
&lt;p&gt;What am I missing. Thanks!&lt;/p&gt;</t>
  </si>
  <si>
    <t>2016-12-23 17:00:41.980000+00:00</t>
  </si>
  <si>
    <t>2017-01-02 08:02:53.680000+00:00</t>
  </si>
  <si>
    <t>ruby|rvm|bundler</t>
  </si>
  <si>
    <t>My MVC View displays file content into the view instead of downloading as a file</t>
  </si>
  <si>
    <t>&lt;p&gt;I found this link. &lt;a href="https://stackoverflow.com/questions/3007652/asp-net-mvc-download-image-rather-than-display-in-browser?noredirect=1&amp;amp;lq=1"&gt;ASP.NET MVC download image rather than display in browser&lt;/a&gt;&lt;/p&gt;
&lt;p&gt;I tried everything and my action method dumps the file into the view instead of downloading. I would like to be able to download the file separately. Thanks&lt;/p&gt;
&lt;pre&gt;&lt;code&gt;        if (extension.ToLower() == ".docx")
        { // Handle *.jpg and   
            contentType = "application/docx";
        }
        else if (extension.ToLower() == ".jpg")
        {// Handle *.gif   
            contentType = "image/jpeg jpeg jpg jpe";
        }
        else if (extension.ToLower() == ".pdf")
        {// Handle *.pdf   
            contentType = "application/pdf";
        }
        Response.ContentType = contentType; // "application/force-download";
        Response.AddHeader("Content-Disposition", "attachment; filename=" + FileName);
        Response.WriteFile(FilePath );
        Response.Flush();
        Response.End();[![View after clicking download button][1]][1]
&lt;/code&gt;&lt;/pre&gt;</t>
  </si>
  <si>
    <t>2016-10-12 19:58:26.183000+00:00</t>
  </si>
  <si>
    <t>2016-10-13 01:31:46.350000+00:00</t>
  </si>
  <si>
    <t>2017-05-23 10:27:48.553000+00:00</t>
  </si>
  <si>
    <t>resize view controllers as we resize window in mac application</t>
  </si>
  <si>
    <t>&lt;p&gt;I already read so many answers for this question but still unable to resolve my issue. I am creating a mac application where I have a window and adding view controller to the same. When I resize any of the view while running other view controller doesn't resize on it own. I want to run my application on full screen mode and all other view controllers should run on full screen or similar to main window.&lt;/p&gt;
&lt;p&gt;I already tried to run this but unable to achieve my result.&lt;/p&gt;
&lt;pre&gt;&lt;code&gt;override func viewWillAppear() {
    super.viewWillAppear()
    preferredContentSize = view.fittingSize
}
&lt;/code&gt;&lt;/pre&gt;
&lt;p&gt;This even doesn't work
&lt;a href="https://stackoverflow.com/questions/32417245/mac-os-x-use-auto-layout-with-view-controller-and-allow-window-resize"&gt;Mac OS X use auto layout with view controller and allow window resize&lt;/a&gt;&lt;/p&gt;
&lt;p&gt;Please check the below images for reference
&lt;a href="https://i.stack.imgur.com/RlWlv.png" rel="nofollow noreferrer"&gt;enter image description here&lt;/a&gt;.
Image 1 is my first view controller and if I resize it then after entering password successfully next view controller (Image  2) doesn't resize.&lt;/p&gt;</t>
  </si>
  <si>
    <t>2017-09-25 06:41:17.940000+00:00</t>
  </si>
  <si>
    <t>2017-09-27 08:26:13.150000+00:00</t>
  </si>
  <si>
    <t>swift|macos|xcode8</t>
  </si>
  <si>
    <t>SharedPreferences in separate file</t>
  </si>
  <si>
    <t>&lt;p&gt;Can I place my model SharedPreferences and save/read methods in separate file? I want working whith SharedPreferences from app Activities. And how can I do it?&lt;/p&gt;</t>
  </si>
  <si>
    <t>2012-02-13 18:40:00.313000+00:00</t>
  </si>
  <si>
    <t>2018-04-09 19:11:45.607000+00:00</t>
  </si>
  <si>
    <t>Apache POI - is there a way to create a pivot table where the source table is a SXSSFSheet?</t>
  </si>
  <si>
    <t>&lt;p&gt;This is the case:
I have to use SXSSFWorkbook (Streaming version of XSSFWorkbook) to create my Excel, because I have to create a sheet with 700000/800000 rows with about 20 columns. &lt;strong&gt;This sheet represents the source table for my final Pivot.&lt;/strong&gt;&lt;/p&gt;
&lt;pre&gt;&lt;code&gt;SXSSFWorkbook workbook();
XSSFSheet pivotSheet = workbook.getXSSFWorkbook().createSheet("Pivot sheet");
AreaReference ar = ....:
CellReference cr = ....;
XSSFPivotTable pivotTable = pivotSheet.createPivotTable(ar, cr); // ERROR!!
&lt;/code&gt;&lt;/pre&gt;
&lt;p&gt;The problem is that, when I try to create this Pivot on that source, the &lt;strong&gt;XSSFPivotTable.createPivotTable&lt;/strong&gt; method not work, despite AreaReference and CellReference arguments are ok.&lt;/p&gt;
&lt;p&gt;If I use XSSFWorkbook (not streaming version) with less rows, all is ok, but I do not reach my goal!&lt;/p&gt;
&lt;p&gt;Can someone give me a solution? &lt;strong&gt;Thank you very much!!!!!&lt;/strong&gt;&lt;/p&gt;
&lt;p&gt;Stefano&lt;/p&gt;</t>
  </si>
  <si>
    <t>2018-04-12 17:58:40.210000+00:00</t>
  </si>
  <si>
    <t>2018-04-13 14:44:42.520000+00:00</t>
  </si>
  <si>
    <t>java|excel|apache-poi|pivot</t>
  </si>
  <si>
    <t>PHP concatenate values into array</t>
  </si>
  <si>
    <t>&lt;p&gt;I'm new to php and would like to know how to make the following possible ...&lt;/p&gt;
&lt;p&gt;Below I have several arrays populated from Database rows. Id like to have a new array &lt;code&gt;mappingId&lt;/code&gt; that concatenates several rows to form the value for the &lt;code&gt;mappingId&lt;/code&gt; array. Below I have used array_combine but this doesn't seem to work. Can anyone advise on what to use?&lt;/p&gt;
&lt;pre&gt;&lt;code&gt;$appId = array();
$appDate = array();
$appTime = array();
$appDoctorId = array();
$mappingId = array(); // combined values
for ($i = 0; $i &amp;lt; mysqli_num_rows($resultAppointmentsBooked); $i++)
{
    $row = mysqli_fetch_row($resultAppointmentsBooked);
    $appId = $row[0];
    $ids[] = $row[0];
    $appTime[] = $row[3];
    $appDate[] = $row[4];
    $appDoctorId[] = $row[2];
    $mappingId = array_combine($row[4], $row[3], $row[2]);
    //Test output
    echo "MappingId: $row[4]$row[3]$row[2] &amp;lt;br /&amp;gt;";
    echo "MappingId2: - $mappingId[$i] &amp;lt;br /&amp;gt;";
}
&lt;/code&gt;&lt;/pre&gt;
&lt;p&gt;I have also used 'array_merge' the following way ...&lt;/p&gt;
&lt;pre&gt;&lt;code&gt;                $ids[] = $row[0];
                $appTime[] = $row[3];
                $appDate[] = $row[4];
                $appDoctorId[] = $row[2];
                $mappingId = array_merge($appDate, $appTime, $appDoctorId);
&lt;/code&gt;&lt;/pre&gt;
&lt;p&gt;but when I print the values ...&lt;/p&gt;
&lt;pre&gt;&lt;code&gt;             echo "MappingId2: $mappingId[$i] &amp;lt;br /&amp;gt;";
&lt;/code&gt;&lt;/pre&gt;
&lt;p&gt;It only output the value of the first array.&lt;/p&gt;</t>
  </si>
  <si>
    <t>2015-12-02 10:14:10.413000+00:00</t>
  </si>
  <si>
    <t>2015-12-02 10:58:24.593000+00:00</t>
  </si>
  <si>
    <t>2015-12-02 10:56:10.610000+00:00</t>
  </si>
  <si>
    <t>php|arrays|concatenation|concat</t>
  </si>
  <si>
    <t>Controlling terminal and GDB</t>
  </si>
  <si>
    <t>&lt;p&gt;I have a Linux process running in the background. I want to take over its stdin/out/err over SSH and also be the terminal controller. The "original" file descriptors are pseudo terminals, too.
I have tried Reptyr and &lt;a href="http://www.isi.edu/~yuri/dupx/" rel="nofollow"&gt;dupx&lt;/a&gt;. Reptyr fails around vfork, but dupx works very well. The GDB script it generated:&lt;/p&gt;
&lt;pre&gt;&lt;code&gt;attach 123
set $fd=open("/dev/pts/14", 0)
set $xd=dup(0)
call dup2($fd, 0)
call close($fd)
call close($xd)
set $fd=open("/dev/pts/14", 1089)
set $xd=dup(1)
call dup2($fd, 1)
call close($fd)
call write($xd, "Remaining standard output of 123 is redirected to /dev/pts/14\n", 62)
call close($xd)
set $fd=open("/dev/pts/14", 1089)
set $xd=dup(2)
call dup2($fd, 2)
call close($fd)
call write($xd, "Remaining standard error of 123 is redircted to /dev/pts/14\n", 60)
call close($xd)
&lt;/code&gt;&lt;/pre&gt;
&lt;p&gt;As soon as the dupx command finished, the shell is not returned and the target app receives my input (via pts/14) immediately.&lt;/p&gt;
&lt;p&gt;Now I want to achieve the same result using my standalone binary application. I've ported the same syscalls (dup/dup2/close, etc) what being executed by the gdb by script driven by dupx:&lt;/p&gt;
&lt;pre&gt;&lt;code&gt;int fd; int xd;
char* s = "Remaining standard output is redirected to new terminal\n";
fd = open(argv[1], O_RDONLY);
xd = dup( STDIN_FILENO);
dup2(fd,  STDIN_FILENO );
close(fd);
close(xd);
fd = open(argv[1], O_WRONLY|O_CREAT|O_APPEND);
xd = dup( STDOUT_FILENO);
dup2(fd,  STDOUT_FILENO);
close(fd);
write(xd, s, strlen(s));
close(xd);
fd = open(argv[1], O_WRONLY|O_CREAT|O_APPEND);
xd = dup( STDERR_FILENO);
dup2(fd,  STDERR_FILENO);
close(fd);
write(xd, s, strlen(s));
close(xd); 
&lt;/code&gt;&lt;/pre&gt;
&lt;p&gt;Running the snipplet above is done by injecting a shared library into the remote process via sigstop/ptrace attach/dlopen/etc (using a tool similar to hotpatch). Lets consider this part of the problem to be safe and working reliable: after doing all this, the file descriptors of the target process are changed as I wanted. I can verify it by simply checking /proc/&lt;code&gt;pidof target&lt;/code&gt;/fd.&lt;/p&gt;
&lt;p&gt;However, the shell returns and it still receives all my input, not the target app. &lt;/p&gt;
&lt;p&gt;I noticed if I simply attach/detach with gdb after this point (= fds changed by the injected C code) without actually changing anything, the desired behavior is accomplished (mean: the shell is not returned but the target app starts receiving my input). The command is:&lt;/p&gt;
&lt;pre&gt;&lt;code&gt;gdb --pid=`pidof target` --batch --ex=quit
&lt;/code&gt;&lt;/pre&gt;
&lt;p&gt;And now my question is: how? What happens in the background? How can I do the same without gdb? I've tried stracing gdb to get some hints, and also tried playing with the tty ioctl API's without any luck.&lt;/p&gt;
&lt;p&gt;Please note, that obtaining the terminal controller status (if that is the key of this problem at all) by the fork/setsid way what Reptyr uses is not acceptable for me: I want to avoid forking.
Additionally, I cant control starting the target, so "why don't you run it in screen" is no answer here.&lt;/p&gt;</t>
  </si>
  <si>
    <t>2015-06-06 20:22:05.133000+00:00</t>
  </si>
  <si>
    <t>2015-11-09 08:50:59.697000+00:00</t>
  </si>
  <si>
    <t>c|linux|terminal|gdb|pty</t>
  </si>
  <si>
    <t>Update the python interpreter and its modules in Intellij after new pip installs</t>
  </si>
  <si>
    <t>&lt;p&gt;I just installed &lt;code&gt;pandasql&lt;/code&gt; and it upgraded &lt;code&gt;pandas&lt;/code&gt; from 0.20 to 0.21 automatically.  Intellij stopped "understanding" &lt;code&gt;pandas&lt;/code&gt; immediately following:&lt;/p&gt;
&lt;p&gt;&lt;a href="https://i.stack.imgur.com/YwWLH.png" rel="nofollow noreferrer"&gt;&lt;img src="https://i.stack.imgur.com/YwWLH.png" alt="enter image description here"&gt;&lt;/a&gt;&lt;/p&gt;
&lt;p&gt;How can Intellij be requested to re-index/regenerate the python interpreter and its updated modules?&lt;/p&gt;</t>
  </si>
  <si>
    <t>2017-11-01 12:47:14.433000+00:00</t>
  </si>
  <si>
    <t>2017-11-01 17:44:14.940000+00:00</t>
  </si>
  <si>
    <t>python|intellij-idea</t>
  </si>
  <si>
    <t>Sum of Integer Numbers in a txt File</t>
  </si>
  <si>
    <t>&lt;p&gt;I have two txt files that contain only numbers (number per line), so I want to add line 1 + line 1 so in succession to the last line of each file. Each file has the same line number.&lt;/p&gt;
&lt;p&gt;&lt;strong&gt;I'm trying this way, however I can only print the first line&lt;/strong&gt;&lt;/p&gt;
&lt;pre&gt;&lt;code&gt;arq = open ("List1.txt")
arq2 = open ("List2.txt")
x = [linha.strip() for linha in arq]
arq.close()
y = [linha.strip() for linha in arq2]
arq2.close()
for linha in x:
    index = 0
    while index&amp;lt;len(x):
       result = (int(x[index]) + int(y[index]))
       index += 1
    print result
&lt;/code&gt;&lt;/pre&gt;</t>
  </si>
  <si>
    <t>2018-02-18 19:45:10.607000+00:00</t>
  </si>
  <si>
    <t>2018-02-18 20:06:08.043000+00:00</t>
  </si>
  <si>
    <t>python|string|text|indexing|int</t>
  </si>
  <si>
    <t>ksql - creating a stream from a json array</t>
  </si>
  <si>
    <t>&lt;p&gt;My kafka topic is pushing data in this format (coming from &lt;strong&gt;collectd&lt;/strong&gt;):&lt;/p&gt;
&lt;pre&gt;&lt;code&gt;[{"values":[100.000080140372],"dstypes":["derive"],"dsnames":["value"],"time":1529970061.145,"interval":10.000,"host":"k5.orch","plugin":"cpu","plugin_instance":"23","type":"cpu","type_instance":"idle","meta":{"network:received":true}}]
&lt;/code&gt;&lt;/pre&gt;
&lt;p&gt;It's a combination of arrays, ints and floats... and the whole thing is inside a json array. As a result Im having a heck of a time using &lt;strong&gt;ksql&lt;/strong&gt; to do anything with this data. &lt;/p&gt;
&lt;p&gt;When I create a 'default' stream as &lt;/p&gt;
&lt;pre&gt;&lt;code&gt;create stream cd_temp with (kafka_topic='ctd_test', value_format='json');
&lt;/code&gt;&lt;/pre&gt;
&lt;p&gt;I get this result:&lt;/p&gt;
&lt;pre&gt;&lt;code&gt;ksql&amp;gt; describe cd_temp;
 Field   | Type                      
-------------------------------------
 ROWTIME | BIGINT           (system) 
 ROWKEY  | VARCHAR(STRING)  (system) 
-------------------------------------
&lt;/code&gt;&lt;/pre&gt;
&lt;p&gt;Any &lt;strong&gt;select&lt;/strong&gt; will return the ROWTIME and an 8 digit hex value for ROWKEY. &lt;/p&gt;
&lt;p&gt;I've spent some time trying to extract the json fields to no avail. What concerns me is this:&lt;/p&gt;
&lt;pre&gt;&lt;code&gt;ksql&amp;gt; print 'ctd_test' from beginning;
Format:JSON
com.fasterxml.jackson.databind.node.ArrayNode cannot be cast to com.fasterxml.jackson.databind.node.ObjectNode
&lt;/code&gt;&lt;/pre&gt;
&lt;p&gt;Is it possible that this topic can't be used in &lt;strong&gt;ksql&lt;/strong&gt;? Is there a technique for unpacking the outer array to get to the interesting bits inside?&lt;/p&gt;</t>
  </si>
  <si>
    <t>2018-06-25 23:58:26.857000+00:00</t>
  </si>
  <si>
    <t>2018-06-27 08:15:11.323000+00:00</t>
  </si>
  <si>
    <t>2018-06-26 01:50:58.220000+00:00</t>
  </si>
  <si>
    <t>apache-kafka|collectd|ksql</t>
  </si>
  <si>
    <t>Align vertically different paragraphs</t>
  </si>
  <si>
    <t>&lt;p&gt;I am working with this website created with Drupal www.crincon.com. 
The section under the slides, contains several blocks with nested divs elements and a link at the end. &lt;/p&gt;
&lt;p&gt;&lt;a href="https://i.stack.imgur.com/UvImi.png" rel="nofollow noreferrer"&gt;Block caption&lt;/a&gt;&lt;/p&gt;
&lt;p&gt;What I would like to do is that the links "Read More" (with button aspect) will be all at the same height, with the same vertical alignment for all the blocks, to be displayed at the same level.&lt;/p&gt;
&lt;p&gt;The HTML for all the blocks looks like this:&lt;/p&gt;
&lt;p&gt;&lt;div class="snippet" data-lang="js" data-hide="false" data-console="true" data-babel="false"&gt;_x000D_
&lt;div class="snippet-code"&gt;_x000D_
&lt;pre class="snippet-code-html lang-html prettyprint-override"&gt;&lt;code&gt;&amp;lt;div class="column one"&amp;gt;_x000D_
&amp;lt;div class="region region-top-first"&amp;gt;_x000D_
  &amp;lt;div id="block-block-7" class="block block-block"&amp;gt;_x000D_
_x000D_
      _x000D_
  &amp;lt;div class="content"&amp;gt;_x000D_
    &amp;lt;p&amp;gt;&amp;lt;i class="fa fa-flag fa-6" aria-hidden="true"&amp;gt;&amp;lt;/i&amp;gt;&amp;lt;/p&amp;gt;_x000D_
    &amp;lt;h2&amp;gt;Localization to the market of Russia, CIS and Baltic States&amp;lt;/h2&amp;gt;_x000D_
    &amp;lt;p&amp;gt;&amp;lt;a href="en/services/localization"&amp;gt;Read more&amp;lt;/a&amp;gt;&amp;lt;/p&amp;gt;_x000D_
  &amp;lt;/div&amp;gt;_x000D_
  _x000D_
&amp;lt;/div&amp;gt; &amp;lt;!-- /.block --&amp;gt;_x000D_
&amp;lt;/div&amp;gt;_x000D_
 &amp;lt;!-- /.region --&amp;gt;_x000D_
&amp;lt;/div&amp;gt;&lt;/code&gt;&lt;/pre&gt;_x000D_
&lt;/div&gt;_x000D_
&lt;/div&gt;_x000D_
&lt;/p&gt;
&lt;p&gt;I have tried many different options looking at some responses here (like relative-absolute position), but with no success.&lt;/p&gt;
&lt;p&gt;Thank you!&lt;/p&gt;</t>
  </si>
  <si>
    <t>2016-12-22 10:58:23.930000+00:00</t>
  </si>
  <si>
    <t>2016-12-22 11:16:10.533000+00:00</t>
  </si>
  <si>
    <t>2016-12-22 11:02:25.813000+00:00</t>
  </si>
  <si>
    <t>Accessing and changing a class instance from a function outside of main()</t>
  </si>
  <si>
    <t>&lt;p&gt;I am currently learning C++ and I've encountered a problem with classes that I cannot seem to be able to find a solution to. If ever there is a specific topic I should cover that will teach me how to do it let me know but if it's a mistake I made I would like help solving it please.&lt;/p&gt;
&lt;p&gt;I have a console application that when run asks you to input the name of a movie, the year it was released and it's rating. The code asks you the same questions for 3 movies and then prints the results. It's just a code I made while following tutorials so it has no real purpose.&lt;/p&gt;
&lt;p&gt;I made a class called "Movie" which hold the user's answers and a function to create the instance but it doesn't seem to work. I will paste the code with examples to make it easier to explain.&lt;/p&gt;
&lt;p&gt;Movie.h&lt;/p&gt;
&lt;pre&gt;&lt;code&gt;#ifndef MOVIE_H
#define MOVIE_H
#include &amp;lt;iostream&amp;gt;
#include &amp;lt;string&amp;gt;
using namespace std;
class Movie
{
    private:
        string movieName, movieRating;
        int movieYear;
    public:
        Movie();
        Movie(string, int, string);
        virtual ~Movie();
        string getName();
        string getRating();
        int getYear();
        void setName(string);
        void setRating(string);
        void setYear(int);
    protected:
};
#endif // MOVIE_H
&lt;/code&gt;&lt;/pre&gt;
&lt;p&gt;Movie.cpp&lt;/p&gt;
&lt;pre&gt;&lt;code&gt;#include "Movie.h"
#include &amp;lt;iostream&amp;gt;
#include &amp;lt;string&amp;gt;
#include &amp;lt;ctime&amp;gt;
using namespace std;
Movie::Movie()
{
    movieName = "NA";
    movieYear = 1999;
    movieRating = "NA";
}
Movie::Movie(string name, int year, string rating)
{
    movieName = name;
    time_t t = time(0);   // get time now
    struct tm * now = localtime( &amp;amp; t );
    int x = (now-&amp;gt;tm_year + 1900);
    while(year &amp;gt; x || year &amp;lt; 1889)
    {
        cout&amp;lt;&amp;lt;"Please enter a valid year: ";
        cin&amp;gt;&amp;gt;year;
    }
    movieYear = year;
    movieRating = rating;
}
Movie::~Movie()
{
}
string Movie::getName()
{
    return movieName;
}
string Movie::getRating()
{
    return movieRating;
}
int Movie::getYear()
{
     return movieYear;
}
void Movie::setName(string n)
{
    movieName = n;
}
void Movie::setRating(string r)
{
    movieRating = r;
}
void Movie::setYear(int y)
{
    time_t t = time(0);   // get time now
    struct tm * now = localtime( &amp;amp; t );
    int x = (now-&amp;gt;tm_year + 1900);
    while(y &amp;gt; x || y &amp;lt; 1889)
    {
        cout&amp;lt;&amp;lt;"Please enter a valid year: ";
        cin&amp;gt;&amp;gt;y;
    }
    movieYear = y;
}
&lt;/code&gt;&lt;/pre&gt;
&lt;p&gt;main.cpp&lt;/p&gt;
&lt;pre&gt;&lt;code&gt;#include &amp;lt;iostream&amp;gt;
#include &amp;lt;string&amp;gt;
#include "Movie.h"
using namespace std;
void newMovie(Movie);
void printMovies(Movie);
int main()
{
    Movie movie1("a", 1900, "a");
    Movie movie2("a", 1900, "a");
    Movie movie3("a", 1900, "a");
    newMovie(movie1);
    //newMovie(movie2);
    //newMovie(movie3);
    printMovies(movie1);
    //printMovies(movie2);
    //printMovies(movie3);
    return 0;
}
void newMovie(Movie movie)
{
    string inName, inRating;
    int inYear;
    cout&amp;lt;&amp;lt;"Enter a movie name: ";
    cin&amp;gt;&amp;gt;inName;
    movie.setName(inName);
    cout&amp;lt;&amp;lt;"Enter the year it was released: ";
    cin&amp;gt;&amp;gt;inYear;
    movie.setYear(inYear);
    cout&amp;lt;&amp;lt;"Enter the suggested rating: ";
    cin&amp;gt;&amp;gt;inRating;
    movie.setRating(inRating);
    cout&amp;lt;&amp;lt;endl&amp;lt;&amp;lt;endl;
}
void printMovies(Movie movie)
{
    cout&amp;lt;&amp;lt;"Name: "&amp;lt;&amp;lt;movie.getName()
        &amp;lt;&amp;lt;"\nYear: "&amp;lt;&amp;lt;movie.getYear()
        &amp;lt;&amp;lt;"\nRating: "&amp;lt;&amp;lt;movie.getRating()
        &amp;lt;&amp;lt;endl&amp;lt;&amp;lt;endl;
}
&lt;/code&gt;&lt;/pre&gt;
&lt;p&gt;Now what happens when i run this is that the movie gets printed like this:&lt;/p&gt;
&lt;p&gt;Enter a movie name: test
Enter the year it was released: 2001
Enter the suggested rating: PG
Name: a
Year: 1900
Rating: a
Process returned 0 (0x0)   execution time : 6.912 s
Press any key to continue.&lt;/p&gt;
&lt;p&gt;It seems like the change made in newMovie(Movie movie) does not stay. If i do a print in the middle of it by doing something like this:&lt;/p&gt;
&lt;pre&gt;&lt;code&gt;void newMovie(Movie movie)
{
    string inName, inRating;
    int inYear;
    cout&amp;lt;&amp;lt;"Enter a movie name: ";
    cin&amp;gt;&amp;gt;inName;
    movie.setName(inName);
    cout&amp;lt;&amp;lt;"Enter the year it was released: ";
    cin&amp;gt;&amp;gt;inYear;
    movie.setYear(inYear);
    cout&amp;lt;&amp;lt;"Enter the suggested rating: ";
    cin&amp;gt;&amp;gt;inRating;
    movie.setRating(inRating);
    cout&amp;lt;&amp;lt;endl&amp;lt;&amp;lt;endl;
    cout&amp;lt;&amp;lt;movie.getName();
}
&lt;/code&gt;&lt;/pre&gt;
&lt;p&gt;I do obtain the right name when printing which means that the class works fine. The only works inside the function as if it was private and I can't figure out why.&lt;/p&gt;</t>
  </si>
  <si>
    <t>2016-11-21 00:29:29.030000+00:00</t>
  </si>
  <si>
    <t>c++|class|instance</t>
  </si>
  <si>
    <t>Changing font in UITabBarItem</t>
  </si>
  <si>
    <t>&lt;p&gt;Hi I have this code and it doesn't work, what am I doing wrong?&lt;/p&gt;
&lt;pre&gt;&lt;code&gt;- (void)viewDidLoad
{    
    [self.tabBarItem setTitleTextAttributes:[NSDictionary dictionaryWithObjectsAndKeys:[UIFont fontWithName:@"AmericanTypewriter" size:20.0f], UITextAttributeFont, nil] forState:UIControlStateDisabled];
}
&lt;/code&gt;&lt;/pre&gt;
&lt;p&gt;BTW that's not the only thing in my viewDidLoad but I just wanted to show you guys thats where I put it. &lt;/p&gt;</t>
  </si>
  <si>
    <t>2012-06-17 06:44:24.087000+00:00</t>
  </si>
  <si>
    <t>2018-11-29 06:54:02.420000+00:00</t>
  </si>
  <si>
    <t>2012-06-17 06:57:04.553000+00:00</t>
  </si>
  <si>
    <t>user1457381</t>
  </si>
  <si>
    <t>iphone|ios|xcode|uitabbarcontroller</t>
  </si>
  <si>
    <t>Jenkins Cron Expression Not Scheduled at Right time</t>
  </si>
  <si>
    <t>&lt;p&gt;All,&lt;/p&gt;
&lt;p&gt;Tried to configure jenkins job to trigger at EVERYDAY 10AM and used below cron &lt;code&gt;H 10 * * *&lt;/code&gt; but the jenkins console is not running at 10AM rather its running at 10.09AM. Please help me to run at 10AM everyday around the year.&lt;/p&gt;
&lt;p&gt;&lt;img src="https://i.stack.imgur.com/gQduL.jpg" alt="enter image description here"&gt;&lt;/p&gt;
&lt;p&gt;update: After adding the expression with '0 10 * * *', got below warning and no next run time is displayed. is that normal?&lt;img src="https://i.stack.imgur.com/dRmuf.jpg" alt="enter image description here"&gt;&lt;/p&gt;</t>
  </si>
  <si>
    <t>2015-07-20 14:09:20.857000+00:00</t>
  </si>
  <si>
    <t>2016-06-01 17:35:36.627000+00:00</t>
  </si>
  <si>
    <t>2015-07-20 18:55:15.453000+00:00</t>
  </si>
  <si>
    <t>jenkins|cron</t>
  </si>
  <si>
    <t>mongo template findAndModify return list</t>
  </si>
  <si>
    <t>&lt;p&gt;I��m using mongotemplate.findAndModify, and I was wondering if it is possible to retrieve not just one document, but all of them that fit in with the filters that I put in my Criteria.
As I can see in the different method of this class We can put the object that has to cast the result, but in my case that I��m looking for a List I dont know how to make it.&lt;/p&gt;
&lt;p&gt;Any idea somebody here?.&lt;/p&gt;
&lt;p&gt;Reagards.&lt;/p&gt;</t>
  </si>
  <si>
    <t>2013-06-10 17:45:06.520000+00:00</t>
  </si>
  <si>
    <t>2013-06-10 18:18:50.330000+00:00</t>
  </si>
  <si>
    <t>java|mongodb|spring-data|spring-mongo</t>
  </si>
  <si>
    <t>How to disable Device monitoring in Android Studio?</t>
  </si>
  <si>
    <t>&lt;p&gt;Android Studio 1.2 came up with new Future of device monitoring, it automatically starts monitoring the device when you plug it in, even if your app is not running.&lt;/p&gt;
&lt;p&gt;I notice that it slow down the work in Android Studio(Not that it is Speedy Gonzales right now...). It shows a progress for monitoring, that never finish.&lt;/p&gt;
&lt;p&gt;How do I turn it off?&lt;/p&gt;
&lt;p&gt;&lt;img src="https://i.stack.imgur.com/aEKXO.png" alt="enter image description here"&gt;&lt;/p&gt;
&lt;p&gt;&lt;img src="https://i.stack.imgur.com/hNS8r.png" alt="enter image description here"&gt;&lt;/p&gt;</t>
  </si>
  <si>
    <t>2015-03-25 18:38:12.463000+00:00</t>
  </si>
  <si>
    <t>2017-02-16 08:44:44.197000+00:00</t>
  </si>
  <si>
    <t>2015-03-25 19:42:39.897000+00:00</t>
  </si>
  <si>
    <t>android|android-studio</t>
  </si>
  <si>
    <t>NSString regex for extracting negative numbers as part of an equation</t>
  </si>
  <si>
    <t>&lt;p&gt;I'm trying to match a math equation using regex (in Objective-C on an iPhone app), and could use help in coming up with a regex which works for the second scenario listed below.&lt;/p&gt;
&lt;p&gt;I've created the following Objective-C code to extract an equation of the form &lt;code&gt;(1��4)&lt;/code&gt; or &lt;code&gt;(-1��4)&lt;/code&gt; if there's a negative number ahead of a product or divider: (I include this here to help explain the question I'm trying to answer)&lt;/p&gt;
&lt;pre&gt;&lt;code&gt;NSString* equation = @"1+(-1��4)";
NSString* matcher = @"(-){0,1}(\\.|\\d)+(��|��){1,}";
    NSRegularExpression *equation_regex = [NSRegularExpression  regularExpressionWithPattern:matcher options:NSRegularExpressionCaseInsensitive error:nil];
    while([equation_regex numberOfMatchesInString:working_function options:0 range:NSMakeRange(0, [equation length])])
    {
    // regex finds '-1��4'
}
&lt;/code&gt;&lt;/pre&gt;
&lt;p&gt;However, this falls apart for the following equation: 3-1��4 where -1 shouldn't be extracted since it's not part of the 1��4 in the equation.&lt;/p&gt;
&lt;p&gt;I've attempted to alter the regex (with my limited regex expertise!) to exlucde the -1 IFF there's a number ahead of the - via the following:&lt;/p&gt;
&lt;pre&gt;&lt;code&gt;NSString* equation = @"3-1��4";
NSString* matcher = @"((^\\d)(-)){0,1}(\\.|\\d)+(��|��){1,}";
    NSRegularExpression *power_regex = [NSRegularExpression  regularExpressionWithPattern:power_regex_pattern options:NSRegularExpressionCaseInsensitive error:nil];
    while([power_regex numberOfMatchesInString:working_function options:0 range:NSMakeRange(0, [working_function length])])
    {
}
&lt;/code&gt;&lt;/pre&gt;
&lt;p&gt;Where the regex &lt;code&gt;((^\\d)(-)){0,1}&lt;/code&gt; is my attempt to only match the negative part if there's no leading digit on the - (i.e. &lt;code&gt;1��4&lt;/code&gt; and not &lt;code&gt;-1��4&lt;/code&gt;), which doesn't work, hence the question. I hope I've explained this sufficiently! Thanks in advance.&lt;/p&gt;</t>
  </si>
  <si>
    <t>2013-02-13 20:51:30.570000+00:00</t>
  </si>
  <si>
    <t>2013-02-14 11:38:15.443000+00:00</t>
  </si>
  <si>
    <t>2013-02-13 20:57:11+00:00</t>
  </si>
  <si>
    <t>ios|objective-c|regex|nsstring</t>
  </si>
  <si>
    <t>Card.io Cordova camera not showing in Card.io interface</t>
  </si>
  <si>
    <t>&lt;p&gt;I'm trying to implement Card.io in my Cordova application. I'm running the latest Cordova version 6.3.1 with iOS 10.0 installed on my device. The canScan function returns "true" and the Card.io interface pops up when I tap the scan button, but the camera seems to be disabled because it doesn't work. I've tried setting the noCamera option to false, but it doesn't seem to fix the issue. Other options like the hideCardIOLogo : false works.&lt;/p&gt;
&lt;p&gt;The Card.io interface shows the block where the camera view is supposed to be, the "Cancel" button, and the "Enter Manual" button. Neither of the buttons work though. If I check the logs in Xcode an error message appears the moment I take the Scan button. The error: shows a bunch of gibberish codes and at the end of the line "Thread : signalSIGABRT&lt;/p&gt;
&lt;p&gt;From a little googling, it seems that the error message says something isn't wired up correctly on the SDK's side?&lt;/p&gt;
&lt;p&gt;Any ideas of what could be wrong?
Do I have to enable the camera? (I never got a pop-up asking to allow camera usage)
Do I have to add the camera plugin?&lt;/p&gt;
&lt;p&gt;Please help.&lt;/p&gt;</t>
  </si>
  <si>
    <t>2016-10-01 21:00:11.543000+00:00</t>
  </si>
  <si>
    <t>2016-11-15 19:09:08.743000+00:00</t>
  </si>
  <si>
    <t>cordova|card.io</t>
  </si>
  <si>
    <t>Connecting to AWS with Cyberduck/FileZilla/PuTTY</t>
  </si>
  <si>
    <t>&lt;p&gt;I want to change something in a website which uses AWS (Amazon Web Service).&lt;/p&gt;
&lt;p&gt;I have to fill the host, username and password.&lt;/p&gt;
&lt;ol&gt;
&lt;li&gt;To host field should I enter the elastic IP?&lt;/li&gt;
&lt;li&gt;Also where can I find what should I write to username and password?&lt;/li&gt;
&lt;/ol&gt;</t>
  </si>
  <si>
    <t>2016-07-28 05:26:47.247000+00:00</t>
  </si>
  <si>
    <t>2017-02-26 08:00:23.697000+00:00</t>
  </si>
  <si>
    <t>2016-07-28 06:56:13.540000+00:00</t>
  </si>
  <si>
    <t>amazon-web-services|filezilla|cyberduck</t>
  </si>
  <si>
    <t>Applet Jpopupmenu displays away from specified coordinates</t>
  </si>
  <si>
    <t>&lt;p&gt;I have an applet within a browser which has a popup menu but when the menu is triggered it is shown away from the applet.  &lt;/p&gt;
&lt;p&gt;Here is the &lt;a href="http://download.fastmodelsports.com/applets/AppletPopupTest/AppletPopupTest.html" rel="nofollow"&gt;demo code&lt;/a&gt; &lt;/p&gt;
&lt;pre&gt;&lt;code&gt;&amp;lt;html&amp;gt;
&amp;lt;head&amp;gt;
    &amp;lt;title&amp;gt;Test the Applet&amp;lt;/title&amp;gt;
&amp;lt;/head&amp;gt;
&amp;lt;body&amp;gt;
    &amp;lt;script type="text/javascript" src="http://java.com/js/deployJava.js"&amp;gt;&amp;lt;/script&amp;gt;
    &amp;lt;script type="text/javascript"&amp;gt;
        var attributes= { code:'AppletPopupTest.AppletPopupTest', archive:'AppletPopupTest.jar', width:300, height:300 };
        deployJava.runApplet( attributes, null, '1.6' );
    &amp;lt;/script&amp;gt;
&amp;lt;/body&amp;gt;
&amp;lt;/html&amp;gt;
&lt;/code&gt;&lt;/pre&gt;
&lt;p&gt;This issue only happens on Mac 10.8 using firefox 21.0.  Safari works fine.&lt;/p&gt;</t>
  </si>
  <si>
    <t>2013-06-11 22:12:15.510000+00:00</t>
  </si>
  <si>
    <t>2013-06-11 22:45:08.950000+00:00</t>
  </si>
  <si>
    <t>java|macos|firefox|applet</t>
  </si>
  <si>
    <t>How can i take a user dump using powershell</t>
  </si>
  <si>
    <t>&lt;p&gt;I want to take  user dump of a process using powershell How can i do it?
The same I get on rightclicking the process in Taskmanager&lt;/p&gt;</t>
  </si>
  <si>
    <t>2013-03-20 12:23:00.617000+00:00</t>
  </si>
  <si>
    <t>2013-03-21 20:24:54.423000+00:00</t>
  </si>
  <si>
    <t>powershell|powershell-v2.0|dump|coredump</t>
  </si>
  <si>
    <t>mongodb find query getmore operation hangs</t>
  </si>
  <si>
    <t>&lt;p&gt;We are running MongoDB 3.0.2 on Linux.&lt;/p&gt;
&lt;p&gt;The "getmore" operation for a find query periodically hangs.&lt;/p&gt;
&lt;p&gt;The operation is available currentOp(), and one item I cannot explain is that all the acquireCount values in lockStats continue to grow while the query hangs (for Global, MMAPV1Journal, Database, and Collection).&lt;/p&gt;
&lt;p&gt;This is the operation in question, at this point running for more than 1000 secs, returned by db.currentOp() :&lt;/p&gt;
&lt;pre&gt;&lt;code&gt;{
    "desc" : "conn60",
    "threadId" : "0x2a99ee0",
    "connectionId" : 60,
    "opid" : 67792,
    "active" : true,
    "secs_running" : 1098,
    "microsecs_running" : NumberLong(1098289543),
    "op" : "getmore",
    "ns" : "dbName.collectionName",
    "query" : {
        "d" : {
            "$gt" : ISODate("2016-03-13T18:00:00.261Z"),
            "$lt" : ISODate("2016-03-14T22:45:17.718Z")
        },
        "cc" : "US",
        "dc" : {
            "$in" : [
                "26",
                "31",
                "17",
                "29",
                "35"
            ]
        },
        "pr" : {
            "$gte" : 4
        }
    },
    "client" : "10.0.0.111:33670",
    "numYields" : 317557,
    "locks" : {
    },
    "waitingForLock" : false,
    "lockStats" : {
        "Global" : {
            "acquireCount" : {
                "r" : NumberLong(635114)
            }
        },
        "MMAPV1Journal" : {
            "acquireCount" : {
                "r" : NumberLong(317557)
            }
        },
        "Database" : {
            "acquireCount" : {
                "r" : NumberLong(317557)
            }
        },
        "Collection" : {
            "acquireCount" : {
                "R" : NumberLong(317557)
            }
        }
    }
}
&lt;/code&gt;&lt;/pre&gt;
&lt;p&gt;Any insights would be much appreciated ! Thank you in advance.&lt;/p&gt;</t>
  </si>
  <si>
    <t>2016-03-15 01:46:30.540000+00:00</t>
  </si>
  <si>
    <t>2016-03-15 01:49:10.270000+00:00</t>
  </si>
  <si>
    <t>How can I set bordercolor with using ng-class in AngularJS?</t>
  </si>
  <si>
    <t>&lt;p&gt;I have a list of items and I'm populating it using radio buttons. Now, I want to change border color of the item to red using &lt;code&gt;ng-class&lt;/code&gt; when the associated radio button is clicked. This part is actually working. However, when I click on another item's radio button, the previous clicked item border is not unselected.&lt;/p&gt;
&lt;p&gt;&lt;div class="snippet" data-lang="js" data-hide="false" data-console="true" data-babel="false"&gt;_x000D_
&lt;div class="snippet-code"&gt;_x000D_
&lt;pre class="snippet-code-css lang-css prettyprint-override"&gt;&lt;code&gt;.selected{_x000D_
    border-color:red;_x000D_
}_x000D_
.unselected{_x000D_
    border-color:white;_x000D_
}&lt;/code&gt;&lt;/pre&gt;_x000D_
&lt;pre class="snippet-code-html lang-html prettyprint-override"&gt;&lt;code&gt;&amp;lt;input type="radio" name="clients" value="even" ng-click="selectClient(x)" ng-model="x.isSelected"&amp;gt;_x000D_
_x000D_
&amp;lt;span class="split bqm-focus" ng-class="{selected:x.isSelected,unselected:!x.isSelected}"&amp;gt;_x000D_
    &amp;lt;img ng-src="data:image/JPEG;base64,{{x.LogoSmall}} "  /&amp;gt;_x000D_
&amp;lt;/span&amp;gt;&lt;/code&gt;&lt;/pre&gt;_x000D_
&lt;/div&gt;_x000D_
&lt;/div&gt;_x000D_
&lt;/p&gt;</t>
  </si>
  <si>
    <t>2017-01-29 22:46:45.177000+00:00</t>
  </si>
  <si>
    <t>2017-02-27 12:11:55.303000+00:00</t>
  </si>
  <si>
    <t>c#|html|css|angularjs</t>
  </si>
  <si>
    <t>crossfading slideshow in jquery</t>
  </si>
  <si>
    <t>&lt;p&gt;I'm trying to create a crossfading slideshow in jquery, it works but, it appears a "flash" when fades out.
Can anyone help me?:&lt;/p&gt;
&lt;p&gt;JQUERY:&lt;/p&gt;
&lt;pre&gt;&lt;code&gt;$(document).ready(function() {
        slideShow();
        });
    function slideShow() {
    var showing = $('#comingsoon .is-showing');
        var next = showing.next().length ? showing.next(): showing.parent().children(':first');
showing.fadeOut(800,  function() { next.fadeIn(800).addClass('is-showing'); }).removeClass('is-showing');
setTimeout(slideShow, 2500);
}
&lt;/code&gt;&lt;/pre&gt;
&lt;p&gt;HTML:&lt;/p&gt;
&lt;pre&gt;&lt;code&gt;&amp;lt;html&amp;gt;
&amp;lt;head&amp;gt;
    &amp;lt;link rel="stylesheet" href="stylesheet.css"&amp;gt;
&amp;lt;title&amp;gt;Fantasy Craft&amp;lt;/title&amp;gt;
&amp;lt;/head&amp;gt;
&amp;lt;body&amp;gt;
&amp;lt;!-- Menu --&amp;gt;
&amp;lt;div id='cssmenu'&amp;gt;
&amp;lt;ul&amp;gt;
   &amp;lt;li&amp;gt;&amp;lt;a href='#'&amp;gt;&amp;lt;span&amp;gt;Home&amp;lt;/span&amp;gt;&amp;lt;/a&amp;gt;&amp;lt;/li&amp;gt;
   &amp;lt;li class='active has-sub'&amp;gt;&amp;lt;a href='#'&amp;gt;&amp;lt;span&amp;gt;Products&amp;lt;/span&amp;gt;&amp;lt;/a&amp;gt;
      &amp;lt;ul&amp;gt;
         &amp;lt;li class='has-sub'&amp;gt;&amp;lt;a href='#'&amp;gt;&amp;lt;span&amp;gt;Product 1&amp;lt;/span&amp;gt;&amp;lt;/a&amp;gt;
            &amp;lt;ul&amp;gt;
               &amp;lt;li&amp;gt;&amp;lt;a href='#'&amp;gt;&amp;lt;span&amp;gt;Sub Product&amp;lt;/span&amp;gt;&amp;lt;/a&amp;gt;&amp;lt;/li&amp;gt;
               &amp;lt;li class='last'&amp;gt;&amp;lt;a href='#'&amp;gt;&amp;lt;span&amp;gt;Sub Product&amp;lt;/span&amp;gt;&amp;lt;/a&amp;gt;&amp;lt;/li&amp;gt;
            &amp;lt;/ul&amp;gt;
         &amp;lt;/li&amp;gt;
         &amp;lt;li class='has-sub'&amp;gt;&amp;lt;a href='#'&amp;gt;&amp;lt;span&amp;gt;Product 2&amp;lt;/span&amp;gt;&amp;lt;/a&amp;gt;
            &amp;lt;ul&amp;gt;
               &amp;lt;li&amp;gt;&amp;lt;a href='#'&amp;gt;&amp;lt;span&amp;gt;Sub Product&amp;lt;/span&amp;gt;&amp;lt;/a&amp;gt;&amp;lt;/li&amp;gt;
               &amp;lt;li class='last'&amp;gt;&amp;lt;a href='#'&amp;gt;&amp;lt;span&amp;gt;Sub Product&amp;lt;/span&amp;gt;&amp;lt;/a&amp;gt;&amp;lt;/li&amp;gt;
            &amp;lt;/ul&amp;gt;
         &amp;lt;/li&amp;gt;
      &amp;lt;/ul&amp;gt;
   &amp;lt;/li&amp;gt;
   &amp;lt;li&amp;gt;&amp;lt;a href='#'&amp;gt;&amp;lt;span&amp;gt;About&amp;lt;/span&amp;gt;&amp;lt;/a&amp;gt;&amp;lt;/li&amp;gt;
   &amp;lt;li class='last'&amp;gt;&amp;lt;a href='#'&amp;gt;&amp;lt;span&amp;gt;Contact&amp;lt;/span&amp;gt;&amp;lt;/a&amp;gt;&amp;lt;/li&amp;gt;
&amp;lt;/ul&amp;gt;
&amp;lt;/div&amp;gt;
&amp;lt;br&amp;gt;&amp;lt;br&amp;gt;
&amp;lt;!--Slideshow e mouseover --&amp;gt;
&amp;lt;div id="fantasycraft"&amp;gt;
    &amp;lt;div class="fantasycraft-products"&amp;gt;
        &amp;lt;div class="left"&amp;gt;
            &amp;lt;div class="product" id ="currentl1"&amp;gt;
                &amp;lt;img src="slider_coming_soon.jpg" onmouseover="rollover1(this)" onmouseout="mouseaway1(this)" /&amp;gt;
            &amp;lt;/div&amp;gt;
            &amp;lt;div class="product" id ="currentl2"&amp;gt;
                &amp;lt;img src="slider_coming_soon.jpg" onmouseover="rollover2(this)" onmouseout="mouseaway2(this)" /&amp;gt;
            &amp;lt;/div&amp;gt;
        &amp;lt;/div&amp;gt;
        &amp;lt;div class="right"&amp;gt;
            &amp;lt;div class="product" id ="currentr1"&amp;gt;
                &amp;lt;img src="slider_coming_soon.jpg" onmouseover="rollover3(this)" onmouseout="mouseaway3(this)" /&amp;gt;
            &amp;lt;/div&amp;gt;
            &amp;lt;div class="product" id ="currentr2"&amp;gt;
                &amp;lt;img src="slider_coming_soon.jpg" onmouseover="rollover4(this)" onmouseout="mouseaway4(this)" /&amp;gt;
            &amp;lt;/div&amp;gt;
        &amp;lt;/div&amp;gt;
        &amp;lt;div class="comingsoon" id="comingsoon" style="overflow:hidden"&amp;gt;
            &amp;lt;img src="slider_coming_soon.jpg" class="is-showing" id="1" /&amp;gt;
            &amp;lt;img src="slider_coming_soon2.jpg" id="2" class="2" /&amp;gt;
            &amp;lt;img src="lone.png" id="3" class="3" /&amp;gt;
        &amp;lt;/div&amp;gt;
    &amp;lt;/div&amp;gt;
    &amp;lt;div class="fantasycraft-content"&amp;gt;
        &amp;lt;img src="ted.png"/&amp;gt;
    &amp;lt;/div&amp;gt;
&amp;lt;/div&amp;gt;
&amp;lt;script type="text/javascript" src="https://ajax.googleapis.com/ajax/libs/jquery/1.5.1/jquery.min.js"&amp;gt;&amp;lt;/script&amp;gt;
&amp;lt;script src="jquery.js"&amp;gt;&amp;lt;/script&amp;gt;
&amp;lt;script src="script.js"&amp;gt;&amp;lt;/script&amp;gt;
&amp;lt;/body&amp;gt;
&amp;lt;/html&amp;gt;
&lt;/code&gt;&lt;/pre&gt;
&lt;p&gt;The fading works but the problem is: when it fades, it appears a white flash.&lt;/p&gt;</t>
  </si>
  <si>
    <t>2015-05-28 18:00:01.727000+00:00</t>
  </si>
  <si>
    <t>javascript|jquery|slideshow|fade</t>
  </si>
  <si>
    <t>Saving new Excel document as macro-free workbook without prompt</t>
  </si>
  <si>
    <t>&lt;p&gt;I'm using Excel 2010. I have an Excel macro-enabled template that has a data connection to a text file that is set to automatically refresh when a new document is created using this template.&lt;/p&gt;
&lt;p&gt;The following macro is within the "ThisWorkbook" object to remove the data connection before saving the new document:&lt;/p&gt;
&lt;pre&gt;&lt;code&gt;Private Sub Workbook_BeforeSave(ByVal SaveAsUI As Boolean, Cancel As Boolean)
    Do While ActiveWorkbook.Connections.Count &amp;gt; 0
        ActiveWorkbook.Connections.Item(ActiveWorkbook.Connections.Count).Delete
    Loop
End Sub
&lt;/code&gt;&lt;/pre&gt;
&lt;p&gt;When a user clicks the save icon / hits ctrl+S, inputs a filename and then clicks save to save as a macro-free Excel workbook (as is the default and required filetype) they are prompted with a message stating:&lt;/p&gt;
&lt;blockquote&gt;
  &lt;p&gt;The following features cannot be saved in macro-free workbooks:&lt;/p&gt;
  &lt;p&gt;��� VB project&lt;/p&gt;
  &lt;p&gt;To save a file with these features, click No, and then choose a
  macro-enabled file type in the File Type list.&lt;/p&gt;
  &lt;p&gt;To continue saving as a macro-free workbook, click Yes.&lt;/p&gt;
&lt;/blockquote&gt;
&lt;p&gt;Is it possible to prevent this message from appearing and have Excel assume that the user wants to continue with a macro-free workbook?&lt;/p&gt;
&lt;p&gt;I've searched all over and understand that I may be able to add code to the workbook object that removes itself so that Excel has no VB project to cause this message but this would require each user to change Trust Center Settings (Trust access to the VBA project object model) which I want to avoid.&lt;/p&gt;
&lt;p&gt;I've also seen suggestions of using:&lt;/p&gt;
&lt;pre&gt;&lt;code&gt;Application.DisplayAlerts = False
&lt;/code&gt;&lt;/pre&gt;
&lt;p&gt;but can't get this to work. Every example of it's use seems to be within a sub that is also handling the saving of the document whereas in my situation the BeforeSave sub ends before the document is saved in the default, non-vba way which is perhaps why it does not work?&lt;/p&gt;
&lt;p&gt;Does this property reset to a default True after the sub has ended / before the save actually occurs?&lt;/p&gt;
&lt;p&gt;Apologies for any nonsense I may have dispensed, my experience with VBA is very limited.&lt;/p&gt;</t>
  </si>
  <si>
    <t>2017-08-09 16:38:21.070000+00:00</t>
  </si>
  <si>
    <t>2018-06-27 15:01:20.780000+00:00</t>
  </si>
  <si>
    <t>excel|vba|excel-vba|excel-2010</t>
  </si>
  <si>
    <t>Lucene custom scoring (Lucene 3.2) involves iterating through all documents in the index - fastest way?</t>
  </si>
  <si>
    <t>&lt;p&gt;I'm trying to implement a custom scoring formula in Lucene that has nothing to do with tf-idf (so changing just the similarity, for example, will not work). &lt;/p&gt;
&lt;p&gt;In order to do this, I need to be able to take my custom Query and generate a score for every document stored in the index - not just the ones that match the terms in the query (since my scoring involves checking what are essentially synonyms, so even if a doc doesn't have the exact Terms, it could still produce a positive score). Is the best way to simply create an IndexReader and call &lt;code&gt;Document d = reader.doc(i)&lt;/code&gt; for all docs (as described &lt;a href="https://stackoverflow.com/questions/2311845/is-it-possible-to-iterate-through-documents-stored-in-lucene-index"&gt;here&lt;/a&gt;), and then generate a score on the spot?&lt;/p&gt;
&lt;p&gt;I've been looking around at Lucene's scoring internals, specifically various Scorer and Collector classes, and it appears that what happens (for Lucene 3.2) is a Weight provides a Scorer, which along with the Collector loops through all documents that match the query. Can I utilize this structure in some way, but again get a custom Scorer implementation to consider ALL documents? &lt;/p&gt;</t>
  </si>
  <si>
    <t>2011-06-27 07:35:08.177000+00:00</t>
  </si>
  <si>
    <t>2011-12-17 20:18:41.393000+00:00</t>
  </si>
  <si>
    <t>2017-05-23 12:19:02.320000+00:00</t>
  </si>
  <si>
    <t>Tukey-Test Grouping and plotting in SciPy</t>
  </si>
  <si>
    <t>&lt;p&gt;I'm trying to plot results from a Tukey test, but I am struggling with putting data into groups based on a P-Value. &lt;a href="http://www.r-graph-gallery.com/84-tukey-test/" rel="nofollow noreferrer"&gt;This is the equivalent in R&lt;/a&gt; which I am trying to replicate. I have been using the SciPy one-way ANOVA tests and the Tukey test statsmodel but can't get these groups done in the same way. &lt;/p&gt;
&lt;p&gt;Any help is greatly appreciated&lt;/p&gt;
&lt;p&gt;I've also just found this &lt;a href="https://stackoverflow.com/questions/18771516/is-there-a-function-to-add-aov-post-hoc-testing-results-to-ggplot2-boxplot"&gt;another example in R of what I want to do in python&lt;/a&gt;&lt;/p&gt;</t>
  </si>
  <si>
    <t>2017-05-15 19:48:13.750000+00:00</t>
  </si>
  <si>
    <t>2017-05-23 10:31:09.757000+00:00</t>
  </si>
  <si>
    <t>numpy|matplotlib|scipy|anova</t>
  </si>
  <si>
    <t>Slick PHP based image manager for managing user profile images</t>
  </si>
  <si>
    <t>&lt;p&gt;I'm just throwing this out there as I'm plodding my way through creating a Member Photo album on a site i'm working on, where they can login and upload their photos to a personal gallery. I want this to be nice and lightweight, but still slick and "modern" with a modal based interface for the user. I'm surprised though that there is seemingly nothing open source out there which fits the bill - I've done a few searches on Google to no avail and can't seem to find anything. Lots of bloated photo galleries out there but nothing looks like it has been developed using more recent technologies.&lt;/p&gt;
&lt;p&gt;Is anyone aware of anything which might suit what I'm looking for? I'm fully prepared to try and code it myself but I'd be delighted if I didn't have to! Pure laziness you might say, but there's no point reinventing the wheel.&lt;/p&gt;</t>
  </si>
  <si>
    <t>2010-06-16 20:08:46.853000+00:00</t>
  </si>
  <si>
    <t>2011-03-21 06:17:15.873000+00:00</t>
  </si>
  <si>
    <t>Update in MicrosoftAjax.js is not reflect in my local Visual Studio 2005</t>
  </si>
  <si>
    <t>&lt;p&gt;I got java script error:&lt;/p&gt;
&lt;blockquote&gt;
  &lt;p&gt;SCRIPT5022: Sys.ArgumentOutOfRangeException: Value must be an integer.
  Parameter name: y Actual value was 326.739990234375.&lt;/p&gt;
&lt;/blockquote&gt;
&lt;p&gt;When I testing application in  IE 10 browser. I did googling and found &lt;a href="http://support.microsoft.com/kb/936993" rel="nofollow"&gt;this solution&lt;/a&gt; from Microsoft Support.
I have modified &lt;code&gt;MicrosoftAjax.js&lt;/code&gt; and &lt;code&gt;MicrosoftAjax.debug.js&lt;/code&gt; files as per above article.&lt;/p&gt;
&lt;p&gt;But After modified the javascriptfiles, when I run the application using Visual Studio 2005, I did not get the updated &lt;code&gt;MicrosoftAjax.js&lt;/code&gt; and &lt;code&gt;MicrosoftAjax.debug.js&lt;/code&gt; files. &lt;/p&gt;
&lt;p&gt;So my question is: How can I get the updated versions of these two javascripts files.&lt;/p&gt;
&lt;p&gt;Thanks,
Ankur&lt;/p&gt;</t>
  </si>
  <si>
    <t>2013-04-30 13:52:41.633000+00:00</t>
  </si>
  <si>
    <t>2013-05-01 19:14:42.237000+00:00</t>
  </si>
  <si>
    <t>2013-04-30 14:13:06.860000+00:00</t>
  </si>
  <si>
    <t>ajaxcontroltoolkit|asp.net-2.0|internet-explorer-10|microsoft-ajax</t>
  </si>
  <si>
    <t>Pandas Bar Plot Hierarchical Labeling Alternative Version</t>
  </si>
  <si>
    <t>&lt;p&gt;I'm trying to hierarchically label a pandas bar plot. What I'm trying to achieve is a twist on @Stein 's solution (2nd soln down) in &lt;a href="https://stackoverflow.com/questions/19184484/how-to-add-group-labels-for-bar-charts-in-matplotlib/39502106#39502106"&gt;How to add group labels for bar charts in matplotlib?&lt;/a&gt;. However, rather than drawing vertical lines to show groupings, I wanted to use horizontal lines. &lt;/p&gt;
&lt;p&gt;Vertical lines (original solution)&lt;/p&gt;
&lt;p&gt;&lt;a href="https://i.stack.imgur.com/7j4MT.png" rel="nofollow noreferrer"&gt;&lt;img src="https://i.stack.imgur.com/7j4MT.png" alt="enter image description here"&gt;&lt;/a&gt;&lt;/p&gt;
&lt;p&gt;Horizontal lines (desired solution)&lt;/p&gt;
&lt;p&gt;&lt;a href="https://i.stack.imgur.com/U90dd.png" rel="nofollow noreferrer"&gt;&lt;img src="https://i.stack.imgur.com/U90dd.png" alt="enter image description here"&gt;&lt;/a&gt;&lt;/p&gt;
&lt;p&gt;@Stein 's code&lt;/p&gt;
&lt;pre&gt;&lt;code&gt;import pandas as pd
import numpy as np
from matplotlib import pyplot as plt
from itertools import groupby  
def add_line(ax, xpos, ypos):
    line = plt.Line2D([xpos, xpos], [ypos + .1, ypos],
                      transform=ax.transAxes, color='darkslategrey')
    line.set_clip_on(False)
    ax.add_line(line)
def label_len(my_index,level):
    labels = my_index.get_level_values(level)
    return [(k, sum(1 for i in g)) for k,g in groupby(labels)]
def label_group_bar_table(ax, df):
    ypos = -.1
    scale = 1./df.index.size
    for level in range(df.index.nlevels)[::-1]:
        pos = 0
        for label, rpos in label_len(df.index,level):
            lxpos = (pos + .5 * rpos)*scale
            ax.text(lxpos, ypos, label, ha='center', transform=ax.transAxes, rotation = 90)
            add_line(ax, pos*scale, ypos)
            pos += rpos
        add_line(ax, pos*scale , ypos)
        ypos -= .1
df = test_table().groupby(['Room','Shelf','Staple']).sum()
fig = plt.figure()
ax = fig.add_subplot(111)
df.plot(kind='bar',stacked=False,ax=fig.gca())
#Below 3 lines remove default labels
labels = ['' for item in ax.get_xticklabels()]
ax.set_xticklabels(labels)
ax.set_xlabel('')
label_group_bar_table(ax, df)
fig.subplots_adjust(bottom=.1*df.index.nlevels)
plt.show()
&lt;/code&gt;&lt;/pre&gt;</t>
  </si>
  <si>
    <t>2018-06-23 04:37:12.627000+00:00</t>
  </si>
  <si>
    <t>2018-06-23 16:13:33.503000+00:00</t>
  </si>
  <si>
    <t>2018-06-23 14:12:16.417000+00:00</t>
  </si>
  <si>
    <t>python|pandas|matplotlib|charts|bar-chart</t>
  </si>
  <si>
    <t>How to make a POST request with an array in body data</t>
  </si>
  <si>
    <t>&lt;p&gt;I'm trying to do this with Objective-C but i think is the same body data but a don't know how it has to be.&lt;/p&gt;</t>
  </si>
  <si>
    <t>2015-01-09 12:34:57.440000+00:00</t>
  </si>
  <si>
    <t>2015-02-03 10:46:31.250000+00:00</t>
  </si>
  <si>
    <t>objective-c|arrays|xcode|http-post</t>
  </si>
  <si>
    <t>Can I include a macro in my whole project?</t>
  </si>
  <si>
    <t>&lt;p&gt;I've written a couple of macros which run fine when defined in a header file and included in my .m files.&lt;/p&gt;
&lt;p&gt;Is it possible to make these macros available to every .m file without having to include the header every time? For logging and string formatting macros this seems really inconvenient. &lt;/p&gt;
&lt;p&gt;I'm pretty sure I'm missing an XCode setting or something but haven't had much luck on Google.&lt;/p&gt;</t>
  </si>
  <si>
    <t>2010-11-24 11:17:54.830000+00:00</t>
  </si>
  <si>
    <t>2016-07-12 19:12:53.600000+00:00</t>
  </si>
  <si>
    <t>2016-07-12 19:12:32.363000+00:00</t>
  </si>
  <si>
    <t>objective-c|macros|c-preprocessor</t>
  </si>
  <si>
    <t>How do I reflect the colour of a cell in Workbook 1 into Workbook 2?</t>
  </si>
  <si>
    <t>&lt;p&gt;I have two workbooks where in Workbook 1 I have a macro that updates the interior colour of one cell given the overall status of the project.&lt;/p&gt;
&lt;p&gt;Workbook 2 is intended as a summary of all the projects and I need it to reflect the colour of that one cell in Workbook 1.&lt;/p&gt;
&lt;p&gt;Im still fairly new to VBA... How would I go about doing that ? &lt;/p&gt;
&lt;p&gt;Thank You!&lt;/p&gt;</t>
  </si>
  <si>
    <t>2016-12-08 14:54:19.887000+00:00</t>
  </si>
  <si>
    <t>2016-12-08 15:11:51.803000+00:00</t>
  </si>
  <si>
    <t>Why does Float.toString() change the numeric value?</t>
  </si>
  <si>
    <t>&lt;p&gt;I have a question regarding below code, where if we use the &lt;code&gt;Float.toString()&lt;/code&gt; method it will do some rounding of digits. Why does it do this? Is there any specific logic behind that?&lt;/p&gt;
&lt;p&gt;I have also looked at the internal code of &lt;code&gt;Float.toString()&lt;/code&gt;. It's calling &lt;code&gt;FloatingDecimal(f).toJavaFormatString()&lt;/code&gt;.&lt;/p&gt;
&lt;pre&gt;&lt;code&gt;public static void main(String[] args) {                            
    Float f = Float.intBitsToFloat(1342177280);
    String simpleString = new BigDecimal(f).toPlainString();
    System.out.println("simpleString value  " + simpleString);
    String withToString = new BigDecimal(Float.toString(f)).toPlainString();
    System.out.println("withToString value  " + withToString);
}
&lt;/code&gt;&lt;/pre&gt;
&lt;p&gt;Output is like this&lt;/p&gt;
&lt;pre&gt;&lt;code&gt;simpleString value  8589934592
withToString value  8589934600  //here value changed
&lt;/code&gt;&lt;/pre&gt;</t>
  </si>
  <si>
    <t>2016-09-21 07:17:52.977000+00:00</t>
  </si>
  <si>
    <t>2016-09-21 07:39:26.740000+00:00</t>
  </si>
  <si>
    <t>2016-09-21 07:35:10.350000+00:00</t>
  </si>
  <si>
    <t>Running one parallel task per processor using the Task Parallel Library in C#</t>
  </si>
  <si>
    <t>&lt;p&gt;When using the task parallel library, is it possible to make sure that I am only running one task per processor at the time? And if not, what is the best way to do this in C#?&lt;/p&gt;
&lt;p&gt;Note: I am not doing this to increase performance, but to make the timing of each task more reliable. For more info see this question: &lt;a href="https://stackoverflow.com/questions/10522025/timing-of-parallel-actions-using-the-task-parallel-library-in-c-sharp"&gt;Timing of parallel actions using the Task Parallel Library in C#&lt;/a&gt;&lt;/p&gt;</t>
  </si>
  <si>
    <t>2012-05-10 04:57:34.627000+00:00</t>
  </si>
  <si>
    <t>2012-09-21 11:19:03.953000+00:00</t>
  </si>
  <si>
    <t>2017-05-23 11:56:28.523000+00:00</t>
  </si>
  <si>
    <t>.net|multithreading|c#-4.0|parallel-processing|task-parallel-library</t>
  </si>
  <si>
    <t>Comparing two texts php</t>
  </si>
  <si>
    <t>&lt;p&gt;I am trying to find which are in each array and how they differ, but it says all are not in the array with the in_array function.&lt;/p&gt;
&lt;p&gt;I need to find which are to be removed and which will need to be added, return each as an array to jquery.&lt;/p&gt;
&lt;pre&gt;&lt;code&gt;// prepares array
function prep($string){
    $separator = "/n";
    $string = explode($separator , $string );
    $string = array_map('trim', $string);
    return $string;
}
// lines to test
$lines = 'guest13 /n guest14 /n guest16 /n';
$lines2 = 'guest13 /n guest16 /n guest17 /n';
// declares storage for later
$add = array();
$rem = array();
// tests lines to see if the same
similar_text($lines, $lines2, $percent);
// declares arrays 
$linestest = array();
$linestest2 = array();
// filters lines to be tested
$linestest = prep($lines);
$lines2test = prep($lines2);
if ($percent != 100) {
    // checks if it needs to be removed
    foreach ($linestest as $line =&amp;gt; $mow) {
        if (!in_array('$mow', $linestest2, true)) {
            $rem[] = $mow;
            echo '&amp;lt;br /&amp;gt;remove ' . $mow;
        }
    }
    foreach ($lines2test as $sigh =&amp;gt; $wow) {
        if (!in_array('$wow', $linestest, true)) {
            $add[] = $wow;
            echo '&amp;lt;br /&amp;gt;add ' . $wow;
        }
        // echos each out
    }
    foreach ($rem as $new) {
        $mows .= 'remove this ' . $new;
    }
    foreach ($add as $new) {
        $mows .= 'add this ' . $new;
    }
    echo '&amp;lt;br /&amp;gt;end of string ' . $mows;
}
&lt;/code&gt;&lt;/pre&gt;</t>
  </si>
  <si>
    <t>2016-11-28 20:38:13.547000+00:00</t>
  </si>
  <si>
    <t>2016-11-29 14:44:33.317000+00:00</t>
  </si>
  <si>
    <t>2016-11-28 21:03:16.777000+00:00</t>
  </si>
  <si>
    <t>How to populate list view with three array?</t>
  </si>
  <si>
    <t>&lt;p&gt;I have three String[] populated with JSon data. So I need list view with all three String[] ,for example : String[] name to be on the top, then String[] address and on the bottom String[] phone. I found few tuts about custom array adapter but I didn't understand them so well. So, to repeat I already have all data in String[] name, String[] address and String[] phone just I need to put them in right adapter.
Can anyone help me.
Thanks. &lt;/p&gt;</t>
  </si>
  <si>
    <t>2012-05-04 16:21:27.803000+00:00</t>
  </si>
  <si>
    <t>2012-05-04 16:24:11.353000+00:00</t>
  </si>
  <si>
    <t>Can not use "startx" to strat my raspberry pi</t>
  </si>
  <si>
    <t>&lt;p&gt;Today when I tried to start my raspberry pi, it doesn't work and say this in my screen:&lt;/p&gt;
&lt;p&gt;&lt;code&gt;[warn] Root filesystem has insufficient free space; mounting tmpfs on /tmp ... (warning)
...
[FAIL] /etc/init.d/mysql:ERROR:The partition with /var/lib/mysql is too full! ... failed!
[Fail] startpar:service(s) returned failure:mysql ... failed!&lt;/code&gt;&lt;/p&gt;
&lt;p&gt;How can I solve this problem?&lt;/p&gt;</t>
  </si>
  <si>
    <t>2016-03-27 14:29:27.657000+00:00</t>
  </si>
  <si>
    <t>2016-03-27 14:37:19.050000+00:00</t>
  </si>
  <si>
    <t>mysql|linux|raspberry-pi</t>
  </si>
  <si>
    <t>Can I maintain a reference to the GL10 safely?</t>
  </si>
  <si>
    <t>&lt;p&gt;In my android application I get a reference to the GL10 object in the methods: onSurfaceCreated, onSurfaceChanged, and onDrawFrame.  Is it safe to hold onto that reference?&lt;/p&gt;</t>
  </si>
  <si>
    <t>2010-12-05 00:37:07.980000+00:00</t>
  </si>
  <si>
    <t>2012-08-17 23:05:28.457000+00:00</t>
  </si>
  <si>
    <t>2010-12-05 04:08:47.433000+00:00</t>
  </si>
  <si>
    <t>android|opengl-es</t>
  </si>
  <si>
    <t>how to change color of the text based on background color on run time css</t>
  </si>
  <si>
    <t>&lt;p&gt;I have &lt;/p&gt;
&lt;pre&gt;&lt;code&gt;&amp;lt;span [ngStyle]="{'background-color': dynamicColor}"&amp;gt;ABC&amp;lt;/span&amp;gt;
&lt;/code&gt;&lt;/pre&gt;
&lt;p&gt;I want to set the font color of text based on the background color that is inverted color of &lt;code&gt;background-color&lt;/code&gt; so that is easily readable. Like if &lt;code&gt;background-color&lt;/code&gt; is white then text color should be black. And if &lt;code&gt;background-color&lt;/code&gt; is black then text color is white. &lt;/p&gt;
&lt;p&gt;In sass, I could do this easily using the following function&lt;/p&gt;
&lt;pre&gt;&lt;code&gt;// function to return the text-color based on the passed background color
@function text-color($color) {
    @if (lightness($color) &amp;gt; 50) {
        @return #000000; // Lighter backgorund, return dark color
    }
    @else {
        @return #ffffff; // Darker background, return light color
    }
}
&lt;/code&gt;&lt;/pre&gt;
&lt;p&gt;but the &lt;code&gt;background-color&lt;/code&gt; is getting changed run time based on the dynamic content using &lt;strong&gt;AJAX&lt;/strong&gt;. &lt;/p&gt;
&lt;p&gt;&lt;strong&gt;Update&lt;/strong&gt;&lt;/p&gt;
&lt;p&gt;Added more detail to clear the question.&lt;/p&gt;</t>
  </si>
  <si>
    <t>2018-04-09 11:33:31.363000+00:00</t>
  </si>
  <si>
    <t>2018-04-09 15:27:10.683000+00:00</t>
  </si>
  <si>
    <t>2018-04-09 12:37:52.047000+00:00</t>
  </si>
  <si>
    <t>Why does Response.StatusCode = (int)HttpStatusCode.NotFound give me the generic error handler?</t>
  </si>
  <si>
    <t>&lt;p&gt;I catch and redirect 404 errors to an Error controller \ views with the following code. &lt;/p&gt;
&lt;pre&gt;&lt;code&gt;Response.Clear();
Server.ClearError();
var routeData = new RouteData();
routeData.Values["controller"] = "Error";
routeData.Values["action"] = "HttpError";
routeData.Values["exception"] = exception;          
Response.StatusCode = 500;
//if http 404 redirect to http404 action
if (httpException != null)
{
    Response.StatusCode = httpException.GetHttpCode();
    switch (Response.StatusCode)
    {
        case 404:
            routeData.Values["action"] = "Http404";
            break;
    }
}
&lt;/code&gt;&lt;/pre&gt;
&lt;p&gt;In the error controller if I set Response.StatusCode = (int)HttpStatusCode.NotFound I get the generic error handler, not the view I returned.  This only seems to happen in production. Any ideas why?&lt;/p&gt;
&lt;pre&gt;&lt;code&gt;[AllowAnonymous]
public ActionResult Http404()
{
    //this line causes generic error handler
    Response.StatusCode = (int)HttpStatusCode.NotFound;
    var viewModel = new ErrorViewModel
    {
        Description = "Hmm, the page you're looking for can't be found"
    };
    return View("Error", viewModel);
}
&lt;/code&gt;&lt;/pre&gt;</t>
  </si>
  <si>
    <t>2016-05-18 21:18:36.467000+00:00</t>
  </si>
  <si>
    <t>2016-11-24 21:25:14.233000+00:00</t>
  </si>
  <si>
    <t>asp.net-mvc|asp.net-mvc-3</t>
  </si>
  <si>
    <t>Run executable from php without spawning a shell</t>
  </si>
  <si>
    <t>&lt;p&gt;I need to call an executable from an imposed context of a PHP script. Both performance and security wise it's better not to call a shell at all between web server process and executable.&lt;/p&gt;
&lt;p&gt;Of course I searched the web, without success (in such a PHP context). Many other languages allow that and document it clearly.&lt;/p&gt;
&lt;p&gt;Alas, backticks, &lt;code&gt;exec()&lt;/code&gt;, &lt;code&gt;shell_exec()&lt;/code&gt;, &lt;code&gt;passthru()&lt;/code&gt;, &lt;code&gt;system()&lt;/code&gt;, &lt;code&gt;proc_open()&lt;/code&gt;, &lt;code&gt;popen()&lt;/code&gt; call a shell.
And &lt;code&gt;pcntl_fork()&lt;/code&gt; seems unavailable.&lt;/p&gt;
&lt;h1&gt;How to test if a function calls a shell or not.&lt;/h1&gt;
&lt;p&gt;This was tested on a Debian 6 64bit with PHP 5.3.3-7+squeeze15 .
Test code on &lt;a href="http://pastebin.com/y4C7MeJz" rel="noreferrer"&gt;http://pastebin.com/y4C7MeJz&lt;/a&gt;&lt;/p&gt;
&lt;p&gt;To get a meaningful test I used a trick which is to ask to execute a shell command not also available as an executable. A good example is &lt;code&gt;umask&lt;/code&gt; . Any function returning something like 0022 definitely called a shell. &lt;code&gt;exec()&lt;/code&gt;, &lt;code&gt;shell_exec()&lt;/code&gt;, &lt;code&gt;passthru()&lt;/code&gt;, &lt;code&gt;system()&lt;/code&gt;, &lt;code&gt;proc_open()&lt;/code&gt; all did.
See detailed results on &lt;a href="http://pastebin.com/RBcBz02F" rel="noreferrer"&gt;http://pastebin.com/RBcBz02F&lt;/a&gt; .&lt;/p&gt;
&lt;h1&gt;pcntl_fork fails&lt;/h1&gt;
&lt;p&gt;Now, back the the goal : how to execute arbitrary program without launching a shell ?&lt;/p&gt;
&lt;p&gt;Php's exec takes as expected an array of string args instead of a unique string. But pcntl_fork just stops the requests without even a log.&lt;/p&gt;
&lt;p&gt;Edit: pcntl_fork failure is because the server uses Apache's mod_php, see &lt;a href="http://www.php.net/manual/en/function.pcntl-fork.php#49949" rel="noreferrer"&gt;http://www.php.net/manual/en/function.pcntl-fork.php#49949&lt;/a&gt; .&lt;/p&gt;
&lt;p&gt;Edit: added &lt;code&gt;popen()&lt;/code&gt; to the tests, following @hakre suggestion.&lt;/p&gt;
&lt;p&gt;Any hint appreciated.&lt;/p&gt;</t>
  </si>
  <si>
    <t>2013-05-16 18:42:18.963000+00:00</t>
  </si>
  <si>
    <t>2013-08-08 10:13:15.183000+00:00</t>
  </si>
  <si>
    <t>2013-05-28 20:19:23.447000+00:00</t>
  </si>
  <si>
    <t>php|performance|security|shell</t>
  </si>
  <si>
    <t>django pass a predicate to filter funtion</t>
  </si>
  <si>
    <t>&lt;p&gt;I have the following code, as you can see only thing that changes is the function call point__distance_gte or point__distance_lte. Is there a way to externalise this function from calling code. &lt;/p&gt;
&lt;pre&gt;&lt;code&gt;def search():
    if distance == 50:
        jobs = list(Job.objects.filter(point__distance_gte=(ref_pnt, D(**distance_from_point))))
    else:                   
        jobs = list(Job.objects.filter(point__distance_lte=(ref_pnt, D(**distance_from_point)))
&lt;/code&gt;&lt;/pre&gt;
&lt;p&gt;So something like:&lt;/p&gt;
&lt;pre&gt;&lt;code&gt;def search(predicate):
    jobs = list(Job.objects.filter(predicate))
&lt;/code&gt;&lt;/pre&gt;
&lt;p&gt;Although, I am showing only one filter here but in reality I have chained filters and prefetch conditions attached to the query which makes it ugly if I have to repeat code.&lt;/p&gt;</t>
  </si>
  <si>
    <t>2015-03-06 23:07:03.970000+00:00</t>
  </si>
  <si>
    <t>2015-03-07 00:28:29.880000+00:00</t>
  </si>
  <si>
    <t>django|django-queryset|django-1.7</t>
  </si>
  <si>
    <t>Android Internet Radio Player</t>
  </si>
  <si>
    <t>&lt;p&gt;I am new in android. I have an internal project and selected an android Internet Radio player. here I don't know how to do...? But what i want to do is a simple player that will be just like an audio player when I press play button it will stream from internet or station that is selected from the list. I know what i will need for this.&lt;/p&gt;
&lt;ol&gt;
&lt;li&gt;Internet access to the application.&lt;/li&gt;
&lt;li&gt;The list of station, now this is pretty much difficult for me to get list of stations available on different sites. I came to know from google that ShoutCast.com is one of best but I don't now how to get their station list.&lt;/li&gt;
&lt;/ol&gt;
&lt;p&gt;Please anyone can help me for this app. I need emergency help or suggestion. It will be great help for me. Please.&lt;/p&gt;</t>
  </si>
  <si>
    <t>2012-09-19 08:59:23.223000+00:00</t>
  </si>
  <si>
    <t>android-widget|audio-streaming|android-mediaplayer|soundmanager2|android-mediarecorder</t>
  </si>
  <si>
    <t>Oracle correlated UPDATE</t>
  </si>
  <si>
    <t>&lt;p&gt;I'm having difficulty with Oracle 10g syntax for a correlated UPDATE.  I am processing this code in a PL/SQL procedure.&lt;/p&gt;
&lt;p&gt;I would approach the problem in SQL Server as so:&lt;/p&gt;
&lt;pre&gt;&lt;code&gt;UPDATE  table_a a
SET     a.prov_id=pn.prov_id,
        a.step=1
from    (
          SELECT  p.prov_id
          FROM    note n
          INNER JOIN provider p ON n.author_id=p.user_id
          where   n.enc_id=a.enc_id
          AND     TRUNC(n.note_time)=a.attr_date
        ) pn
&lt;/code&gt;&lt;/pre&gt;
&lt;p&gt;The equivalent Oracle syntax is:&lt;/p&gt;
&lt;pre&gt;&lt;code&gt;UPDATE  table_a a
SET     a.prov_id=(
          SELECT  p.prov_id
          FROM    note n
          INNER JOIN provider p ON n.author_id=p.user_id
          where   n.enc_id=a.enc_id
          AND     TRUNC(n.note_time)=a.attr_date
        ),
        a.step=1
WHERE EXISTS (
          SELECT  *
          FROM    note n
          INNER JOIN provider p ON n.author_id=p.user_id
          where   n.enc_id=a.enc_id
          AND     TRUNC(n.note_time)=a.attr_date
        )
&lt;/code&gt;&lt;/pre&gt;
&lt;p&gt;Does this in fact run the sub-query twice?  Is there a more-abbreviated syntax than this?  &lt;/p&gt;</t>
  </si>
  <si>
    <t>2011-08-18 19:52:16.283000+00:00</t>
  </si>
  <si>
    <t>2011-08-18 20:27:04.627000+00:00</t>
  </si>
  <si>
    <t>sql|sql-server|plsql|oracle10g|correlated-subquery</t>
  </si>
  <si>
    <t>I don't see colors when open a C file in vim</t>
  </si>
  <si>
    <t>&lt;p&gt;I dont see colors when open a C file in vim, check my terminal type using the folllowing command&lt;/p&gt;
&lt;pre&gt;&lt;code&gt;&amp;gt; echo $TERM
vt100
&lt;/code&gt;&lt;/pre&gt;
&lt;p&gt;Is it because vt100 doesn't supports colors. How can I change the same?&lt;/p&gt;</t>
  </si>
  <si>
    <t>2013-10-16 09:37:59.717000+00:00</t>
  </si>
  <si>
    <t>2013-10-16 11:16:36.253000+00:00</t>
  </si>
  <si>
    <t>linux|vim|terminal</t>
  </si>
  <si>
    <t>SQL: How to calculate correctly with any DATE_TIME and CURRENT_TIMESTAMP?</t>
  </si>
  <si>
    <t>&lt;p&gt;I have created a table where I listed some spare parts of my company.&lt;br&gt;
The Table looks like this:&lt;br&gt;
&lt;br&gt;&lt;/p&gt;
&lt;pre&gt;&lt;code&gt;ID | Name | install_date | last_changed | order_nr. | WearStatus
----------
1  | "ABC" | **2017-11-08 10:34:40** | NULL | 123456 | **50**&amp;lt;br&amp;gt;
2  | "DEF" | **2017-11-08 10:34:40** | NULL | 654321 | **10**&amp;lt;br&amp;gt;
&lt;/code&gt;&lt;/pre&gt;
&lt;p&gt;.&lt;br&gt;
.&lt;/p&gt;
&lt;p&gt;I want to calculate the Future Date, where the spare Parts should be changed. For example:&lt;br&gt;
I installed a Part on the 01. December and exactly 10 Days later on the 11. December this part has a Wear of 50%, then I know: It has 10 more Days left.&lt;br&gt;&lt;/p&gt;
&lt;p&gt;My calculation is according to the rule of three formula: &lt;strong&gt;Time = (100 * delta t) / Wear&lt;/strong&gt;&lt;/p&gt;
&lt;p&gt;I use the following SQL command: &lt;/p&gt;
&lt;pre&gt;&lt;code&gt;SELECT ( (100*(CURRENT_TIMESTAMP - First_Usage) / Wear) + First_Usage) As 'Change_Date' FROM spare_parts
&lt;/code&gt;&lt;/pre&gt;
&lt;p&gt;And get the following Results:&lt;/p&gt;
&lt;p&gt;&lt;a href="https://i.stack.imgur.com/vVmvy.png" rel="nofollow noreferrer"&gt;&lt;img src="https://i.stack.imgur.com/vVmvy.png" alt="enter image description here"&gt;&lt;/a&gt;&lt;/p&gt;
&lt;p&gt;If you see there are some crazy DATE_TIMES like &lt;strong&gt;2017-19-41-43-19-31&lt;/strong&gt;. &lt;br&gt;
&lt;br&gt;
So my Question is now: How to format this "Numbers" to a useful DATE_TIME Format like &lt;strong&gt;YYYY-MM-DD hh:mm:ss&lt;/strong&gt; ?&lt;/p&gt;
&lt;p&gt;&lt;br&gt;
kind regards Toby&lt;/p&gt;</t>
  </si>
  <si>
    <t>2017-12-08 09:41:37.220000+00:00</t>
  </si>
  <si>
    <t>2017-12-08 10:01:01.643000+00:00</t>
  </si>
  <si>
    <t>2017-12-08 09:43:24.467000+00:00</t>
  </si>
  <si>
    <t>mysql|sql|date|datetime-format</t>
  </si>
  <si>
    <t>How to scroll the screen (i mean how to move the screen )</t>
  </si>
  <si>
    <t>&lt;p&gt;Here i have 10 field. i can view only 9 fields at a time and i con't scroll this screen...
so how to make this screen scrollable... friends just help me..&lt;/p&gt;
&lt;p&gt;Here is my coding.&lt;/p&gt;
&lt;pre&gt;&lt;code&gt;&amp;lt;LinearLayout xmlns:android="http://schemas.android.com/apk/res/android"
android:layout_width="fill_parent" android:layout_height="fill_parent"
android:stretchColumns="1"
android:scrollbars="vertical"
android:isScrollContainer="true"
android:scrollbarAlwaysDrawVerticalTrack="true"&amp;gt;
&amp;lt;TableLayout 
android:layout_width="fill_parent" android:layout_height="fill_parent"
android:stretchColumns="1"
android:scrollbars="vertical"
android:isScrollContainer="true"
android:scrollbarAlwaysDrawVerticalTrack="true"&amp;gt;
&amp;lt;TableRow&amp;gt;
    &amp;lt;TextView android:id="@+id/lbl_waybilltype"
        android:layout_column="1" android:text="Waybill Type"
        android:layout_width="wrap_content" android:padding="3dip"
        android:layout_height="wrap_content" android:layout_centerHorizontal="true"
        android:layout_centerVertical="true" android:textStyle="bold" /&amp;gt;
    &amp;lt;Spinner android:layout_height="wrap_content" android:id="@+id/spinner_waybilltype"
        android:layout_width="fill_parent" android:gravity="left"&amp;gt;&amp;lt;/Spinner&amp;gt;
&amp;lt;/TableRow&amp;gt;
&amp;lt;TableRow&amp;gt;
    &amp;lt;TextView android:text="Agent ID"
    android:layout_column="1" 
    android:layout_width="wrap_content"
    android:layout_height="wrap_content"
    android:layout_centerHorizontal="true"
    android:layout_centerVertical="true"
    android:textStyle="bold" /&amp;gt;
    &amp;lt;EditText android:layout_width="200dip"
    android:layout_height="wrap_content"
    android:text=""
    android:singleLine="true" /&amp;gt;
&amp;lt;/TableRow&amp;gt;
&amp;lt;TableRow&amp;gt;
    &amp;lt;TextView android:text="Manifest Number"
    android:layout_column="1" 
    android:layout_width="wrap_content"
    android:layout_height="wrap_content"
    android:layout_centerHorizontal="true"
    android:layout_centerVertical="true"
    android:textStyle="bold" /&amp;gt;
    &amp;lt;EditText android:layout_width="200dip"
    android:layout_height="wrap_content"
    android:text=""
    android:singleLine="true" /&amp;gt;
&amp;lt;/TableRow&amp;gt;
&amp;lt;TableRow&amp;gt;
    &amp;lt;TextView android:text="Manifest Date"
    android:layout_column="1" 
    android:layout_width="wrap_content"
    android:layout_height="wrap_content"
    android:layout_centerHorizontal="true"
    android:layout_centerVertical="true"
    android:textStyle="bold" /&amp;gt;
    &amp;lt;EditText android:layout_width="200dip"
    android:layout_height="wrap_content"
    android:text=""
    android:singleLine="true" /&amp;gt;
&amp;lt;/TableRow&amp;gt;
&amp;lt;TableRow&amp;gt;
    &amp;lt;TextView android:text="Trip Sheet Number"
    android:layout_column="1" 
    android:layout_width="wrap_content"
    android:layout_height="wrap_content"
    android:layout_centerHorizontal="true"
    android:layout_centerVertical="true"
    android:textStyle="bold" /&amp;gt;
    &amp;lt;EditText android:layout_width="200dip"
    android:layout_height="wrap_content"
    android:text=""
    android:singleLine="true" /&amp;gt;
&amp;lt;/TableRow&amp;gt;
&amp;lt;TableRow&amp;gt;
    &amp;lt;TextView android:text="Trip Sheet Date"
    android:layout_column="1" 
    android:layout_width="wrap_content"
    android:layout_height="wrap_content"
    android:layout_centerHorizontal="true"
    android:layout_centerVertical="true"
    android:textStyle="bold" /&amp;gt;
    &amp;lt;EditText android:layout_width="200dip"
    android:layout_height="wrap_content"
    android:text=""
    android:singleLine="true" /&amp;gt;
&amp;lt;/TableRow&amp;gt;
&amp;lt;TableRow&amp;gt;
    &amp;lt;TextView android:text="Vehicle Number"
    android:layout_column="1" 
    android:layout_width="wrap_content"
    android:layout_height="wrap_content"
    android:layout_centerHorizontal="true"
    android:layout_centerVertical="true"
    android:textStyle="bold" /&amp;gt;
    &amp;lt;EditText android:layout_width="200dip"
    android:layout_height="wrap_content"
    android:text=""
    android:singleLine="true" /&amp;gt;
&amp;lt;/TableRow&amp;gt;
&amp;lt;TableRow&amp;gt;
    &amp;lt;TextView android:text="WAYFX"
    android:layout_column="1" 
    android:layout_width="wrap_content"
    android:layout_height="wrap_content"
    android:layout_centerHorizontal="true"
    android:layout_centerVertical="true"
    android:textStyle="bold" /&amp;gt;
    &amp;lt;EditText android:layout_width="200dip"
    android:layout_height="wrap_content"
    android:text=""
    android:singleLine="true" /&amp;gt;
&amp;lt;/TableRow&amp;gt;
&amp;lt;TableRow&amp;gt;
    &amp;lt;TextView android:text="Waybill Number"
    android:layout_column="1" 
    android:layout_width="wrap_content"
    android:layout_height="wrap_content"
    android:layout_centerHorizontal="true"
    android:layout_centerVertical="true"
    android:textStyle="bold" /&amp;gt;
    &amp;lt;EditText android:layout_width="200dip"
    android:layout_height="wrap_content"
    android:text=""
    android:singleLine="true" /&amp;gt;
&amp;lt;/TableRow&amp;gt;
&amp;lt;TableRow&amp;gt;
    &amp;lt;TextView android:text="Number of Articles"
    android:layout_column="1" 
    android:layout_width="wrap_content"
    android:layout_height="wrap_content"
    android:layout_centerHorizontal="true"
    android:layout_centerVertical="true"
    android:textStyle="bold" /&amp;gt;
    &amp;lt;EditText android:layout_width="200dip"
    android:layout_height="wrap_content"
    android:text=""
    android:singleLine="true" /&amp;gt;
&amp;lt;/TableRow&amp;gt;
&lt;/code&gt;&lt;/pre&gt;
&lt;p&gt;&lt;/p&gt;
&lt;p&gt;&lt;/p&gt;</t>
  </si>
  <si>
    <t>2011-02-28 12:54:58.283000+00:00</t>
  </si>
  <si>
    <t>2012-12-26 16:46:04.670000+00:00</t>
  </si>
  <si>
    <t>2011-02-28 13:01:17.163000+00:00</t>
  </si>
  <si>
    <t>Sql Server int vs nvarchar comparison on performance?</t>
  </si>
  <si>
    <t>&lt;p&gt;For you database design/performance gurus out there.&lt;/p&gt;
&lt;p&gt;I'm designing a table, I have the choice of either use int or nvarchar (128) for a column, assume space is not a problem.  My question is which will give performance &lt;/p&gt;
&lt;p&gt;when I search with int column&lt;/p&gt;
&lt;p&gt;&lt;code&gt;where ID = 12324&lt;/code&gt;&lt;/p&gt;
&lt;p&gt;or when I search with nvarchar column (the Key is the entire value, so I'm not using LIKE operator)&lt;/p&gt;
&lt;p&gt;&lt;code&gt;where Key = 'my str'&lt;/code&gt;&lt;/p&gt;
&lt;p&gt;I'm sure for smaller datasets it doesn't matter, but let's assume this data will be in the millions of rows.&lt;/p&gt;</t>
  </si>
  <si>
    <t>2010-07-19 19:25:09.270000+00:00</t>
  </si>
  <si>
    <t>2010-07-19 21:52:19.767000+00:00</t>
  </si>
  <si>
    <t>sql-server|performance|database-design</t>
  </si>
  <si>
    <t>Lua: ProteaAudio API confuse -- How to use it?</t>
  </si>
  <si>
    <t>&lt;p&gt;Hello everyone.&lt;/p&gt;
&lt;p&gt;Sorry for my noob question as I'm just a non-programmer trying to learn to program with Lua.&lt;/p&gt;
&lt;p&gt;I'm so attracted with Lua since it's indeed very simple, either in size as well as in syntax.&lt;/p&gt;
&lt;p&gt;And I decided to explore further experiment with this Brazilian born language, like playing with sound -- as I did in Python and Ruby.&lt;/p&gt;
&lt;p&gt;So I found this ProteaAudio and tried to play the sample scripts came within package I downloaded from &lt;a href="http://viremo.eludi.net/proteaAudio/index.html" rel="nofollow"&gt;here&lt;/a&gt;.&lt;/p&gt;
&lt;p&gt;The package comes with two sample scripts:&lt;/p&gt;
&lt;ol&gt;
&lt;li&gt;first named &lt;strong&gt;example.lua&lt;/strong&gt; to play the ogg sample file (also comes within the package)&lt;/li&gt;
&lt;li&gt;and another to play function generated sound named &lt;strong&gt;scale.lua&lt;/strong&gt;&lt;/li&gt;
&lt;/ol&gt;
&lt;p&gt;The first script runs just fine on my Win 7 and Ubuntu 12.04 x86 machine.&lt;/p&gt;
&lt;p&gt;But the second script only runs on Windows and got an error when I tried to run it on Ubuntu, generating this message:&lt;/p&gt;
&lt;blockquote&gt;
  &lt;p&gt;../lua52: scale.lua:13: bad argument #1 to 'soundLoop' (number expected, got nil)&lt;/p&gt;
  &lt;p&gt;stack traceback:&lt;/p&gt;
  &lt;p&gt;[C]: in function 'soundLoop'&lt;/p&gt;
  &lt;p&gt;scale.lua:13: in function 'playNote'&lt;/p&gt;
  &lt;p&gt;scale.lua:29: in main chunk&lt;/p&gt;
  &lt;p&gt;[C]: in ?&lt;/p&gt;
&lt;/blockquote&gt;
&lt;p&gt;The full original source-code from &lt;strong&gt;scale.lua&lt;/strong&gt; is:&lt;/p&gt;
&lt;pre&gt;&lt;code&gt;-- function creating a sine wave sample:
function sampleSine(freq, duration, sampleRate)
    local data = { }
    for i = 1,duration*sampleRate do
        data[i] = math.sin( (i*freq/sampleRate)*math.pi*2)
    end
    return proAudio.sampleFromMemory(data, sampleRate)
end
-- plays a sample shifted by a number of halftones for a definable period of time
function playNote(sample, pitch, duration, volumeL, volumeR, disparity)
    local scale = 2^(pitch/12)
    local sound = proAudio.soundLoop(sample, volumeL, volumeR, disparity, scale)
    proAudio.sleep(duration)
    proAudio.soundStop(sound)
end
-- create an audio device using default parameters and exit in case of errors
require("proAudioRt")
if not proAudio.create() then os.exit(1) end
-- generate a sample:
local sample = sampleSine(440, 0.5, 88200)
-- play scale (a major):
local duration = 0.5
for i,note in ipairs({ 0, 2, 4, 5, 7, 9, 11, 12 }) do
    playNote(sample, note, duration)
end
-- cleanup
proAudio.destroy()
&lt;/code&gt;&lt;/pre&gt;
&lt;p&gt;And since I got confused with this ProteaAudio Lua API, I really can't get why this error comes.&lt;/p&gt;
&lt;p&gt;Please help. &lt;/p&gt;</t>
  </si>
  <si>
    <t>2013-04-12 20:40:10.580000+00:00</t>
  </si>
  <si>
    <t>2013-04-13 02:04:46.513000+00:00</t>
  </si>
  <si>
    <t>2013-04-12 22:23:22.090000+00:00</t>
  </si>
  <si>
    <t>api|audio|lua</t>
  </si>
  <si>
    <t>smoothState.js stops other plugins from working ie. wow.js</t>
  </si>
  <si>
    <t>&lt;h1&gt;Smooth State conflicts with other js plugins&lt;/h1&gt;
&lt;p&gt;I'm having issues when trying to add &lt;a href="http://weblinc.github.io/jquery.smoothState.js/index.html" rel="nofollow"&gt;smoothState.js&lt;/a&gt; to my site it stops &lt;a href="http://mynameismatthieu.com/WOW/" rel="nofollow"&gt;wow.js&lt;/a&gt; from working. No errors are logged in the console. &lt;/p&gt;
&lt;p&gt;When using animsition, wow.js works as a callback;&lt;/p&gt;
&lt;pre&gt;&lt;code&gt;var wow = new WOW({
    boxClass:     'wow',      // animated element css class (default is wow)
    animateClass: 'animated', // animation css class (default is animated)
    offset:       0,          // distance to the element when triggering the animation (default is 0)
    mobile:       true,       // trigger animations on mobile devices (default is true)
    live:         true,       // act on asynchronously loaded content (default is true)
    callback:     function(box) { // jshint ignore:line
      // the callback is fired every time an animation is started
      // the argument that is passed in is the DOM node being animated
    }
});
var wowInit = function() {return wow.init();};
var animsitionInit = function(callback) {
    $('.animsition').animsition({
        inClass: 'zoom-in-sm',
        outClass: 'zoom-out-sm',
        inDuration: 1500,
        outDuration: 800,
        linkElement: '.animsition-link',
        loading: true,
        loadingParentElement: 'body', //animsition wrapper element
        loadingClass: 'animsition-loading',
        unSupportCss: ['animation-duration',
            '-webkit-animation-duration',
            '-o-animation-duration'
        ],
        overlay: false,
        overlayClass: 'animsition-overlay-slide',
        overlayParentElement: 'body'
    });
    return callback;
};
animsitionInit(wowInit());
&lt;/code&gt;&lt;/pre&gt;</t>
  </si>
  <si>
    <t>2015-02-10 08:20:43.100000+00:00</t>
  </si>
  <si>
    <t>javascript|jquery|ajax|plugins|jquery-plugins</t>
  </si>
  <si>
    <t>How to convert a xCode xib based view controller to a storyboard view controller?</t>
  </si>
  <si>
    <t>&lt;p&gt;I was following a Swift tutorial which use a xib file as view controller and was trying to get it into the storyboard. I use xCode7 and Swift 2.1 I get some problem for the codes below in particular:&lt;/p&gt;
&lt;pre&gt;&lt;code&gt;var cell:CatsTableViewCell? = tableView.dequeueReusableCellWithIdentifier(cellIdentifier) as? CatsTableViewCell
        if(cell == nil) {
            cell = NSBundle.mainBundle().loadNibNamed("CatsTableViewCell", owner: self, options: nil)[0] as? CatsTableViewCell
        }
&lt;/code&gt;&lt;/pre&gt;
&lt;p&gt;How can I translate this one above into the one to use in the project with the storyboard?&lt;/p&gt;
&lt;p&gt;I got some problem here below as well. I start using xCode not a long time ago and I am a little bit confused about the meaning of the code below. I've tried to google it but I have just got very detailed explanation hard to understand as a beginner.&lt;/p&gt;
&lt;pre&gt;&lt;code&gt;required init(coder aDecoder:NSCoder)
    {
        fatalError("NSCoding not supported")  
    }
&lt;/code&gt;&lt;/pre&gt;
&lt;p&gt;Here below you can find the whole code of the view controller and the link to the full tutorial. Hope somebody can help me, please. Thanks in advance.&lt;/p&gt;
&lt;p&gt;&lt;a href="http://www.appcoda.com/instagram-app-parse-swift/" rel="nofollow"&gt;http://www.appcoda.com/instagram-app-parse-swift/&lt;/a&gt;&lt;/p&gt;
&lt;pre&gt;&lt;code&gt;//
//  CatsTableViewController.swift
//  Paws
//
//  Created by Simon Ng on 15/4/15.
//  Copyright (c) 2015 AppCoda. All rights reserved.
//
import UIKit
class CatsTableViewController: PFQueryTableViewController {
    let cellIdentifier:String = "CatCell"
    override func viewDidLoad() {
     tableView.registerNib(UINib(nibName: "CatsTableViewCell", bundle: nil), forCellReuseIdentifier: cellIdentifier)
        super.viewDidLoad()
        // Do any additional setup after loading the view.
    }
    override func queryForTable() -&amp;gt; PFQuery {
        let query:PFQuery = PFQuery(className:self.parseClassName!)
        if(objects?.count == 0)
        {
            query.cachePolicy = PFCachePolicy.CacheThenNetwork
        }
        query.orderByAscending("name")
        return query
    }
    override func didReceiveMemoryWarning() {
        super.didReceiveMemoryWarning()
        // Dispose of any resources that can be recreated.
    }
    override func tableView(tableView: UITableView, cellForRowAtIndexPath indexPath: NSIndexPath, object: PFObject?) -&amp;gt; PFTableViewCell? {
        var cell:CatsTableViewCell? = tableView.dequeueReusableCellWithIdentifier(cellIdentifier) as? CatsTableViewCell
        if(cell == nil) {
            cell = NSBundle.mainBundle().loadNibNamed("CatsTableViewCell", owner: self, options: nil)[0] as? CatsTableViewCell
        }
        cell?.parseObject = object
        if let pfObject = object {
            cell?.catNameLabel?.text = pfObject["name"] as? String
            var votes:Int? = pfObject["votes"] as? Int
            if votes == nil {
                votes = 0
            }
            cell?.catVotesLabel?.text = "\(votes!) votes"
            var credit:String? = pfObject["cc_by"] as? String
            if credit != nil {
                cell?.catCreditLabel?.text = "\(credit!) / CC 2.0"
            }
            cell?.catImageView?.image = nil
            if var urlString:String? = pfObject["url"] as? String {
                var url:NSURL? = NSURL(string: urlString!)
                if var url:NSURL? = NSURL(string: urlString!) {
                    var error:NSError?
                    var request:NSURLRequest = NSURLRequest(URL: url!, cachePolicy: NSURLRequestCachePolicy.ReturnCacheDataElseLoad, timeoutInterval: 5.0)
                    NSOperationQueue.mainQueue().cancelAllOperations()
                    NSURLConnection.sendAsynchronousRequest(request, queue: NSOperationQueue.mainQueue(), completionHandler: {
                        (response:NSURLResponse?, imageData:NSData?, error:NSError?) -&amp;gt; Void in
                        cell?.catImageView?.image = UIImage(data: imageData!)
                    })
                }
            }
        }
        return cell
    }
    override init(style: UITableViewStyle, className: String!)
    {
        super.init(style: style, className: className)
        self.pullToRefreshEnabled = true
        self.paginationEnabled = false
        self.objectsPerPage = 25
        self.parseClassName = className
        self.tableView.rowHeight = 350
        self.tableView.allowsSelection = false
    }
    required init(coder aDecoder:NSCoder)
    {
        fatalError("NSCoding not supported")  
    }
    /*
    // MARK: - Navigation
    // In a storyboard-based application, you will often want to do a little preparation before navigation
    override func prepareForSegue(segue: UIStoryboardSegue, sender: AnyObject?) {
        // Get the new view controller using segue.destinationViewController.
        // Pass the selected object to the new view controller.
    }
    */
}
&lt;/code&gt;&lt;/pre&gt;</t>
  </si>
  <si>
    <t>2016-01-12 15:39:42.810000+00:00</t>
  </si>
  <si>
    <t>2016-01-13 19:05:54.687000+00:00</t>
  </si>
  <si>
    <t>ios|swift|swift2|xcode7</t>
  </si>
  <si>
    <t>How to Fill in Empty Matrix in R with Loop</t>
  </si>
  <si>
    <t>&lt;p&gt;I have a blank matrix called Trial that is 5000 X 5000, but i'll put a small snippet.&lt;/p&gt;
&lt;pre&gt;&lt;code&gt;     a  b  c  d  e  f 
 a  
 b  
 c  
 d  
 e  
 f  
&lt;/code&gt;&lt;/pre&gt;
&lt;p&gt;and I want to fill the Matrix, with a Data Table I have.&lt;/p&gt;
&lt;pre&gt;&lt;code&gt;Name Value
-----------
Cat   A 
Cat   B
Cat   E
Dog   D
Dog   C
Dog   F
&lt;/code&gt;&lt;/pre&gt;
&lt;p&gt;So basically in the end, I want the matrix to be filled like this:&lt;/p&gt;
&lt;pre&gt;&lt;code&gt;     a  b  c  d  e  f 
 a   1  1  0  0  1  0
 b   1  1  0  0  1  0
 c   0  0  1  1  0  1
 d   0  0  1  1  0  1
 e   1  1  0  0  1  0
 f   0  0  1  1  0  1
&lt;/code&gt;&lt;/pre&gt;
&lt;p&gt;So all the values relating to the Name will be 1, and if they don't relate they will be 0. For example, A and F don't relate because they are different names (cat and dog), thus they will get a 0.&lt;/p&gt;</t>
  </si>
  <si>
    <t>2015-07-30 18:50:25.433000+00:00</t>
  </si>
  <si>
    <t>2015-07-30 19:11:01.717000+00:00</t>
  </si>
  <si>
    <t>2015-07-30 18:56:03.400000+00:00</t>
  </si>
  <si>
    <t>r|loops|matrix</t>
  </si>
  <si>
    <t>How to programmatically mark an Azure WebJob as failed?</t>
  </si>
  <si>
    <t>&lt;p&gt;Is there a way to mark a WebJob (triggered, not continuous) as failed, without throwing an exception? I need to check that certain conditions are true to mark the job as successful.&lt;/p&gt;</t>
  </si>
  <si>
    <t>2017-03-28 07:16:22.303000+00:00</t>
  </si>
  <si>
    <t>2017-11-07 13:21:52.250000+00:00</t>
  </si>
  <si>
    <t>2017-03-30 09:02:14.797000+00:00</t>
  </si>
  <si>
    <t>c#|azure|webjob</t>
  </si>
  <si>
    <t>How can I save / load values ������and settings in a file / from a file in JavaFX?</t>
  </si>
  <si>
    <t>&lt;p&gt;How can I save values (from textfields, textareas, radiobuttons, etc.) ������and settings (position of the stage, fullscreen or normal size, etc.) in a file and load from this file ? I have a solution, but this solution does not seem to be the best solution, because it is very much "code" (if I use many components). &lt;/p&gt;
&lt;p&gt;I had a look at this: 
&lt;a href="https://stackoverflow.com/questions/8285595/reading-properties-file-in-java?rq=1"&gt;Reading Properties file in Java&lt;/a&gt; &lt;/p&gt;
&lt;p&gt;&lt;a href="http://www.mkyong.com/java/java-properties-file-examples/" rel="nofollow noreferrer"&gt;http://www.mkyong.com/java/java-properties-file-examples/&lt;/a&gt; &lt;/p&gt;
&lt;p&gt;But these examples are very simple:  &lt;/p&gt;
&lt;pre&gt;&lt;code&gt;prop.setProperty("database", "localhost");
prop.setProperty("dbuser", "mkyong");
prop.setProperty("dbpassword", "password");
System.out.println(prop.getProperty("database"));
System.out.println(prop.getProperty("dbuser"));
System.out.println(prop.getProperty("dbpassword"));
&lt;/code&gt;&lt;/pre&gt;
&lt;p&gt;But '&lt;code&gt;System.out.println (prop.getProperty("value"));&lt;/code&gt;' is not really 'loading' for me.
There is not shown how I use it in components like textfiels, radiobuttons, checkboxes and so on. &lt;/p&gt;
&lt;p&gt;In my code snippet I use different components (textfield, datepicker, rb, cb etc.). 
Here's my code snippet: &lt;/p&gt;
&lt;p&gt;Saving: &lt;/p&gt;
&lt;pre&gt;&lt;code&gt;public void speichern (ActionEvent event) throws IOException 
    { 
        if (filename == null) 
            speichernUnter (event); 
        else 
        { 
            Properties prop = new Properties ( ); 
            FileOutputStream fos = null; 
            try 
            { 
            prop.setProperty ("Name", textField.getText ( ) ); // Save a textfield 
            if (radioButton.isSelected ( ) ) 
                prop.setProperty ("RadioButtonState", "yes"); // Save rb state 
            if (checkBox.isSelected ( ) ) 
            { 
                prop.setProperty ("CheckBoxState", "yes"); // Save cb state 
            } else 
                prop.setProperty ("CheckBoxState", "no"); // or not 
            prop.setProperty ("Date", datePicker.getValue ( ).toString ( ) ); //Save date
            prop.setProperty ("Text", textArea.getText ( ) ); // Save long text 
            fos = new FileOutputStream (filename); 
            // Save settings in file  
            prop.storeToXML (new FileOutputStream (filename), "Values and settings", "UTF-8"); 
        } catch (IOException ex) 
        { 
            ex.printStackTrace ( ); 
        } finally 
        { 
            if (fos != null) 
                fos.close ( ); 
        } }
    } 
    public void speichernUnter (ActionEvent event) 
    { 
        init ( ); 
        FileChooser fileChooser = new FileChooser ( ); 
        //Set extension filter 
        FileChooser.ExtensionFilter extFilter = new FileChooser.ExtensionFilter ("PROPERTIES Dateien (*.properties)", "*.properties"); 
        fileChooser.getExtensionFilters ( ).add (extFilter); 
        //Show save file dialog 
        File file = fileChooser.showSaveDialog (stage); 
        if (file != null) 
        { 
            try 
            { 
                FileWriter fileWriter = new FileWriter (file); 
                fileWriter.close ( ); 
                filename = file.toString ( ); 
                speichern (event); 
            } catch (IOException ex) 
            { 
                Logger.getLogger (Kontroller.class.getName ( ) ).log (Level.SEVERE, null, ex); 
            } 
        } 
    }
&lt;/code&gt;&lt;/pre&gt;
&lt;p&gt;Loading: &lt;/p&gt;
&lt;pre&gt;&lt;code&gt;public void laden (ActionEvent event) throws IOException 
    { 
        if (filename == null) 
            ladenVon (event); 
        else 
        { 
            Properties prop = new Properties ( ); 
            FileInputStream fis = null; 
            try 
            { 
                fis = new FileInputStream (filename); 
                // Load Properties from saved XML file 
                prop.loadFromXML (fis); 
                textField.setText (prop.getProperty ("Name") ); // load the text 
                if (prop.getProperty ("RadioButtonState").equals ("yes") ) // load rb state 
                { 
                    radioButton.setSelected ( ); 
                } 
                    if (checkBox.isSelected ( ) ) // Load cb state 
                        checkBox.setSelected (false); 
                    checkBox.setSelected (true); 
                } 
                datePicker.setValue (LocalDate.parse (prop.getProperty ("Date") ) ); // load date 
                textArea.setText (prop.getProperty ("Text") ); // Load long text 
            } catch (IOException ex) 
            { 
                ex.printStackTrace ( ); 
            } finally 
            { 
                if (fis != null) 
                    fis.close ( ); 
            } 
        } 
    } 
    public void ladenVon (ActionEvent event) throws IOException 
    { 
        init ( ); 
        FileChooser fileChooser = new FileChooser ( ); 
        FileChooser.ExtensionFilter extFilter = new FileChooser.ExtensionFilter ("PROPERTIES Dateien (*.properties)", "*.properties"); 
        fileChooser.getExtensionFilters ( ).add (extFilter); 
        //Show load file dialog 
        File file = fileChooser.showOpenDialog (stage); 
        if (file != null) 
        { 
            try 
            { 
                FileReader fileReader = new FileReader (file); 
                fileReader.close ( ); 
                filename = file.toString ( ); 
                laden (event); 
            } catch (IOException ex) 
            { 
                Logger.getLogger (Kontroller.class.getName ( ) ).log (Level.SEVERE, null, ex); 
            } 
        } 
    }
&lt;/code&gt;&lt;/pre&gt;
&lt;p&gt;Do I really have to do this '&lt;code&gt;prop.setProperty ("Name", textField.getText ( ) );&lt;/code&gt;' for saving and this '&lt;code&gt;textField.setText (prop.getProperty ("Name") ); // load the text&lt;/code&gt; ' for loading for all components? &lt;/p&gt;
&lt;p&gt;Is my solution 'correct' ?
It all works the way I want it. 
My question may be pretty stupid. 
But is there a better and faster solution ? &lt;/p&gt;
&lt;p&gt;Thanks in advance&lt;/p&gt;</t>
  </si>
  <si>
    <t>2014-10-03 14:00:48.767000+00:00</t>
  </si>
  <si>
    <t>2014-10-03 18:26:28.757000+00:00</t>
  </si>
  <si>
    <t>2017-05-23 12:16:47.310000+00:00</t>
  </si>
  <si>
    <t>file|properties|load|save|javafx-8</t>
  </si>
  <si>
    <t>Accessing class type from instance</t>
  </si>
  <si>
    <t>&lt;p&gt;I can't seem to find a way to do it. In Objective C it's possible using:&lt;/p&gt;
&lt;pre&gt;&lt;code&gt;someInstance.class.SomeComputedClassVariable
&lt;/code&gt;&lt;/pre&gt;
&lt;p&gt;I checked &lt;a href="https://stackoverflow.com/questions/24049673/swift-class-introspection-generics"&gt;this question&lt;/a&gt;, but there's a compiler error stating &lt;code&gt;Class_Name does not have a member named SomeComputedClassVariable&lt;/code&gt;, even though it is defined.&lt;/p&gt;</t>
  </si>
  <si>
    <t>2015-03-16 04:11:17.357000+00:00</t>
  </si>
  <si>
    <t>2015-03-19 07:24:04.920000+00:00</t>
  </si>
  <si>
    <t>2017-05-23 12:06:23.087000+00:00</t>
  </si>
  <si>
    <t>Key "player" has changed without an appropriate KVO notification being sent</t>
  </si>
  <si>
    <t>&lt;p&gt;I am observing AVPlayer object KVO notification in my class PCSPlayerNotification and I found the below crash.I am unable to reproduce this issue and I get this issue rarely.
I read this &lt;a href="http://www.cocoabuilder.com/archive/cocoa/204196-cannot-remove-observer-error.html" rel="nofollow"&gt;http://www.cocoabuilder.com/archive/cocoa/204196-cannot-remove-observer-error.html&lt;/a&gt; and I found the cause of the issue must be with KVO notification that is sent by AVPlayer.But not sure how to fix ,can anyone help me to fix this issue. &lt;/p&gt;
&lt;p&gt;Issue :&lt;/p&gt;
&lt;pre&gt;&lt;code&gt;Fatal Exception: NSInternalInconsistencyException
Cannot update for observer &amp;lt;PCSPlayerNotification 0x7f78b70&amp;gt; for the key path "player.currentItem.playbackLikelyToKeepUp" from &amp;lt;PCSPlayerNotification 0x7f78b70&amp;gt;, most likely because the value for the key "player" has changed without an appropriate KVO notification being sent. Check the KVO-compliance of the PCSPlayerNotification class.
&lt;/code&gt;&lt;/pre&gt;
&lt;p&gt;Crash :&lt;/p&gt;
&lt;pre&gt;&lt;code&gt;Thread : Fatal Exception: NSInternalInconsistencyException
0  CoreFoundation                 0x2b2315a7 __exceptionPreprocess
1  libobjc.A.dylib                0x39156c77 objc_exception_throw
2  CoreFoundation                 0x2b2314ed -[NSException initWithCoder:]
3  Foundation                     0x2bed464d -[NSKeyValueNestedProperty object:withObservance:didChangeValueForKeyOrKeys:recurse:forwardingValues:]
4  Foundation                     0x2beb4151 NSKeyValueDidChange
5  Foundation                     0x2bea0991 -[NSObject(NSKeyValueObserverNotification) didChangeValueForKey:]
6  VZFiOSMobile                   0x4f33f1 (Missing)
7  libdispatch.dylib              0x396c1c83 _dispatch_call_block_and_release
8  libdispatch.dylib              0x396c1c6f _dispatch_client_callout
9  libdispatch.dylib              0x396cd553 _dispatch_main_queue_callback_4CF$VARIANT$mp
10 CoreFoundation                 0x2b1f7891 __CFRUNLOOP_IS_SERVICING_THE_MAIN_DISPATCH_QUEUE__
11 CoreFoundation                 0x2b1f5fb1 __CFRunLoopRun
12 CoreFoundation                 0x2b142b51 CFRunLoopRunSpecific
13 CoreFoundation                 0x2b142963 CFRunLoopRunInMode
14 GraphicsServices               0x326501a9 GSEventRunModal
15 UIKit                          0x2e794c91 UIApplicationMain
16 VZFiOSMobile                   0x272c1d main (main.m:16)
17 libdyld.dylib                  0x396ffaaf start
&lt;/code&gt;&lt;/pre&gt;</t>
  </si>
  <si>
    <t>2016-03-11 18:58:36.577000+00:00</t>
  </si>
  <si>
    <t>ios|objective-c|avplayer|key-value-observing|avplayeritem</t>
  </si>
  <si>
    <t>How to Make sticky Header</t>
  </si>
  <si>
    <t>&lt;p&gt;I am trying to use sticky to make my table header static while you scroll through a table and it is working but it resizes the width of the table headers  (display header not properly) for some reason.&lt;/p&gt;
&lt;p&gt;I am loading the data for my table dynamically with repeater that is look like  table format like given below but It resizes the width of the table headers&lt;/p&gt;
&lt;p&gt;&lt;a href="https://i.stack.imgur.com/W9x0w.png" rel="nofollow noreferrer"&gt;&lt;img src="https://i.stack.imgur.com/W9x0w.png" alt="enter image description here"&gt;&lt;/a&gt;&lt;/p&gt;
&lt;p&gt;These are my codes:&lt;/p&gt;
&lt;p&gt;&lt;strong&gt;Javascript:&lt;/strong&gt;&lt;/p&gt;
&lt;pre&gt;&lt;code&gt;&amp;lt;script src="http://code.jquery.com/jquery-3.2.1.min.js"&amp;gt;&amp;lt;/script&amp;gt;
&amp;lt;script type="text/javascript" src="http://example.com/js/jquery.sticky.js"&amp;gt;&amp;lt;/script&amp;gt;
&amp;lt;script&amp;gt;
  $(document).ready(function () {
    $('.header-container').sticky();
  });
&amp;lt;/script&amp;gt;
&lt;/code&gt;&lt;/pre&gt;
&lt;p&gt;&lt;strong&gt;CSS:&lt;/strong&gt;&lt;/p&gt;
&lt;pre&gt;&lt;code&gt;&amp;lt;style&amp;gt;
  table {
    border: 0;
    padding: 0;
    margin: 0 0 20px 0;
    border-collapse: collapse;
  }
  th {
    padding: 5px;
    /* NOTE: th padding must be set explicitly in order to support IE */
    text-align: right;
    font-weight: bold;
    line-height: 2em;
    color: #FFF;
    background-color: #555;
  }
  tbody td {
    padding: 10px;
    line-height: 18px;
    border-top: 1px solid #E0E0E0;
  }
  tbody tr:nth-child(2n) {
    background-color: #F7F7F7;
  }
&amp;lt;/style&amp;gt;
&lt;/code&gt;&lt;/pre&gt;
&lt;p&gt;&lt;strong&gt;HTML&lt;/strong&gt;&lt;/p&gt;
&lt;pre&gt;&lt;code&gt;&amp;lt;table&amp;gt;
  &amp;lt;thead class="header-container"&amp;gt;
    &amp;lt;tr&amp;gt;
      &amp;lt;th colspan="9"&amp;gt;Companies listed on NASDAQ OMX Copenhagen.&amp;lt;/th&amp;gt;
    &amp;lt;/tr&amp;gt;
    &amp;lt;tr&amp;gt;
      &amp;lt;th&amp;gt;Full name&amp;lt;/th&amp;gt;
      &amp;lt;th&amp;gt;CCY&amp;lt;/th&amp;gt;
      &amp;lt;th&amp;gt;Last&amp;lt;/th&amp;gt;
      &amp;lt;th&amp;gt;+/-&amp;lt;/th&amp;gt;
      &amp;lt;th&amp;gt;%&amp;lt;/th&amp;gt;
      &amp;lt;th&amp;gt;Bid&amp;lt;/th&amp;gt;
      &amp;lt;th&amp;gt;Ask&amp;lt;/th&amp;gt;
      &amp;lt;th&amp;gt;Volume&amp;lt;/th&amp;gt;
      &amp;lt;th&amp;gt;Turnover&amp;lt;/th&amp;gt;
    &amp;lt;/tr&amp;gt;
  &amp;lt;/thead&amp;gt;
  &amp;lt;tbody&amp;gt;
    &amp;lt;tr&amp;gt;
      &amp;lt;td&amp;gt;A.P. M��ller...&amp;lt;/td&amp;gt;
      &amp;lt;td&amp;gt;DKK&amp;lt;/td&amp;gt;
      &amp;lt;td&amp;gt;33,220.00&amp;lt;/td&amp;gt;
      &amp;lt;td&amp;gt;760&amp;lt;/td&amp;gt;
      &amp;lt;td&amp;gt;2.34&amp;lt;/td&amp;gt;
      &amp;lt;td&amp;gt;33,140.00&amp;lt;/td&amp;gt;
      &amp;lt;td&amp;gt;33,220.00&amp;lt;/td&amp;gt;
      &amp;lt;td&amp;gt;594&amp;lt;/td&amp;gt;
      &amp;lt;td&amp;gt;19,791,910&amp;lt;/td&amp;gt;
    &amp;lt;/tr&amp;gt;
    &amp;lt;tr&amp;gt;
      &amp;lt;td&amp;gt;A.P. M��ller...&amp;lt;/td&amp;gt;
      &amp;lt;td&amp;gt;DKK&amp;lt;/td&amp;gt;
      &amp;lt;td&amp;gt;34,620.00&amp;lt;/td&amp;gt;
      &amp;lt;td&amp;gt;640&amp;lt;/td&amp;gt;
      &amp;lt;td&amp;gt;1.88&amp;lt;/td&amp;gt;
      &amp;lt;td&amp;gt;34,620.00&amp;lt;/td&amp;gt;
      &amp;lt;td&amp;gt;34,700.00&amp;lt;/td&amp;gt;
      &amp;lt;td&amp;gt;9,954&amp;lt;/td&amp;gt;
      &amp;lt;td&amp;gt;346,530,246&amp;lt;/td&amp;gt;
    &amp;lt;/tr&amp;gt;
    &amp;lt;tr&amp;gt;
      &amp;lt;td&amp;gt;Carlsberg A&amp;lt;/td&amp;gt;
      &amp;lt;td&amp;gt;DKK&amp;lt;/td&amp;gt;
      &amp;lt;td&amp;gt;380&amp;lt;/td&amp;gt;
      &amp;lt;td&amp;gt;0&amp;lt;/td&amp;gt;
      &amp;lt;td&amp;gt;0&amp;lt;/td&amp;gt;
      &amp;lt;td&amp;gt;371&amp;lt;/td&amp;gt;
      &amp;lt;td&amp;gt;391.5&amp;lt;/td&amp;gt;
      &amp;lt;td&amp;gt;6&amp;lt;/td&amp;gt;
      &amp;lt;td&amp;gt;2,280&amp;lt;/td&amp;gt;
    &amp;lt;/tr&amp;gt;
    &amp;lt;tr&amp;gt;
      &amp;lt;td&amp;gt;Carlsberg B&amp;lt;/td&amp;gt;
      &amp;lt;td&amp;gt;DKK&amp;lt;/td&amp;gt;
      &amp;lt;td&amp;gt;364.4&amp;lt;/td&amp;gt;
      &amp;lt;td&amp;gt;8.6&amp;lt;/td&amp;gt;
      &amp;lt;td&amp;gt;2.42&amp;lt;/td&amp;gt;
      &amp;lt;td&amp;gt;363&amp;lt;/td&amp;gt;
      &amp;lt;td&amp;gt;364.4&amp;lt;/td&amp;gt;
      &amp;lt;td&amp;gt;636,267&amp;lt;/td&amp;gt;
      &amp;lt;td&amp;gt;228,530,601&amp;lt;/td&amp;gt;
    &amp;lt;/tr&amp;gt;
    &amp;lt;tr&amp;gt;
      &amp;lt;td&amp;gt;Chr. Hansen...&amp;lt;/td&amp;gt;
      &amp;lt;td&amp;gt;DKK&amp;lt;/td&amp;gt;
      &amp;lt;td&amp;gt;114.5&amp;lt;/td&amp;gt;
      &amp;lt;td&amp;gt;-1.6&amp;lt;/td&amp;gt;
      &amp;lt;td&amp;gt;-1.38&amp;lt;/td&amp;gt;
      &amp;lt;td&amp;gt;114.2&amp;lt;/td&amp;gt;
      &amp;lt;td&amp;gt;114.5&amp;lt;/td&amp;gt;
      &amp;lt;td&amp;gt;141,822&amp;lt;/td&amp;gt;
      &amp;lt;td&amp;gt;16,311,454&amp;lt;/td&amp;gt;
    &amp;lt;/tr&amp;gt;
    &amp;lt;tr&amp;gt;
      &amp;lt;td&amp;gt;Coloplast B&amp;lt;/td&amp;gt;
      &amp;lt;td&amp;gt;DKK&amp;lt;/td&amp;gt;
      &amp;lt;td&amp;gt;809.5&amp;lt;/td&amp;gt;
      &amp;lt;td&amp;gt;11&amp;lt;/td&amp;gt;
      &amp;lt;td&amp;gt;1.38&amp;lt;/td&amp;gt;
      &amp;lt;td&amp;gt;809&amp;lt;/td&amp;gt;
      &amp;lt;td&amp;gt;809.5&amp;lt;/td&amp;gt;
      &amp;lt;td&amp;gt;85,840&amp;lt;/td&amp;gt;
      &amp;lt;td&amp;gt;69,363,301&amp;lt;/td&amp;gt;
    &amp;lt;/tr&amp;gt;
    &amp;lt;tr&amp;gt;
      &amp;lt;td&amp;gt;D/S Norden&amp;lt;/td&amp;gt;
      &amp;lt;td&amp;gt;DKK&amp;lt;/td&amp;gt;
      &amp;lt;td&amp;gt;155&amp;lt;/td&amp;gt;
      &amp;lt;td&amp;gt;-1.5&amp;lt;/td&amp;gt;
      &amp;lt;td&amp;gt;-0.96&amp;lt;/td&amp;gt;
      &amp;lt;td&amp;gt;155&amp;lt;/td&amp;gt;
      &amp;lt;td&amp;gt;155.1&amp;lt;/td&amp;gt;
      &amp;lt;td&amp;gt;51,681&amp;lt;/td&amp;gt;
      &amp;lt;td&amp;gt;8,037,225&amp;lt;/td&amp;gt;
    &amp;lt;/tr&amp;gt;
    &amp;lt;tr&amp;gt;
      &amp;lt;td&amp;gt;Danske Bank&amp;lt;/td&amp;gt;
      &amp;lt;td&amp;gt;DKK&amp;lt;/td&amp;gt;
      &amp;lt;td&amp;gt;69.05&amp;lt;/td&amp;gt;
      &amp;lt;td&amp;gt;2.55&amp;lt;/td&amp;gt;
      &amp;lt;td&amp;gt;3.83&amp;lt;/td&amp;gt;
      &amp;lt;td&amp;gt;69.05&amp;lt;/td&amp;gt;
      &amp;lt;td&amp;gt;69.2&amp;lt;/td&amp;gt;
      &amp;lt;td&amp;gt;1,723,719&amp;lt;/td&amp;gt;
      &amp;lt;td&amp;gt;115,348,068&amp;lt;/td&amp;gt;
    &amp;lt;/tr&amp;gt;
    &amp;lt;tr&amp;gt;
      &amp;lt;td&amp;gt;DSV&amp;lt;/td&amp;gt;
      &amp;lt;td&amp;gt;DKK&amp;lt;/td&amp;gt;
      &amp;lt;td&amp;gt;105.4&amp;lt;/td&amp;gt;
      &amp;lt;td&amp;gt;0.2&amp;lt;/td&amp;gt;
      &amp;lt;td&amp;gt;0.19&amp;lt;/td&amp;gt;
      &amp;lt;td&amp;gt;105.2&amp;lt;/td&amp;gt;
      &amp;lt;td&amp;gt;105.4&amp;lt;/td&amp;gt;
      &amp;lt;td&amp;gt;674,873&amp;lt;/td&amp;gt;
      &amp;lt;td&amp;gt;71,575,035&amp;lt;/td&amp;gt;
    &amp;lt;/tr&amp;gt;
    &amp;lt;tr&amp;gt;
      &amp;lt;td&amp;gt;FLSmidth &amp;amp;amp; Co.&amp;lt;/td&amp;gt;
      &amp;lt;td&amp;gt;DKK&amp;lt;/td&amp;gt;
      &amp;lt;td&amp;gt;295.8&amp;lt;/td&amp;gt;
      &amp;lt;td&amp;gt;-1.8&amp;lt;/td&amp;gt;
      &amp;lt;td&amp;gt;-0.6&amp;lt;/td&amp;gt;
      &amp;lt;td&amp;gt;295.1&amp;lt;/td&amp;gt;
      &amp;lt;td&amp;gt;295.8&amp;lt;/td&amp;gt;
      &amp;lt;td&amp;gt;341,263&amp;lt;/td&amp;gt;
      &amp;lt;td&amp;gt;100,301,032&amp;lt;/td&amp;gt;
    &amp;lt;/tr&amp;gt;
    &amp;lt;tr&amp;gt;
      &amp;lt;td&amp;gt;G4S plc&amp;lt;/td&amp;gt;
      &amp;lt;td&amp;gt;DKK&amp;lt;/td&amp;gt;
      &amp;lt;td&amp;gt;22.53&amp;lt;/td&amp;gt;
      &amp;lt;td&amp;gt;0.05&amp;lt;/td&amp;gt;
      &amp;lt;td&amp;gt;0.22&amp;lt;/td&amp;gt;
      &amp;lt;td&amp;gt;22.53&amp;lt;/td&amp;gt;
      &amp;lt;td&amp;gt;22.57&amp;lt;/td&amp;gt;
      &amp;lt;td&amp;gt;190,920&amp;lt;/td&amp;gt;
      &amp;lt;td&amp;gt;4,338,150&amp;lt;/td&amp;gt;
    &amp;lt;/tr&amp;gt;
    &amp;lt;tr&amp;gt;
      &amp;lt;td&amp;gt;Jyske Bank&amp;lt;/td&amp;gt;
      &amp;lt;td&amp;gt;DKK&amp;lt;/td&amp;gt;
      &amp;lt;td&amp;gt;144.2&amp;lt;/td&amp;gt;
      &amp;lt;td&amp;gt;1.4&amp;lt;/td&amp;gt;
      &amp;lt;td&amp;gt;0.98&amp;lt;/td&amp;gt;
      &amp;lt;td&amp;gt;142.8&amp;lt;/td&amp;gt;
      &amp;lt;td&amp;gt;144.2&amp;lt;/td&amp;gt;
      &amp;lt;td&amp;gt;78,163&amp;lt;/td&amp;gt;
      &amp;lt;td&amp;gt;11,104,874&amp;lt;/td&amp;gt;
    &amp;lt;/tr&amp;gt;
    &amp;lt;tr&amp;gt;
      &amp;lt;td&amp;gt;K��benhavns ...&amp;lt;/td&amp;gt;
      &amp;lt;td&amp;gt;DKK&amp;lt;/td&amp;gt;
      &amp;lt;td&amp;gt;1,580.00&amp;lt;/td&amp;gt;
      &amp;lt;td&amp;gt;-12&amp;lt;/td&amp;gt;
      &amp;lt;td&amp;gt;-0.75&amp;lt;/td&amp;gt;
      &amp;lt;td&amp;gt;1,590.00&amp;lt;/td&amp;gt;
      &amp;lt;td&amp;gt;1,620.00&amp;lt;/td&amp;gt;
      &amp;lt;td&amp;gt;82&amp;lt;/td&amp;gt;
      &amp;lt;td&amp;gt;131,110&amp;lt;/td&amp;gt;
    &amp;lt;/tr&amp;gt;
    &amp;lt;tr&amp;gt;
      &amp;lt;td&amp;gt;Lundbeck&amp;lt;/td&amp;gt;
      &amp;lt;td&amp;gt;DKK&amp;lt;/td&amp;gt;
      &amp;lt;td&amp;gt;103.4&amp;lt;/td&amp;gt;
      &amp;lt;td&amp;gt;-2.5&amp;lt;/td&amp;gt;
      &amp;lt;td&amp;gt;-2.36&amp;lt;/td&amp;gt;
      &amp;lt;td&amp;gt;103.4&amp;lt;/td&amp;gt;
      &amp;lt;td&amp;gt;103.8&amp;lt;/td&amp;gt;
      &amp;lt;td&amp;gt;157,162&amp;lt;/td&amp;gt;
      &amp;lt;td&amp;gt;16,462,282&amp;lt;/td&amp;gt;
    &amp;lt;/tr&amp;gt;
    &amp;lt;tr&amp;gt;
      &amp;lt;td&amp;gt;Nordea Bank&amp;lt;/td&amp;gt;
      &amp;lt;td&amp;gt;DKK&amp;lt;/td&amp;gt;
      &amp;lt;td&amp;gt;43.22&amp;lt;/td&amp;gt;
      &amp;lt;td&amp;gt;-0.06&amp;lt;/td&amp;gt;
      &amp;lt;td&amp;gt;-0.14&amp;lt;/td&amp;gt;
      &amp;lt;td&amp;gt;43.22&amp;lt;/td&amp;gt;
      &amp;lt;td&amp;gt;43.25&amp;lt;/td&amp;gt;
      &amp;lt;td&amp;gt;167,520&amp;lt;/td&amp;gt;
      &amp;lt;td&amp;gt;7,310,143&amp;lt;/td&amp;gt;
    &amp;lt;/tr&amp;gt;
    &amp;lt;tr&amp;gt;
      &amp;lt;td&amp;gt;Novo Nordisk B&amp;lt;/td&amp;gt;
      &amp;lt;td&amp;gt;DKK&amp;lt;/td&amp;gt;
      &amp;lt;td&amp;gt;552.5&amp;lt;/td&amp;gt;
      &amp;lt;td&amp;gt;-3.5&amp;lt;/td&amp;gt;
      &amp;lt;td&amp;gt;-0.63&amp;lt;/td&amp;gt;
      &amp;lt;td&amp;gt;550.5&amp;lt;/td&amp;gt;
      &amp;lt;td&amp;gt;552.5&amp;lt;/td&amp;gt;
      &amp;lt;td&amp;gt;843,533&amp;lt;/td&amp;gt;
      &amp;lt;td&amp;gt;463,962,375&amp;lt;/td&amp;gt;
    &amp;lt;/tr&amp;gt;
    &amp;lt;tr&amp;gt;
      &amp;lt;td&amp;gt;Novozymes B&amp;lt;/td&amp;gt;
      &amp;lt;td&amp;gt;DKK&amp;lt;/td&amp;gt;
      &amp;lt;td&amp;gt;805.5&amp;lt;/td&amp;gt;
      &amp;lt;td&amp;gt;5.5&amp;lt;/td&amp;gt;
      &amp;lt;td&amp;gt;0.69&amp;lt;/td&amp;gt;
      &amp;lt;td&amp;gt;805&amp;lt;/td&amp;gt;
      &amp;lt;td&amp;gt;805.5&amp;lt;/td&amp;gt;
      &amp;lt;td&amp;gt;152,188&amp;lt;/td&amp;gt;
      &amp;lt;td&amp;gt;121,746,199&amp;lt;/td&amp;gt;
    &amp;lt;/tr&amp;gt;
    &amp;lt;tr&amp;gt;
      &amp;lt;td&amp;gt;Pandora&amp;lt;/td&amp;gt;
      &amp;lt;td&amp;gt;DKK&amp;lt;/td&amp;gt;
      &amp;lt;td&amp;gt;39.04&amp;lt;/td&amp;gt;
      &amp;lt;td&amp;gt;0.94&amp;lt;/td&amp;gt;
      &amp;lt;td&amp;gt;2.47&amp;lt;/td&amp;gt;
      &amp;lt;td&amp;gt;38.8&amp;lt;/td&amp;gt;
      &amp;lt;td&amp;gt;39.04&amp;lt;/td&amp;gt;
      &amp;lt;td&amp;gt;350,965&amp;lt;/td&amp;gt;
      &amp;lt;td&amp;gt;13,611,838&amp;lt;/td&amp;gt;
    &amp;lt;/tr&amp;gt;
    &amp;lt;tr&amp;gt;
      &amp;lt;td&amp;gt;Rockwool In...&amp;lt;/td&amp;gt;
      &amp;lt;td&amp;gt;DKK&amp;lt;/td&amp;gt;
      &amp;lt;td&amp;gt;492&amp;lt;/td&amp;gt;
      &amp;lt;td&amp;gt;0&amp;lt;/td&amp;gt;
      &amp;lt;td&amp;gt;0&amp;lt;/td&amp;gt;
      &amp;lt;td&amp;gt;482&amp;lt;/td&amp;gt;
      &amp;lt;td&amp;gt;492&amp;lt;/td&amp;gt;
      &amp;lt;td&amp;gt;&amp;lt;/td&amp;gt;
      &amp;lt;td&amp;gt;&amp;lt;/td&amp;gt;
    &amp;lt;/tr&amp;gt;
    &amp;lt;tr&amp;gt;
      &amp;lt;td&amp;gt;Rockwool In...&amp;lt;/td&amp;gt;
      &amp;lt;td&amp;gt;DKK&amp;lt;/td&amp;gt;
      &amp;lt;td&amp;gt;468&amp;lt;/td&amp;gt;
      &amp;lt;td&amp;gt;12&amp;lt;/td&amp;gt;
      &amp;lt;td&amp;gt;2.63&amp;lt;/td&amp;gt;
      &amp;lt;td&amp;gt;465.2&amp;lt;/td&amp;gt;
      &amp;lt;td&amp;gt;468&amp;lt;/td&amp;gt;
      &amp;lt;td&amp;gt;9,885&amp;lt;/td&amp;gt;
      &amp;lt;td&amp;gt;4,623,850&amp;lt;/td&amp;gt;
    &amp;lt;/tr&amp;gt;
    &amp;lt;tr&amp;gt;
      &amp;lt;td&amp;gt;Sydbank&amp;lt;/td&amp;gt;
      &amp;lt;td&amp;gt;DKK&amp;lt;/td&amp;gt;
      &amp;lt;td&amp;gt;95&amp;lt;/td&amp;gt;
      &amp;lt;td&amp;gt;0.05&amp;lt;/td&amp;gt;
      &amp;lt;td&amp;gt;0.05&amp;lt;/td&amp;gt;
      &amp;lt;td&amp;gt;94.7&amp;lt;/td&amp;gt;
      &amp;lt;td&amp;gt;95&amp;lt;/td&amp;gt;
      &amp;lt;td&amp;gt;103,438&amp;lt;/td&amp;gt;
      &amp;lt;td&amp;gt;9,802,899&amp;lt;/td&amp;gt;
    &amp;lt;/tr&amp;gt;
    &amp;lt;tr&amp;gt;
      &amp;lt;td&amp;gt;TDC&amp;lt;/td&amp;gt;
      &amp;lt;td&amp;gt;DKK&amp;lt;/td&amp;gt;
      &amp;lt;td&amp;gt;43.6&amp;lt;/td&amp;gt;
      &amp;lt;td&amp;gt;0.13&amp;lt;/td&amp;gt;
      &amp;lt;td&amp;gt;0.3&amp;lt;/td&amp;gt;
      &amp;lt;td&amp;gt;43.5&amp;lt;/td&amp;gt;
      &amp;lt;td&amp;gt;43.6&amp;lt;/td&amp;gt;
      &amp;lt;td&amp;gt;845,110&amp;lt;/td&amp;gt;
      &amp;lt;td&amp;gt;36,785,339&amp;lt;/td&amp;gt;
    &amp;lt;/tr&amp;gt;
    &amp;lt;tr&amp;gt;
      &amp;lt;td&amp;gt;Topdanmark&amp;lt;/td&amp;gt;
      &amp;lt;td&amp;gt;DKK&amp;lt;/td&amp;gt;
      &amp;lt;td&amp;gt;854&amp;lt;/td&amp;gt;
      &amp;lt;td&amp;gt;13.5&amp;lt;/td&amp;gt;
      &amp;lt;td&amp;gt;1.61&amp;lt;/td&amp;gt;
      &amp;lt;td&amp;gt;854&amp;lt;/td&amp;gt;
      &amp;lt;td&amp;gt;855&amp;lt;/td&amp;gt;
      &amp;lt;td&amp;gt;38,679&amp;lt;/td&amp;gt;
      &amp;lt;td&amp;gt;32,737,678&amp;lt;/td&amp;gt;
    &amp;lt;/tr&amp;gt;
    &amp;lt;tr&amp;gt;
      &amp;lt;td&amp;gt;Tryg&amp;lt;/td&amp;gt;
      &amp;lt;td&amp;gt;DKK&amp;lt;/td&amp;gt;
      &amp;lt;td&amp;gt;290.4&amp;lt;/td&amp;gt;
      &amp;lt;td&amp;gt;0.3&amp;lt;/td&amp;gt;
      &amp;lt;td&amp;gt;0.1&amp;lt;/td&amp;gt;
      &amp;lt;td&amp;gt;290&amp;lt;/td&amp;gt;
      &amp;lt;td&amp;gt;290.4&amp;lt;/td&amp;gt;
      &amp;lt;td&amp;gt;94,587&amp;lt;/td&amp;gt;
      &amp;lt;td&amp;gt;27,537,247&amp;lt;/td&amp;gt;
    &amp;lt;/tr&amp;gt;
    &amp;lt;tr&amp;gt;
      &amp;lt;td&amp;gt;Vestas Wind...&amp;lt;/td&amp;gt;
      &amp;lt;td&amp;gt;DKK&amp;lt;/td&amp;gt;
      &amp;lt;td&amp;gt;90.15&amp;lt;/td&amp;gt;
      &amp;lt;td&amp;gt;-4.2&amp;lt;/td&amp;gt;
      &amp;lt;td&amp;gt;-4.45&amp;lt;/td&amp;gt;
      &amp;lt;td&amp;gt;90.1&amp;lt;/td&amp;gt;
      &amp;lt;td&amp;gt;90.15&amp;lt;/td&amp;gt;
      &amp;lt;td&amp;gt;1,317,313&amp;lt;/td&amp;gt;
      &amp;lt;td&amp;gt;121,064,314&amp;lt;/td&amp;gt;
    &amp;lt;/tr&amp;gt;
    &amp;lt;tr&amp;gt;
      &amp;lt;td&amp;gt;William Dem...&amp;lt;/td&amp;gt;
      &amp;lt;td&amp;gt;DKK&amp;lt;/td&amp;gt;
      &amp;lt;td&amp;gt;417.6&amp;lt;/td&amp;gt;
      &amp;lt;td&amp;gt;0.1&amp;lt;/td&amp;gt;
      &amp;lt;td&amp;gt;0.02&amp;lt;/td&amp;gt;
      &amp;lt;td&amp;gt;417&amp;lt;/td&amp;gt;
      &amp;lt;td&amp;gt;417.6&amp;lt;/td&amp;gt;
      &amp;lt;td&amp;gt;64,242&amp;lt;/td&amp;gt;
      &amp;lt;td&amp;gt;26,859,554&amp;lt;/td&amp;gt;
    &amp;lt;/tr&amp;gt;
  &amp;lt;/tbody&amp;gt;
&amp;lt;/table&amp;gt;
&lt;/code&gt;&lt;/pre&gt;</t>
  </si>
  <si>
    <t>2018-11-03 06:59:33.440000+00:00</t>
  </si>
  <si>
    <t>2018-11-03 08:38:34.367000+00:00</t>
  </si>
  <si>
    <t>javascript|jquery|asp.net|html-table|sticky</t>
  </si>
  <si>
    <t>In r, How can you read X number of fixed width flat files into Y data frames based on the file name?</t>
  </si>
  <si>
    <t>&lt;p&gt;So I have 80 files that come in the file name format:&lt;/p&gt;
&lt;pre&gt;&lt;code&gt;P.A3588.ACO.CCLF0.D00001.TO30000
P.A3588.ACO.CCLF0.D30001.TO60000
...
P.A3588.ACO.CCLF1.D30001.TO60000    
P.A3588.ACO.CCLF1.D30001.TO60000
...
P.A3588.ACO.CCLF9.D30001.TO60000    
P.A3588.ACO.CCLF9.D30001.TO60000
&lt;/code&gt;&lt;/pre&gt;
&lt;p&gt;There are 80 fixed width text files: 8 parts for each of the 10 CCLF numbers (CCLF0,CCLF1,...,CCLF9). I want to be able to group by CCLF number, apply the column width vector, add column names, and bind the rows of the CCLF parts. &lt;/p&gt;
&lt;p&gt;Below is what I've tried so far. It doesn't work, but gives an idea what I'm attempting.&lt;/p&gt;
&lt;pre&gt;&lt;code&gt;filenames &amp;lt;- list.files(dataPath)
names &amp;lt;- substr(filenames,13,17)
CCLF1_width &amp;lt;- c(13,6,11,2,10,10,1,1,7,7,2,17,1,2,2,4,1,10,10,10,10,10,2,10,10,10,11,2,2,1,1,1)
CCLF2_width &amp;lt;- c(13,10,11,2,10,10,4,10,5,11,6,10,10,24,17,2,2,2,2,2)
CCLF3_width &amp;lt;- c(13,11,2,2,7,10,11,6,10,10,1)
CCLF4_width &amp;lt;- c(13,11,2,1,2,7,11,6,10,10,7,1)
CCLF5_width &amp;lt;- c(13,10,11,2,10,10,3,2,2,1,2,10,10,5,15,1,7,10,10,2,2,2,10,10,40,11,17,24,2,2,2,2,2,2,7,7,7,7,7,7,7,7,1)
CCLF6_width &amp;lt;- c(13,10,11,2,10,10,1,2,10,10,5,15,1,10,10,2,2,2,10,10,40,11,17,2)
CCLF7_width &amp;lt;- c(13,11,11,2,10,2,20,1,1,24,9,2,20,13,2,10,10,12,9)
CCLF8_width &amp;lt;- c(11,2,3,5,10,1,1,3,2,2,10,10,10,30,15,40,1,1)
CCLF9_width &amp;lt;- c(11,11,10,10,12)
CCLF0_width &amp;lt;- c(11,11)
for (i in length(filenames)){
  assign(paste0(substr(filenames,13,17)),
  read_fwf(grepl("CCLF1",filenames),
  paste0(i,"_width")))
  }
&lt;/code&gt;&lt;/pre&gt;</t>
  </si>
  <si>
    <t>2018-09-12 18:34:44.960000+00:00</t>
  </si>
  <si>
    <t>2018-09-13 14:37:41.390000+00:00</t>
  </si>
  <si>
    <t>2018-09-12 19:11:13.837000+00:00</t>
  </si>
  <si>
    <t>r|for-loop|import|fixed-width</t>
  </si>
  <si>
    <t>Roots of rational equation with multiple variables?</t>
  </si>
  <si>
    <t>&lt;p&gt;Let's say we have a rational polynomial in k variables. We are only interested in rational solutions. If k = 1, name the variables {x}, if k = 2, name them {x,y}.&lt;/p&gt;
&lt;p&gt;For k = 1, it can be done very fast. The Rational Root Theorem gives a set of candidates, see &lt;a href="http://en.wikipedia.org/wiki/Rational_root_theorem" rel="nofollow noreferrer"&gt;http://en.wikipedia.org/wiki/Rational_root_theorem&lt;/a&gt;. But what for k=2? How can I split a polynomial into factors in this case?&lt;/p&gt;
&lt;p&gt;Example: x^2-y^2 should be split to (x-y)(x+y). Post also available on &lt;a href="https://math.stackexchange.com/questions/181699/roots-of-rational-equation-with-multiple-variables"&gt;https://math.stackexchange.com/questions/181699/roots-of-rational-equation-with-multiple-variables&lt;/a&gt;.&lt;/p&gt;</t>
  </si>
  <si>
    <t>2012-08-12 14:31:09.027000+00:00</t>
  </si>
  <si>
    <t>2012-08-12 14:52:26.373000+00:00</t>
  </si>
  <si>
    <t>2017-04-13 12:19:15.777000+00:00</t>
  </si>
  <si>
    <t>equation|algebra|polynomial-math</t>
  </si>
  <si>
    <t>WrapPanel.Children.Add(): System.ArgumentException: The parameter is incorrect</t>
  </si>
  <si>
    <t>&lt;p&gt;I have a WrapPanel in a Windows Phone (7.1) Solution, where I add and delete cyclic user controls. Most time it work but sometimes I get the following error:&lt;/p&gt;
&lt;pre&gt;&lt;code&gt;"The parameter is incorrect. "
at MS.Internal.XcpImports.CheckHResult(UInt32 hr)
at MS.Internal.XcpImports.Collection_AddValue[T](PresentationFrameworkCollection`1 collection, CValue value)
at MS.Internal.XcpImports.Collection_AddDependencyObject[T](PresentationFrameworkCollection`1 collection, DependencyObject value)
at System.Windows.PresentationFrameworkCollection`1.AddDependencyObject(DependencyObject value)
at System.Windows.Controls.UIElementCollection.AddInternal(UIElement value)
at System.Windows.PresentationFrameworkCollection`1.Add(UIElement value)
at MyProject.Pages.DashboardPage.RefreshTiles()
&lt;/code&gt;&lt;/pre&gt;
&lt;p&gt;I don't get this error reproduced, it just pops up sometimes. I noticed, that when I delete the whole WrapPanel and create a new the error never pop up. Thus it's seems to be some problem with deleting and adding items.
Here's my code:&lt;/p&gt;
&lt;pre&gt;&lt;code&gt;private void RefreshTiles()
{
    wrapPanelRooms.Children.Clear();
    foreach (Room room in Data.Inst.Rooms)
    {
        ControlRoomTile newTile = new ControlRoomTile{...};
        newTile.MouseLeftButtonUp +=
            (sender, e) =&amp;gt;
            this.NavigationService.Navigate(
                new Uri("/Pages/RoomDetailPage.xaml?id=" + ((ControlRoomTile)sender).Id, UriKind.Relative));
        try
        {
            this.wrapPanelRooms.Children.Add(newTile);
        }
        catch (Exception e)
        {
            Log.WriteLine(DateTime.Now.ToString("HH:mm:ss.ffff") + " UI: RefreshTiles ERROR1");
        }
    }
}
&lt;/code&gt;&lt;/pre&gt;
&lt;p&gt;Does anyone knowing a fix for that?&lt;/p&gt;</t>
  </si>
  <si>
    <t>2011-11-11 09:17:11.660000+00:00</t>
  </si>
  <si>
    <t>2011-11-11 11:29:13.450000+00:00</t>
  </si>
  <si>
    <t>For 128 bit hash function, what is the best method to select?</t>
  </si>
  <si>
    <t>&lt;p&gt;For 128 bit hash method, there are several choices like, md5 and murmur3, which is the best?&lt;/p&gt;</t>
  </si>
  <si>
    <t>2012-01-13 15:18:44.747000+00:00</t>
  </si>
  <si>
    <t>2012-01-13 15:25:51.560000+00:00</t>
  </si>
  <si>
    <t>security|hash|md5|murmurhash</t>
  </si>
  <si>
    <t>Can I set a Parse Object Pointer with the ObjectID</t>
  </si>
  <si>
    <t>&lt;p&gt;I have a custom cloud code method to create a parse object.  I'm doing that so I can validate the uniqueness of a few pointer objects, etc. &lt;/p&gt;
&lt;p&gt;When I create the object I need to create, can I set the non validated pointers via the object id I get from the client side?  &lt;/p&gt;
&lt;p&gt;Something like 
     object.set("user", "someuserid");&lt;/p&gt;
&lt;p&gt;I'd like to avoid doing the extra find queries if I can when I already have the id. &lt;/p&gt;</t>
  </si>
  <si>
    <t>2015-10-23 20:49:46.810000+00:00</t>
  </si>
  <si>
    <t>2017-12-08 15:23:54.057000+00:00</t>
  </si>
  <si>
    <t>parse.com</t>
  </si>
  <si>
    <t>What is the best format for sending formatted (rich) text over REST?</t>
  </si>
  <si>
    <t>&lt;p&gt;In my current project I've got to create the module that converts formatted text (bold, tables and etc) generated in db to PDF in java. &lt;/p&gt;
&lt;p&gt;The question is what is the most suitable specification for sending it between different parts of an application. I thought about brand new html5 spec (it has some interesting text formatting features), but it seems that there aren't any java html5-&gt;pdf converters yet.&lt;/p&gt;
&lt;p&gt;Or maybe there is nothing better than &lt;a href="https://code.google.com/p/flying-saucer/" rel="nofollow"&gt;Flying Saucer&lt;/a&gt; XHTML renderer project?&lt;/p&gt;</t>
  </si>
  <si>
    <t>2013-07-08 14:45:33.783000+00:00</t>
  </si>
  <si>
    <t>2013-07-09 11:36:54.070000+00:00</t>
  </si>
  <si>
    <t>java|rest|pdf|text</t>
  </si>
  <si>
    <t>Android JNI Global Reference Subtleties</t>
  </si>
  <si>
    <t>&lt;p&gt;Ok so given the following steps taken from Cpp&lt;/p&gt;
&lt;ul&gt;
&lt;li&gt;Use jni to make a dictionary&lt;/li&gt;
&lt;li&gt;Make the jobject of the dictionary returned into a globalref&lt;/li&gt;
&lt;li&gt;Use jni to call a Java method that returns an object &lt;strong&gt;(we will call this object *A*)&lt;/strong&gt;&lt;/li&gt;
&lt;li&gt;Add &lt;strong&gt;*A*&lt;/strong&gt; to the dictionary WITHOUT making the ref of &lt;strong&gt;*A*&lt;/strong&gt; global&lt;/li&gt;
&lt;/ul&gt;
&lt;p&gt;What is the lifespan of the &lt;strong&gt;*A*&lt;/strong&gt;?&lt;/p&gt;
&lt;p&gt;My expectations are as follows. The dictionary itself is global and so is protected from garbage collection, when I call the 'Add' method from jni &lt;strong&gt;*A*&lt;/strong&gt; is passed 'back into java' and then the dictionary will hold a new reference to it, protecting it too from garbage collection. So I expect &lt;strong&gt;*A*&lt;/strong&gt; to last as long as the dictionary (ignoring outside meddling).&lt;/p&gt;
&lt;p&gt;Am I on the right track here? Thanks.&lt;/p&gt;</t>
  </si>
  <si>
    <t>2014-07-28 07:16:10.197000+00:00</t>
  </si>
  <si>
    <t>2014-07-28 09:37:38.787000+00:00</t>
  </si>
  <si>
    <t>java|android|c++|garbage-collection|jni</t>
  </si>
  <si>
    <t>Sorting on Page</t>
  </si>
  <si>
    <t>&lt;p&gt;I am Working on VF page in which i have used Angular js. What I am doing is bring data from custom object using query inside controller anf then serializing its using json.serialisation.using that string on VFPage . Now I am displaying that on page. I have copied code from a blog what it does is display record with pagination and does the sorting of the record on particular. What I want is it should do sorting for the whole data. below is the code..
lodata is the serialized data that I am bringing from controller&lt;/p&gt;
&lt;pre&gt;&lt;code&gt;  var myapp = angular.module('hello', []);
  var sortingOrder = '';
  var sortingOrderWO = 'createdDateWO';
  //var $scope;
  var new_sorting_order = null;
         //this.$scope = $scope;
         //this.$filter =$filter;
         $scope.sortingOrder = sortingOrder;
         $scope.reverse = false;
         $scope.filteredItems = [];
         $scope.groupedItems = [];
         $scope.itemsPerPage = 15;
         $scope.pagedItems = [];
         $scope.currentPage = 0;                 
         $scope.items = lodata;
          var searchMatch = function (haystack, needle) {
             if (!needle) {
                 return true;
             }
             return haystack.toLowerCase().indexOf(needle.toLowerCase()) !== -1;
          };
          //Initialize the Search Filters 
          $scope.search = function () {
             $scope.filteredItems = $filter('filter')($scope.items, function (item) {
                 for (var attr in item) {
                     if (searchMatch(item[attr], $scope.query))
                         return true;
                 }
                 return false;
             });
             // Define Sorting Order
             if ($scope.sortingOrder !== '') {
                 $scope.filteredItems = $filter('orderBy')($scope.filteredItems, $scope.sortingOrder, !$scope.reverse);
             }
             $scope.currentPage = 0;
             // console.log(JSON.stringify($scope.filteredItems));
             // Group by pages
             $scope.groupToPages();
          };
          $scope.groupToPages = function () {
             $scope.pagedItems = [];
             for (var i = 0; i &amp;lt; $scope.filteredItems.length; i++) {
                 if (i % $scope.itemsPerPage === 0) {
                     $scope.pagedItems[Math.floor(i / $scope.itemsPerPage)] = [$scope.filteredItems[i]];
                 } else {
                     $scope.pagedItems[Math.floor(i / $scope.itemsPerPage)].push($scope.filteredItems[i]);
                 }
             }
          };
          $scope.range = function (start, end) {
                     var ret = [];
                     if (!end) {
                         end = start;
                         start = 0;
                     }
                     for (var i = start; i &amp;lt; end; i++) {
                         ret.push(i);
                     }
                     return ret;
                 };
          $scope.prevPage = function () {
                     if ($scope.currentPage &amp;gt; 0) {
                         $scope.currentPage--;
                     }
                 };
          $scope.nextPage = function () {
                     if ($scope.currentPage &amp;lt; $scope.pagedItems.length - 1) {
                         $scope.currentPage++;
                     }
                 };
          $scope.setPage = function () {
                     $scope.currentPage = this.n;
                 };                            
          $scope.search();
          $scope.sort_by = function (newSortingOrder) {
                     //alert(sortingOrder + '-----' +newSortingOrder);
                     //alert($scope.sortingOrder); 
                     //alert('Sort called in one direction'); 
                     if ($scope.sortingOrder == newSortingOrder){                            
                         $scope.reverse = !$scope.reverse;   
                         //alert('we are changing the reverse'+$scope.reverse);                          
                     }                          
                     $scope.sortingOrder = newSortingOrder;
                     //alert('we are changing the $scope.sortingOrder'+$scope.sortingOrder);
                     // icon setup
                     $('th i').each(function () {
                         // icon reset
                         $(this).removeClass().addClass('icon-sort');
                     });
                     if ($scope.reverse)
                         $('th.' + new_sorting_order + ' i').removeClass().addClass('icon-chevron-up');
                     else
                         $('th.' + new_sorting_order + ' i').removeClass().addClass('icon-chevron-down');
                 };
     }
     var contrl = controllers.controller('ctrlRead', function ($scope, $filter){
         //alert('its started');
         var locData =  {!wpData[0]}
         return generateJson(locData, $scope, $filter);
         //alert('its completed');
     });   
     contrl.$inject = ['$scope', '$filter'];
&lt;/code&gt;&lt;/pre&gt;</t>
  </si>
  <si>
    <t>2014-11-29 17:59:22.007000+00:00</t>
  </si>
  <si>
    <t>2015-09-29 07:16:11.357000+00:00</t>
  </si>
  <si>
    <t>2014-11-29 18:24:06.340000+00:00</t>
  </si>
  <si>
    <t>TWebBrowser with Align set to alClient will not resize when client area changes</t>
  </si>
  <si>
    <t>&lt;p&gt;I have a form with several splitters and panels.  In the middle is a panel that ends up with a TWebBrowser set to align alClient.&lt;/p&gt;
&lt;p&gt;In the past this has worked well.  However, on Windows 7 with Internet Explorer 8 the the browser is not correctly resized.  Everything else (i.e. the panels) are the correct size, just not the web browser.  Sometimes when you click into the browser, or more often when you scroll the browser will jump to the correct size. That does not happen 100% of the time though.&lt;/p&gt;
&lt;p&gt;I'm trying to deal with the resize directly and force the control to change size.  I can't seem to find a method that makes any difference (i.e. .Invalidate; .Repaint; .Update;)  &lt;/p&gt;
&lt;p&gt;TWebBrowser is an OLE control (ActiveX) that wraps the Internet Explorer control. Any ideas on how I can make the resize happen?&lt;/p&gt;
&lt;p&gt;&lt;strong&gt;Updated Background:&lt;/strong&gt;&lt;/p&gt;
&lt;p&gt;I narrowed this down to only happening when I have a child form that I change the parent to site it inside another form.  My TWebBrowser control is on a child form that I use anytime I need to show an HTML document.  &lt;/p&gt;
&lt;p&gt;In my parent form I have a Grid, a splitter, and a panel with the grid set to Align top and the panel set to align client.  My child form (called THtmlViewer) has its parent set to the panel.  The THtmlViewer form is set to alClient and TWebBrowser control on the child form is also set to align client.&lt;/p&gt;
&lt;p&gt;If I do anything in the form resize of the THtmlViewer form I run into this issue.  Anything being directly in FormResize or indirectly using the align properties.  However, if I call my resize from the parent form everything works fine.&lt;/p&gt;
&lt;p&gt;The key seems to be turning off the resize code in the THtmlViewer form.  If I leave a OnResize handler or the alignment set then it does not matter what I do in the parent, the resize is not done correctly.&lt;/p&gt;
&lt;p&gt;I am still confused why this is needed and why I can't force it to update in the correct resize (THtmlViewer).&lt;/p&gt;
&lt;p&gt;As a side note I also noticed that Delphi 2007 on Windows 7 has the exactly same problem with the "Welcome Page" in the IDE. &lt;/p&gt;
&lt;p&gt;I have worked around the issue by adding a method to set OnResize of the child form to nil and then call my internal ForceResize from the parent's OnResize handler.  I would still like to deal with this all from the THtmlViewer form and would accept an answer that let's me avoid this hack.&lt;/p&gt;</t>
  </si>
  <si>
    <t>2011-01-19 23:48:33.310000+00:00</t>
  </si>
  <si>
    <t>2014-12-03 18:59:04.853000+00:00</t>
  </si>
  <si>
    <t>2011-01-24 21:50:06.713000+00:00</t>
  </si>
  <si>
    <t>delphi|internet-explorer</t>
  </si>
  <si>
    <t>how do I use a file from my apps documents directory with "didSelectRowAtIndexPath"?</t>
  </si>
  <si>
    <t>&lt;p&gt;I have a bunch of mp3's displayed in a UITableView which are located in my apps documents directory. &lt;/p&gt;
&lt;p&gt;When I select the row, I want the file to load into AVAudioPlayer and Play. &lt;/p&gt;
&lt;p&gt;Can anyone suggest how I would go about doing this? &lt;/p&gt;
&lt;p&gt;Any help would be greatly appreciated.&lt;/p&gt;
&lt;p&gt;Thanks! &lt;/p&gt;</t>
  </si>
  <si>
    <t>2011-04-29 19:01:49.620000+00:00</t>
  </si>
  <si>
    <t>2011-07-08 19:48:57.990000+00:00</t>
  </si>
  <si>
    <t>2011-04-29 19:02:44.473000+00:00</t>
  </si>
  <si>
    <t>cocoa-touch|avaudioplayer|didselectrowatindexpath</t>
  </si>
  <si>
    <t>ORDER BY NULL in MySQL</t>
  </si>
  <si>
    <t>&lt;p&gt;What is &lt;code&gt;ORDER BY NULL&lt;/code&gt; in MySQL?&lt;/p&gt;
&lt;p&gt;Does it decrease the query speed?&lt;/p&gt;</t>
  </si>
  <si>
    <t>2011-03-08 11:36:16.937000+00:00</t>
  </si>
  <si>
    <t>2014-11-06 07:09:32.430000+00:00</t>
  </si>
  <si>
    <t>2011-03-08 12:36:19.607000+00:00</t>
  </si>
  <si>
    <t>mysql|sql-order-by</t>
  </si>
  <si>
    <t>Is there any feature in css or bootstrap to increase the visibility of a radio button in IE 8?</t>
  </si>
  <si>
    <t>&lt;p&gt;&lt;a href="https://i.stack.imgur.com/uUOqP.jpg" rel="nofollow noreferrer"&gt;&lt;img src="https://i.stack.imgur.com/uUOqP.jpg" alt="Radio button visibility"&gt;&lt;/a&gt;&lt;/p&gt;
&lt;p&gt;The radio button visibility is very less in IE 8 but it is good in Chrome. I want to increase the visibility of the radio button. Does it involve using a different color? The button default styling is from bootsrap.min.css.&lt;/p&gt;</t>
  </si>
  <si>
    <t>2016-03-15 15:02:35.813000+00:00</t>
  </si>
  <si>
    <t>2016-03-15 15:13:03.060000+00:00</t>
  </si>
  <si>
    <t>html|css|twitter-bootstrap|radio-button</t>
  </si>
  <si>
    <t>infinite scroll with fixed header issue</t>
  </si>
  <si>
    <t>&lt;p&gt;I used &lt;code&gt;infinite scroll&lt;/code&gt; directive in my page and I want to fix my table header.
I used &lt;code&gt;anguFixedHeaderTable&lt;/code&gt; directive to make the fixed header of my table.
I put the infinite directive on &lt;code&gt;tbody&lt;/code&gt; because on &lt;code&gt;tbody&lt;/code&gt; scrolling is done.
Problem is that it will not get API call for getdata on scrolling.It gets all data without scrolling body.## Heading ##
So please provide the solution for using the fixed header with infinite scrolling.&lt;/p&gt;
&lt;pre&gt;&lt;code&gt;&amp;lt;div  style="overflow-x: auto;" &amp;gt; 
                            &amp;lt;table class="table-hover " fixed-header table-height="79vh"  &amp;gt;
                                &amp;lt;thead&amp;gt;
                                    &amp;lt;tr&amp;gt;
                                        &amp;lt;th&amp;gt;Header1.&amp;lt;/th&amp;gt;
                                        &amp;lt;th&amp;gt;Header2&amp;lt;/th&amp;gt;
                                        &amp;lt;th&amp;gt;Header3&amp;lt;/th&amp;gt;
                                        &amp;lt;th&amp;gt;Header4&amp;lt;/th&amp;gt;                                                                
                                        &amp;lt;th&amp;gt;Header5&amp;lt;/th&amp;gt;
                                        &amp;lt;th &amp;gt;Header6&amp;lt;/th&amp;gt;
                                    &amp;lt;/tr&amp;gt;
                                &amp;lt;/thead&amp;gt;
                                &amp;lt;tbody infinite-scroll='loadData()' 
                                       infinite-scroll-disabled='busy' infinite-scroll-distance='1' infinite-scroll-parent="true" &amp;gt;
                                    &amp;lt;tr ng-repeat="data in list" &amp;gt;
                                        &amp;lt;td&amp;gt;{{data.first}}&amp;lt;/td&amp;gt;
                                        &amp;lt;td&amp;gt;{{data.first}}
                                        &amp;lt;/td&amp;gt;
                                        &amp;lt;td&amp;gt;{{data.first}}&amp;lt;/td&amp;gt;
                                        &amp;lt;td&amp;gt;{{data.first}}&amp;lt;/td&amp;gt;
                                        &amp;lt;td &amp;gt;{{data.first}} &amp;lt;/td&amp;gt;
                                        &amp;lt;td &amp;gt;{{data.first}}
                                        &amp;lt;/td&amp;gt;
                                    &amp;lt;/tr&amp;gt;    
                                &amp;lt;/tbody&amp;gt;
                            &amp;lt;/table&amp;gt;                      
                        &amp;lt;/div&amp;gt;
&lt;/code&gt;&lt;/pre&gt;</t>
  </si>
  <si>
    <t>2018-04-11 09:29:44.247000+00:00</t>
  </si>
  <si>
    <t>2018-04-11 13:17:14.340000+00:00</t>
  </si>
  <si>
    <t>Make =:= commutative?</t>
  </si>
  <si>
    <t>&lt;p&gt;It just makes sense that &lt;code&gt;=:=&lt;/code&gt; should be commutative: &lt;code&gt;A =:= B&lt;/code&gt; implies &lt;code&gt;B =:= A&lt;/code&gt;. I was wondering if there is a way to make the scala understand this. To elaborate, if I provide the scala with &lt;pre&gt;implicit def typeEqCommutes[A,B](ev: A=:=B): B=:=A = ev.asInstanceOf[B=:=A]&lt;/pre&gt; then is there a way so &lt;a href="https://stackoverflow.com/a/30700212/369489"&gt;the following would compile:&lt;/a&gt; &lt;/p&gt;
&lt;pre&gt;&lt;code&gt;    class Pair[T, S](var first: T, var second: S) {
    def swap(implicit ev: T =:= S) {
      val temp = first
      first = second //error: type mismatch; found: S required: T
      second = temp
    }
  }
&lt;/code&gt;&lt;/pre&gt;</t>
  </si>
  <si>
    <t>2015-08-03 15:41:29.310000+00:00</t>
  </si>
  <si>
    <t>2018-06-29 16:56:49.880000+00:00</t>
  </si>
  <si>
    <t>scala|type-systems</t>
  </si>
  <si>
    <t>Access attributes of a matplotlib plot made through pandas plot function</t>
  </si>
  <si>
    <t>&lt;p&gt;Say I have a pandas dataframe and I plot it with matplotlib via the pandas built-in function &lt;code&gt;plot&lt;/code&gt;:&lt;/p&gt;
&lt;pre&gt;&lt;code&gt;mydata = list(zip([1, 2, 3], [4, 5, 6]))
dataframe = pandas.DataFrame(mydata)
barchart = dataframe.plot(kind = 'bar')
&lt;/code&gt;&lt;/pre&gt;
&lt;p&gt;How do I access the color of the bars?&lt;/p&gt;
&lt;p&gt;More generally, how do I access all the attributes?&lt;/p&gt;
&lt;p&gt;E.g. I can get the background color with &lt;code&gt;barchart.get_axis_bgcolor()&lt;/code&gt; and I can set it to grey with &lt;code&gt;barchart.set_axis_bgcolor('grey')&lt;/code&gt;, but what about all the other attributes?&lt;/p&gt;</t>
  </si>
  <si>
    <t>2017-03-30 15:42:29.903000+00:00</t>
  </si>
  <si>
    <t>2017-03-30 16:41:52.450000+00:00</t>
  </si>
  <si>
    <t>2017-03-30 15:59:29.730000+00:00</t>
  </si>
  <si>
    <t>mongodb BSON size</t>
  </si>
  <si>
    <t>&lt;p&gt;There is post on stackoverflow in which it is mentioned that BSON size limit is upto 4MB or 8MB. Well for my application the JSON documents would be hardly few tens of kilobytes or even less. Is mongodb suitable for my application if my document size is so less. What I actually want to ask is, do mongodb set aside 4 MB or 8 MB of space for every document so as to improve quick lookups. Well the question might sound stupid, but can anyone tell is it suitable for my application or not.&lt;/p&gt;</t>
  </si>
  <si>
    <t>2012-04-08 07:21:24.817000+00:00</t>
  </si>
  <si>
    <t>2012-04-08 07:27:17.730000+00:00</t>
  </si>
  <si>
    <t>mongodb|bson</t>
  </si>
  <si>
    <t>Hangman hidden word not being replaced with correct letter guesses</t>
  </si>
  <si>
    <t>&lt;p&gt;I'm clearly new to coding, but I'm trying to code a really basic version of the classic "hangman" game for a side project, but I can't get the dashes for the hidden word to be replaced with the correct letter when it's guessed. I don't know if its having an issue with the inputted letter being converted from a string to a character and back again or what I've done wrong. Any help would be amazing.&lt;/p&gt;
&lt;pre&gt;&lt;code&gt;package application;
public class Main extends Application {
    char guess;
    String letter;
    String rndWord;
    String lettersGuessed = "";
    String dashes;
    int lives = 10;
    int dead = 0;
    boolean wordGuessed = false;
    Button submit;
    Label guessLabel; 
    Text guessesLeft; 
    TextField guessBox;
    Text hiddenWord; 
    StringBuffer sb;
    public void dashes() {
        dashes = "";
        for(int i=0; i&amp;lt;rndWord.length(); i++) {
            dashes += "_";
        }
        hiddenWord.setText("The word is " + dashes);
    }
    public String wordSelect(String filename) {
        String[] words;
        try {
            Scanner fileScanner = new Scanner(new File(filename));
            int numWords = fileScanner.nextInt();
            fileScanner.nextLine();
            words = new String[numWords];
            for (int i = 0; i &amp;lt; numWords; i++) {
                String itemData = fileScanner.nextLine();
                words[i] = itemData;
            }
            int rndNumb = (int) Math.floor(Math.random() * numWords);
            rndWord = words[rndNumb];
            dashes();
            return rndWord;
        } catch (FileNotFoundException e) {
            System.out.println("File problem");
            // TODO Auto-generated catch block
            e.printStackTrace();
        }
        return rndWord;
    }
    public String letterMatch(char guess){
        sb = new StringBuffer(dashes);
        boolean letterCorrect = false;
        for (int i = 0; i &amp;lt; rndWord.length(); i++) {
            if(rndWord.charAt(i) == guess){
                sb.setCharAt(i, guess);
                letterCorrect= true;
                break;  
            }
        }
        if (!letterCorrect) { 
            lives--; 
        }
        dashes = new String(sb);
        String letter = new String("guess");
        return dashes;
    }
    @Override
    public void start(Stage primaryStage) {     
         submit = new Button("submit");
         guessLabel = new Label("Enter your guess here then hit submit");
         guessesLeft = new  Text("you have " + lives + " guesses remaining");
         guessBox = new TextField();
         hiddenWord = new Text();
        //submit button (multiple layouts)
        GridPane guessPane = new GridPane();
        guessPane.add(guessLabel, 2, 2);
        guessPane.add(guessBox, 2, 5);
        guessPane.add(submit,1,5);
        guessPane.add(guessesLeft, 1, 6);
        guessPane.add(hiddenWord, 2, 1);
        submit.setOnAction(new EventHandler&amp;lt;ActionEvent&amp;gt;() {
            public void handle(ActionEvent e) {
                letter = guessBox.getText().toLowerCase();
                guessBox.setText("");
            }
        });
            wordSelect("words");
            dashes();
            letterMatch(guess);
&lt;/code&gt;&lt;/pre&gt;</t>
  </si>
  <si>
    <t>2017-12-11 14:00:58.443000+00:00</t>
  </si>
  <si>
    <t>string|replace|char</t>
  </si>
  <si>
    <t>Monorail Excpetion, "The given key was not present in the dictionary."</t>
  </si>
  <si>
    <t>&lt;p&gt;I am quite blocked about an exception.&lt;/p&gt;
&lt;p&gt;I am using Active Record and Monorail. I was able to use the scaffold controllers in monorail, until I add new models.&lt;/p&gt;
&lt;pre&gt;&lt;code&gt;System.Collections.Generic.KeyNotFoundException: The given key was not present in the dictionary.
at System.Collections.Generic.Dictionary`2[System.String,NHibernate.Mapping.PersistentClass].get_Item (System.String key) [0x00000] 
at NHibernate.Cfg.Configuration+Mapping.GetPersistentClass (System.String className) [0x00000] 
at NHibernate.Cfg.Configuration+Mapping.GetIdentifierType (System.String className) [0x00000] 
at NHibernate.Type.EntityType.GetIdentifierType (IMapping factory) [0x00000] 
at NHibernate.Type.EntityType.GetIdentifierOrUniqueKeyType (IMapping factory) [0x00000] 
at NHibernate.Persister.Entity.AbstractPropertyMapping.InitIdentifierPropertyPaths (System.String path, NHibernate.Type.EntityType etype, System.String[] columns, IMapping factory) [0x00000] 
at NHibernate.Persister.Entity.AbstractPropertyMapping.InitPropertyPaths (System.String path, IType type, System.String[] columns, System.String[] formulaTemplates, IMapping factory) [0x00000] 
at NHibernate.Persister.Entity.AbstractEntityPersister.InitOrdinaryPropertyPaths (IMapping mapping) [0x00000] 
at NHibernate.Persister.Entity.AbstractEntityPersister.InitPropertyPaths (IMapping mapping) [0x00000] 
at NHibernate.Persister.Entity.AbstractEntityPersister.PostConstruct (IMapping mapping) [0x00000] 
at NHibernate.Persister.Entity.SingleTableEntityPersister..ctor (NHibernate.Mapping.PersistentClass persistentClass, ICacheConcurrencyStrategy cache, ISessionFactoryImplementor factory, IMapping mapping) [0x00000] 
at NHibernate.Persister.PersisterFactory.CreateClassPersister (NHibernate.Mapping.PersistentClass model, ICacheConcurrencyStrategy cache, ISessionFactoryImplementor factory, IMapping cfg) [0x00000] 
at NHibernate.Impl.SessionFactoryImpl..ctor (NHibernate.Cfg.Configuration cfg, IMapping mapping, NHibernate.Cfg.Settings settings, NHibernate.Event.EventListeners listeners) [0x00000] 
at NHibernate.Cfg.Configuration.BuildSessionFactory () [0x00000] 
at Castle.ActiveRecord.Framework.SessionFactoryHolder.GetSessionFactory (System.Type type) [0x00000] 
at Castle.ActiveRecord.Framework.SessionFactoryHolder.CreateScopeSession (System.Type type) [0x00000] 
at Castle.ActiveRecord.Framework.SessionFactoryHolder.CreateSession (System.Type type) [0x00000] 
at (wrapper synchronized) Castle.ActiveRecord.Framework.SessionFactoryHolder:CreateSession (System.Type)
at Castle.ActiveRecord.ActiveRecordBase.FindAll (System.Type targetType, NHibernate.Criterion.DetachedCriteria detachedCriteria, NHibernate.Criterion.Order[] orders) [0x00000] 
at Castle.ActiveRecord.ActiveRecordBase.FindAll (System.Type targetType) [0x00000] 
at Inventory.Product.FindAll () [0x00000] in /home/mariocesar/Proyectos/Mangos/Mangos.Apps/Inventory/Product.cs:114 
at (wrapper managed-to-native) System.Reflection.MonoMethod:InternalInvoke (object,object[],System.Exception&amp;amp;)
at System.Reflection.MonoMethod.Invoke (System.Object obj, BindingFlags invokeAttr, System.Reflection.Binder binder, System.Object[] parameters, System.Globalization.CultureInfo culture) [0x00000] 
&lt;/code&gt;&lt;/pre&gt;
&lt;p&gt;Here is all the sourcecode: &lt;a href="http://bitbucket.org/mariocesar/mangos/src" rel="nofollow noreferrer"&gt;http://bitbucket.org/mariocesar/mangos/src&lt;/a&gt;&lt;/p&gt;
&lt;p&gt;By Example, for the model Inventory.Product there is the ProductsController, it Work until I add some relations.&lt;/p&gt;
&lt;p&gt;&lt;a href="http://bitbucket.org/mariocesar/mangos/src/tip/Mangos.Apps/Inventory/Product.cs" rel="nofollow noreferrer"&gt;http://bitbucket.org/mariocesar/mangos/src/tip/Mangos.Apps/Inventory/Product.cs&lt;/a&gt;&lt;/p&gt;
&lt;p&gt;I don't understand if the problem is in NHibernate, or if can't be Scaffold, or if the problem is ActivRecord.&lt;/p&gt;
&lt;p&gt;A hint, would be nice&lt;/p&gt;</t>
  </si>
  <si>
    <t>2010-06-02 20:30:46.900000+00:00</t>
  </si>
  <si>
    <t>2010-07-06 01:28:18.993000+00:00</t>
  </si>
  <si>
    <t>nhibernate|mono|castle-activerecord|castle-monorail</t>
  </si>
  <si>
    <t>Picture distorted with Camera and getOptimalPreviewSize</t>
  </si>
  <si>
    <t>&lt;p&gt;I am on a Camera App which taking basic pictures. I have an issue when I get the best optimal preview size.&lt;/p&gt;
&lt;p&gt;In fact, with this first code :&lt;/p&gt;
&lt;pre&gt;&lt;code&gt;public void surfaceChanged(SurfaceHolder holder, int format, int w, int h) {
    if (isPreviewRunning) {
        mCamera.stopPreview();
    }
    Camera.Parameters parameters = mCamera.getParameters();
    mCamera.setParameters(parameters);
    mCamera.startPreview();
    isPreviewRunning = true;
}
&lt;/code&gt;&lt;/pre&gt;
&lt;p&gt;The picture has a good quality :&lt;/p&gt;
&lt;p&gt;&lt;a href="http://img689.imageshack.us/i/04042011172937.jpg/" rel="nofollow noreferrer"&gt;http://img689.imageshack.us/i/04042011172937.jpg/&lt;/a&gt;&lt;/p&gt;
&lt;p&gt;But, with this code :&lt;/p&gt;
&lt;pre&gt;&lt;code&gt;private Size getOptimalPreviewSize(List&amp;lt;Size&amp;gt; sizes, int w, int h) {
    final double ASPECT_TOLERANCE = 0.05;
    double targetRatio = (double) w / h;
    if (sizes == null) return null;
    Size optimalSize = null;
    double minDiff = Double.MAX_VALUE;
    int targetHeight = h;
    // Try to find an size match aspect ratio and size
    for (Size size : sizes) {
        double ratio = (double) size.width / size.height;
        if (Math.abs(ratio - targetRatio) &amp;gt; ASPECT_TOLERANCE) continue;
        if (Math.abs(size.height - targetHeight) &amp;lt; minDiff) {
            optimalSize = size;
            minDiff = Math.abs(size.height - targetHeight);
        }
    }
    // Cannot find the one match the aspect ratio, ignore the requirement
    if (optimalSize == null) {
        minDiff = Double.MAX_VALUE;
        for (Size size : sizes) {
            if (Math.abs(size.height - targetHeight) &amp;lt; minDiff) {
                optimalSize = size;
                minDiff = Math.abs(size.height - targetHeight);
            }
        }
    }
    return optimalSize;
}
public void surfaceChanged(SurfaceHolder holder, int format, int w, int h) {
    // Now that the size is known, set up the camera parameters and begin
    // the preview.
    if (isPreviewRunning) {
        mCamera.stopPreview();
    }
    Camera.Parameters parameters = mCamera.getParameters();
    List&amp;lt;Size&amp;gt; sizes = parameters.getSupportedPreviewSizes();
    Size optimalSize = getOptimalPreviewSize(sizes, w, h);
    parameters.setPreviewSize(optimalSize.width, optimalSize.height);
    mCamera.setParameters(parameters);
    mCamera.startPreview();
    isPreviewRunning =true;
}
&lt;/code&gt;&lt;/pre&gt;
&lt;p&gt;The picture is totally distorted :&lt;/p&gt;
&lt;p&gt;&lt;a href="http://img97.imageshack.us/i/04042011173220.jpg/" rel="nofollow noreferrer"&gt;http://img97.imageshack.us/i/04042011173220.jpg/&lt;/a&gt;&lt;/p&gt;
&lt;p&gt;How can I resolve this problem??&lt;/p&gt;
&lt;p&gt;I am using a HTC Desire HD.&lt;/p&gt;
&lt;p&gt;It is probably my saving method too ? :&lt;/p&gt;
&lt;pre&gt;&lt;code&gt;PictureCallback mPictureCallbackJpeg = new PictureCallback() {      
        public void onPictureTaken(byte[] imageData, Camera camera) {
    ....
    BitmapFactory.Options options=new BitmapFactory.Options();
                            options.inSampleSize = 5; 
                            Bitmap myImage = BitmapFactory.decodeByteArray(imageData, 0,imageData.length,options);
                            FileOutputStream fOut = new FileOutputStream(path + "/"+fl);
                            BufferedOutputStream bos = new BufferedOutputStream(fOut);
    myImage.compress(CompressFormat.JPEG, 100, bos);
    bos.flush();
    bos.close();
    ....
}
&lt;/code&gt;&lt;/pre&gt;
&lt;p&gt;Thanks&lt;/p&gt;</t>
  </si>
  <si>
    <t>2011-04-04 15:47:10.103000+00:00</t>
  </si>
  <si>
    <t>2015-06-08 03:16:14.380000+00:00</t>
  </si>
  <si>
    <t>android|android-camera</t>
  </si>
  <si>
    <t>Show FragmentDialog in RecyclerView adapter</t>
  </si>
  <si>
    <t>&lt;p&gt;Here is my scenario &lt;/p&gt;
&lt;p&gt;I refer this &lt;a href="https://stackoverflow.com/questions/36582037/android-open-dialog-on-adapter"&gt;link&lt;/a&gt; &lt;/p&gt;
&lt;p&gt;I have a Navigation Drawer it contain FeedFragment. And FeeedFragment have recyclerview.&lt;/p&gt;
&lt;p&gt;And my onClick is in RecyclerView adapter so i wanna to open FragmentDialog in this onclick method so  please help me..&lt;/p&gt;
&lt;p&gt;&lt;strong&gt;FeedFragment.java&lt;/strong&gt;&lt;/p&gt;
&lt;pre&gt;&lt;code&gt;    import android.support.v4.app.FragmentManager;
import android.app.Activity;
import android.os.Bundle;
import android.support.v4.app.Fragment;
import android.support.v7.widget.LinearLayoutManager;
import android.support.v7.widget.RecyclerView;
import android.view.LayoutInflater;
import android.view.View;
import android.view.ViewGroup;
import com.bicubic.tennis.R;
import com.bicubic.tennis.adapter.RVFeedAdapter;
import com.bicubic.tennis.model.Feed;
import java.util.ArrayList;
import java.util.List;
public class FeedFragment extends android.support.v4.app.Fragment {
    private List&amp;lt;Feed&amp;gt; feedList;
    private RecyclerView rv;
    View rootView;
    public FeedFragment() {
        // Required empty public constructor
    }
    @Override
    public void onCreate(Bundle savedInstanceState) {
        super.onCreate(savedInstanceState);
    }
    @Override
    public View onCreateView(LayoutInflater inflater, ViewGroup container,
                             Bundle savedInstanceState) {
        rootView = inflater.inflate(R.layout.fragment_feed, container, false);
        rv=(RecyclerView)rootView.findViewById(R.id.rv);
        LinearLayoutManager llm = new LinearLayoutManager(getActivity());
        rv.setLayoutManager(llm);
        rv.setHasFixedSize(true);
        initializeData();
        initializeAdapter();
        return rootView;
    }
    private void initializeData() {
        feedList = new ArrayList&amp;lt;&amp;gt;();
        feedList.add(new Feed("Rio Olympics 2016: 24 hours in 24 pictures - Friday 5 August 2016"));
        feedList.add(new Feed("Rio 2016 Olympics: Integrity of Games in tatters as IOC clears more than two-thirds of Russia team"));
        feedList.add(new Feed("Story of the local hero coach going to Rio thanks to crowdfunding shows the real soul of Olympic Games"));
        feedList.add(new Feed("Comment: Run rates are up and crowds are down: there are many reasons four-day Test matches are a good idea"));
        feedList.add(new Feed("Tom Watson says Shami Chakrabarti peerage is a 'mistake' as he reveals he was not consulted on decision"));
        feedList.add(new Feed("Cargo plane crashes onto busy Italian road after overshooting runway"));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feedList.add(new Feed("Rio 2016 Olympics: Integrity of Games in tatters as IOC clears more than two-thirds of Russia team"));
    }
    private void initializeAdapter(){
        RVFeedAdapter adapter = new RVFeedAdapter(feedList,getActivity());
        rv.setAdapter(adapter);
    }
    @Override
    public void onAttach(Activity activity) {
        super.onAttach(activity);
    }
    @Override
    public void onDetach() {
        super.onDetach();
    }
}
&lt;/code&gt;&lt;/pre&gt;
&lt;p&gt;In this adapter i got error  in this line &lt;code&gt;newFragment.show(((Activity)context).getSupportFragmentManager());&lt;/code&gt; it says getSupportFragmentManager() can not resolve &lt;/p&gt;
&lt;p&gt;&lt;strong&gt;RVFeedAdapter.java&lt;/strong&gt;&lt;/p&gt;
&lt;pre&gt;&lt;code&gt;    import android.app.Activity;
import android.app.Fragment;
import android.support.v7.app.AppCompatActivity;
import android.content.Context;
import android.support.v7.widget.RecyclerView;
import android.view.LayoutInflater;
import android.view.View;
import android.view.ViewGroup;
import android.view.animation.Animation;
import android.view.animation.AnimationUtils;
import android.widget.Button;
import android.widget.ImageView;
import android.widget.TextView;
import android.widget.Toast;
import android.view.View.OnClickListener;
import com.bicubic.tennis.R;
import com.bicubic.tennis.fragment.FeedDialogFragment;
import com.bicubic.tennis.model.Feed;
import java.util.List;
/**
 * Created by admin on 8/5/2016.
 */
public class RVFeedAdapter extends RecyclerView.Adapter&amp;lt;RVFeedAdapter.FeedHolder&amp;gt; {
    static Context context;
    List&amp;lt;Feed&amp;gt; feedList;
    // Allows to remember the last item shown on screen
    private int lastPosition = -1;
    public RVFeedAdapter(List&amp;lt;Feed&amp;gt; feedList, Context context) {
        this.feedList = feedList;
        context = context;
    }
    public static class FeedHolder extends RecyclerView.ViewHolder implements OnClickListener {
        ImageView img_main;
        TextView tv_title;
        Button bt_facebook, bt_twitter, bt_share, bt_comment;
        public FeedHolder(View itemView) {
            super(itemView);
            img_main = (ImageView) itemView.findViewById(R.id.img_main);
            tv_title = (TextView) itemView.findViewById(R.id.tv_title);
            bt_facebook = (Button) itemView.findViewById(R.id.bt_facebook);
            bt_twitter = (Button) itemView.findViewById(R.id.bt_twitter);
            bt_share = (Button) itemView.findViewById(R.id.bt_share);
            bt_comment = (Button) itemView.findViewById(R.id.bt_comment);
            img_main.setOnClickListener(this);
            bt_facebook.setOnClickListener(this);
            bt_twitter.setOnClickListener(this);
            bt_comment.setOnClickListener(this);
            bt_share.setOnClickListener(this);
        }
        @Override
        public void onClick(View v) {
            if (v.getId() == bt_comment.getId()) {
                Toast.makeText(v.getContext(), "Comment  ", Toast.LENGTH_SHORT).show();
            } else if (v.getId() == bt_facebook.getId()) {
                Toast.makeText(v.getContext(), "Facebook  ", Toast.LENGTH_SHORT).show();
            } else if (v.getId() == bt_twitter.getId()) {
                Toast.makeText(v.getContext(), "Twitter  ", Toast.LENGTH_SHORT).show();
            } else if (v.getId() == bt_share.getId()) {
               /* //Change part below with your code
                FragmentTransaction fragmentTransaction = callback.fragmentManager.beginTransaction();
                FeedDialogFragment fragment = new FeedDialogFragment();
                Bundle bundle = new Bundle();
                bundle.putInt("position", getAdapterPosition());
                fragment.setArguments(bundle);
                fragmentTransaction.replace(R.id.activity_log_reader_relativeLayout1, fragment);
                fragmentTransaction.addToBackStack(null);
                fragmentTransaction.commit();
                //---End of change*/
            } else {
                Toast.makeText(v.getContext(), "ROW PRESSED = " + String.valueOf(getAdapterPosition()), Toast.LENGTH_SHORT).show();
                Toast.makeText(v.getContext(), "share  ", Toast.LENGTH_SHORT).show();
                FeedDialogFragment newFragment = FeedDialogFragment.newInstance();
                newFragment.show(((Activity)context).getSupportFragmentManager());
            }
        }
    }
    @Override
    public void onAttachedToRecyclerView(RecyclerView recyclerView) {
        super.onAttachedToRecyclerView(recyclerView);
    }
    @Override
    public FeedHolder onCreateViewHolder(ViewGroup parent, int viewType) {
        View view = LayoutInflater.from(parent.getContext()).inflate(R.layout.feed_row, parent, false);
        FeedHolder feedHolder = new FeedHolder(view);
        return feedHolder;
    }
    @Override
    public void onBindViewHolder(FeedHolder holder, int position) {
        holder.tv_title.setText(feedList.get(position).getTitle());
        // Here you apply the animation when the view is bound
        setAnimation(holder.img_main, position);
    }
    @Override
    public int getItemCount() {
        return feedList.size();
    }
    /**
     * Here is the key method to apply the animation
     */
    private void setAnimation(View viewToAnimate, int position) {
        // If the bound view wasn't previously displayed on screen, it's animated
        if (position &amp;gt; lastPosition) {
            Animation animation = AnimationUtils.loadAnimation(context, android.R.anim.slide_in_left);
            viewToAnimate.startAnimation(animation);
            lastPosition = position;
        }
    }
}
&lt;/code&gt;&lt;/pre&gt;
&lt;p&gt;&lt;strong&gt;FeedDialogFragment.java&lt;/strong&gt;&lt;/p&gt;
&lt;pre&gt;&lt;code&gt;    import android.app.FragmentManager;
import android.support.v4.app.DialogFragment;
import android.content.Context;
import android.os.Bundle;
import android.view.LayoutInflater;
import android.view.View;
import android.view.ViewGroup;
import com.bicubic.tennis.R;
/**
 * Created by admin on 8/5/2016.
 */
public class FeedDialogFragment extends DialogFragment {
    public static FeedDialogFragment newInstance() {
        return new FeedDialogFragment();
    }
    public FeedDialogFragment() {
        // Empty constructor required for DialogFragment
    }
    @Override
    public View onCreateView(LayoutInflater inflater, ViewGroup container, Bundle savedInstanceState) {
        View rootView = inflater.inflate(R.layout.feed_dialog, container, false);
        getDialog().setTitle("Simple Dialog");
        return rootView;
    }
}
&lt;/code&gt;&lt;/pre&gt;</t>
  </si>
  <si>
    <t>2016-08-06 08:14:18.143000+00:00</t>
  </si>
  <si>
    <t>2016-08-21 13:03:02.470000+00:00</t>
  </si>
  <si>
    <t>2017-05-23 12:32:11.663000+00:00</t>
  </si>
  <si>
    <t>android|android-fragments|fragment|android-dialogfragment</t>
  </si>
  <si>
    <t>In recyclerView view how to stop overlapping for multiple views?</t>
  </si>
  <si>
    <t>&lt;p&gt;I have created a recycler list view that holds two views- (i) for content (ii) for native ads (position 3). Everything is working perfectly But content item is being overlapped with ads container, I mean to say content item is not showing in every 3rd position. Any suggestion will be very appreciating.&lt;/p&gt;
&lt;p&gt;Here is my Adapter class-&lt;/p&gt;
&lt;pre&gt;&lt;code&gt;package com.example.something.rcviewwithads;
import android.content.Context;
import android.content.Intent;
import android.support.v7.widget.RecyclerView;
import android.view.LayoutInflater;
import android.view.View;
import android.view.ViewGroup;
import android.widget.ImageView;
import android.widget.LinearLayout;
import android.widget.TextView;
import android.widget.Toast;
import java.util.List;
public class MyAdapter extends RecyclerView.Adapter&amp;lt;RecyclerView.ViewHolder&amp;gt; {
    RecyclerView.ViewHolder holder;
    private List&amp;lt;ListItem&amp;gt; listItems;
    private Context context;
    public MyAdapter(List&amp;lt;ListItem&amp;gt; listItems, Context context) {
        this.listItems = listItems;
        this.context = context;
    }
    @Override
    public int getItemViewType(int position) {
        if (position % 3 == 0) {
            return R.layout.ads_layout;
        } else {
            return R.layout.item_layout;
        }
    }
    @Override
    public RecyclerView.ViewHolder onCreateViewHolder(ViewGroup parent, int viewType) {
        View v;
        switch (viewType) {
            case R.layout.ads_layout:
                v = LayoutInflater.from(context).inflate(R.layout.ads_layout, parent, false);
                holder = new AdsHolder(v);
                break;
            case R.layout.item_layout:
                v = LayoutInflater.from(context).inflate(R.layout.item_layout, parent, false);
                holder = new ContentHolder(v);
        }
        return holder;
    }
    @Override
    public void onBindViewHolder(final RecyclerView.ViewHolder holder, final int position) {
        if (holder instanceof ContentHolder) {
            final ListItem listItem = listItems.get(position);
            // to load Heading and description
            ((ContentHolder) holder).txt1.setText(listItem.getTitle());    // get...() methods are in ListItem.java
            ((ContentHolder) holder).txt2.setText(listItem.getDescription());
            // onItem clicked open another activity
            ((ContentHolder) holder).linearLayout.setOnClickListener(new View.OnClickListener() {
                @Override
                public void onClick(View v) {
                    Intent myInt = new Intent(context, DetailActivity.class);
                    myInt.putExtra("about", listItem.getDetail());
                    myInt.setFlags(Intent.FLAG_ACTIVITY_NEW_TASK);
                    context.startActivity(myInt);
                }
            });
        } else if (holder instanceof AdsHolder) {
            ((AdsHolder) holder).adsTitle.setOnClickListener(new View.OnClickListener() {
                @Override
                public void onClick(View v) {
                    Toast.makeText(context, "You have clicked on ad", Toast.LENGTH_SHORT).show();
                }
            });
        }
    }
    @Override
    public int getItemCount() {
        return listItems.size();
    }
    // Content ViewHolder
    public class ContentHolder extends RecyclerView.ViewHolder {
        public TextView txt1, txt2;
        public LinearLayout linearLayout;
        public ContentHolder(View itemView) {
            super(itemView);
            txt1 = (TextView) itemView.findViewById(R.id.txt1_id);
            txt2 = (TextView) itemView.findViewById(R.id.txt2_id);
            linearLayout = (LinearLayout) itemView.findViewById(R.id.linear_id);
        }
    }
    // Advertisement ViewHolder
    public class AdsHolder extends RecyclerView.ViewHolder {
        public ImageView adsLogo;
        public TextView adsTitle;
        public AdsHolder(View view) {
            super(view);
            adsLogo = (ImageView) view.findViewById(R.id.adsLogo_id);
            adsTitle = (TextView) view.findViewById(R.id.ads_title_id);
        }
    }
}
&lt;/code&gt;&lt;/pre&gt;</t>
  </si>
  <si>
    <t>2018-07-10 14:22:50.417000+00:00</t>
  </si>
  <si>
    <t>2018-07-10 17:53:44.537000+00:00</t>
  </si>
  <si>
    <t>2018-07-10 14:28:20.077000+00:00</t>
  </si>
  <si>
    <t>android|android-recyclerview|adapter|android-viewholder|multiple-views</t>
  </si>
  <si>
    <t>How do I show multiple custom cells using objective C?</t>
  </si>
  <si>
    <t>&lt;p&gt;I have a few custom cells that I would like to display information on. I made 2 new cells however it is only returning one cell. The top most cell's identifier is "Cell" and the bottom one is "quantityCell". I would like the product description to be on the top cell and the quantity on the bottom cell. The output I am getting now is only the quantity cell showing, but not the product cell. If I remove the quantity cell, the product cell will show. How should I go about doing this?
 Thank you&lt;/p&gt;
&lt;pre&gt;&lt;code&gt;- (UITableViewCell *)tableView:(UITableView *)tableView cellForRowAtIndexPath:(NSIndexPath *)indexPath {
    NSString *CellIdentifier = @"Cell";
    UITableViewCell *cell = [tableView dequeueReusableCellWithIdentifier:CellIdentifier forIndexPath:indexPath];
    NSString *quantityCellIdentifier = @"quantityCell";
    UITableViewCell *quantityCell = [tableView dequeueReusableCellWithIdentifier:quantityCellIdentifier forIndexPath:indexPath];
    DisplayInventoryTableViewController *inventoryItem = [[DisplayInventoryTableViewController alloc]init];
    self.productName = [inventoryItem getProductTitle];
    productTitle = self.productName;
    cell.detailTextLabel.text = productTitle;
        NSLog(@"productTitle %@", self.productName);
    cell.textLabel.text = @"Product Title";
    self.productQuantity = [inventoryItem getQuantity];
    quantityCell.textLabel.text = @"Quantity";
    quantityCell.detailTextLabel.text = self.productQuantity;
    /*
    // Configure the cell...
   // cell.textLabel.text = productTitle;
    cell.textLabel.text = @"Product Name";
    cell.detailTextLabel.text = productTitle;
    */
    return cell;return quantityCell;
}
&lt;/code&gt;&lt;/pre&gt;</t>
  </si>
  <si>
    <t>2015-01-28 08:23:26.937000+00:00</t>
  </si>
  <si>
    <t>2015-10-14 10:35:07.940000+00:00</t>
  </si>
  <si>
    <t>Site getting errors on Lighthouse Audit</t>
  </si>
  <si>
    <t>&lt;p&gt;My site moving2ireland.com keeps getting errors when doing the Lighthouse audits. For all performance metrics it gives me 'Error!'.&lt;/p&gt;
&lt;p&gt;What does this mean? Is the site taking too long to load? On GTMetrix the site receives 89% page speed score.&lt;/p&gt;
&lt;p&gt;The site also has had trouble with ranking so this could be related&lt;/p&gt;</t>
  </si>
  <si>
    <t>2018-10-16 12:32:07.447000+00:00</t>
  </si>
  <si>
    <t>google-chrome-devtools|pagespeed|lighthouse</t>
  </si>
  <si>
    <t>Is Where on an Array (of a struct type) optimized to avoid needless copying of struct values?</t>
  </si>
  <si>
    <t>&lt;p&gt;For memory performance reasons I have an array of structures since the number of items is large and the items get tossed regularly and hence thrashing the GC heap. This is not a question of whether I should use large structures; I have already determined GC trashing is causing performance problems. My question is when I need to process this array of structures, should I avoid using LINQ? Since the structure is not small it is not wise to pass it around by value, and I have no idea if the LINQ code generator is smart enough to do this or not. The structure looks like this:&lt;/p&gt;
&lt;pre&gt;&lt;code&gt;public struct ManufacturerValue
{
    public int ManufacturerID;
    public string Name;
    public string CustomSlug;
    public string Title;
    public string Description;
    public string Image;
    public string SearchFilters;
    public int TopZoneProduction;
    public int TopZoneTesting;
    public int ActiveProducts;
}
&lt;/code&gt;&lt;/pre&gt;
&lt;p&gt;So let's say we have an array of these values and I want to extract a dictionary of custom slugs to manufacturers ID's. Before I changed this to a structure it was a class, so the original code was written with a simple LINQ query:&lt;/p&gt;
&lt;pre&gt;&lt;code&gt;ManufacturerValue[] = GetManufacturerValues();
var dict = values.Where(p =&amp;gt; !string.IsNullOrEmpty(p.CustomSlug))
                 .ToDictionary(p =&amp;gt; p.CustomSlug, p =&amp;gt; p.ManufacturerID);
&lt;/code&gt;&lt;/pre&gt;
&lt;p&gt;My concern is I want to understand how LINQ is going to generate the actual code to build this dictionary. My suspicion is that internally the LINQ code is going to end up something like this naive implementation:&lt;/p&gt;
&lt;pre&gt;&lt;code&gt;var dict = new Dictionary&amp;lt;string, int&amp;gt;();
for (var i = 0; i &amp;lt; values.Length; i++) {
    var value = values[i];
    if (!string.IsNullOrEmpty(value.CustomSlug)) {
        dict.Add(value.CustomSlug, value.ManufacturerID);
    }
}
&lt;/code&gt;&lt;/pre&gt;
&lt;p&gt;which would be bad, because the third line is going to create a local copy of the structure, which will be slow because the structure is large and will instead thrash the memory bus. We also do not need anything but the ID and custom slug from it so it will copy a lot of useless information on every iteration. Rather if I coded it efficiently myself, I would write it like this:&lt;/p&gt;
&lt;pre&gt;&lt;code&gt;var dict = new Dictionary&amp;lt;string, int&amp;gt;();
for (var i = 0; i &amp;lt; values.Length; i++) {
    if (!string.IsNullOrEmpty(values[i].CustomSlug)) {
        dict.Add(values[i].CustomSlug, values[i].ManufacturerID);
    }
}
&lt;/code&gt;&lt;/pre&gt;
&lt;p&gt;So does anyone know if the code generator is smart enough to use simple array indexing like the second example when generator code to run over arrays of structures, or will it implement the more naive but slower first implementation?&lt;/p&gt;
&lt;p&gt;What is the best way to decompile this kind of code to find out what the code generator would actually do for this?&lt;/p&gt;
&lt;p&gt;&lt;strong&gt;UPDATE&lt;/strong&gt;&lt;/p&gt;
&lt;p&gt;These changes are now in production. As it turns out in the process of re-writing the code and using the Dot Memory profiler to identify how much memory was being used and where, I found two memory leaks in the Phalanger PHP compiler code. That was one of the reasons the amount of memory our processes were using kept growing, and one of the memory leaks was really nasty and actually caused by the Microsoft Async code (probably worth a blog or a stack overflow question/answer to help others avoid it).&lt;/p&gt;
&lt;p&gt;Anyway, once I found the memory leaks and fixed them I pushed that code live without any of the memory optimizations to convert from classes to structures, and oddly enough this actually caused the GC to thrash even more. I was seeing periods of time when the GC would be using up to 27% of the CPU according to the performance counters. Most likely these big blocks were previously not getting GC'ed due to the memory leaks, so they simply hung around. Once the code was fixed the GC started behaving even worse than before.&lt;/p&gt;
&lt;p&gt;Finally we finished up the code to convert these classes to structures using the feedback in this question, and now our total memory usage at peak is about 50% of what it was, it rapidly drops down when the load on the server goes away and more importantly we are seeing only 0.05% of the CPU being used for GC, if even that. So if anyone is wondering whether these changes can have an impact on the real world, they really can, especially if you have objects that normally hang around for a while so get stuck in the 2nd gen heap and then need to get tossed and garbage collected.&lt;/p&gt;</t>
  </si>
  <si>
    <t>2016-03-19 22:18:09.743000+00:00</t>
  </si>
  <si>
    <t>2018-07-11 04:31:07.123000+00:00</t>
  </si>
  <si>
    <t>2016-03-24 21:11:13.560000+00:00</t>
  </si>
  <si>
    <t>c#|arrays|performance|linq</t>
  </si>
  <si>
    <t>How to store value generated from nested for loop in an array, in Matlab?</t>
  </si>
  <si>
    <t>&lt;pre&gt;&lt;code&gt;y = find(sA);
l = y + sA;
for i=1:10
  for j=1
      l = l + sA;
  end
  y = y + length(y);
end
&lt;/code&gt;&lt;/pre&gt;
&lt;p&gt;I would like to know how to store the value that is generated for &lt;code&gt;l&lt;/code&gt;, for each iteration, in an array.&lt;/p&gt;
&lt;p&gt;When I try do something like l(l) = l + sA; I obtain 'weird' results.&lt;/p&gt;
&lt;p&gt;NOTE: PLEASE READ MY COMMENTS POSTED BELOW. THANKS!&lt;/p&gt;</t>
  </si>
  <si>
    <t>2012-09-04 23:15:24.687000+00:00</t>
  </si>
  <si>
    <t>2012-09-05 11:14:56.567000+00:00</t>
  </si>
  <si>
    <t>2012-09-05 00:54:48.110000+00:00</t>
  </si>
  <si>
    <t>arrays|matlab|for-loop|store</t>
  </si>
  <si>
    <t>Normals per face in OpenTK/GL</t>
  </si>
  <si>
    <t>&lt;p&gt;I was wondering how to set a normal array for faces instead for vertices with &lt;code&gt;NormalPointer&lt;/code&gt;. I use &lt;code&gt;DrawElements&lt;/code&gt; for drawing quads but edge vertices are always shared with multiple quads so the definition of normals per vertex is not helpful. When I duplicate vertices and use no &lt;code&gt;ElementArrayBuffer&lt;/code&gt; I can solve this by using &lt;code&gt;DrawArrays&lt;/code&gt;. However, the duplication of the vertices and using &lt;code&gt;DrawArrays&lt;/code&gt; results in inaccaptable artefacts between the quads. Is there any possibility to use a list of face normals together with &lt;code&gt;ElementArrayBuffer&lt;/code&gt;? Can this only be done with shaders?&lt;/p&gt;
&lt;p&gt;Thanks in advance!&lt;/p&gt;</t>
  </si>
  <si>
    <t>2017-02-22 14:20:05.833000+00:00</t>
  </si>
  <si>
    <t>c#|opengl|opentk</t>
  </si>
  <si>
    <t>Object in D3 Donut</t>
  </si>
  <si>
    <t>&lt;p&gt;I know how I can use an array with &lt;a href="/questions/tagged/d3.js" class="post-tag" title="show questions tagged &amp;#39;d3.js&amp;#39;" rel="tag"&gt;d3.js&lt;/a&gt;donuts but I can't seem to understand how objects work with &lt;a href="/questions/tagged/d3.js" class="post-tag" title="show questions tagged &amp;#39;d3.js&amp;#39;" rel="tag"&gt;d3.js&lt;/a&gt;.&lt;/p&gt;
&lt;p&gt;I'd like to output the following object:&lt;/p&gt;
&lt;p&gt;&lt;strong&gt;Code&lt;/strong&gt;&lt;/p&gt;
&lt;pre&gt;&lt;code&gt;var width = 175,
  height = 175,
  radius = Math.min(width, height) / 2,
  donutWidth = 23;
var color = d3.scaleOrdinal(d3.schemeCategory20);
var data = [{
    user: 'Bob',
    value: 100
  },
  {
    user: 'Danny',
    value: 200
  }
];
function render(data) {
  //data = [100,250];
  var svg = d3.select("#pot").append("svg")
    .attr("width", width)
    .attr("height", height)
  var svg_g = svg.append("g").attr("transform", "translate(" + width / 2 + "," + height / 2 + ")");
  var pie = d3.pie()
    .sort(null);
  var arc = d3.arc()
    .innerRadius(radius - donutWidth)
    .outerRadius(radius);
  var path = svg_g.selectAll("path")
    .data(pie(data));
  var pathEnter = path.enter().append("path")
    .attr("fill", function(d, i) {
      return color(i);
    })
    .attr("d", arc)
  var pathUpdate = path.attr("d", arc);
}
render(data);
&lt;/code&gt;&lt;/pre&gt;
&lt;p&gt;&lt;a href="https://jsfiddle.net/om4fm4jt/1/" rel="nofollow noreferrer"&gt;JSFiddle&lt;/a&gt;&lt;/p&gt;
&lt;p&gt;I'd like the values from the object to be rendered.&lt;/p&gt;</t>
  </si>
  <si>
    <t>2017-12-14 22:44:49.077000+00:00</t>
  </si>
  <si>
    <t>2017-12-14 23:34:28.107000+00:00</t>
  </si>
  <si>
    <t>2017-12-14 22:47:23.820000+00:00</t>
  </si>
  <si>
    <t>Unexpected click behaviour on link + popup click in Google iOS app</t>
  </si>
  <si>
    <t>&lt;p&gt;I'm having following problem. I have following code&lt;/p&gt;
&lt;pre&gt;&lt;code&gt;    &amp;lt;!DOCTYPE html&amp;gt;
&amp;lt;html lang="en"&amp;gt;
&amp;lt;head&amp;gt;
    &amp;lt;meta charset="UTF-8"&amp;gt;
    &amp;lt;title&amp;gt;Click Me test site&amp;lt;/title&amp;gt;
&amp;lt;/head&amp;gt;
&amp;lt;body&amp;gt;
    &amp;lt;a href="http://stackoverflow.com" co-target="http://apple.com"&amp;gt;Click Me&amp;lt;/a&amp;gt;
    &amp;lt;script src="//code.jquery.com/jquery-1.12.0.min.js"&amp;gt;&amp;lt;/script&amp;gt;
    &amp;lt;script src="//code.jquery.com/jquery-migrate-1.2.1.min.js"&amp;gt;&amp;lt;/script&amp;gt;
    &amp;lt;script&amp;gt;
        $(document).ready(function() {
            var handler = function codeclick(event) {
                var link_new = $('a').attr('co-target');
                if (link_new) {
                    window.open(link_new, '_blank');
                }
            }
            $('a').bind('click.codeclick', handler);
        });
    &amp;lt;/script&amp;gt;
&amp;lt;/body&amp;gt;
&amp;lt;/html&amp;gt;
&lt;/code&gt;&lt;/pre&gt;
&lt;p&gt;You can see it in action &lt;a href="http://gurzeda.co/click-test.html" rel="nofollow"&gt;here&lt;/a&gt;&lt;/p&gt;
&lt;p&gt;The expected behaviour on desktop is that the page in co-target attribute is opened in new tab/window and the one in href attribute is opened in current tab.&lt;/p&gt;
&lt;p&gt;On internal mobile facebook browser it should open just the co-target attribute page (intended). But on Google mobile iOS app it opens the page in href attribute (unintended).&lt;/p&gt;
&lt;p&gt;Does anyone encountered similar problem before and maybe have some clues what should I do to make it right? There is no need that the page in co-target has to open. I just want it that on both facebook and google app it open one of it, not different one in each.&lt;/p&gt;</t>
  </si>
  <si>
    <t>2016-01-13 10:09:00.207000+00:00</t>
  </si>
  <si>
    <t>2016-01-13 14:13:01.763000+00:00</t>
  </si>
  <si>
    <t>javascript|jquery|ios|facebook</t>
  </si>
  <si>
    <t>Jenkins: launch same job with different parameters</t>
  </si>
  <si>
    <t>&lt;p&gt;I have a job to maven build our project, we now have one job per release version. As the number of releases grows, there are too many jobs and very hard to find the one we need.&lt;/p&gt;
&lt;p&gt;I wonder if there is a way to launch the same job with different parameters? The problem is one job only has one workspace, so I'm not sure if it's possible?&lt;/p&gt;
&lt;p&gt;Thanks.&lt;/p&gt;</t>
  </si>
  <si>
    <t>2017-01-16 13:07:12.330000+00:00</t>
  </si>
  <si>
    <t>2017-01-16 13:28:25.553000+00:00</t>
  </si>
  <si>
    <t>Extend a JavaScript object by passing a string with the path and a value</t>
  </si>
  <si>
    <t>&lt;p&gt;Is there an easy way to extend a JavaScript object by passing a string and a value?&lt;/p&gt;
&lt;p&gt;Basically I need something like this:&lt;/p&gt;
&lt;pre&gt;&lt;code&gt;myObject = {}
var extendObj = function(obj, path, value){
}
var path = "a.b.c", value = "ciao";
extendObj(myObject, path, value);
console.log(myObject.a.b.c) //will print "ciao"
&lt;/code&gt;&lt;/pre&gt;</t>
  </si>
  <si>
    <t>2013-04-24 01:57:59.067000+00:00</t>
  </si>
  <si>
    <t>2013-04-24 03:09:14.167000+00:00</t>
  </si>
  <si>
    <t>2013-04-24 02:17:50.620000+00:00</t>
  </si>
  <si>
    <t>javascript|jquery|extend</t>
  </si>
  <si>
    <t>Reading RouteValues dictionary of RedirectToRouteResult</t>
  </si>
  <si>
    <t>&lt;p&gt;I am learning ASP MVC , thus new to TDD and MVC frameworks. I find an issue while writing mock TestMethod for testing a Action inside the Controller, that " RedirectToAction" in its body.&lt;/p&gt;
&lt;p&gt;Writing the testMethod to make sure the redirected Action is correct. I read it's possible to check with RedirectToRouteResult.RouteValues, and getting value for "action" key. Even in debug (watching down to the properties) I am able to get it correct. But @ compile time the test is showing exception &lt;code&gt;Cannot apply Indexing with [] to an expression of type RedirectToRouteResult.RouteValues&lt;/code&gt;.&lt;/p&gt;
&lt;p&gt;Following is the code snippet for the reference:&lt;/p&gt;
&lt;pre&gt;&lt;code&gt;public void TestHomeControllerContactRedirectRoute()
        {
            HomeController controller = new HomeController();
            ContactMessage message=new ContactMessage(){
                Email="abc@xyz.com",
                MessageBody="Some message here!!",
                Name="Sun"
            };
            RedirectToRouteResult resultRoute = controller.Contact(message) as RedirectToRouteResult;
            if (resultRoute != null)
            {
                Assert.AreEqual("Contact", resultRoute.RouteValues["action"]);
            }
        }
&lt;/code&gt;&lt;/pre&gt;</t>
  </si>
  <si>
    <t>2012-02-22 07:38:37.377000+00:00</t>
  </si>
  <si>
    <t>2014-10-02 14:32:29.453000+00:00</t>
  </si>
  <si>
    <t>asp.net-mvc|unit-testing|asp.net-mvc-2</t>
  </si>
  <si>
    <t>I think that this variable is referencing?</t>
  </si>
  <si>
    <t>&lt;p&gt;I have a simple WordPress shortcode that is getting an unexpected result. This is the one that doesn't work:&lt;/p&gt;
&lt;pre&gt;&lt;code&gt;$this_post_id = do_shortcode('[cred_post_parent get="id"]');
$testString = $this_post_id;
$parent_id = wpcf_pr_post_get_belongs($testString, 'wa-listing');
$variableType1 = gettype( $testString );
$variableType2 = gettype( $this_post_id );
$variableType3 = gettype( $parent_id );
return $variableType1.': '.$testString.' | '.$variableType2.': '.$this_post_id.' | '.$variableType3.': '.$parent_id;
&lt;/code&gt;&lt;/pre&gt;
&lt;p&gt;This returns: string: 468 | string: 468 | boolean: &lt;/p&gt;
&lt;p&gt;If I hard code in the value for $testString on the second line like so:&lt;/p&gt;
&lt;p&gt;&lt;code&gt;$testString = '468';&lt;/code&gt;&lt;/p&gt;
&lt;p&gt;The result is: string: 468 | string: 468 | string: 56&lt;/p&gt;
&lt;p&gt;The last variable is now returning what I need. &lt;/p&gt;
&lt;p&gt;My suspicion is that the variable $this_post_id is referencing the object in the shortcode but I am not succeeding in trying to get around this.&lt;/p&gt;</t>
  </si>
  <si>
    <t>2016-06-21 06:08:07.283000+00:00</t>
  </si>
  <si>
    <t>2016-06-21 06:57:43.887000+00:00</t>
  </si>
  <si>
    <t>Is there a way to just get a list of all the specs in a suite in a jasmine report?</t>
  </si>
  <si>
    <t>&lt;p&gt;I need a list of all the specs that are mentioned in a suite from the protractor config file and know how may have failed. Is there a way to achieve this? I am writing a custom jasmine report for this.&lt;/p&gt;
&lt;p&gt;Thanks!&lt;/p&gt;</t>
  </si>
  <si>
    <t>2016-09-12 15:40:13.977000+00:00</t>
  </si>
  <si>
    <t>2016-09-12 16:39:45.713000+00:00</t>
  </si>
  <si>
    <t>jasmine|protractor|jasmine-reporters</t>
  </si>
  <si>
    <t>Running PhantomJS in Java process on AWS EC2 Linux</t>
  </si>
  <si>
    <t>&lt;p&gt;I have a problem to run PhantomJS process from Java code on Linux EC2 (ELB) instance. The same code works correctly on Windows OS (my local development), where PhantomJS process runs the script, generating the PDF file and returns expected 0 exit value. The problems occurs just on EC2 Linux instance. I will briefly describe what I've done so far.&lt;/p&gt;
&lt;p&gt;I have succesfully installed the PhantomJS on EC2 instance using this commands:&lt;/p&gt;
&lt;pre&gt;&lt;code&gt;cd /usr/local/share
sudo wget https://bitbucket.org/ariya/phantomjs/downloads/phantomjs-1.9.7-linux-x86_64.tar.bz2
sudo tar xjf phantomjs-1.9.7-linux-x86_64.tar.bz2
sudo ln -s /usr/local/share/phantomjs-1.9.7-linux-x86_64/bin/phantomjs /usr/local/share/phantomjs
sudo ln -s /usr/local/share/phantomjs-1.9.7-linux-x86_64/bin/phantomjs /usr/local/bin/phantomjs
sudo ln -s /usr/local/share/phantomjs-1.9.7-linux-x86_64/bin/phantomjs /usr/bin/phantomjs
&lt;/code&gt;&lt;/pre&gt;
&lt;p&gt;To check if everything is running correctly, I invoked my desired command from the bash window. It generates expected PDF file correctly:&lt;/p&gt;
&lt;pre&gt;&lt;code&gt;phantomjs /home/ec2-user/reports/renderer.js "http://localhost:8080/report.html" /home/ec2-user/reports/tmp/report.pdf Letter
&lt;/code&gt;&lt;/pre&gt;
&lt;p&gt;Fragment of my source code responsible for invoking PhantomJS process looks like this:&lt;/p&gt;
&lt;pre&gt;&lt;code&gt;try {
    final ProcessBuilder pb = new ProcessBuilder("phantomjs", "/home/ec2-user/reports/renderer.js", "http://localhost:8080/report.html", "/home/ec2-user/reports/tmp/report.pdf", "Letter");
    final Process p = pb.start();
    p.waitFor();
    final int exitValue = p.exitValue();
    if (exitValue == 0) {
        LOG.info("PhantomJS has produced valid PDF");
    } else {
        LOG.debug("PhantomJS failed to produce PDF file");
    }
} catch (final InterruptedException | IOException e) {
    e.printStackTrace();
}
&lt;/code&gt;&lt;/pre&gt;
&lt;p&gt;The &lt;code&gt;renderer.js&lt;/code&gt; script is from: &lt;a href="https://github.com/ariya/phantomjs/blob/master/examples/rasterize.js" rel="nofollow noreferrer"&gt;https://github.com/ariya/phantomjs/blob/master/examples/rasterize.js&lt;/a&gt; with very little modifications.&lt;/p&gt;
&lt;p&gt;Note: I tried also to replace the &lt;code&gt;phantomjs&lt;/code&gt; command with &lt;code&gt;/usr/local/share/phantomjs-1.9.7-linux-x86_64/bin/phantomjs&lt;/code&gt; and other created system links on installation. &lt;/p&gt;
&lt;p&gt;There is no exception from Java side, while running the above code. Just the exit value is not 0 and there is no PDF file generated. I expected that the process will be running for a while, but the "error" response occurs just after start.&lt;/p&gt;
&lt;p&gt;For testing purposes I granted the &lt;code&gt;chmod -R 777&lt;/code&gt; permission for &lt;code&gt;/home/ec2-user/reports/&lt;/code&gt; and also 777 for PhantomJS application stored in &lt;code&gt;/usr/local/share/phantomjs-1.9.7-linux-x86_64/bin/phantomjs&lt;/code&gt;.&lt;/p&gt;
&lt;p&gt;I will kindly appreciate your help and all the suggestions. Please ask me for further details also, if I omit some important information.&lt;/p&gt;
&lt;hr&gt;
&lt;p&gt;EDIT: As @Titus suggested, I have read the error stream and finally gets the error: &lt;/p&gt;
&lt;blockquote&gt;
  &lt;p&gt;Can't open '/home/ec2-user/reports/renderer.js'&lt;/p&gt;
&lt;/blockquote&gt;
&lt;p&gt;Any ideas what might be the issue? I followed this suggestion: &lt;a href="https://stackoverflow.com/a/22002485/3076403"&gt;https://stackoverflow.com/a/22002485/3076403&lt;/a&gt; but it didn't resolve my problem.&lt;/p&gt;</t>
  </si>
  <si>
    <t>2015-06-15 15:28:23.187000+00:00</t>
  </si>
  <si>
    <t>2015-06-16 18:37:44.287000+00:00</t>
  </si>
  <si>
    <t>2017-05-23 12:26:39.450000+00:00</t>
  </si>
  <si>
    <t>java|linux|amazon-ec2|phantomjs</t>
  </si>
  <si>
    <t>Data frame row rearrange</t>
  </si>
  <si>
    <t>&lt;p&gt;I have a data frame with this structure:&lt;/p&gt;
&lt;pre&gt;&lt;code&gt;   str(locatie)
'data.frame':   465 obs. of  18 variables:
 $ year: int  1998 1998 1998 1998 1998 1998 1998 1998 1998 1998 ...
 $ day  : int  1 2 3 4 5 6 7 8 9 10 ...
 $ q01 : num  0.411 0.368 0.368 0.368 0.368 0.368 0.326 0.326 0.326 0.326 ...
 $ q02 : num  0.368 0.368 0.368 0.368 0.368 0.368 0.368 0.411 0.411 0.499 ...
 $ q03 : num  0.518 0.558 0.558 0.558 0.558 0.518 0.518 0.478 2.6 4.35 ...
 $ q04 : num  0.518 0.478 0.438 0.478 0.518 0.478 2.16 3.7 2.74 0.758 ...
 $ q05 : num  0.149 0.162 0.149 0.149 0.149 0.149 0.149 0.149 0.149 0.149 ...
 $ q06 : num  1.77 0.44 0.359 0.336 0.302 0.286 0.286 0.3 0.309 0.333 ...
 $ q07 : num  0.461 0.407 0.413 0.391 0.424 0.663 1.42 1.72 2.11 1.82 ...
 $ q08 : num  0.24 0.217 0.265 0.422 0.445 0.424 0.336 0.353 0.344 0.319 ...
 $ q09 : num  0.593 0.7 0.667 0.657 0.657 0.632 0.657 0.745 0.751 0.707 ...
 $ q10 : num  2.85 2.48 2.33 2.26 2.4 3.1 3.94 4.52 4.68 4.68 ...
 $ q11 : num  2.07 1.54 0.518 0.518 0.438 0.478 0.478 0.478 0.478 0.398 ...
 $ q12 : num  0.282 0.287 0.359 0.316 0.316 0.292 0.316 0.292 0.267 0.222 ...
&lt;/code&gt;&lt;/pre&gt;
&lt;p&gt;&lt;code&gt;$ q*&lt;/code&gt; are the months of the year.&lt;/p&gt;
&lt;p&gt;&lt;code&gt;$ day&lt;/code&gt; are the days of the months.&lt;/p&gt;
&lt;p&gt;I want to rearrange it based on the Year/Day/variable/value, something like this:&lt;/p&gt;
&lt;pre&gt;&lt;code&gt;year day variable value
1998  1  q01      0.411
1998  2  q01      0.368
.......................
1998  31 q01      0.368
1998  1  q02      0.368
1998  2  q02      0.368
.......................
1998  28 q02      0.518
1998  1  q03      0.518
&lt;/code&gt;&lt;/pre&gt;
&lt;p&gt;So far, I have tried to rearrange it using&lt;/p&gt;
&lt;p&gt;&lt;code&gt;test &amp;lt;- melt(locatie, id=(c("year", "day"))&lt;/code&gt;&lt;/p&gt;
&lt;p&gt;but I am unhappy with the results, because the &lt;code&gt;$ q01&lt;/code&gt; (January) variable is passing to the next year (1999) in this form: &lt;/p&gt;
&lt;pre&gt;&lt;code&gt;   year day variable value
1  1998  1      q01 0.411
2  1998  2      q01 0.368
3  1998  3      q01 0.368
4  1998  4      q01 0.368
5  1998  5      q01 0.368
6  1998  6      q01 0.368
7  1998  7      q01 0.326
.........................
31 1998 31      q01 0.368
32 1999  1      q01 1.750
33 1999  2      q01 1.810
&lt;/code&gt;&lt;/pre&gt;
&lt;p&gt;I have a very long string of data and I don't want to rearrange it manually. Any suggestions? Thanks.&lt;/p&gt;
&lt;p&gt;Later Edit: &lt;code&gt;dput(head(locatie),32)&lt;/code&gt;&lt;/p&gt;
&lt;p&gt;&lt;code&gt;structure(list(year = c(1998L, 1998L, 1998L, 1998L, 1998L, 1998L, 
1998L, 1998L, 1998L, 1998L, 1998L, 1998L, 1998L, 1998L, 1998L, 
1998L, 1998L, 1998L, 1998L, 1998L, 1998L, 1998L, 1998L, 1998L, 
1998L, 1998L, 1998L, 1998L, 1998L, 1998L, 1998L, 1999L), day = c(1L, 
2L, 3L, 4L, 5L, 6L, 7L, 8L, 9L, 10L, 11L, 12L, 13L, 14L, 15L, 
16L, 17L, 18L, 19L, 20L, 21L, 22L, 23L, 24L, 25L, 26L, 27L, 28L, 
29L, 30L, 31L, 1L), q01 = c(0.411, 0.368, 0.368, 0.368, 0.368, 
0.368, 0.326, 0.326, 0.326, 0.326, 0.326, 0.326, 0.368, 0.411, 
0.368, 0.368, 0.326, 0.326, 0.326, 0.368, 0.368, 0.368, 0.368, 
0.368, 0.368, 0.368, 0.326, 0.368, 0.368, 0.368, 0.368, 1.75), 
    q02 = c(0.368, 0.368, 0.368, 0.368, 0.368, 0.368, 0.368, 
    0.411, 0.411, 0.499, 0.411, 0.454, 0.454, 0.454, 2.82, 7.11, 
    7.2, 7.01, 2.8, 0.558, 0.598, 0.598, 0.678, 0.678, 0.598, 
    0.598, 0.558, 0.518, NA, NA, NA, 1.3), q03 = c(0.518, 0.558, 
    0.558, 0.558, 0.558, 0.518, 0.518, 0.478, 2.6, 4.35, 4.35, 
    4.35, 2.01, 0.598, 0.558, 0.558, 2.93, 4.18, 4.18, 4.18, 
    4.18, 4.02, 3.7, 2.19, 0.558, 1.36, 3, 1.99, 0.518, 0.518, 
    0.518, 4.84), q04 = c(0.518, 0.478, 0.438, 0.478, 0.518, 
    0.478, 2.16, 3.7, 2.74, 0.758, 0.598, 0.518, 0.518, 0.638, 
    0.518, 0.478, 0.478, 0.518, 0.598, 0.638, 0.518, 2.64, 4.36, 
    5.1, 1.23, 0.182, 0.158, 0.153, 0.149, 0.149, NA, 0.558), 
    q05 = c(0.149, 0.162, 0.149, 0.149, 0.149, 0.149, 0.149, 
    0.149, 0.149, 0.149, 0.171, 0.23, 0.235, 0.227, 0.235, 0.227, 
    0.238, 0.782, 2.87, 3.09, 3.13, 3.07, 2.28, 0.636, 0.336, 
    0.258, 0.277, 0.277, 0.862, 1.92, 2.59, 3.15), q06 = c(1.77, 
    0.44, 0.359, 0.336, 0.302, 0.286, 0.286, 0.3, 0.309, 0.333, 
    0.44, 0.452, 0.424, 0.5, 0.558, 0.528, 1.78, 3.13, 2.71, 
    2.79, 2.94, 2.98, 2.87, 2.8, 2.69, 2.64, 1.93, 0.434, 0.434, 
    0.461, NA, 0.68), q07 = c(0.461, 0.407, 0.413, 0.391, 0.424, 
    0.663, 1.42, 1.72, 2.11, 1.82, 1.71, 1.6, 1.08, 0.788, 0.721, 
    0.928, 1.01, 1.35, 1.93, 1.93, 1.99, 1.48, 0.606, 0.239, 
    0.258, 0.222, 0.203, 0.173, 0.173, 0.244, 0.244, 3.28), q08 = c(0.24, 
    0.217, 0.265, 0.422, 0.445, 0.424, 0.336, 0.353, 0.344, 0.319, 
    0.28, 0.302, 0.28, 0.272, 0.272, 0.264, 0.363, 0.363, 0.363, 
    0.363, 0.363, 0.363, 0.376, 0.376, 0.376, 0.363, 0.426, 0.49, 
    0.514, 0.556, 0.568, 0.583), q09 = c(0.593, 0.7, 0.667, 0.657, 
    0.657, 0.632, 0.657, 0.745, 0.751, 0.707, 0.744, 0.809, 1, 
    1.34, 1.29, 1.29, 1.29, 1.39, 1.86, 2.19, 2.33, 2.33, 2.33, 
    2.77, 3.15, 3.23, 3.08, 3, 3.08, 3.46, NA, 0.478), q10 = c(2.85, 
    2.48, 2.33, 2.26, 2.4, 3.1, 3.94, 4.52, 4.68, 4.68, 4.68, 
    4.94, 5.36, 5.86, 5.36, 5.27, 5.36, 5.44, 5.1, 4.85, 3.16, 
    1.59, 1.81, 1.7, 2.06, 2.48, 1.81, 1.7, 1.99, 2.88, 2.44, 
    0.678), q11 = c(2.07, 1.54, 0.518, 0.518, 0.438, 0.478, 0.478, 
    0.478, 0.478, 0.398, 0.398, 0.398, 0.438, 0.638, 0.438, 0.438, 
    0.438, 0.398, 0.398, 0.263, 0.287, 0.287, 0.306, 0.306, 0.306, 
    0.3, 0.254, 0.277, 0.277, 0.3, NA, 0.478), q12 = c(0.282, 
    0.287, 0.359, 0.316, 0.316, 0.292, 0.316, 0.292, 0.267, 0.222, 
    0.222, 0.255, 0.271, 0.307, 0.271, 0.263, 0.285, 0.306, 0.28, 
    0.255, 0.255, 0.259, 0.289, 0.298, 0.344, 0.472, 0.816, 1.69, 
    1.81, 1.92, 1.92, 0.478)), .Names = c("year", "day", "q01", 
"q02", "q03", "q04", "q05", "q06", "q07", "q08", "q09", "q10", 
"q11", "q12"), row.names = c(NA, 32L), class = "data.frame")&lt;/code&gt;&lt;/p&gt;</t>
  </si>
  <si>
    <t>2014-04-05 09:40:21.440000+00:00</t>
  </si>
  <si>
    <t>2014-04-05 10:37:13.923000+00:00</t>
  </si>
  <si>
    <t>2014-04-05 10:03:41.973000+00:00</t>
  </si>
  <si>
    <t>Execute JAR files via batch + set library path</t>
  </si>
  <si>
    <t>&lt;p&gt;I have a jar file that needs to be executed and a &lt;strong&gt;library path&lt;/strong&gt; that needs to be set before execution (&lt;strong&gt;library path is very important&lt;/strong&gt;):&lt;/p&gt;
&lt;pre&gt;&lt;code&gt;// works but without library path being set
start bin/myJar.jar
// should work but doesn't because OS path knows no java paths
// error message like: "java" could not be found
start java -Djava.library.path=bin\native -jar bin\myJar.jar
&lt;/code&gt;&lt;/pre&gt;
&lt;p&gt;I think Oracle does very bad job on installation of their products because there is always manual operation necessary. I can't expect of my users to set the path variable by themselves.
So is there a way to update the path variable via batch (temporary just for execution of this one jar would be best)?&lt;/p&gt;
&lt;p&gt;I'm also using ant builds to generate jars. All settings I COULD do are these:&lt;/p&gt;
&lt;pre&gt;&lt;code&gt;// ...
&amp;lt;manifest&amp;gt;
    &amp;lt;attribute name="Class-Path" value="another.jar another2.jar " /&amp;gt;
    &amp;lt;attribute name="Main-Class" value="myPackage.MyClass" /&amp;gt;
&amp;lt;/manifest&amp;gt;
// ...
&lt;/code&gt;&lt;/pre&gt;
&lt;p&gt;Is THERE a way to set library path ?&lt;/p&gt;</t>
  </si>
  <si>
    <t>2012-12-14 08:51:32.860000+00:00</t>
  </si>
  <si>
    <t>2012-12-17 07:32:08.083000+00:00</t>
  </si>
  <si>
    <t>java|ant|batch-file|path</t>
  </si>
  <si>
    <t>makefile error when adding include path</t>
  </si>
  <si>
    <t>&lt;p&gt;i have a very strange error within my makefile: if I pass an incorrect path to the boost include folder the following builds and i get a .o file. However when i pass the correct path i get the following error:&lt;/p&gt;
&lt;blockquote&gt;
  &lt;p&gt;/src/third-party/build/boost_1_49_0/include/boost/container/map.hpp:147:1:
  error: invalid application of ���sizeof��� to incomplete type
  ���boost::STATIC_ASSERTION_FAILURE���  make: &lt;em&gt;*&lt;/em&gt; [Bidding.o] Error 1&lt;/p&gt;
&lt;/blockquote&gt;
&lt;p&gt;The makefile is below&lt;/p&gt;
&lt;pre&gt;&lt;code&gt;CC=g++
TPLOC=/home/zil/RTB2/0.1/src/third-party/build
COMMON=/home/zil/RTB2/0.1/src/common
SRC_HEAD=/home/zil/RTB2/0.1
all:  Bidder.o main.o main
Bidder.o: Bidder.cpp
       $(CC) -g -fPIC -c Bids.cpp -I$(TPLOC)/boost_1_49_0/include -I.
main.o: main.cpp
    $(CC) -g -fPIC -c main.cpp -I$(TPLOC)/boost_1_49_0/include -I$(COMMON) -I$(TPLOC)/libzdb/include/zdb -I$(TPLOC)/apache/include
main: main.o
    $(CC) -fPIC main.o -o /home/zil/sandbox9/$@ -lbk -lrtbshm -lboost_program_options -lboost_thread -lapr-1 -lrt -lpthread -lzdb -L $(SRC_HEAD)/build/lib -L$(COMMON)/shm -L $(TPLOC)/boost_1_49_0/lib -L $(TPLOC)/libzdb/lib -L $(TPLOC)/apache/lib
&lt;/code&gt;&lt;/pre&gt;
&lt;p&gt;can someone please advise&lt;/p&gt;
&lt;p&gt;many thanks&lt;/p&gt;</t>
  </si>
  <si>
    <t>2012-06-21 10:07:25.557000+00:00</t>
  </si>
  <si>
    <t>2012-06-21 13:27:10.587000+00:00</t>
  </si>
  <si>
    <t>header|makefile|g++|linker-errors</t>
  </si>
  <si>
    <t>GCD stopping async queues from proceeding</t>
  </si>
  <si>
    <t>&lt;p&gt;I'm downloading a file using &lt;code&gt;AFHTTPRequestOperation&lt;/code&gt; from the awesome &lt;a href="http://afnetworking.com/" rel="nofollow"&gt;AFNetworking&lt;/a&gt;.&lt;/p&gt;
&lt;p&gt;I'm downloading large zip files, which need to be unzipped once the download is finished. But since the &lt;code&gt;AFHTTPRequestOperation&lt;/code&gt;'s completion block happens on the main thread, and these are relatively large files, I need to to the unzipping on a background thread, which I've implemented with GCD. &lt;/p&gt;
&lt;p&gt;But the unzipping in this background thread can go wrong and if that's the case I need to be able to stop the thread from continuing... Is there a way to do it with GCD or do I have to put everything in the enormous body of an &lt;code&gt;if&lt;/code&gt; statement?&lt;/p&gt;
&lt;pre&gt;&lt;code&gt;[operation setCompletionBlockWithSuccess:^(AFHTTPRequestOperation *theOperation, id responseObject){
    NSLog(@"*** TP DOWNLOADER: Finished downloading");
    dispatch_async(dispatch_get_global_queue(DISPATCH_QUEUE_PRIORITY_HIGH, 0), ^{
        //Unzip the file:
        ZipArchive *za = [[ZipArchive alloc] init];
        BOOL unzipOpenFileSuccessful = [za UnzipOpenFile:operation.targetPath Password:@"thepassword"];
        if(!unzipOpenFileSuccessful){
            NSLog(@"Problems unzipping!");
            //should return here and not keep doing work!
        }
        //keep doing work... 
    });
];
&lt;/code&gt;&lt;/pre&gt;</t>
  </si>
  <si>
    <t>2012-11-20 18:00:26.760000+00:00</t>
  </si>
  <si>
    <t>2013-01-26 15:49:08.783000+00:00</t>
  </si>
  <si>
    <t>ios|multithreading|grand-central-dispatch|afnetworking</t>
  </si>
  <si>
    <t>How to handle Bad JSON in Firebase Cloud Functions?</t>
  </si>
  <si>
    <t>&lt;p&gt;I'm creating a firebase application which uses firebase-cloud-functions.&lt;/p&gt;
&lt;p&gt;index.js&lt;/p&gt;
&lt;pre&gt;&lt;code&gt;exports.auth = functions.https.onRequest((request, response) =&amp;gt; {
  response.status(200).send({
    status : "Some Status"
  });
}
&lt;/code&gt;&lt;/pre&gt;
&lt;p&gt;This is very simple functions. I want to make a &lt;code&gt;POST&lt;/code&gt; request on the endpoint with some payload. When I tested the API using Firebase Cloud Function Emulator and POSTman with &lt;code&gt;bad json&lt;/code&gt;&lt;/p&gt;
&lt;pre&gt;&lt;code&gt;{
    "phoneNumber: "9632725300"
}
&lt;/code&gt;&lt;/pre&gt;
&lt;p&gt;The server just crashed! My question is how to handle the bad request in firebase functions like these. &lt;/p&gt;
&lt;p&gt;with this error
&lt;a href="https://i.stack.imgur.com/u8SGQ.jpg" rel="noreferrer"&gt;&lt;img src="https://i.stack.imgur.com/u8SGQ.jpg" alt="enter image description here"&gt;&lt;/a&gt;&lt;/p&gt;</t>
  </si>
  <si>
    <t>2017-07-26 19:10:51.830000+00:00</t>
  </si>
  <si>
    <t>2017-07-31 10:32:22.237000+00:00</t>
  </si>
  <si>
    <t>2017-07-29 07:54:25.487000+00:00</t>
  </si>
  <si>
    <t>javascript|firebase|firebase-realtime-database|google-cloud-functions</t>
  </si>
  <si>
    <t>Can not make this image slider work in multiple instances</t>
  </si>
  <si>
    <t>&lt;p&gt;I have this simple image slider, the function for it looks like this:&lt;/p&gt;
&lt;pre&gt;&lt;code&gt;function slider(pocket, time){      
$(pocket).find('&amp;gt; div:first').addClass('sn');
var nos = $(pocket).find('&amp;gt; div').length;
var timer = null;
    function fadeNext() {
    var currentSlide = $(pocket).find('&amp;gt; div.sn');
    var nextSlide = $(currentSlide).next('div');
    if(nextSlide.length == 0){
        nextSlide = $(pocket).find('&amp;gt; div:first');
    }
        $(currentSlide).removeClass('sn').fadeOut(time);
        $(nextSlide).addClass('sn').fadeIn(time);
    }
    function fadePrev() {
    var currSlide = $(pocket).find('&amp;gt; div.sn');
    var prevSlide = $(currSlide).prev('div');
    if(prevSlide.length == 0){
        prevSlide = $(pocket).find('&amp;gt; div:last');
    }
        $(currSlide).removeClass('sn').fadeOut(time);
        $(prevSlide).addClass('sn').fadeIn(time);
    }
$(pocket).find('.sl_next').on('click',  function() {
    fadeNext();
});
$(pocket).find('.sl_prev').on('click',  function() {
    fadePrev();
});
function startSlide(){
    timer = setInterval(fadeNext, 3999);
}
if(time &amp;gt; 0 &amp;amp;&amp;amp; nos &amp;gt; 1){
    startSlide();
}   
}
&lt;/code&gt;&lt;/pre&gt;
&lt;p&gt;Then I call the function like this: &lt;/p&gt;
&lt;pre&gt;&lt;code&gt;slider('.manual', 0);
slider('.auto', 500);
&lt;/code&gt;&lt;/pre&gt;
&lt;p&gt;..and here is the problem; I have multiple sets of images, the ones with class ".manual" have 'previous' and 'next' buttons. and the ones with class "auto" are to automatically rotate between images. &lt;/p&gt;
&lt;p&gt;I have different number of images in each set, for example I have 2, 3, 5 images in 3 sets with class ".auto". The slider would work well at first then the set with 2 and 3 images will just be blank(all images will stay 'display:none') till the set with 5 images reach the last image, instead of getting back to the first image after they reach their respective last image.&lt;/p&gt;
&lt;p&gt;So In the end only the set with maximum images and manual sets look normal, and I think I need help! Thank you!&lt;/p&gt;</t>
  </si>
  <si>
    <t>2015-07-24 13:34:54.370000+00:00</t>
  </si>
  <si>
    <t>2015-07-24 14:09:24.287000+00:00</t>
  </si>
  <si>
    <t>javascript|jquery|image</t>
  </si>
  <si>
    <t>How to programately record HDMI video?</t>
  </si>
  <si>
    <t>&lt;p&gt;I am looking for a device that can be used, via an API, to record HDMI video.&lt;/p&gt;
&lt;p&gt;I found several devices on the web but I am looking for one that does have an API that I could call and schedule recordings, that could be analysed lately.&lt;/p&gt;
&lt;p&gt;Please specify if you were successful doing thing.&lt;/p&gt;</t>
  </si>
  <si>
    <t>2011-09-28 13:11:18.787000+00:00</t>
  </si>
  <si>
    <t>2011-09-28 16:50:45.913000+00:00</t>
  </si>
  <si>
    <t>video|hdmi</t>
  </si>
  <si>
    <t>How to get logs of NodeJs application running in forever npm?</t>
  </si>
  <si>
    <t>&lt;p&gt;I was wondering, is there any way I can check out the logs of the my nodejs server when I've forever'd it using &lt;code&gt;forever start server.js&lt;/code&gt; to look at what's being logged, check any live errors and such.&lt;/p&gt;
&lt;p&gt;I looked at their documentation but couldn't find anything related to this. I want to be able to look at the console.&lt;/p&gt;</t>
  </si>
  <si>
    <t>2018-07-26 00:31:18.103000+00:00</t>
  </si>
  <si>
    <t>2018-08-26 18:28:56.083000+00:00</t>
  </si>
  <si>
    <t>node.js|npm|node-modules|forever</t>
  </si>
  <si>
    <t>Http POST drops port in URL</t>
  </si>
  <si>
    <t>&lt;p&gt;I have a webapp built with Django. I'm currently running it off a laptop at home behind a router. &lt;/p&gt;
&lt;p&gt;I have the router configured to route all traffic sent to a specific port to that laptop.&lt;/p&gt;
&lt;p&gt;I have Nginx as a reverse proxy for Apache, using mod_wsgi to run Django.&lt;/p&gt;
&lt;p&gt;My problem is this: when I try to submit any POST form, the port # gets removed from the url (e.g. 209.245.23.201:1552/login/ becomes 209.245.23.201/login/)&lt;/p&gt;
&lt;p&gt;Naturally, this breaks. What causes this (Nginx, Apache, Django?) and how can I fix it?&lt;/p&gt;
&lt;p&gt;Thanks in advance.&lt;/p&gt;
&lt;p&gt;EDIT: It appears that the forms DO submit, but I think the redirect fails.&lt;/p&gt;
&lt;p&gt;EDIT 2: The problem is definitely either with Nginx, or the interaction between Nginx and Apache. I tried the setup with Apache as the only server, running django, and it worked fine. So either Nginx is dropping the port, or somehow Apache is getting confused by Nginx acting as the proxy.whatever&lt;/p&gt;</t>
  </si>
  <si>
    <t>2010-08-02 21:36:34.933000+00:00</t>
  </si>
  <si>
    <t>2015-06-29 21:04:26.763000+00:00</t>
  </si>
  <si>
    <t>2010-08-03 16:07:51.863000+00:00</t>
  </si>
  <si>
    <t>django|apache|nginx</t>
  </si>
  <si>
    <t>Laravel search where relationship does not exist</t>
  </si>
  <si>
    <t>&lt;p&gt;I can query where relationships exist by using the whereHas method, but now I need to get the inverse of this result, where the result does not match the result in the whereHas clause.&lt;/p&gt;
&lt;p&gt;Here's my query:&lt;/p&gt;
&lt;pre&gt;&lt;code&gt;$query-&amp;gt;whereHas('actions', function ($query) {
    $query-&amp;gt;where('actions.created_at', '&amp;gt;', Carbon::now()-&amp;gt;addDays(-30));
});
&lt;/code&gt;&lt;/pre&gt;
&lt;p&gt;This gets things that are actioned in the last 30 days, but I need to get the things that are NOT actioned in the last 30 days.&lt;/p&gt;
&lt;p&gt;It seems like I need to get the max(actions.created_at) from the relationship and see if that value is &gt; 30 days ago, but I'm not sure how I can do this with eloquent.&lt;/p&gt;
&lt;p&gt;Note: the relationship between person and action is 1 to many, so there could be multiple action records linked, so I can't just flip the operator to be a "&amp;lt;=" &lt;/p&gt;</t>
  </si>
  <si>
    <t>2015-12-03 12:31:09.117000+00:00</t>
  </si>
  <si>
    <t>2015-12-03 13:08:46.337000+00:00</t>
  </si>
  <si>
    <t>2015-12-03 12:51:42.510000+00:00</t>
  </si>
  <si>
    <t>How can I control imageView's moving by PanGestureRecognizer?</t>
  </si>
  <si>
    <t>&lt;p&gt;I want to move imageView by PanGestureRecognizer like this
(imageView can be scaled)&lt;/p&gt;
&lt;ol&gt;
&lt;li&gt;If imageView's position is (0,0), it can't move.&lt;/li&gt;
&lt;li&gt;If imageView's position x is over 60, it can't move more.&lt;/li&gt;
&lt;li&gt;If imageView's position y is over 80, it can't move more.&lt;/li&gt;
&lt;li&gt;When imageView's scale is restored(1.0), it's position is (0,0).&lt;/li&gt;
&lt;/ol&gt;
&lt;p&gt;It is difficult to restrict imageView's moving and position.
What should I do?&lt;/p&gt;
&lt;p&gt;Here is my code.&lt;/p&gt;
&lt;pre&gt;&lt;code&gt;img = [UIImage imageNamed:[NSString stringWithFormat:@"a.jpg"]];
imgView = [[UIImageView alloc]initWithImage:img];
imgView.frame = CGRectMake(0,0, self.view.frame.size.width, 448);
imgView.userInteractionEnabled = YES;
[self.view imgView];
- (void)panAction : (UIPanGestureRecognizer *)sender {
    CGPoint CGP = imgView.center;
    if(newScale != 1.0 &amp;amp;&amp;amp; CGP.x-160 != 0 &amp;amp;&amp;amp; CGP.y-224 != 50){
    CGPoint p = [sender translationInView:self.view];
    CGPoint movedPoint = CGPointMake(imgView.center.x + p.x, imgView.center.y + p.y);
    imgView.center = movedPoint;
    [sender setTranslation:CGPointZero inView:self.view];
    }
}
-(void)handlePinchGesture:(UIPinchGestureRecognizer *)gestureRecognizer {
    if([gestureRecognizer state] == UIGestureRecognizerStateBegan) {
        // Reset the last scale, necessary if there are multiple objects with different scales
        lastScale = [gestureRecognizer scale];
    }
    if ([gestureRecognizer state] == UIGestureRecognizerStateBegan ||
        [gestureRecognizer state] == UIGestureRecognizerStateChanged) {
        CGFloat currentScale = [[[gestureRecognizer view].layer valueForKeyPath:@"transform.scale"] floatValue];
        // Constants to adjust the max/min values of zoom
        const CGFloat kMaxScale = 2.0;
        const CGFloat kMinScale = 1.0;
        newScale = 1 -  (lastScale - [gestureRecognizer scale]);
        newScale = MIN(newScale, kMaxScale / currentScale);
        newScale = MAX(newScale, kMinScale / currentScale);
        CGAffineTransform transform = CGAffineTransformScale([[gestureRecognizer view] transform], newScale, newScale);
        [gestureRecognizer view].transform = transform;
        lastScale = [gestureRecognizer scale];  // Store the previous scale factor for the next pinch gesture call
    }
}
&lt;/code&gt;&lt;/pre&gt;</t>
  </si>
  <si>
    <t>2015-09-07 08:08:04.533000+00:00</t>
  </si>
  <si>
    <t>2015-09-07 16:12:29.287000+00:00</t>
  </si>
  <si>
    <t>ios|objective-c|uipangesturerecognizer</t>
  </si>
  <si>
    <t>reloading page with jquery with conditional</t>
  </si>
  <si>
    <t>&lt;p&gt;I have this code (jQuery).
Basically I want to reload page if there is  input with &lt;code&gt;#SchoolName&lt;/code&gt; existing but it misses &lt;code&gt;class="ac_input"&lt;/code&gt;, IF that class is present, do not reload page.
Is this possible?&lt;/p&gt;
&lt;pre&gt;&lt;code&gt;&amp;lt;input type="text" onfocus="showVal(this.value);" value="" id="SchoolName" size="30" maxlength="50" name="SchoolName" autocomplete="off" class="ac_input"&amp;gt;
function autocomplete() {
         $("#SchoolName").autocomplete("ajaxFuncs.php",{cacheLength:1,mustMatch:1,extraParams:{getSchoolName:1}});
    };
$(document).ready(function(){
    setTimeout("autocomplete()", 500);
    // what do i have to add here???
});
&lt;/code&gt;&lt;/pre&gt;</t>
  </si>
  <si>
    <t>2012-01-17 18:25:01.113000+00:00</t>
  </si>
  <si>
    <t>2012-01-17 20:14:55.417000+00:00</t>
  </si>
  <si>
    <t>New tree widget in Oracle APEX 5.0</t>
  </si>
  <si>
    <t>&lt;p&gt;How can I reference a selected item in new APEX 5 treeView widget?&lt;/p&gt;
&lt;p&gt;That is what I discovered:by chance:&lt;/p&gt;
&lt;pre&gt;&lt;code&gt;`$(���#MYTREE_1���).treeView(���getSelection���).text()`
&lt;/code&gt;&lt;/pre&gt;
&lt;p&gt;gives me selected node text.&lt;/p&gt;
&lt;p&gt;Are there any other ways?&lt;/p&gt;
&lt;p&gt;I tried to get to work methods getLevelFromNode and getIdFromNode but without success.&lt;/p&gt;
&lt;p&gt;Any help would be appreciated.
Regards,
Andrew&lt;/p&gt;</t>
  </si>
  <si>
    <t>2015-05-15 22:04:49.217000+00:00</t>
  </si>
  <si>
    <t>2015-11-21 20:55:19.060000+00:00</t>
  </si>
  <si>
    <t>2015-05-16 21:28:37.947000+00:00</t>
  </si>
  <si>
    <t>oracle|oracle-apex|oracle-apex-5</t>
  </si>
  <si>
    <t>Swift Guard-Let Statement snippet</t>
  </si>
  <si>
    <t>&lt;p&gt;Why autocomplete for &lt;code&gt;guardlet&lt;/code&gt; snippet doesn't work in closures? For example:&lt;/p&gt;
&lt;pre&gt;&lt;code&gt;DispatchQueue.main.async(execute: {
    guardlet //no any suggestions by Xcode
})
&lt;/code&gt;&lt;/pre&gt;
&lt;p&gt;Shouldn't I use this control statement in any closure? Or it's just wrong scopes in the snippet? &lt;/p&gt;
&lt;p&gt;I'm using Xcode 8.2 (8C38).&lt;/p&gt;</t>
  </si>
  <si>
    <t>2016-12-28 04:17:10.973000+00:00</t>
  </si>
  <si>
    <t>2016-12-28 06:16:27.927000+00:00</t>
  </si>
  <si>
    <t>swift|xcode|code-snippets</t>
  </si>
  <si>
    <t>Call a function like : &lt;function&gt; &lt;statement&gt;</t>
  </si>
  <si>
    <t>&lt;p&gt;I know that &lt;code&gt;break&lt;/code&gt;, &lt;code&gt;continue&lt;/code&gt;, and &lt;code&gt;return&lt;/code&gt; functions are built-in.&lt;/p&gt;
&lt;p&gt;But I saw &lt;a href="http://summerofgoto.com/" rel="nofollow"&gt;http://summerofgoto.com/&lt;/a&gt; which allow to write &lt;code&gt;goto &amp;lt;label&amp;gt;&lt;/code&gt;.&lt;/p&gt;
&lt;p&gt;What should we write so that we can call funcitons like this?&lt;/p&gt;
&lt;p&gt;N.B: I get the error : &lt;code&gt;Missing ; before statement&lt;/code&gt; if I write &lt;code&gt;foo bar;&lt;/code&gt;&lt;/p&gt;</t>
  </si>
  <si>
    <t>2012-06-29 15:36:31.550000+00:00</t>
  </si>
  <si>
    <t>2012-06-29 15:57:42.937000+00:00</t>
  </si>
  <si>
    <t>git: How do I recursively add all files in a directory subtree that match a glob pattern?</t>
  </si>
  <si>
    <t>&lt;p&gt;I have several .screen files inside &lt;code&gt;/xxx/documentation&lt;/code&gt; and its subdirectories that are already tracked by Git.&lt;/p&gt;
&lt;p&gt;After modifying many of these screen files, I run &lt;code&gt;git add documentation/\\*.screen&lt;/code&gt;���as indicated by the first example in &lt;code&gt;git-add&lt;/code&gt;'s documentation���to stage these files, but the command fails:&lt;/p&gt;
&lt;pre&gt;fatal: pathspec 'documentation/\*.screen' did not match any files&lt;/pre&gt;
&lt;p&gt;Is my command bad, or does git have a bug?&lt;/p&gt;</t>
  </si>
  <si>
    <t>2010-02-08 12:07:11.283000+00:00</t>
  </si>
  <si>
    <t>2018-06-15 11:12:57.230000+00:00</t>
  </si>
  <si>
    <t>2010-02-08 22:23:04.553000+00:00</t>
  </si>
  <si>
    <t>git|glob|git-add</t>
  </si>
  <si>
    <t>Bot Framework: Implement finite/multi state conversation</t>
  </si>
  <si>
    <t>&lt;p&gt;This is probably a duplicate of &lt;a href="https://stackoverflow.com/questions/40724632/how-to-do-a-decision-tree-on-ms-bot-framework"&gt;this question&lt;/a&gt; but I'll still go ahead and ask it.&lt;/p&gt;
&lt;p&gt;Are there any multi-state message handlers in the MS Bot Framework that one could use and implement a conversation state machine neatly, something like the one mentioned &lt;a href="https://msdn.microsoft.com/en-us/library/office/dn454839.aspx#CreateHandlers" rel="nofollow noreferrer"&gt;here&lt;/a&gt; under the "&lt;strong&gt;Handling a multi-state conversation&lt;/strong&gt;" heading.&lt;/p&gt;
&lt;p&gt;I've implemented this currently by handling the user's utterance in an intent handler. The intent handler prompts the user with a question having three possible answers (for now), namely &lt;em&gt;yes / no / maybe&lt;/em&gt; using:&lt;/p&gt;
&lt;p&gt;&lt;code&gt;PromptDialog.Choice(context, AfterChoice_myUserChoiceHandlerL1, myOptionsList, ...)&lt;/code&gt;&lt;/p&gt;
&lt;p&gt;The user's answer is then handled in the &lt;code&gt;AfterChoice_myNextUserChoiceHandlerL1&lt;/code&gt; method by using a switch case construct. &lt;code&gt;AfterChoice_myNextUserChoiceHandlerL1&lt;/code&gt; can either end the conversation if the final state is reached, or in turn ask another &lt;em&gt;yes / no / maybe&lt;/em&gt; question like this:&lt;/p&gt;
&lt;p&gt;&lt;code&gt;PromptDialog.Choice(context, AfterChoice_myUserChoiceHandlerL2, myOptionsList, ...)&lt;/code&gt;&lt;/p&gt;
&lt;p&gt;My concern: This is indeed a quick and (very) dirty workaround and I'd therefore like to know the best way to implement this.&lt;/p&gt;</t>
  </si>
  <si>
    <t>2016-12-16 16:56:30.517000+00:00</t>
  </si>
  <si>
    <t>2017-05-23 12:13:55.203000+00:00</t>
  </si>
  <si>
    <t>c#|botframework</t>
  </si>
  <si>
    <t>How exactly work this iterate mediator in this WSO2 ESB project?</t>
  </si>
  <si>
    <t>&lt;p&gt;I am absolutly new in &lt;strong&gt;WSO2&lt;/strong&gt; and I have the following doubt about an &lt;strong&gt;ESB&lt;/strong&gt; project on which I am working on.&lt;/p&gt;
&lt;p&gt;I have to iterate on each &lt;code&gt;&amp;lt;Sample&amp;gt;...&amp;lt;/Sample&amp;gt;&lt;/code&gt; element of the following &lt;strong&gt;XML&lt;/strong&gt; document (coming from a &lt;strong&gt;DSS&lt;/strong&gt; service):&lt;/p&gt;
&lt;pre&gt;&lt;code&gt;&amp;lt;?xml version='1.0' encoding='utf-8'?&amp;gt;
&amp;lt;soapenv:Envelope xmlns:soapenv="http://www.w3.org/2003/05/soap-envelope"&amp;gt;
    &amp;lt;soapenv:Body&amp;gt;
        &amp;lt;Samples xmlns="http://ws.wso2.org/dataservice"&amp;gt;
            &amp;lt;Sample&amp;gt;
                &amp;lt;sample_id&amp;gt;XXX00001&amp;lt;/sample_id&amp;gt;
                &amp;lt;processed&amp;gt;n&amp;lt;/processed&amp;gt;&amp;lt;sample_doi&amp;gt;sampleid001&amp;lt;/sample_doi&amp;gt;&amp;lt;date&amp;gt;2000-01-01&amp;lt;/date&amp;gt;&amp;lt;hold_wiews&amp;gt;hold_wiews-0001&amp;lt;/hold_wiews&amp;gt;&amp;lt;hold_pid&amp;gt;hold_pid-001&amp;lt;/hold_pid&amp;gt;&amp;lt;hold_name&amp;gt;hold_name-001&amp;lt;/hold_name&amp;gt;&amp;lt;hold_address&amp;gt;hold_address-001&amp;lt;/hold_address&amp;gt;&amp;lt;hold_country&amp;gt;001&amp;lt;/hold_country&amp;gt;&amp;lt;hold_lat&amp;gt;hold_lat-1&amp;lt;/hold_lat&amp;gt;&amp;lt;hold_lon&amp;gt;hold_lon-1&amp;lt;/hold_lon&amp;gt;&amp;lt;method&amp;gt;acqu&amp;lt;/method&amp;gt;&amp;lt;genus&amp;gt;genus-001&amp;lt;/genus&amp;gt;&amp;lt;species&amp;gt;species-001&amp;lt;/species&amp;gt;&amp;lt;sp_auth&amp;gt;sp_auth-001&amp;lt;/sp_auth&amp;gt;&amp;lt;subtaxa&amp;gt;subtaxa-001&amp;lt;/subtaxa&amp;gt;&amp;lt;st_auth&amp;gt;st_auth-001&amp;lt;/st_auth&amp;gt;&amp;lt;bio_status&amp;gt;001&amp;lt;/bio_status&amp;gt;&amp;lt;mls_status&amp;gt;01&amp;lt;/mls_status&amp;gt;&amp;lt;prov_sid&amp;gt;prov_sid-001&amp;lt;/prov_sid&amp;gt;&amp;lt;provenance&amp;gt;pr1&amp;lt;/provenance&amp;gt;&amp;lt;coll_sid&amp;gt;coll_sid-001&amp;lt;/coll_sid&amp;gt;&amp;lt;coll_miss_id&amp;gt;coll_miss_id-001&amp;lt;/coll_miss_id&amp;gt;&amp;lt;coll_site&amp;gt;coll_site-001&amp;lt;/coll_site&amp;gt;&amp;lt;coll_lat&amp;gt;coll_lat-1&amp;lt;/coll_lat&amp;gt;&amp;lt;coll_lon&amp;gt;coll_lon-1&amp;lt;/coll_lon&amp;gt;&amp;lt;coll_uncert&amp;gt;coll_uncert-001&amp;lt;/coll_uncert&amp;gt;&amp;lt;coll_datum&amp;gt;coll_datum-001&amp;lt;/coll_datum&amp;gt;&amp;lt;coll_georef&amp;gt;coll_georef-001&amp;lt;/coll_georef&amp;gt;&amp;lt;coll_elevation&amp;gt;1&amp;lt;/coll_elevation&amp;gt;&amp;lt;coll_date&amp;gt;2001-01-01&amp;lt;/coll_date&amp;gt;&amp;lt;coll_source&amp;gt;s1&amp;lt;/coll_source&amp;gt;&amp;lt;ancestry&amp;gt;ancestry-001&amp;lt;/ancestry&amp;gt;
            &amp;lt;/Sample&amp;gt;
            &amp;lt;Sample&amp;gt;
                &amp;lt;sample_id&amp;gt;XXX00002&amp;lt;/sample_id&amp;gt;
                &amp;lt;processed&amp;gt;n&amp;lt;/processed&amp;gt;&amp;lt;sample_doi&amp;gt;sampleid002&amp;lt;/sample_doi&amp;gt;&amp;lt;date&amp;gt;2000-01-02&amp;lt;/date&amp;gt;&amp;lt;hold_wiews&amp;gt;hold_wiews-0002&amp;lt;/hold_wiews&amp;gt;&amp;lt;hold_pid&amp;gt;hold_pid-002&amp;lt;/hold_pid&amp;gt;&amp;lt;hold_name&amp;gt;hold_name-002&amp;lt;/hold_name&amp;gt;&amp;lt;hold_address&amp;gt;hold_address-002&amp;lt;/hold_address&amp;gt;&amp;lt;hold_country&amp;gt;002&amp;lt;/hold_country&amp;gt;&amp;lt;hold_lat&amp;gt;hold_lat-2&amp;lt;/hold_lat&amp;gt;&amp;lt;hold_lon&amp;gt;hold_lon-2&amp;lt;/hold_lon&amp;gt;&amp;lt;method&amp;gt;acqu&amp;lt;/method&amp;gt;&amp;lt;genus&amp;gt;genus-002&amp;lt;/genus&amp;gt;&amp;lt;species&amp;gt;species-002&amp;lt;/species&amp;gt;&amp;lt;sp_auth&amp;gt;sp_auth-002&amp;lt;/sp_auth&amp;gt;&amp;lt;subtaxa&amp;gt;subtaxa-002&amp;lt;/subtaxa&amp;gt;&amp;lt;st_auth&amp;gt;st_auth-002&amp;lt;/st_auth&amp;gt;&amp;lt;bio_status&amp;gt;002&amp;lt;/bio_status&amp;gt;&amp;lt;mls_status&amp;gt;02&amp;lt;/mls_status&amp;gt;&amp;lt;prov_sid&amp;gt;prov_sid-002&amp;lt;/prov_sid&amp;gt;&amp;lt;provenance&amp;gt;pr2&amp;lt;/provenance&amp;gt;&amp;lt;coll_sid&amp;gt;coll_sid-002&amp;lt;/coll_sid&amp;gt;&amp;lt;coll_miss_id&amp;gt;coll_miss_id-002&amp;lt;/coll_miss_id&amp;gt;&amp;lt;coll_site&amp;gt;coll_site-002&amp;lt;/coll_site&amp;gt;&amp;lt;coll_lat&amp;gt;coll_lat-2&amp;lt;/coll_lat&amp;gt;&amp;lt;coll_lon&amp;gt;coll_lon-2&amp;lt;/coll_lon&amp;gt;&amp;lt;coll_uncert&amp;gt;coll_uncert-002&amp;lt;/coll_uncert&amp;gt;&amp;lt;coll_datum&amp;gt;coll_datum-002&amp;lt;/coll_datum&amp;gt;&amp;lt;coll_georef&amp;gt;coll_georef-002&amp;lt;/coll_georef&amp;gt;&amp;lt;coll_elevation&amp;gt;2&amp;lt;/coll_elevation&amp;gt;&amp;lt;coll_date&amp;gt;2001-01-02&amp;lt;/coll_date&amp;gt;&amp;lt;coll_source&amp;gt;s2&amp;lt;/coll_source&amp;gt;&amp;lt;ancestry&amp;gt;ancestry-002&amp;lt;/ancestry&amp;gt;
            &amp;lt;/Sample&amp;gt;
            &amp;lt;Sample&amp;gt;
                &amp;lt;sample_id&amp;gt;XXX00003&amp;lt;/sample_id&amp;gt;
                &amp;lt;processed&amp;gt;n&amp;lt;/processed&amp;gt;&amp;lt;sample_doi&amp;gt;sampleid003&amp;lt;/sample_doi&amp;gt;&amp;lt;date&amp;gt;2000-01-03&amp;lt;/date&amp;gt;&amp;lt;hold_wiews&amp;gt;hold_wiews-0003&amp;lt;/hold_wiews&amp;gt;&amp;lt;hold_pid&amp;gt;hold_pid-003&amp;lt;/hold_pid&amp;gt;&amp;lt;hold_name&amp;gt;hold_name-003&amp;lt;/hold_name&amp;gt;&amp;lt;hold_address&amp;gt;hold_address-003&amp;lt;/hold_address&amp;gt;&amp;lt;hold_country&amp;gt;003&amp;lt;/hold_country&amp;gt;&amp;lt;hold_lat&amp;gt;hold_lat-3&amp;lt;/hold_lat&amp;gt;&amp;lt;hold_lon&amp;gt;hold_lon-3&amp;lt;/hold_lon&amp;gt;&amp;lt;method&amp;gt;acqu&amp;lt;/method&amp;gt;&amp;lt;genus&amp;gt;genus-003&amp;lt;/genus&amp;gt;&amp;lt;species&amp;gt;species-003&amp;lt;/species&amp;gt;&amp;lt;sp_auth&amp;gt;sp_auth-003&amp;lt;/sp_auth&amp;gt;&amp;lt;subtaxa&amp;gt;subtaxa-003&amp;lt;/subtaxa&amp;gt;&amp;lt;st_auth&amp;gt;st_auth-003&amp;lt;/st_auth&amp;gt;&amp;lt;bio_status&amp;gt;003&amp;lt;/bio_status&amp;gt;&amp;lt;mls_status&amp;gt;03&amp;lt;/mls_status&amp;gt;&amp;lt;prov_sid&amp;gt;prov_sid-003&amp;lt;/prov_sid&amp;gt;&amp;lt;provenance&amp;gt;pr3&amp;lt;/provenance&amp;gt;&amp;lt;coll_sid&amp;gt;coll_sid-003&amp;lt;/coll_sid&amp;gt;&amp;lt;coll_miss_id&amp;gt;coll_miss_id-003&amp;lt;/coll_miss_id&amp;gt;&amp;lt;coll_site&amp;gt;coll_site-003&amp;lt;/coll_site&amp;gt;&amp;lt;coll_lat&amp;gt;coll_lat-3&amp;lt;/coll_lat&amp;gt;&amp;lt;coll_lon&amp;gt;coll_lon-3&amp;lt;/coll_lon&amp;gt;&amp;lt;coll_uncert&amp;gt;coll_uncert-003&amp;lt;/coll_uncert&amp;gt;&amp;lt;coll_datum&amp;gt;coll_datum-003&amp;lt;/coll_datum&amp;gt;&amp;lt;coll_georef&amp;gt;coll_georef-003&amp;lt;/coll_georef&amp;gt;&amp;lt;coll_elevation&amp;gt;3&amp;lt;/coll_elevation&amp;gt;&amp;lt;coll_date&amp;gt;2001-01-03&amp;lt;/coll_date&amp;gt;&amp;lt;coll_source&amp;gt;s3&amp;lt;/coll_source&amp;gt;&amp;lt;ancestry&amp;gt;ancestry-003&amp;lt;/ancestry&amp;gt;
            &amp;lt;/Sample&amp;gt;
        &amp;lt;/Samples&amp;gt;
    &amp;lt;/soapenv:Body&amp;gt;
&amp;lt;/soapenv:Envelope&amp;gt;
&lt;/code&gt;&lt;/pre&gt;
&lt;p&gt;To do it I am using the &lt;strong&gt;iterate&lt;/strong&gt; mediator (it is working pretty fine), something like this:&lt;/p&gt;
&lt;pre&gt;&lt;code&gt;&amp;lt;iterate expression="$body//ds:Sample" id="ITR_AGG" xmlns:ds="http://ws.wso2.org/dataservice"&amp;gt;
    &amp;lt;target&amp;gt;
        &amp;lt;sequence&amp;gt;
            &amp;lt;enrich&amp;gt;
                &amp;lt;source clone="true" type="envelope"/&amp;gt;
                &amp;lt;target property="sampleData" type="property"/&amp;gt;
            &amp;lt;/enrich&amp;gt;
            &amp;lt;!-- Log Sample Data --&amp;gt;
            &amp;lt;log level="custom"&amp;gt;
                &amp;lt;property expression="$ctx:sampleData" name="sample data"/&amp;gt;
            &amp;lt;/log&amp;gt;
            ...........................................................
            ...........................................................
            DO SOME OTHER STUFF
            ...........................................................
            ...........................................................
        &amp;lt;/sequence&amp;gt;
    &amp;lt;/target&amp;gt;
&amp;lt;/iterate&amp;gt;
&lt;/code&gt;&lt;/pre&gt;
&lt;p&gt;It works fine but I have some doubts, I try to explain these doubts.&lt;/p&gt;
&lt;p&gt;The &lt;strong&gt;iterate&lt;/strong&gt; mediator implements the &lt;strong&gt;Splitter enterprise integration pattern **, it is used to s&lt;/strong&gt;plits the message into a number of different messages derived from the parent message**.&lt;/p&gt;
&lt;p&gt;Ok, so I am splitting the original message that basically is contained into the &lt;code&gt;&amp;lt;soapenv:Body&amp;gt;---&amp;lt;/soapenv:Body&amp;gt;&lt;/code&gt; container into the 3 &lt;code&gt;&amp;lt;Sample&amp;gt;...&amp;lt;/Sample&amp;gt;&lt;/code&gt; separated message.&lt;/p&gt;
&lt;p&gt;It works but why the iterate expression defined into the &lt;strong&gt;iterator&lt;/strong&gt; mediator:&lt;/p&gt;
&lt;pre&gt;&lt;code&gt;&amp;lt;iterate expression="$body//ds:Sample" id="ITR_AGG" xmlns:ds="http://ws.wso2.org/dataservice"&amp;gt;
&lt;/code&gt;&lt;/pre&gt;
&lt;p&gt;is &lt;strong&gt;$body//ds:Sample&lt;/strong&gt;?&lt;/p&gt;
&lt;p&gt;Ok so I think that I have to use the &lt;strong&gt;ds:&lt;/strong&gt; prefix because it is coming from a data service (tell me if I am doing wronga assertion). But what exactly represent the &lt;strong&gt;$body&lt;/strong&gt; "variable"? (is it something like a variable?)&lt;/p&gt;
&lt;p&gt;Is it representing the &lt;code&gt;&amp;lt;soapenv:Body&amp;gt;&lt;/code&gt; element in which have to be searched the &lt;code&gt;&amp;lt;Sample&amp;gt;&lt;/code&gt; element that have to be iterated? Or what? In case my assumption is correct how the &lt;code&gt;&amp;lt;soapenv:Body&amp;gt;&lt;/code&gt; is associated to the &lt;strong&gt;$body&lt;/strong&gt; "variable"?&lt;/p&gt;
&lt;p&gt;The second doubt is related to the use of the &lt;strong&gt;enrich&lt;/strong&gt; mediator contained at the begining of the &lt;strong&gt;iterate&lt;/strong&gt; mediator:&lt;/p&gt;
&lt;pre&gt;&lt;code&gt;&amp;lt;enrich&amp;gt;
    &amp;lt;source clone="true" type="envelope"/&amp;gt;
    &amp;lt;target property="sampleData" type="property"/&amp;gt;
&amp;lt;/enrich&amp;gt;
&lt;/code&gt;&lt;/pre&gt;
&lt;p&gt;What exactly does? It seems to me that it is copying the current element on which is iterating into a new property named &lt;strong&gt;sampleData&lt;/strong&gt;, infact after this mediator the &lt;strong&gt;sampleData&lt;/strong&gt; property is logged by a logger and it is printed something like this:&lt;/p&gt;
&lt;pre&gt;&lt;code&gt;sample data = 
&amp;lt;?xml version='1.0' encoding='utf-8'?&amp;gt;
&amp;lt;soapenv:Envelope xmlns:soapenv="http://www.w3.org/2003/05/soap-envelope"&amp;gt;
    &amp;lt;soapenv:Body&amp;gt;
        &amp;lt;Sample xmlns="http://ws.wso2.org/dataservice"&amp;gt;
            &amp;lt;sample_id&amp;gt;XXX00001&amp;lt;/sample_id&amp;gt;
            &amp;lt;processed&amp;gt;n&amp;lt;/processed&amp;gt;&amp;lt;sample_doi&amp;gt;sampleid001&amp;lt;/sample_doi&amp;gt;&amp;lt;date&amp;gt;2000-01-01&amp;lt;/date&amp;gt;&amp;lt;hold_wiews&amp;gt;hold_wiews-0001&amp;lt;/hold_wiews&amp;gt;&amp;lt;hold_pid&amp;gt;hold_pid-001&amp;lt;/hold_pid&amp;gt;&amp;lt;hold_name&amp;gt;hold_name-001&amp;lt;/hold_name&amp;gt;&amp;lt;hold_address&amp;gt;hold_address-001&amp;lt;/hold_address&amp;gt;&amp;lt;hold_country&amp;gt;001&amp;lt;/hold_country&amp;gt;&amp;lt;hold_lat&amp;gt;hold_lat-1&amp;lt;/hold_lat&amp;gt;&amp;lt;hold_lon&amp;gt;hold_lon-1&amp;lt;/hold_lon&amp;gt;&amp;lt;method&amp;gt;acqu&amp;lt;/method&amp;gt;&amp;lt;genus&amp;gt;genus-001&amp;lt;/genus&amp;gt;&amp;lt;species&amp;gt;species-001&amp;lt;/species&amp;gt;&amp;lt;sp_auth&amp;gt;sp_auth-001&amp;lt;/sp_auth&amp;gt;&amp;lt;subtaxa&amp;gt;subtaxa-001&amp;lt;/subtaxa&amp;gt;&amp;lt;st_auth&amp;gt;st_auth-001&amp;lt;/st_auth&amp;gt;&amp;lt;bio_status&amp;gt;001&amp;lt;/bio_status&amp;gt;&amp;lt;mls_status&amp;gt;01&amp;lt;/mls_status&amp;gt;&amp;lt;prov_sid&amp;gt;prov_sid-001&amp;lt;/prov_sid&amp;gt;&amp;lt;provenance&amp;gt;pr1&amp;lt;/provenance&amp;gt;&amp;lt;coll_sid&amp;gt;coll_sid-001&amp;lt;/coll_sid&amp;gt;&amp;lt;coll_miss_id&amp;gt;coll_miss_id-001&amp;lt;/coll_miss_id&amp;gt;&amp;lt;coll_site&amp;gt;coll_site-001&amp;lt;/coll_site&amp;gt;&amp;lt;coll_lat&amp;gt;coll_lat-1&amp;lt;/coll_lat&amp;gt;&amp;lt;coll_lon&amp;gt;coll_lon-1&amp;lt;/coll_lon&amp;gt;&amp;lt;coll_uncert&amp;gt;coll_uncert-001&amp;lt;/coll_uncert&amp;gt;&amp;lt;coll_datum&amp;gt;coll_datum-001&amp;lt;/coll_datum&amp;gt;&amp;lt;coll_georef&amp;gt;coll_georef-001&amp;lt;/coll_georef&amp;gt;&amp;lt;coll_elevation&amp;gt;1&amp;lt;/coll_elevation&amp;gt;&amp;lt;coll_date&amp;gt;2001-01-01&amp;lt;/coll_date&amp;gt;&amp;lt;coll_source&amp;gt;s1&amp;lt;/coll_source&amp;gt;&amp;lt;ancestry&amp;gt;ancestry-001&amp;lt;/ancestry&amp;gt;
        &amp;lt;/Sample&amp;gt;
    &amp;lt;/soapenv:Body&amp;gt;
&amp;lt;/soapenv:Envelope&amp;gt; {org.apache.synapse.mediators.builtin.LogMediator}
&lt;/code&gt;&lt;/pre&gt;
&lt;p&gt;that represents the current element on which I am iterating. Is it my reasoning correct?&lt;/p&gt;</t>
  </si>
  <si>
    <t>2017-03-29 15:39:55.870000+00:00</t>
  </si>
  <si>
    <t>2018-04-18 06:23:23.733000+00:00</t>
  </si>
  <si>
    <t>wso2|integration|wso2esb|wso2dss</t>
  </si>
  <si>
    <t>Method not allowed PUT and also DELETE</t>
  </si>
  <si>
    <t>&lt;p&gt;I am using SLIM Framework to develop web services that I am using in a android app, but I am testing them with Postman. &lt;/p&gt;
&lt;p&gt;My GET and POST methods work perfectly but when I try to invoke a PUT or DELETE it shows a message in my browser telling me that the method is not allow should be one of PUT or in case a delete request, tells me that should the a DELETE.&lt;/p&gt;
&lt;p&gt;I can't figure out a way to correct this. &lt;/p&gt;</t>
  </si>
  <si>
    <t>2017-11-19 11:33:36.373000+00:00</t>
  </si>
  <si>
    <t>2017-11-20 04:38:31.093000+00:00</t>
  </si>
  <si>
    <t>php|android|frameworks|slim</t>
  </si>
  <si>
    <t>How to convert ILArray into double[,] array?</t>
  </si>
  <si>
    <t>&lt;p&gt;How convert ILArray into double[,] array&lt;/p&gt;
&lt;p&gt;I have &lt;code&gt;ILArray&amp;lt;double&amp;gt; A&lt;/code&gt; want to use &lt;code&gt;A.ToArray()&lt;/code&gt;, but don't know how to use it&lt;/p&gt;
&lt;p&gt;I need to get a &lt;code&gt;double[,] System.Array&lt;/code&gt;.&lt;/p&gt;</t>
  </si>
  <si>
    <t>2013-10-26 15:20:11.560000+00:00</t>
  </si>
  <si>
    <t>2015-10-29 13:16:57.183000+00:00</t>
  </si>
  <si>
    <t>2013-10-28 14:08:29.120000+00:00</t>
  </si>
  <si>
    <t>c#|ilnumerics</t>
  </si>
  <si>
    <t>Keeping data private in a Google spreadsheet while providing an edit dialog with apps script</t>
  </si>
  <si>
    <t>&lt;p&gt;I have an interesting problem to solve, and I'm tired of beating my head against the wall. Let's see if the good ol' Stack community can show me a good way to a solution.&lt;/p&gt;
&lt;ul&gt;
&lt;li&gt;&lt;p&gt;I am using a Google Form for registration for an event. Data is collected into a spreadsheet. So far, so good.&lt;/p&gt;&lt;/li&gt;
&lt;li&gt;&lt;p&gt;While people enter the event, I will have registration clerks with laptops connected to the spreadsheet. They will locate the person in the spreadsheet when they come in, to check off that they showed up. Again, all is peachy.&lt;/p&gt;&lt;/li&gt;
&lt;li&gt;&lt;p&gt;Now the fun part: I want the registration clerks to turn the laptop around with the registrant's data pulled up in a small, standalone view. The issue is that I want the other registrants' data to be private.&lt;/p&gt;&lt;/li&gt;
&lt;li&gt;&lt;p&gt;I have gotten a small apps script to work for this, but the other registrants' data is still visible behind the popup in the spreadsheet.&lt;/p&gt;&lt;/li&gt;
&lt;li&gt;&lt;p&gt;I tried things like using background color to redact data, hiding rows, etc., but there will be many clerks working with the same sheet--so I'm guessing that will hinder others that are trying to perform the same function with another registrant.&lt;/p&gt;&lt;/li&gt;
&lt;li&gt;&lt;p&gt;My next thought was to use a standalone apps script web app to handle this, but I need to get the selected row from the spreadsheet to pass along to it. It seems like &lt;code&gt;window.open&lt;/code&gt; is a no-go, so I think I'm back to square one.&lt;/p&gt;&lt;/li&gt;
&lt;/ul&gt;
&lt;p&gt;I've exhausted all brainpower here, so any (and I do mean ANY) help is greatly appreciated.&lt;/p&gt;
&lt;p&gt;I think the dumb solution that will probably work best is to just make the popup box large and ask users not to hit "OK" when they are done verifying data.&lt;/p&gt;
&lt;p&gt;Thanks!&lt;/p&gt;</t>
  </si>
  <si>
    <t>2014-05-24 00:15:14.840000+00:00</t>
  </si>
  <si>
    <t>2014-05-24 20:26:33.820000+00:00</t>
  </si>
  <si>
    <t>2014-05-24 00:30:52.973000+00:00</t>
  </si>
  <si>
    <t>Piece of code to ensure site cannot be migrated from host?</t>
  </si>
  <si>
    <t>&lt;p&gt;&lt;em&gt;Please note, my intention here is &lt;strong&gt;not&lt;/strong&gt; malicious.  My intentions stem from contractual issues between myself and a client that I am working to enforce.&lt;/em&gt;&lt;/p&gt;
&lt;p&gt;Is there anything I can do - via PHP, .htaccess, MySQL or otherwise - that will ensure (to a decent extent) that a WordPress site would be difficult to migrate to a different host?&lt;/p&gt;
&lt;p&gt;I completely understand that someone extremely well-versed in PHP, MySQL and WordPress might be able to find a workaround, but I need an easy solution that will ensure a client cannot zip up his WordPress app via FTP, export the database, and migrate it to a new host.&lt;/p&gt;
&lt;p&gt;Restricting access to the MySQL admin and the root FTP is not an option.&lt;/p&gt;
&lt;p&gt;Thanks for all your help!&lt;/p&gt;</t>
  </si>
  <si>
    <t>2011-07-13 23:36:32.270000+00:00</t>
  </si>
  <si>
    <t>2011-07-14 23:42:48.903000+00:00</t>
  </si>
  <si>
    <t>security|wordpress|locking|migration|hosting</t>
  </si>
  <si>
    <t>Why won't QTabBar's tabBarDoubleClicked(int) handle double clicking the tab bar?</t>
  </si>
  <si>
    <t>&lt;p&gt;This is driving me nuts. &lt;a href="http://qt-project.org/doc/qt-5/qtabbar.html#tabBarDoubleClicked" rel="nofollow noreferrer"&gt;QTabBar's documentation&lt;/a&gt; says that: &lt;/p&gt;
&lt;blockquote&gt;
  &lt;p&gt;void QTabBar::tabBarDoubleClicked(int index) [signal]&lt;/p&gt;
  &lt;p&gt;This signal is emitted when the user double clicks on a tab at index.
  &lt;strong&gt;index refers to the tab clicked, or -1 if no tab is under the cursor.&lt;/strong&gt;&lt;/p&gt;
&lt;/blockquote&gt;
&lt;p&gt;So, when I double click the tab bar, shouldn't it be returning &lt;code&gt;-1&lt;/code&gt;?&lt;/p&gt;
&lt;p&gt;Just to be clear, the bit in the red box is where I am trying to double click, and where I think it should be returning &lt;code&gt;-1&lt;/code&gt;. It returns the tab index when I double click a tab, so I know that it is working correctly.
&lt;img src="https://i.imgur.com/muNn4jh.png" alt="ApplicationWindow"&gt;&lt;/p&gt;
&lt;p&gt;But shouldn't the bit in the red box still technically be the tab bar? Or does the tab bar expand as tabs are added? If so, is there a way to make it expand to fill the window horizontally?&lt;/p&gt;
&lt;p&gt;I'm trying to implement adding a tab on double clicking the tab bar; is there another way I should be going about this?&lt;/p&gt;</t>
  </si>
  <si>
    <t>2014-10-11 17:57:15.970000+00:00</t>
  </si>
  <si>
    <t>2014-10-11 19:22:13.850000+00:00</t>
  </si>
  <si>
    <t>c++|qt|tabs</t>
  </si>
  <si>
    <t>Nested resources in view page. (3 levels)</t>
  </si>
  <si>
    <t>&lt;p&gt;I believe we are all familiar with the normal posts and comments models to be displayed. Now imagine those relations hold. I would like to add &lt;code&gt;replies&lt;/code&gt; to my comments so we have routing as follows&lt;/p&gt;
&lt;pre&gt;&lt;code&gt;resources :posts do
    resources :comments do
        resources :replies do
    end
end
&lt;/code&gt;&lt;/pre&gt;
&lt;p&gt;I tried many different ways of implementing this in my views but I had no luck! It just does not work when my actual controller is &lt;code&gt;post&lt;/code&gt; and I want to access &lt;code&gt;replies&lt;/code&gt;. I tried searching for this but did not find the suitable name for it. Is there any resource that have information about how to implement this system or a code snippet on how to make it work on n levels instead of just 2? &lt;/p&gt;</t>
  </si>
  <si>
    <t>2014-03-15 19:58:02.637000+00:00</t>
  </si>
  <si>
    <t>2014-03-15 20:25:02.687000+00:00</t>
  </si>
  <si>
    <t>sql|ruby-on-rails|ruby|associations|nested-forms</t>
  </si>
  <si>
    <t>Calculating combinations in Netlogo</t>
  </si>
  <si>
    <t>&lt;p&gt;I'm trying to generate a list in NetLogo that contains several different unique lists of 0 and 1. The number of 1s depends j and the number of lists depends on i. For example, I have these lines of code:&lt;/p&gt;
&lt;pre&gt;&lt;code&gt;if (i = 4) and (j=1) [set mylist = [[1 0 0 0][0 1 0 0][0 0 1 0][0 0 0 1]]]
if (i = 4) and (j=2) [set mylist = [[1 1 0 0][1 0 1 0][1 0 0 1][0 1 1 0][0 1 0 1] [0 0 1 1]]]
&lt;/code&gt;&lt;/pre&gt;
&lt;p&gt;that I wrote to make all possible unique combinations of 0 and 1 without any repetitions within the lists. I would like to be able to the same thing but for values of both i and j, ranging from 1-10. Is there an example of how to do this, or some sort of pseudocode algorithm that anyone knows of that I could check out? Thanks!&lt;/p&gt;</t>
  </si>
  <si>
    <t>2018-01-22 18:22:29.477000+00:00</t>
  </si>
  <si>
    <t>2018-01-23 15:43:25.867000+00:00</t>
  </si>
  <si>
    <t>permutation|netlogo</t>
  </si>
  <si>
    <t>Is there a way to toggle events visibility based on className FullCalendar</t>
  </si>
  <si>
    <t>&lt;p&gt;I was wondering if there was a way using Full Calendar to show/hide elements based on the className of that event.&lt;/p&gt;
&lt;p&gt;The exact situation is I have a checkbox (let's say #daytimeEvent) and I'd like to toggle the visibility of event htat has class daytime in the array....&lt;/p&gt;
&lt;p&gt;I tried this so far but it seems to completely remove the events from the calendar without the possibility to get them back after....&lt;/p&gt;
&lt;p&gt;Here is my current code:&lt;/p&gt;
&lt;pre&gt;&lt;code&gt;$('#daytimeEvent').on('change', function(){
  if ($(this).is(':checked'))
    {
      // That part doesn't work
      calendar.fullCalendar('renderEvent');  
    }
   else
   {
      // This seems to destroy the event without having the opportunity to toggle the visibility back after
      calendar.fullCalendar('removeEvents', function(event){
         return $.inArray('daytime', event.className)
      });
   }
}
&lt;/code&gt;&lt;/pre&gt;
&lt;p&gt;I've crawled google and it seems like I'm not the only person with this problem but I couldn't find any solution.&lt;/p&gt;</t>
  </si>
  <si>
    <t>2016-10-26 14:51:16.237000+00:00</t>
  </si>
  <si>
    <t>2018-05-31 10:53:35.403000+00:00</t>
  </si>
  <si>
    <t>2016-10-26 18:24:42.883000+00:00</t>
  </si>
  <si>
    <t>Working around not being able to subclass a path dependent type</t>
  </si>
  <si>
    <t>&lt;p&gt;I am looking for a way to restrict invocations of certain objects. Given a transactional system which defines a reference type, a transaction type, and an identifier:&lt;/p&gt;
&lt;pre&gt;&lt;code&gt;trait Sys[S &amp;lt;: Sys[S]] {
  type Ref[A]
  type Tx &amp;lt;: Txn[S]
  type ID
}
&lt;/code&gt;&lt;/pre&gt;
&lt;p&gt;I would like to be able to mix in a trait that can be used to create mutable references:&lt;/p&gt;
&lt;pre&gt;&lt;code&gt;trait Mutable[S &amp;lt;: Sys[S]] {
  def id: S#ID
  protected final def newRef[A](implicit tx: S#Tx): S#Ref[A] =
    tx.newRef[A](this)
}
&lt;/code&gt;&lt;/pre&gt;
&lt;p&gt;And the reference factory is defined as part of the transaction:&lt;/p&gt;
&lt;pre&gt;&lt;code&gt;trait Txn[S &amp;lt;: Sys[S]] {
  /* private[Mutable] */ def newRef[A](mut: Mutable[S]): S#Ref[A]
  def newID: S#ID
}
&lt;/code&gt;&lt;/pre&gt;
&lt;p&gt;Now, the problem is, in the following structure I can create references with false contexts:&lt;/p&gt;
&lt;pre&gt;&lt;code&gt;def newStruct[S &amp;lt;: Sys[S]](cross: Mutable[S])(implicit tx: S#Tx) = 
  new Mutable[S] {
    val id        = tx.newID
    val allowed   = newRef[Int]
    val forbidden = tx.newRef[Int](cross) // shouldn't compile...
  }
&lt;/code&gt;&lt;/pre&gt;
&lt;p&gt;I would like to disallow the last call. Obviously, I cannot make &lt;code&gt;newRef&lt;/code&gt; in &lt;code&gt;Txn&lt;/code&gt; private to &lt;code&gt;Mutable&lt;/code&gt;, because &lt;code&gt;Mutable&lt;/code&gt; is not an enclosing class of &lt;code&gt;Txn&lt;/code&gt;. I also would like not to use package privacy, as one can easily break into &lt;code&gt;newRef&lt;/code&gt; by defining an object in that package.&lt;/p&gt;
&lt;p&gt;Ideally I would like this:&lt;/p&gt;
&lt;pre&gt;&lt;code&gt;trait Sys[S &amp;lt;: Sys[S]] { trait Mutable }
class MyStruct[S &amp;lt;: Sys[S]] extends S#Mutable { ... }
&lt;/code&gt;&lt;/pre&gt;
&lt;p&gt;which would solve all the problems. But this is disallowed, since &lt;code&gt;S&lt;/code&gt; in &lt;code&gt;S#Mutable&lt;/code&gt; &lt;code&gt;"is not a legal prefix for a constructor"&lt;/code&gt; in scalac's universe....&lt;/p&gt;
&lt;p&gt;Thanks for suggestions!&lt;/p&gt;</t>
  </si>
  <si>
    <t>2011-12-13 16:35:31.123000+00:00</t>
  </si>
  <si>
    <t>2013-09-27 19:19:55.537000+00:00</t>
  </si>
  <si>
    <t>scala|subclass|private|path-dependent-type</t>
  </si>
  <si>
    <t>How to managment over 100k access for a php file in my vps?</t>
  </si>
  <si>
    <t>&lt;p&gt;&lt;br&gt;
I have a app over 500k member and all of their user get data from server every 1h.&lt;br&gt;
All of my data store in a php file and device get it with JSON.&lt;br&gt;
This is my Simple php file:&lt;/p&gt;
&lt;pre&gt;&lt;code&gt;&amp;lt;?php
$response = array();
header('Content-type: application/json');
$response["AppInf"] = array();
    $product = array();
    $product["apptitle"] = "string1";
    $product["apps"] = "string2";
    $product["apps2"] = "string3";
    $product["apps4"] = "string4";
    $product["idapp"] = "stringid";
     array_push($response["AppInf"], $product);
    $response["success"] = 1;
    echo json_encode($response);
    ?&amp;gt;
&lt;/code&gt;&lt;/pre&gt;
&lt;p&gt;but when access over 15k user in server my cpu load grow to 100%.
I have a good vps server with 64g ram and xenon cpu.&lt;br&gt;
Anyone can help me for manage and fix this problem???&lt;/p&gt;</t>
  </si>
  <si>
    <t>2016-01-02 11:03:47.690000+00:00</t>
  </si>
  <si>
    <t>2017-01-14 11:08:07.547000+00:00</t>
  </si>
  <si>
    <t>2016-01-03 09:38:29.850000+00:00</t>
  </si>
  <si>
    <t>php|performance|caching|optimization|vagrant</t>
  </si>
  <si>
    <t>How to letsencrypt flask application running on docker and gunicorn as a webserver..?</t>
  </si>
  <si>
    <t>&lt;p&gt;I am trying to get SSL for my site, i have try to do it with many tutorial i have follows, and yeah i can do it, but many of these tutorial mostly using nginx as a webserver.&lt;br&gt;
But.. now i want to get SSL for my site which running on docker and gunicorn as a webserver. &lt;br&gt;I have follows many tutorials and source, but i can't do it.
and so.. how to do that.?, &lt;br&gt;any source example or tutorials will be very appreciated...?&lt;br&gt;
this my &lt;strong&gt;Dockerfile&lt;/strong&gt;:&lt;/p&gt;
&lt;pre&gt;&lt;code&gt;FROM python:3.6.5-stretch
MAINTAINER Irwan Santosa
RUN apt-get update &amp;amp;&amp;amp; apt-get install -y build-essential libpq-dev
ENV INSTALL_PATH_DOCKER /web_app_docker
RUN mkdir -p $INSTALL_PATH_DOCKER
WORKDIR $INSTALL_PATH_DOCKER
COPY requirements.txt requirements_docker.txt
RUN pip install -r requirements_docker.txt
COPY . .
CMD gunicorn -b 0.0.0.0:80 --access-logfile - "web_app.app:create_app()"
&lt;/code&gt;&lt;/pre&gt;
&lt;p&gt;and this is my &lt;strong&gt;docker-compose.yml&lt;/strong&gt; :&lt;/p&gt;
&lt;pre&gt;&lt;code&gt;version: '3'
services:
  web_app_docker:
    build: .
    command: &amp;gt;
      gunicorn -b 0.0.0.0:80
      --access-logfile -
      --reload
      "web_app.app:create_app()"
    volumes:
      - '.:/web_app_docker'
    ports:
      - '9999:80'
  service_postgresql_docker:
    image: 'postgres:9.6'
    environment:
      POSTGRES_USER: 'irwan'
      POSTGRES_PASSWORD: '12345'
    volumes:
      - '/var/lib/postgresql/data'
    ports:
      - '5435:5432'
&lt;/code&gt;&lt;/pre&gt;</t>
  </si>
  <si>
    <t>2018-08-18 05:10:45.877000+00:00</t>
  </si>
  <si>
    <t>2018-08-18 10:16:27.963000+00:00</t>
  </si>
  <si>
    <t>docker|nginx|lets-encrypt</t>
  </si>
  <si>
    <t>Spring: display static page before context initialization to enter datasource password</t>
  </si>
  <si>
    <t>&lt;p&gt;I have a Spring 4.1.1 web application. Currently the datasource password is stored in a property file, in clear. Configuration is:&lt;/p&gt;
&lt;pre&gt;&lt;code&gt;&amp;lt;bean id="mainDataSource"
      class="com.mchange.v2.c3p0.ComboPooledDataSource"
      scope="singleton"
      destroy-method="close"&amp;gt;
    &amp;lt;property name="driverClass"&amp;gt;&amp;lt;value&amp;gt;${jdbc.driver}&amp;lt;/value&amp;gt;&amp;lt;/property&amp;gt;
    &amp;lt;property name="jdbcUrl"&amp;gt;&amp;lt;value&amp;gt;${jdbc.url}&amp;lt;/value&amp;gt;&amp;lt;/property&amp;gt;
    &amp;lt;property name="user"&amp;gt;&amp;lt;value&amp;gt;${jdbc.username}&amp;lt;/value&amp;gt;&amp;lt;/property&amp;gt;
    &amp;lt;property name="password"&amp;gt;&amp;lt;value&amp;gt;${jdbc.password}&amp;lt;/value&amp;gt;&amp;lt;/property&amp;gt;
.
.
.
&amp;lt;/bean&amp;gt;
&lt;/code&gt;&lt;/pre&gt;
&lt;p&gt;My client doesn't want the password to be stored in a property file or, more in general, in the server. &lt;/p&gt;
&lt;p&gt;The ideal would be to have Spring show a secure webpage to enter the database password.&lt;/p&gt;
&lt;p&gt;The big problem is that I need access to the db to initialize the context and pretty much everything needed for the application to work. So the question is:&lt;/p&gt;
&lt;p&gt;&lt;strong&gt;Is it possible to have Spring display a web page prior to context initialization, so that the user can enter the datasource password? Perhaps through a filter or something?&lt;/strong&gt;&lt;/p&gt;
&lt;p&gt;Please note to have the password encrypted in the property file or to have it passed as a parameter at Tomcat startup won't do, as it wouldn't be much different than having it in the property file, as regard to security.&lt;/p&gt;</t>
  </si>
  <si>
    <t>2016-03-03 15:32:11.783000+00:00</t>
  </si>
  <si>
    <t>2016-03-09 15:43:52.203000+00:00</t>
  </si>
  <si>
    <t>java|spring|tomcat</t>
  </si>
  <si>
    <t>Group by ranges on 3 columns in SQL Server</t>
  </si>
  <si>
    <t>&lt;p&gt;I am trying to group by vehicle registration plate on different sites, how many times the vehicle has entered the sites, I am using SQL Server 2008 R2.&lt;/p&gt;
&lt;p&gt;My data is like:&lt;/p&gt;
&lt;pre&gt;&lt;code&gt;Streetname   vrm    0-9    10-19    19-20
Ebbw vale    xyz     1       15      30
Peel Center  M89GW   6       35      45
&lt;/code&gt;&lt;/pre&gt;
&lt;p&gt;This is my query:&lt;/p&gt;
&lt;pre&gt;&lt;code&gt;Select 
    t.t_street_name, COUNT(t_vrm) as MultipleEntries
from 
    (select 
         case 
            when count(t_vrm) between 0 and 9 then '0-9'
            when count(t_vrm) between 10 and 19 then '10-19'
            when count(t_vrm) between 20 and 29 then '20-29'
            when count(t_vrm) between 30 and 39 then '30-39'
            when count(t_vrm) between 40 and 49 then '40-49'
            when count(t_vrm) between 50 and 59 then '50-59'
         end as t_vrm 
     from
         [ICPS].[dbo].[tickets]) t
where   
    convert (datetime, t.t_date_time_issued, 101) between convert(datetime, '2015/11/15', 101) and convert (datetime, '2015/12/17', 101)  
Group By 
    t_vrm, t.t_street_name
&lt;/code&gt;&lt;/pre&gt;
&lt;p&gt;I get this error  &lt;/p&gt;
&lt;blockquote&gt;
  &lt;p&gt;Invalid column name &lt;code&gt;t_street_name&lt;/code&gt;.&lt;/p&gt;
&lt;/blockquote&gt;</t>
  </si>
  <si>
    <t>2015-12-16 12:04:12.873000+00:00</t>
  </si>
  <si>
    <t>2015-12-16 12:32:22.210000+00:00</t>
  </si>
  <si>
    <t>2015-12-16 12:12:15.977000+00:00</t>
  </si>
  <si>
    <t>sql|sql-server-2008-r2</t>
  </si>
  <si>
    <t>Submit post Data (Without change HTML input) after serialized and changing on Submit() Event</t>
  </si>
  <si>
    <t>&lt;p&gt;I have a form with three input fields&lt;/p&gt;
&lt;pre&gt;&lt;code&gt;&amp;lt;form action="Action" method="Post Or Get"&amp;gt;
&amp;lt;input name="in1" value="1"/&amp;gt;&amp;lt;br/&amp;gt;
&amp;lt;input name="in2" value="2"/&amp;gt;&amp;lt;br/&amp;gt;
&amp;lt;input name="in3" value="3"/&amp;gt;&amp;lt;br/&amp;gt;
&amp;lt;/form&amp;gt;
&lt;/code&gt;&lt;/pre&gt;
&lt;p&gt;On Submit action I want to change post data without changing the input values, like this: &lt;/p&gt;
&lt;pre&gt;&lt;code&gt; $("form").submit(function (e) {
        e.preventDefault();
     var values, index;
     values = $(this).serializeArray();
        for (index = 0; index &amp;lt; values.length; ++index) 
          values[index].value = "new value.."; /// change All Data Values without change Input Value
       ///I  need to Submit this New Form Data     
        this.submit();
    });
&lt;/code&gt;&lt;/pre&gt;</t>
  </si>
  <si>
    <t>2014-10-02 09:09:02.117000+00:00</t>
  </si>
  <si>
    <t>2014-10-02 12:48:11.063000+00:00</t>
  </si>
  <si>
    <t>jquery|forms|submit</t>
  </si>
  <si>
    <t>What is the correct terminology for breaking up a URI into its component parts?</t>
  </si>
  <si>
    <t>&lt;p&gt;Suppose we have a string &lt;code&gt;"http://www.example.com/feed"&lt;/code&gt;. I am breaking this string up into three pieces for use with Apache's &lt;code&gt;URI&lt;/code&gt; class:
 1. "http"
 2. "www.example.com"
 3. "/feed"&lt;/p&gt;
&lt;p&gt;Is there a proper term for this process of breaking down a URI into its component pieces?&lt;/p&gt;</t>
  </si>
  <si>
    <t>2011-04-05 04:15:03.447000+00:00</t>
  </si>
  <si>
    <t>2011-11-21 21:00:22.623000+00:00</t>
  </si>
  <si>
    <t>http|url|uri|httpclient</t>
  </si>
  <si>
    <t>Neural networks: classification using Encog</t>
  </si>
  <si>
    <t>&lt;p&gt;I'm trying to get started using neural networks for a classification problem.  I chose to use the Encog 3.x library as I'm working on the JVM (in Scala).  Please let me know if this problem is better handled by another library.&lt;/p&gt;
&lt;p&gt;I've been using resilient backpropagation.  I have 1 hidden layer, and e.g. 3 output neurons, one for each of the 3 target categories.  So ideal outputs are either 1/0/0, 0/1/0 or 0/0/1.  Now, the problem is that the training tries to minimize the error, e.g. turn 0.6/0.2/0.2 into 0.8/0.1/0.1 if the ideal output is 1/0/0.  But since I'm picking the highest value as the predicted category, this doesn't matter for me, and I'd want the training to spend more effort in actually reducing the number of wrong predictions.&lt;/p&gt;
&lt;p&gt;So I learnt that I should use a softmax function as the output (although it is unclear to me if this becomes a 4th layer or I should just replace the activation function of the 3rd layer with softmax), and then have the training reduce the cross entropy.  Now I think that this cross entropy needs to be calculated either over the entire network or over the entire output layer, but the &lt;code&gt;ErrorFunction&lt;/code&gt; that one can customize calculates the error on a neuron-by-neuron basis (reads array of ideal inputs and actual inputs, writes array of error values).  So how does one actually do cross entropy minimization using Encog (or which other JVM-based library should I choose)?&lt;/p&gt;</t>
  </si>
  <si>
    <t>2014-04-07 16:54:27.790000+00:00</t>
  </si>
  <si>
    <t>2016-07-17 09:23:47.953000+00:00</t>
  </si>
  <si>
    <t>2014-04-08 20:25:06.367000+00:00</t>
  </si>
  <si>
    <t>neural-network|encog</t>
  </si>
  <si>
    <t>Gram Schmidt Orthonormalisation</t>
  </si>
  <si>
    <t>&lt;p&gt;I am writing the following code for Gram Schmidt Orthogonalization. It says that there's an error in calling the function. What's the error and how to rectify it?&lt;/p&gt;
&lt;pre&gt;&lt;code&gt;A =[1,1,1,1;-1,4,4,-1;4,-2,2,0];
A =A';
B=myGramschmidt(A);
function [B] = myGramschmidt(A)
x1=A(:,1);
x2=A(:,2);
x3=A(:,3);
v1=x1;
c = dot(v1);
v2 = x2-((dot(x2,v1)/c)* v1);
d = dot(v2);
v3 = x3-((dot(x3,v1)/c)* v1)-((dot(x3,v2)/d)* v2);
C=[v1,v2,v3];
V1=normc(v1);
V2=normc(v2);
V3=normc(v3);
B=[V1,V2,V3];
end
&lt;/code&gt;&lt;/pre&gt;</t>
  </si>
  <si>
    <t>2015-07-12 22:34:28.010000+00:00</t>
  </si>
  <si>
    <t>2015-07-12 23:35:19.143000+00:00</t>
  </si>
  <si>
    <t>Can I use an enum in a constructor for a class?</t>
  </si>
  <si>
    <t>&lt;p&gt;I am trying to make a class and inside of the class I want to define an enum called Type. Can I use the enum I defined as a constructor for my class? If so, how do I access it outside of the class? &lt;/p&gt;
&lt;pre&gt;&lt;code&gt;class Type {
public:
  enum TType { BLACK, WHITE, GRAY };
  Type(TType type, std::string value);
  ~Type();
...
&lt;/code&gt;&lt;/pre&gt;
&lt;p&gt;This code doesn't give me any errors but when I try to create an instance of this class in another class it gives me an error because BLACK is not defined:&lt;/p&gt;
&lt;pre&gt;&lt;code&gt;Type piece(BLACK, value);
&lt;/code&gt;&lt;/pre&gt;
&lt;p&gt;Is there a special way to do this and still have TType as a class constructor for my Type class? This is my first time using enums so I don't know how they work exactly.&lt;/p&gt;</t>
  </si>
  <si>
    <t>2016-01-16 01:02:47.673000+00:00</t>
  </si>
  <si>
    <t>2016-01-16 01:07:01.907000+00:00</t>
  </si>
  <si>
    <t>c++|class|constructor|enums</t>
  </si>
  <si>
    <t>Warning: connect.static is not a function Use --force to continue</t>
  </si>
  <si>
    <t>&lt;p&gt;I am using YO lessapp project, "grunt-contrib-connect" helps me to start a node js server on 9000 port. Whenever I run grunt serve (start the server) the service is aborted due to the below warning.&lt;/p&gt;
&lt;pre&gt;&lt;code&gt;Running "connect:livereload" (connect) task
Warning: connect.static is not a function Use --force to continue.
&lt;/code&gt;&lt;/pre&gt;
&lt;p&gt;The exact error took place in the below function in Gruntfile.js&lt;/p&gt;
&lt;pre&gt;&lt;code&gt; livereload: {
        options: {
          middleware: function(connect) {
            return [
              connect.static('.tmp'),
              connect().use('/bower_components', connect.static('./bower_components')),
              connect.static(config.app)
            ];
          }
        }
      }, 
&lt;/code&gt;&lt;/pre&gt;
&lt;p&gt;I have installed 
&lt;code&gt;npm install grunt-contrib-connect --save-dev&lt;/code&gt;, 
&lt;code&gt;npm install serve-static --save-dev&lt;/code&gt; &lt;/p&gt;
&lt;p&gt;I came across few post, some suggest to turn off the firewall but no luck.&lt;/p&gt;
&lt;p&gt;I know there is something to do with my machine or npm/node/connect version conflicts, because I tried to run the same app from other machine and it works fine.&lt;/p&gt;
&lt;p&gt;System configuration :&lt;/p&gt;
&lt;ul&gt;
&lt;li&gt;Windows 7 Professional &lt;/li&gt;
&lt;li&gt;Node -v4.1.2  &lt;/li&gt;
&lt;li&gt;npm -v2.14.4&lt;/li&gt;
&lt;li&gt;connect@3.4.0&lt;/li&gt;
&lt;/ul&gt;
&lt;p&gt;I have installed connect and serve-static based upon the post &lt;a href="https://stackoverflow.com/questions/24346161/nodejs-connect-cannot-find-static"&gt;nodejs connect cannot find static&lt;/a&gt;, but still the same&lt;/p&gt;
&lt;p&gt;Any help? Thanks in Advance&lt;/p&gt;</t>
  </si>
  <si>
    <t>2015-10-06 03:13:44.280000+00:00</t>
  </si>
  <si>
    <t>2016-01-20 02:46:27.873000+00:00</t>
  </si>
  <si>
    <t>2017-05-23 11:47:28.910000+00:00</t>
  </si>
  <si>
    <t>gruntjs|npm|grunt-contrib-connect</t>
  </si>
  <si>
    <t>How to view crash report on xcode 4.2</t>
  </si>
  <si>
    <t>&lt;p&gt;After I upgraded to Xcode 4.2 from Xcode 4.01, it does not generate any crash report in the debug "All Output" window.
How can I see the crash report?&lt;/p&gt;
&lt;p&gt;Thanks&lt;/p&gt;</t>
  </si>
  <si>
    <t>2012-02-09 14:08:02.113000+00:00</t>
  </si>
  <si>
    <t>2012-02-21 09:30:39.873000+00:00</t>
  </si>
  <si>
    <t>PHP: how to change url of php page on pressing html button?</t>
  </si>
  <si>
    <t>&lt;p&gt;I want to go to other php page on pressing html button of same site. I have tried it by using header function but it was not working.
&lt;br&gt;&lt;b&gt;Here is the simple html code:&lt;/b&gt;&lt;/p&gt;
&lt;pre&gt;&lt;code&gt;&amp;lt;input type="button" name="Insert_Ad" value="Post and ad"&amp;gt;
&lt;/code&gt;&lt;/pre&gt;
&lt;p&gt;If user clicks this button it will take it to another php page For Example with URL adddress&lt;i&gt; 'http://localhost/Product.php/Product.php'&lt;/i&gt;&lt;/p&gt;
&lt;p&gt;&lt;b&gt;Here is the code of that PHP page to which I want to go on pressing button&lt;/b&gt;&lt;/p&gt;
&lt;pre&gt;&lt;code&gt;   &amp;lt;html&amp;gt;
    &amp;lt;head&amp;gt;
        &amp;lt;meta charset="UTF-8"&amp;gt;
        &amp;lt;title&amp;gt;Insert form data&amp;lt;/title&amp;gt;
    &amp;lt;/head&amp;gt;
    &amp;lt;body&amp;gt;
    &amp;lt;form method="post" action ="Product.php" id="contact-form"&amp;gt;
        &amp;lt;input type="text" name="product_category" placeholder="product_category"  required /&amp;gt;
        &amp;lt;input type="text" name="product_name"  placeholder="product_name" required /&amp;gt;
        &amp;lt;textarea id = "address" name="product_description" placeholder="product_description"  required /&amp;gt;&amp;lt;/textarea&amp;gt;
        &amp;lt;input type="text" name="product_image1"  placeholder="product_image1" required /&amp;gt;
        &amp;lt;input type="text" name="product_image2"  placeholder="product_image2" required /&amp;gt;
        &amp;lt;input type="text" name="product_image3"  placeholder="product_image3" required /&amp;gt;
        &amp;lt;input type="text" name="product_image4"  placeholder="product_image4" required /&amp;gt;
        &amp;lt;input type="text" name="product_image5"  placeholder="product_image5" required /&amp;gt;
        &amp;lt;div class="btn-group" role="group"&amp;gt;
            &amp;lt;input type="submit" class="btn btn-default" name="Add" value="Enter the box" style="margin-top: 15px; margin-right: 15px; border-radius: 4px;"&amp;gt;
        &amp;lt;/div&amp;gt;
    &amp;lt;/form&amp;gt;
    &amp;lt;?php
$servername = "localhost";
$username = "root";
$password = "zz224466";
$dbname = "zain";
// Create connection
$conn = new mysqli($servername, $username, $password, $dbname);
// Check connection
if ($conn-&amp;gt;connect_error) {
    die("Connection failed: " . $conn-&amp;gt;connect_error);
}
if(isset($_POST['Add']))
{
    $product_category = $_POST['product_category'];
    $product_name = ($_POST['product_name']);
    $product_description = ($_POST['product_description']);
    $product_image1 = ($_POST['product_image1']);
    $product_image2 = ($_POST['product_image2']);
    $product_image3 = ($_POST['product_image3']);
    $product_image4 = ($_POST['product_image4']);
    $product_image5 = ($_POST['product_image5']);
    $sql = "INSERT INTO zain.product (product_category,product_name,product_description,product_image1,product_image2,product_image3,product_image4,product_image5)
VALUES ('$product_category','$product_name','$product_description','$product_image1','$product_image2','$product_image3','$product_image4','$product_image5')";
mysqli_query($conn,$sql);
    if (mysqli_query($conn,$sql))
    {
        echo "New record created successfully";
    }
    else
    {
        echo "Error: " . $sql . "&amp;lt;br&amp;gt;" . $conn-&amp;gt;error;
    }
    $conn-&amp;gt;close();
}
?&amp;gt;
    &amp;lt;/body&amp;gt;
   &amp;lt;/html&amp;gt;
&lt;/code&gt;&lt;/pre&gt;
&lt;p&gt;Kindly help me how to do that&lt;/p&gt;</t>
  </si>
  <si>
    <t>2016-01-23 13:07:00.107000+00:00</t>
  </si>
  <si>
    <t>2017-04-04 15:34:35.500000+00:00</t>
  </si>
  <si>
    <t>jquery append to input value</t>
  </si>
  <si>
    <t>&lt;p&gt;This is the last problem i have with my form (hopefully)&lt;/p&gt;
&lt;p&gt;What I want to do is append the &lt;strong&gt;var size&lt;/strong&gt; to my hidden input called &lt;strong&gt;my-item-name&lt;/strong&gt;&lt;/p&gt;
&lt;p&gt;I have tried adding this&lt;/p&gt;
&lt;pre&gt;&lt;code&gt;form.find('[name=my-item-name]').append(size.val());
&lt;/code&gt;&lt;/pre&gt;
&lt;p&gt;but it doesn't work.&lt;/p&gt;
&lt;p&gt;What is the correct way to append the size val to the input?&lt;/p&gt;
&lt;pre&gt;&lt;code&gt;&amp;lt;form method="post" action="" class="jcart"&amp;gt;
    &amp;lt;fieldset&amp;gt;
        &amp;lt;input type="hidden" name="jcartToken" value="13823c48f896c49403465fcce9f135ac" /&amp;gt;
        &amp;lt;input type="hidden" name="my-item-id" value="12" /&amp;gt;
        &amp;lt;input type="hidden" name="my-item-price" value="15.99" /&amp;gt;
        &amp;lt;input type="hidden" name="my-item-url" value="http://yahoo.com" /&amp;gt;
        &amp;lt;input type="hidden" name="my-item-name" value="Operation Braveheart hooded sweatshirt" /&amp;gt;
        &amp;lt;ul&amp;gt;
            &amp;lt;li&amp;gt;
                &amp;lt;select name="my-select" id="foo12"&amp;gt;
                    &amp;lt;option value='Small'&amp;gt;Small&amp;lt;/option&amp;gt;
                    &amp;lt;option value='Medium'&amp;gt;Medium&amp;lt;/option&amp;gt;
                    &amp;lt;option value='Large'&amp;gt;Large&amp;lt;/option&amp;gt;
                    &amp;lt;option value='X-Large'&amp;gt;X-Large&amp;lt;/option&amp;gt;
                &amp;lt;/select&amp;gt;
            &amp;lt;/li&amp;gt;
            &amp;lt;li&amp;gt;Price: $&amp;lt;span id="price12" class="price"&amp;gt;15.99&amp;lt;/span&amp;gt;&amp;lt;/li&amp;gt;
            &amp;lt;li&amp;gt;
                &amp;lt;label&amp;gt;Qty: &amp;lt;input type="text" name="my-item-qty" value="1" size="3" /&amp;gt;&amp;lt;/label&amp;gt;
            &amp;lt;/li&amp;gt;
        &amp;lt;/ul&amp;gt;
        &amp;lt;input type="submit" name="my-add-button" value="add to cart" class="button" /&amp;gt;
    &amp;lt;/fieldset&amp;gt;
&amp;lt;/form&amp;gt;                
&amp;lt;script type="text/javascript"&amp;gt;
    var item_prices_by_size12 = { "Small": { "Price": "15.99", "ItemId": "9-1" },"Medium": { "Price": "16.99", "ItemId": "9-2" },"Large": { "Price": "17.99", "ItemId": "9-3" },"X-Large": { "Price": "18.99", "ItemId": "9-4" }};
    $(function() {
        $('#foo12').change(function() {
            var form = $(this).parents('form');
            // Size is whatever the value the user has selected
            var size = $(this).val();
            // Determine the correct price and item ID based on the selected size
            var price12  = item_prices_by_size12[size].Price,
            itemId = item_prices_by_size12[size].ItemId;
            form.find('#price12').text(price12);
            form.find('[name=my-item-price]').val(price12);
            // Update the item ID
            form.find('[name=my-item-id]').val(itemId);
            form.find('[name=my-item-name]').append(size.val());
        });
    });
&amp;lt;/script&amp;gt;
&lt;/code&gt;&lt;/pre&gt;</t>
  </si>
  <si>
    <t>2011-07-30 09:50:32.370000+00:00</t>
  </si>
  <si>
    <t>2016-08-29 07:39:49.430000+00:00</t>
  </si>
  <si>
    <t>php|jquery|append</t>
  </si>
  <si>
    <t>Is there anythig wrong with tell():ing other actors from a custom Akka router?</t>
  </si>
  <si>
    <t>&lt;p&gt;The examples of creating a custom Akka router (such as &lt;a href="http://doc.akka.io/docs/akka/snapshot/scala/routing.html#custom-router-scala" rel="nofollow"&gt;http://doc.akka.io/docs/akka/snapshot/scala/routing.html#custom-router-scala&lt;/a&gt;) show the router returning a list of target actor/sender pairs in order to tell Akka what underlying actors to send a message to. Why is this pattern preferred to the actor simply using tell() to send messages to those actors?&lt;/p&gt;
&lt;p&gt;Specifically, would there be anything wrong with using tell() in a router instead, potentially asynchronously, i.e. later on from another thread than the thread calling the routing function?&lt;/p&gt;</t>
  </si>
  <si>
    <t>2013-08-18 12:20:13.533000+00:00</t>
  </si>
  <si>
    <t>2013-08-18 12:54:55.860000+00:00</t>
  </si>
  <si>
    <t>routing|akka|actor</t>
  </si>
  <si>
    <t>How to setup UPnP Remote Acess service?</t>
  </si>
  <si>
    <t>&lt;p&gt;I am setting up an app in which I have to &lt;strong&gt;remotely operate&lt;/strong&gt; the device (switch) from the other network.From my studies I came to know that it can be done using &lt;strong&gt;UPnP&lt;/strong&gt;.I have implemented the code for local network which is able to operate the device on the same network.But when I change the network I am unable to do so.I went through the &lt;a href="http://www.upnp.org/resources/whitepapers/UPnPRemoteAccessWhitePaper_2012.pdf" rel="nofollow"&gt;UPnP forum pdf&lt;/a&gt; and got the theoretical idea of Remote Access implementation.But I didn't get any sample code for the same in any programming language.Is there any sample code for this or at least can somebody suggest me how can I achieve this? &lt;/p&gt;</t>
  </si>
  <si>
    <t>2014-11-17 11:26:11.133000+00:00</t>
  </si>
  <si>
    <t>2014-11-17 13:28:12.687000+00:00</t>
  </si>
  <si>
    <t>android|ios|remote-access|upnp</t>
  </si>
  <si>
    <t>Incomplete Sourcemap with Gulp, Rollup, Babel</t>
  </si>
  <si>
    <t>&lt;p&gt;I'm having trouble obtaining a good sourcemap using this Gulp configuration.&lt;/p&gt;
&lt;pre&gt;&lt;code&gt;gulp.task('scripts', () =&amp;gt; {
  return gulp.src('app/scripts/**/*.js')
    .pipe($.plumber())
    .pipe($.sourcemaps.init())
    .pipe(
        $.rollup(
            {               
                plugins: [
                    babel(
                        {
                            babelrc: false,
                            presets: ["es2015-rollup"],
                            exclude: 'node_modules/**',
                            plugins: [
                                  ["transform-react-jsx", {
                                       "pragma": "m"
                                  }]
                            ]
                        }
                    )
                ],
                entry: './app/scripts/main.js'
            }
        )
    )
    .pipe($.sourcemaps.write('.'))
    .pipe(gulp.dest('.tmp/scripts'))
    .pipe(reload({stream: true}));
});
&lt;/code&gt;&lt;/pre&gt;
&lt;p&gt;The main.js is a simple script that import local file&lt;/p&gt;
&lt;pre&gt;&lt;code&gt;'use strict';
import Application from './framework/Application.js';
code...
&lt;/code&gt;&lt;/pre&gt;
&lt;p&gt;But the sourcemap I got is this:&lt;/p&gt;
&lt;pre&gt;&lt;code&gt;{"version":3,"file":"main.js","sources":[],"sourcesContent":[],"names":[],"mappings":";&amp;lt;  ... many ';' here ... &amp;gt;;"}
&lt;/code&gt;&lt;/pre&gt;
&lt;p&gt;Npm dev package installed&lt;/p&gt;
&lt;pre&gt;&lt;code&gt;"babel-core": "^6.4.0",
"babel-plugin-external-helpers": "^6.22.0",
"babel-plugin-transform-react-jsx": "^6.24.1",
"babel-preset-es2015": "^6.3.13",
"babel-preset-es2015-rollup": "^3.0.0",
"babel-register": "^6.5.2",
"browser-sync": "^2.2.1",
"del": "^2.2.0",
"gulp": "^3.9.0",
"gulp-autoprefixer": "^3.0.1",
"gulp-babel": "^6.1.1",
"gulp-cache": "^0.4.2",
"gulp-cssnano": "^2.0.0",
"gulp-eslint": "^3.0.0",
"gulp-filter": "^4.0.0",
"gulp-htmlmin": "^3.0.0",
"gulp-if": "^2.0.2",
"gulp-imagemin": "^3.0.1",
"gulp-load-plugins": "^1.2.4",
"gulp-plumber": "^1.0.1",
"gulp-rollup": "^2.11.0",
"gulp-sass": "^2.0.0",
"gulp-size": "^2.1.0",
"gulp-sourcemaps": "^2.2.0",
"gulp-uglify": "^2.0.0",
"gulp-useref": "^3.0.0",
"main-bower-files": "^2.5.0",
"rollup-plugin-babel": "^2.7.1",
"rollup-plugin-commonjs": "^8.0.2",
"rollup-plugin-node-resolve": "^3.0.0",
"run-sequence": "^1.2.2",
"wiredep": "^4.0.0"
&lt;/code&gt;&lt;/pre&gt;
&lt;p&gt;Any ideas?&lt;/p&gt;</t>
  </si>
  <si>
    <t>2017-05-23 19:14:55.070000+00:00</t>
  </si>
  <si>
    <t>gulp|babel|source-maps|rollupjs</t>
  </si>
  <si>
    <t>Can clang static analysis be challenged with various flows</t>
  </si>
  <si>
    <t>&lt;p&gt;I wonder if currently there is support for clang static analysis with various flows checking. For example - there is a checker to check for zero division, but can clang find a flow which a divider can evaluate to zero ?
simple example: in the bellow example there is a flow (i=0) that b will evaluate to 0. do I get warning here ?&lt;/p&gt;
&lt;pre&gt;&lt;code&gt;for(int i = 10; i&amp;gt;=0; i--){
   int a = div(i);
   ...
}
int div(int b){
   return 100000 / b;
}
&lt;/code&gt;&lt;/pre&gt;
&lt;p&gt;if not, is there a plan to support this ?&lt;/p&gt;</t>
  </si>
  <si>
    <t>2015-09-17 07:11:32.560000+00:00</t>
  </si>
  <si>
    <t>2015-10-11 09:52:45.080000+00:00</t>
  </si>
  <si>
    <t>clang|static-analysis|clang++|llvm-clang|clang-static-analyzer</t>
  </si>
  <si>
    <t>Saving image to camera roll in iOS Safari always converts it to jpg</t>
  </si>
  <si>
    <t>&lt;p&gt;In my web app (runs in native Safari not &lt;code&gt;UIWebView&lt;/code&gt;) I am using canvas to basically allow to draw an image. The user should then be able to save this image to his computer, however it's very important that this process is lossless. That's why I am using the PNG file format.&lt;/p&gt;
&lt;p&gt;All this works perfectly on desktop, and in theory it should also work on iOS because by tap and holding the resulting image can be saved to the camera roll. The problem occurs if the image is later imported into the app again. On inspection of the uploaded image type you can see that the image is now in the JPG file format and no longer a pixel perfect representation of the drawing the user made.&lt;/p&gt;
&lt;p&gt;Is that a general issue with the camera roll on iOS? Is there any workaround?&lt;/p&gt;</t>
  </si>
  <si>
    <t>2014-09-25 10:49:16.037000+00:00</t>
  </si>
  <si>
    <t>2014-09-25 11:08:43.630000+00:00</t>
  </si>
  <si>
    <t>2014-09-25 10:53:12.227000+00:00</t>
  </si>
  <si>
    <t>ios|canvas|mobile-safari</t>
  </si>
  <si>
    <t>Cannot seem to set default option for Select Option; using Angular</t>
  </si>
  <si>
    <t>&lt;p&gt;I did some research but I just don't understand what's happening.  When the page loads.. it has a blank &lt;code&gt;&amp;lt;option&amp;gt;&lt;/code&gt; selected as default.  &lt;/p&gt;
&lt;p&gt;When I initially click the dropdownbox and the menu pops down.. I get the options:&lt;/p&gt;
&lt;ol&gt;
&lt;li&gt;BLANK&lt;/li&gt;
&lt;li&gt;User&lt;/li&gt;
&lt;li&gt;Moderator&lt;/li&gt;
&lt;li&gt;Admin&lt;/li&gt;
&lt;/ol&gt;
&lt;p&gt;then when i select something.. only&lt;/p&gt;
&lt;ol&gt;
&lt;li&gt;User&lt;/li&gt;
&lt;li&gt;Moderator&lt;/li&gt;
&lt;li&gt;&lt;p&gt;Admin are available for choosing&lt;/p&gt;
&lt;p&gt;
  User
  Moderator
  Admin
&lt;/p&gt;&lt;/li&gt;
&lt;/ol&gt;
&lt;p&gt;JS&lt;/p&gt;
&lt;pre&gt;&lt;code&gt;$scope.formData = {
    role: 'Select Role...',
    userName: '',
    password: '',
    confirmPassword: '',
    clientId: '',
    clientName: 'Select Client...',
    clientShowId: '',
    clientShowName: 'Select Show...'
};
//Role DropDown Click
$scope.roleSelect = function (role) {
    $scope.formData.role = '--- Select Role---'
    $scope.formData.role = role;
    //reset other dropdowns
    $scope.formData.clientName = '---Select Client...';
    $scope.formData.clientShowName = 'Select Show...';
};
&lt;/code&gt;&lt;/pre&gt;
&lt;p&gt;VIEW&lt;/p&gt;
&lt;pre&gt;&lt;code&gt;&amp;lt;select class="form-control" ng-model="formData.role" ng-change="roleSelect(formData.role)" ng-init="formData.role = '--- Please Select---'"&amp;gt;                     
    &amp;lt;option value="User"&amp;gt;User&amp;lt;/option&amp;gt;
    &amp;lt;option value="Moderator"&amp;gt;Moderator&amp;lt;/option&amp;gt;
    &amp;lt;option value="Admin"&amp;gt;Admin&amp;lt;/option&amp;gt;
&amp;lt;/select&amp;gt;
&lt;/code&gt;&lt;/pre&gt;</t>
  </si>
  <si>
    <t>2015-10-15 21:44:25.490000+00:00</t>
  </si>
  <si>
    <t>2015-10-15 22:01:54.177000+00:00</t>
  </si>
  <si>
    <t>javascript|html|css|angularjs|angularjs-directive</t>
  </si>
  <si>
    <t>selenium java try to access database through vpn</t>
  </si>
  <si>
    <t>&lt;p&gt;I try to verify total comment between frontend and database result. since the database can only accessed through VPN, it makes me stuck. I been tried with below code, but the result is empty, the only ssh connected in the console&lt;/p&gt;
&lt;pre&gt;&lt;code&gt;public class ConnectDB {
private static Connection connection = null;
private static Session session = null;
private static void connectToServer(String dataBaseName) throws SQLException {
    connectSSH();
    connectToDataBase(dataBaseName);
}
public static void connectSSH() throws SQLException {
    String sshHost = "my ssh host";
    String sshuser = "my ssh user";
    String dbuserName = "username db";
    String dbpassword = "pass db";
    String SshKeyFilepath = "/Users/mac/.ssh/id_rsa";
    int localPort = 8740; // any free port can be used
    String remoteHost = "ip db";
    int remotePort = 3306;
    String localSSHUrl = "localhost";
    /***************/
    String driverName = "com.mysql.jdbc.Driver";
    try {
        java.util.Properties config = new java.util.Properties();
        JSch jsch = new JSch();
        session = jsch.getSession(sshuser, sshHost, 22);
        jsch.addIdentity(SshKeyFilepath);
        config.put("StrictHostKeyChecking", "no");
        config.put("ConnectionAttempts", "3");
        session.setConfig(config);
        session.connect();
        System.out.println("SSH Connected");
        Class.forName(driverName).newInstance();
        int assinged_port = session.setPortForwardingL(localPort, remoteHost, remotePort);
        System.out.println("localhost" + assinged_port + " -&amp;gt; " + remoteHost + ":" + remotePort);
        System.out.println("Port Forwarded");
    } catch (Exception e) {
        e.printStackTrace();
    }
}
public static void connectToDataBase(String dataBaseName) throws SQLException {
    String dbuserName = "username db";
    String dbpassword = "pass db";
    int localPort = 8740; // any free port can be used
    String localSSHUrl = "ip db"; //since ssh connected i guess to put ip db
    try {
        //mysql database connectivity
        MysqlDataSource dataSource = new MysqlDataSource();
        dataSource.setServerName(localSSHUrl);
        //dataSource.setPortNumber(localPort);
        dataSource.setUser(dbuserName);
        dataSource.setAllowMultiQueries(true);
        dataSource.setPassword(dbpassword);
        dataSource.setDatabaseName(dataBaseName);
        connection = dataSource.getConnection();
        System.out.print("Connection to server successful!:" + connection + "\n\n");
    } catch (Exception e) {
        e.printStackTrace();
    }
}
public static void closeConnections() {
    CloseDataBaseConnection();
    CloseSSHConnection();
}
public static void CloseDataBaseConnection() {
    try {
        if (connection != null &amp;amp;&amp;amp; !connection.isClosed()) {
            System.out.println("Closing Database Connection");
            connection.close();
        }
    } catch (SQLException e) {
        e.printStackTrace();
    }
}
public static void CloseSSHConnection() {
    if (session != null &amp;amp;&amp;amp; session.isConnected()) {
        System.out.println("Closing SSH Connection");
        session.disconnect();
    }
}
// works ONLY FOR  single query (one SELECT or one DELETE etc)
public static ResultSet executeMyQuery(String query, String dataBaseName) {
    ResultSet resultSet = null;
    try {
        connectToServer(dataBaseName);
        Statement stmt = (Statement) connection.createStatement();
        resultSet = stmt.executeQuery(query);
        System.out.println("Database connection success");
    } catch (SQLException e) {
        e.printStackTrace();
    }
    return resultSet;
}
public static void DeleteOrganisationReferencesFromDB(String organisationsLike) {
    try {
        connectToServer("ServerName");
        Statement stmt = (Statement) connection.createStatement();
        ResultSet resultSet = stmt.executeQuery("select * from DB1");
        String organisationsToDelete = "";
        List&amp;lt;String&amp;gt; organisationsIds = new ArrayList&amp;lt;String&amp;gt;();
        // create string with id`s values to delete organisations references
        while (resultSet.next()) {
            String actualValue = resultSet.getString("id");
            organisationsIds.add(actualValue);
        }
        for (int i = 0; i &amp;lt; organisationsIds.size(); i++) {
            organisationsToDelete = " " + organisationsToDelete + organisationsIds.get(i);
            if (i != organisationsIds.size() - 1) {
                organisationsToDelete = organisationsToDelete + ", ";
            }
        }
        stmt.executeUpdate(" DELETE FROM `DB1`.`table1` WHERE `DB1`.`table1`.`organisation_id` in ( " + organisationsToDelete + " );");
    } catch (SQLException e) {
        e.printStackTrace();
    } finally {
        closeConnections();
    }
}
public static List&amp;lt;String&amp;gt; getOrganisationsDBNamesBySubdomain(String organisationsLike) {
    List&amp;lt;String&amp;gt; organisationDbNames = new ArrayList&amp;lt;String&amp;gt;();
    ResultSet resultSet = executeMyQuery("select `DB`.organisation.dbname from `DB1`.organisation where subdomain like '" + organisationsLike + "%'", "DB1");
    try {
        while (resultSet.next()) {
            String actualValue = resultSet.getString("dbname");
            organisationDbNames.add(actualValue);
        }
    } catch (SQLException e) {
        e.printStackTrace();
    } finally {
        closeConnections();
    }
    return organisationDbNames;
}
 public static List&amp;lt;String&amp;gt; getAllDBNames() {
    // get all live db names incentral DB
    List&amp;lt;String&amp;gt; organisationDbNames = new ArrayList&amp;lt;String&amp;gt;();
    ResultSet resultSet = executeMyQuery("show databases", "DB1");
    try {
        while (resultSet.next()) {
            String actualValue = resultSet.getString("Database");
            organisationDbNames.add(actualValue);
        }
    } catch (SQLException e) {
        e.printStackTrace();
    } finally {
        closeConnections();
    }
    return organisationDbNames;
}
  public static void deleteDataBasesByName(List&amp;lt;String&amp;gt; DataBasesNamesList) {
    try {
        connectSSH();
        int dataBasesAmount = DataBasesNamesList.size();
        for (int i = 0; i &amp;lt; dataBasesAmount; i++) {
            connectToDataBase(DataBasesNamesList.get(i));
            Statement stmt = (Statement) connection.createStatement();
            stmt.executeUpdate("DROP database `" + DataBasesNamesList.get(i) + "`");
        }
    } catch (SQLException e) {
        e.printStackTrace();
    } finally {
        CloseDataBaseConnection();
        closeConnections();
    }
}
&lt;/code&gt;&lt;/pre&gt;
&lt;p&gt;but the result in console, no sign that query is executed
*the query is on another file&lt;/p&gt;
&lt;pre&gt;&lt;code&gt;conn.connectSSH();
conn.executeMyQuery("select shade_item FROM nubr_product_shade WHERE shade_id=1", "database_name");
&lt;/code&gt;&lt;/pre&gt;
&lt;p&gt;SSH Connected
localhost8740 -&gt; 172.xx.x.xx:3306
Port Forwarded &lt;/p&gt;</t>
  </si>
  <si>
    <t>2018-05-29 08:39:32.950000+00:00</t>
  </si>
  <si>
    <t>2018-05-29 14:07:09.897000+00:00</t>
  </si>
  <si>
    <t>java|jdbc|jsch</t>
  </si>
  <si>
    <t>How to turn off google dollar sign marker</t>
  </si>
  <si>
    <t>&lt;p&gt;I have code that interacts with Google maps.
We are showing our own markers as a round dot.
When I narrow my search to just one result and zoom in a second marker with a dollar sign embedded inside a circle appears!&lt;/p&gt;
&lt;p&gt;How do I (in javascript) turn off Google's dollar sign embedded markers?&lt;/p&gt;
&lt;p&gt;Thanks&lt;/p&gt;</t>
  </si>
  <si>
    <t>2016-03-10 15:45:03.470000+00:00</t>
  </si>
  <si>
    <t>2016-03-11 12:10:35.167000+00:00</t>
  </si>
  <si>
    <t>How to store JSONcontaining Nested JSONArray</t>
  </si>
  <si>
    <t>&lt;p&gt;I'm working on one app in which I have &lt;code&gt;JSON&lt;/code&gt; Like..&lt;/p&gt;
&lt;pre&gt;&lt;code&gt;    {
    "Group Details":
    [
        {
        "groupMasterId": "25",
        "GroupName": "Gangs of Beasts",
        "groupIcon": "http://xxx.xxx.xx.x/XYZ/images/evil.png",
        "GroupDescription": "Fellowzzzgroup",
        "GroupCreatedDate": "2014-04-30 15:41:01",
        "GroupMassage": "no such thing is like group msg",
        "UserData":
            [
            {"UserMobile": "1111111111","AdminFlag": "1"},
            {"UserMobile": "1234567890","AdminFlag": "0"},
            {"UserMobile": "9988776655","AdminFlag": "0"},
            {"UserMobile": "234t537535","AdminFlag": "0"},
            {"UserMobile": "3489869348","AdminFlag": "0"},
            {"UserMobile": "1234567890","AdminFlag": "0"}
            ]
        }
    ]
}
&lt;/code&gt;&lt;/pre&gt;
&lt;p&gt;I want to display Details on simple &lt;code&gt;TextView&lt;/code&gt; and UserData in &lt;code&gt;ListView&lt;/code&gt;..but the proble in I'm total confused with how to store this data.. I done following code to do it,,but not able to store all UserMobile in single &lt;code&gt;HashMap&lt;/code&gt;...&lt;/p&gt;
&lt;pre&gt;&lt;code&gt;JSONObject jsonObj = new JSONObject(jsonstr);
            GroupDetailsArray = jsonObj.getJSONArray(GROUPDETAILS);
            HashMap&amp;lt;String, String&amp;gt; groupuser = new HashMap&amp;lt;String, String&amp;gt;();
            for (int i = 0; i &amp;lt; GroupDetailsArray.length(); i++) {
                JSONObject l = GroupDetailsArray.getJSONObject(i);
                // String ID= l.getString(GROUPMASTERID);
                String NAME = l.getString(GROUPNAME);
                String DESCRIPTION = l.getString(GROUPDESCRIPTION);
                String DATE = l.getString(GROUPCREATEDDATE);
                String ICON = l.getString(GROUPICON);
                JSONArray UsedDataArray = l.getJSONArray(USERDATA);
                String ADMIN;
                for (int j = 0; j &amp;lt; UsedDataArray.length(); j++) {
                    JSONObject l1 = UsedDataArray.getJSONObject(j);
                    if (l1 != null) {
                        String MOBILENUMBER = l1.getString(USERMOBILE);
                        if (l1.getString(ADMINFLAG).equals("0")) {
                            ADMIN = "Member";
                        } else {
                            ADMIN = "Admin";
                        }
                        // tmp hashmap for single group
                        groupuser.put(USERMOBILE, MOBILENUMBER);
                        groupuser.put(ADMINFLAG, ADMIN);
                    }
                }
                // tmp hashmap for single group
                HashMap&amp;lt;String, String&amp;gt; group = new HashMap&amp;lt;String, String&amp;gt;();
                // adding each child node to HashMap key =&amp;gt; value
                group.put(GROUPNAME, NAME);
                group.put(GROUPDESCRIPTION, DESCRIPTION);
                group.put(GROUPCREATEDDATE, DATE);
                group.put(USERDATA, groupuser.toString());
                group.put(GROUPICON, ICON);
                // adding group to group list
                Utility.groupdetailsarraylist.add(group);
                Log.d("groupdetailsarraylist",
                        Utility.groupdetailsarraylist.toString());
            }
&lt;/code&gt;&lt;/pre&gt;
&lt;p&gt;please help me to how to store data so that I can use it to store in next &lt;code&gt;Activity&lt;/code&gt;...&lt;/p&gt;</t>
  </si>
  <si>
    <t>2014-04-30 10:53:49.557000+00:00</t>
  </si>
  <si>
    <t>2014-04-30 11:01:57.737000+00:00</t>
  </si>
  <si>
    <t>java|android|arraylist|hashmap</t>
  </si>
  <si>
    <t>How to disable a particular safari extension settings item?</t>
  </si>
  <si>
    <t>&lt;p&gt;I am working on safari Plugin. How can I disable "Safari extension setting item" so that it will grayed out in "safari prefernces extension" window.&lt;/p&gt;</t>
  </si>
  <si>
    <t>2013-07-25 10:19:54.250000+00:00</t>
  </si>
  <si>
    <t>2014-09-20 13:35:29.007000+00:00</t>
  </si>
  <si>
    <t>safari-extension</t>
  </si>
  <si>
    <t>Go to last row from result set in jdbc with sql server</t>
  </si>
  <si>
    <t>&lt;p&gt;i try to select from my table, only select the last row. I've tried this :&lt;/p&gt;
&lt;pre&gt;&lt;code&gt;rset = s.executeQuery("select noorder from orders");
rset.last();
String noorder = rset.getString("noorder");`
&lt;/code&gt;&lt;/pre&gt;
&lt;p&gt;rset is resultset, and s is statement. But it throw an exception : ResultSet may only be accessed in a forward direction`&lt;/p&gt;
&lt;p&gt;I've tried this to :&lt;/p&gt;
&lt;pre&gt;&lt;code&gt;if (rset != null) {                
   while(rset.next()){
       rset.last();
   }
}
&lt;/code&gt;&lt;/pre&gt;
&lt;p&gt;Am I doing wrong? Any idea? Thanks&lt;/p&gt;
&lt;p&gt;Edit :
This is the answer, as suggested by @Bhavik-Ambani (thanks for him). And this is my code :&lt;/p&gt;
&lt;pre&gt;&lt;code&gt;        Statement s2 = con.createStatement(ResultSet.TYPE_SCROLL_INSENSITIVE,ResultSet.CONCUR_READ_ONLY);
        rset = s2.executeQuery("select noorder from orders");
        rset.afterLast();
        GETLASTINSERTED:
        while(rset.previous()){
            noorder = rset.getString("noorder");
            break GETLASTINSERTED;//to read only the last row
        }
&lt;/code&gt;&lt;/pre&gt;
&lt;p&gt;Hope it will be help another. Java rocks!&lt;/p&gt;</t>
  </si>
  <si>
    <t>2012-05-18 20:10:27.533000+00:00</t>
  </si>
  <si>
    <t>2018-11-12 00:39:36.413000+00:00</t>
  </si>
  <si>
    <t>2012-05-18 20:29:46.870000+00:00</t>
  </si>
  <si>
    <t>java|sql-server-2005|jdbc|resultset</t>
  </si>
  <si>
    <t>Default library used by shell</t>
  </si>
  <si>
    <t>&lt;p&gt;I recently came across a question regarding linux OS. The question was MCQ and is as below:&lt;/p&gt;
&lt;pre&gt;&lt;code&gt;By default the shell uses  _________ library.
a)read
b)readline
c)processline
&lt;/code&gt;&lt;/pre&gt;
&lt;p&gt;What is the answer for this one? I do not remember the fourth option given with the MCQ. I did google for the answer, but was not able to figure it out.&lt;/p&gt;</t>
  </si>
  <si>
    <t>2015-09-03 11:00:33.610000+00:00</t>
  </si>
  <si>
    <t>2015-09-03 11:17:56.753000+00:00</t>
  </si>
  <si>
    <t>linux|shell</t>
  </si>
  <si>
    <t>2 http requests on jmeter - each 50% of the time</t>
  </si>
  <si>
    <t>&lt;p&gt;I'm trying to create a jmeter script that sends 2 http requests(each with a different path). I managed to get it to send the requests randomly, but i also need it to send each request exactly 50% of the time. any ideas? &lt;/p&gt;</t>
  </si>
  <si>
    <t>2015-11-25 08:09:29.787000+00:00</t>
  </si>
  <si>
    <t>2016-04-04 07:24:26.613000+00:00</t>
  </si>
  <si>
    <t>random|jmeter|httprequest</t>
  </si>
  <si>
    <t>How to change the position of the zoomed area from facet_zoom()?</t>
  </si>
  <si>
    <t>&lt;p&gt;With facet_zoom() from the ggforce package one can create nice zooms to highlight certain regions of a plot. Unfortunately, when zooming in on the y axis the original plot is always on the right side. &lt;/p&gt;
&lt;p&gt;Is there a way to place the original plot on the left? &lt;/p&gt;
&lt;p&gt;This would feel more intuitive to first look at the main plot and then at the zoomed region. As an example I would like to swap the position of the two facets in this plot:
&lt;a href="https://i.stack.imgur.com/ML3DA.png" rel="nofollow noreferrer"&gt;&lt;img src="https://i.stack.imgur.com/ML3DA.png" alt="enter image description here"&gt;&lt;/a&gt;&lt;/p&gt;
&lt;p&gt;(No reproducible example added, since I believe this is a question about the existence of a certain functionality.)&lt;/p&gt;</t>
  </si>
  <si>
    <t>2018-10-05 12:26:37.743000+00:00</t>
  </si>
  <si>
    <t>2018-10-07 08:43:20.873000+00:00</t>
  </si>
  <si>
    <t>r|ggplot2|ggforce</t>
  </si>
  <si>
    <t>ggplot2: adjust geom_text() position in facet_wrap() with different y axis scales</t>
  </si>
  <si>
    <t>&lt;p&gt;I got this plot &lt;/p&gt;
&lt;p&gt;&lt;a href="https://i.stack.imgur.com/J9OCc.png" rel="nofollow noreferrer"&gt;&lt;img src="https://i.stack.imgur.com/J9OCc.png" alt="enter image description here"&gt;&lt;/a&gt;&lt;/p&gt;
&lt;p&gt;Using this script&lt;/p&gt;
&lt;pre&gt;&lt;code&gt;ggplot(df, aes(x=site_id, y=value)) + 
  geom_bar(stat ="identity", width = 0.8, fill = "lightgreen")+
  facet_wrap(~var,  scales ="free_y")+
  theme_bw()+
  labs(x= " ")+
  theme(axis.text.x=element_text(angle=45, vjust=1, hjust=1,size = 8))
&lt;/code&gt;&lt;/pre&gt;
&lt;p&gt;and the data &lt;code&gt;df&lt;/code&gt; below.&lt;/p&gt;
&lt;p&gt;I want the values to be placed inside the bars of the highest sites (site5 and site6) and on the top of the bars for other sites. I managed to do it for one variable as below&lt;/p&gt;
&lt;pre&gt;&lt;code&gt;ggplot(df[df$var=="A", ], aes(x=site_id, y=value)) + 
  geom_bar(stat ="identity", width = 0.8, fill = "lightgreen")+
  facet_wrap(~var,  scales ="free_y")+
  geom_text(aes(label=round(value,  digits = 1),
                vjust=0.3, 
                hjust=ifelse(value&amp;gt;5, 1.3,-0.3),
                angle = 90), 
            size=3,
            color="black"
            )+
  theme_bw()+
  labs(x= " ")+
  theme(axis.text.x=element_text(angle=45, vjust=1, hjust=1,size = 8)) 
&lt;/code&gt;&lt;/pre&gt;
&lt;p&gt;&lt;a href="https://i.stack.imgur.com/bZQq9.png" rel="nofollow noreferrer"&gt;&lt;img src="https://i.stack.imgur.com/bZQq9.png" alt="enter image description here"&gt;&lt;/a&gt;&lt;/p&gt;
&lt;p&gt;I can do the same for all variables (one at a time) and then combine all the plots. However, this is time taking especially if I have many variables. I wonder if there any straightforward way to do that in the &lt;code&gt;facet_wrap()&lt;/code&gt; with different scales for y axis. Any suggestions will be highly appreciated.  &lt;/p&gt;
&lt;p&gt;&lt;strong&gt;DATA&lt;/strong&gt;&lt;/p&gt;
&lt;pre&gt;&lt;code&gt;df &amp;lt;- read.table(text =c("
site_id var value
site1   A   0.177764513
site1   D   7.830275133
site1   B   0.248247923
site1   E   12.56416097
site1   C   0.751543862
site1   F   671.0885718
site2   A   0.967731591
site2   D   57.89824801
site2   B   1.304393848
site2   E   66.67904785
site2   C   4.993486213
site2   F   7078.505853
site3   A   0.919473968
site3   D   77.01265019
site3   B   1.144594697
site3   E   90.94579823
site3   C   2.369818009
site3   F   993.2029832
site4   A   2.033933861
site4   D   69.3294669
site4   B   2.749690832
site4   E   109.264453
site4   C   10.76299681
site4   F   8490.393252
site5   A   8.389513302
site5   D   271.7607716
site5   B   10.79398426
site5   E   403.8976818
site5   C   41.75038226
site5   F   34569.96598
site6   A   17.77809543
site6   D   638.3953947
site6   B   22.11052259
site6   E   876.9638354
site6   C   80.14343933
site6   F   77342.83885"), header =T)
&lt;/code&gt;&lt;/pre&gt;</t>
  </si>
  <si>
    <t>2017-04-23 23:19:23.570000+00:00</t>
  </si>
  <si>
    <t>2017-04-24 00:42:15.020000+00:00</t>
  </si>
  <si>
    <t>r|ggplot2|geom-text</t>
  </si>
  <si>
    <t>Getting confused with Reference Casting and Widening w.r.t Objects in java</t>
  </si>
  <si>
    <t>&lt;p&gt;With primitives and their Wrappers I understood the concept of Widening. But with respect to other Objects I am getting confused with Widening and implicit Casting. As example&lt;/p&gt;
&lt;pre&gt;&lt;code&gt;       Class Animal{
        }
        Class Dog extends Animal{
         public static void main(args String[]){
         Dog d = new Dog();
         d.go(d);
        }
       void go(Animal a){    }
      }
&lt;/code&gt;&lt;/pre&gt;
&lt;p&gt;Edit: the question is which one is preferred widening or casting and why?&lt;/p&gt;</t>
  </si>
  <si>
    <t>2010-01-23 13:16:26.410000+00:00</t>
  </si>
  <si>
    <t>2010-01-23 13:45:43.747000+00:00</t>
  </si>
  <si>
    <t>2010-01-23 13:23:17.720000+00:00</t>
  </si>
  <si>
    <t>Square Root algorithm bug</t>
  </si>
  <si>
    <t>&lt;p&gt;I have tried to compute &lt;a href="http://mathforum.org/library/drmath/view/52609.html" rel="nofollow"&gt;this&lt;/a&gt; algorithm with python and it doesn't seem to work:&lt;/p&gt;
&lt;pre&gt;&lt;code&gt;lt = False
x = 5
g = 2
while lt == False:
    if g*g &amp;gt; (x-0.1) and g*g &amp;lt; (5.1):
        lt = True
    print(g+"IS THE SQUARE ROOT")
else:
    g = (g + x/g)/2
    print(g)
&lt;/code&gt;&lt;/pre&gt;
&lt;p&gt;In the else loop, I printed g to see the outcome of my algorithm in each loop because I was experiencing slow computation previously and wanted to see what the problem was, and now print(g) seems to consistently be returning 2. I'm new to python and the problem is probably staring me in the face but I can't seem to figure it, any help would be much appreciated!&lt;/p&gt;</t>
  </si>
  <si>
    <t>2014-02-28 23:08:01.893000+00:00</t>
  </si>
  <si>
    <t>2014-02-28 23:41:26.010000+00:00</t>
  </si>
  <si>
    <t>Cant pass variable for some reason? PHP</t>
  </si>
  <si>
    <t>&lt;p&gt;Some reason when i call &lt;code&gt;$_POST['xalue']&lt;/code&gt; it will only return the first index of &lt;code&gt;$xaxis&lt;/code&gt;. &lt;/p&gt;
&lt;pre&gt;&lt;code&gt;$xaxis = '["-100","-100","240","1056","3560","-650","5980.5","1020"]'
&lt;/code&gt;&lt;/pre&gt;
&lt;p&gt;im just trying to pass the information so when the button is pressed to add the dashboard i can pass the data along. Thank you&lt;/p&gt;
&lt;pre&gt;&lt;code&gt;$query = mysqli_query($db, "SELECT ID From users WHERE Username='$user'");
$fetch = mysqli_fetch_assoc($query);
$data = $fetch{"ID"};
$sql = "SELECT dashboardname FROM dashboards WHERE dashboarduserID=$data";
$result = $db-&amp;gt;query($sql);
$addarray = array();
if ($result-&amp;gt;num_rows &amp;gt; 0) {
    global $xaxis;
    echo $xaxis;
    while ($row = $result-&amp;gt;fetch_assoc()) {
        array_push($addarray, $row['dashboardname']);
    }
    echo '&amp;lt;form method="post"&amp;gt;';?&amp;gt;
    &amp;lt;input type="text" name="xvalue" value="&amp;lt;?php echo $xaxis ?&amp;gt;"&amp;gt;
    &amp;lt;?php
    echo 'Add current graph to :';
    echo '&amp;lt;select name="addgraph"&amp;gt;';
    foreach ($addarray as $item) {
        echo '&amp;lt;option value="' . $item . '"&amp;gt;' . $item . '&amp;lt;/option&amp;gt;';
    }
    echo '&amp;lt;/select&amp;gt;';
    echo '&amp;lt;input type="submit" name="addtodash" value="Add"&amp;gt;';
    echo '&amp;lt;/form&amp;gt;';
} else {
    echo "0 results";
    if (isset($_REQUEST["addtodash"])) {
    $xaxis = $_POST['xvalue'];
    $query = mysqli_query($db, "SELECT ID From users WHERE Username='$user'");
    $fetch = mysqli_fetch_assoc($query);
    $data = $fetch{"ID"};
    $nameofdash = $_POST['addgraph'];
    mysqli_query($db, "INSERT INTO dashboardsdata (userid,dashboardname,xdata,ydata) VALUES ($data,\"$nameofdash\",\"$xaxis\",\"$yaxis\");");
    echo "done";
}
&lt;/code&gt;&lt;/pre&gt;</t>
  </si>
  <si>
    <t>2018-03-04 15:08:46.607000+00:00</t>
  </si>
  <si>
    <t>2018-03-04 15:17:15.423000+00:00</t>
  </si>
  <si>
    <t>2018-03-04 15:16:03.827000+00:00</t>
  </si>
  <si>
    <t>php|html|sql|chart.js</t>
  </si>
  <si>
    <t>Does access to Contact List has changed in Marshmallow?</t>
  </si>
  <si>
    <t>&lt;p&gt;Hope is not a kind of stupid question but my app was working until two days ago but after that I got OTA update to upgrade it to Marshmallow. Then after that not only I cannot get list of my contacts, even default device application for showing contact list doesn't show any contact. I downloaded several Contact Management app from Play Store and even they don't display anything. I even cannot send/recieve SMS too :) I'm wondering wtf is happening.&lt;/p&gt;
&lt;p&gt;Ok let me cut the b.s and share what I've done.
I changed the code according to new dynamic permission request that Marshmallow needs. I launch the app and grant access to Contacts but nothing displays :(&lt;/p&gt;
&lt;p&gt;This is my code, sorry I know is long but is simple:&lt;/p&gt;
&lt;pre&gt;&lt;code&gt;public class MainActivity extends AppCompatActivity
{
    private static final String TAG = MainActivity.class.getSimpleName();
    private static final int MY_PERMISSIONS_REQUEST_READ_CONTACTS = 10;
    private SwipeRefreshLayout mRefreshLayout;
    private RecyclerView mRecyclerView;
    private ContactsAdapter mAdapter;
    private RecyclerView.LayoutManager mLayoutManager;
    @Override
    protected void onCreate(Bundle savedInstanceState)
    {
        super.onCreate(savedInstanceState);
        Log.d(TAG, "********************************");
        Log.d(TAG, "*** Contacts Remover Started ***");
        Log.d(TAG, "********************************");
        setContentView(R.layout.activity_main);
        mRecyclerView = (RecyclerView) findViewById(R.id.recyclerView);
        mRefreshLayout = (SwipeRefreshLayout) findViewById(R.id.refreshScreen);
        mRefreshLayout.setOnRefreshListener(this::refreshLayout);
        mRefreshLayout.setColorSchemeResources(android.R.color.holo_blue_bright,
                android.R.color.holo_green_light,
                android.R.color.holo_orange_light,
                android.R.color.holo_red_light);
        // use this setting to improve performance if you know that changes
        // in content do not change the layout size of the RecyclerView
        mRecyclerView.setHasFixedSize(true);
        // use a linear layout manager
        mLayoutManager = new LinearLayoutManager(this);
        mRecyclerView.setLayoutManager(mLayoutManager);
        // create adapter
        mAdapter = new ContactsAdapter();
        mRecyclerView.setAdapter(mAdapter);
        // Check required permissions
        checkContactPermission();
    }
    private void checkContactPermission()
    {
        Log.d(TAG, "Yu");
        if (ContextCompat.checkSelfPermission(this, Manifest.permission.READ_CONTACTS) != PackageManager.PERMISSION_GRANTED ||
            ContextCompat.checkSelfPermission(this, Manifest.permission.WRITE_CONTACTS) != PackageManager.PERMISSION_GRANTED)
        {
            // Should we show an explanation?
            if (ActivityCompat.shouldShowRequestPermissionRationale(this, Manifest.permission.READ_CONTACTS))
            {
                // Show an explanation to the user *asynchronously* -- don't block
                // this thread waiting for the user's response! After the user
                // sees the explanation, try again to request the permission.
            }
            else
            {
                // No explanation needed, we can request the permission.
                ActivityCompat.requestPermissions(this, new String[]{Manifest.permission.READ_CONTACTS,
                        Manifest.permission.WRITE_CONTACTS}, MY_PERMISSIONS_REQUEST_READ_CONTACTS);
            }
        }
        else
        {
            Log.d(TAG, "Perms granted");
            // Get Contacts and display it
            refreshLayout();
        }
    }
    @Override
    public void onRequestPermissionsResult(int requestCode, String permissions[], int[] grantResults)
    {
        switch (requestCode)
        {
            case MY_PERMISSIONS_REQUEST_READ_CONTACTS:
            {
                // If request is cancelled, the result arrays are empty.
                if (grantResults.length &amp;gt; 0 &amp;amp;&amp;amp; grantResults[0] == PackageManager.PERMISSION_GRANTED)
                {
                    // Get Contacts and display it
                    refreshLayout();
                }
                else
                {
                    this.finish();
                }
                return;
            }
            // other 'case' lines to check for other
            // permissions this app might request
        }
    }
    private List&amp;lt;Contact&amp;gt; getContactList()
    {
        Log.d(TAG, "2");
        List&amp;lt;Contact&amp;gt; contactList = new ArrayList&amp;lt;&amp;gt;(100);
        ContentResolver cr = getContentResolver();
        Cursor cur = cr.query(ContactsContract.Contacts.CONTENT_URI, null, null, null, null);
        Log.d(TAG, "3");
        if (cur != null &amp;amp;&amp;amp; cur.getCount() &amp;gt; 0)
        {
            int i = 0;
            Log.d(TAG, "4");
            while (cur.moveToNext())
            {
                i++;
                Log.d(TAG, "-&amp;gt; " + i);
                Contact contact = new Contact();
                contact.setId(cur.getString(cur.getColumnIndex(ContactsContract.Contacts._ID)));
                contact.setName(cur.getString(cur.getColumnIndex(ContactsContract.Contacts.DISPLAY_NAME)));
                contact.setImageAddress(cur.getString(cur.getColumnIndex(ContactsContract.Contacts.PHOTO_THUMBNAIL_URI)));
                contactList.add(contact);
            }
            cur.close();
            Log.d(TAG, "5");
        }
        Log.d(TAG, String.format("Number of %s contacts found", contactList.size()));
        return contactList;
    }
    private Observable&amp;lt;Contact&amp;gt; getApps()
    {
        Log.d(TAG, "1");
        return Observable.create(subscriber -&amp;gt; {
            List&amp;lt;Contact&amp;gt; contactList = getContactList();
            Log.d(TAG, "6");
            if (subscriber.isUnsubscribed())
            {
                return;
            }
            Log.d(TAG, "7");
            for (Contact contact : contactList)
            {
                subscriber.onNext(contact);
            }
            Log.d(TAG, "8");
            if (!subscriber.isUnsubscribed())
            {
                subscriber.onCompleted();
            }
            Log.d(TAG, "9");
        });
    }
    private void refreshLayout()
    {
        Log.d(TAG, "0");
        if (mRefreshLayout.isRefreshing())
        {
            return;
        }
        mRefreshLayout.setRefreshing(true);
        getApps().toSortedList()
                .subscribeOn(Schedulers.io())
                .observeOn(AndroidSchedulers.mainThread())
                .subscribe(new Observer&amp;lt;List&amp;lt;Contact&amp;gt;&amp;gt;()
                {
                    @Override
                    public void onCompleted()
                    {
                        Log.d(TAG, "10");
                        Toast.makeText(MainActivity.this, "List updated!", Toast.LENGTH_LONG).show();
                        mRefreshLayout.setRefreshing(false);
                    }
                    @Override
                    public void onError(Throwable e)
                    {
                        Log.d(TAG, "ERROR!!!");
                        Toast.makeText(MainActivity.this, "Shit! Something went wrong :(", Toast.LENGTH_LONG).show();
                        mRefreshLayout.setRefreshing(false);
                    }
                    @Override
                    public void onNext(List&amp;lt;Contact&amp;gt; contactList)
                    {
                        Log.d(TAG, "*");
                        mAdapter.setContactList(contactList);
                        mAdapter.notifyDataSetChanged();
                    }
                });
    }
}
&lt;/code&gt;&lt;/pre&gt;
&lt;p&gt;And finally my log is:&lt;/p&gt;
&lt;pre&gt;&lt;code&gt;10-15 01:05:46.239 1514-1514/? D/MainActivity: ********************************
10-15 01:05:46.239 1514-1514/? D/MainActivity: *** Contacts Remover Started ***
10-15 01:05:46.239 1514-1514/? D/MainActivity: ********************************
10-15 01:05:46.285 1514-1514/? D/MainActivity: Yu
10-15 01:05:46.287 1514-1514/? D/MainActivity: Perms granted
10-15 01:05:46.287 1514-1514/? D/MainActivity: 0
10-15 01:05:46.288 1514-1514/? D/MainActivity: 1
10-15 01:05:46.306 1514-14799/? D/MainActivity: 2
&lt;/code&gt;&lt;/pre&gt;
&lt;p&gt;Something is happening in this line, &lt;code&gt;Cursor cur = cr.query(ContactsContract.Contacts.CONTENT_URI, null, null, null, null);&lt;/code&gt;. There is no error, no crash, no report!!! just nothing :(&lt;/p&gt;</t>
  </si>
  <si>
    <t>2015-10-15 07:08:04.023000+00:00</t>
  </si>
  <si>
    <t>2015-10-15 09:14:51.463000+00:00</t>
  </si>
  <si>
    <t>android|contacts|android-permissions|android-6.0-marshmallow</t>
  </si>
  <si>
    <t>How to validate a DataGridView Cell is not empty, when the user never enters the cell?</t>
  </si>
  <si>
    <t>&lt;p&gt;I just want to check and make sure that a cell has some data in it.  My situation is I have 3 columns in a DataGridView.  When someone adds a new record the rows are blank.  The first column is a ComboBox, the next two are just plain text.  If someone just enters in one of the text boxes and doesn't select from the combobox, when they press save an exception is thrown since the DB wants that combobox value.  How can I check that cell and make sure there is a value? CellValidating won't work since the cell never gets focus and loses focus.  &lt;/p&gt;
&lt;p&gt;I did end up checking the column in the RowValidating event and looped through the columns, checking if they are empty.  This feels dirty, is that the only way?  &lt;/p&gt;</t>
  </si>
  <si>
    <t>2010-06-11 14:05:00.327000+00:00</t>
  </si>
  <si>
    <t>2010-06-11 14:15:40.380000+00:00</t>
  </si>
  <si>
    <t>winforms|datagridview|validating</t>
  </si>
  <si>
    <t>Call FastRPC as XMLHttpRequest encoded in base64 in C#</t>
  </si>
  <si>
    <t>&lt;p&gt;I am trying get altitude from the API provided by Czech service (mapy.cz) using C#. Here is JS example in &lt;a href="https://jsfiddle.net/vwf0d7uy/3/" rel="nofollow noreferrer"&gt;JSFiddle&lt;/a&gt;. &lt;/p&gt;
&lt;pre&gt;&lt;code&gt;var coords = SMap.Coords.fromWGS84(15, 50);
coords.getAltitude().then(altitudeResponse);
&lt;/code&gt;&lt;/pre&gt;
&lt;p&gt;The content type of the request is: &lt;strong&gt;application/x-base64-frpc&lt;/strong&gt;&lt;/p&gt;
&lt;p&gt;So I the solution would be to create FastRPC call in C#, encode it by base64 and send it to the server. I searched how to create such call, but with no luck. &lt;/p&gt;
&lt;p&gt;Does any one has suggestion how to solve this?&lt;/p&gt;
&lt;p&gt;Thank you very much,&lt;/p&gt;
&lt;p&gt;&lt;strong&gt;EDIT:&lt;/strong&gt;
I tried to compare payload of two requests:&lt;/p&gt;
&lt;pre&gt;&lt;code&gt;yhECAWgLZ2V0QWx0aXR1ZGVYAVgCGEC4AgplXC1AGM91aIktS0lAOAEQ
yhECAWgLZ2V0QWx0aXR1ZGVYAVgCGEC4Agrlci1AGAsmNM7mQElAOAEQ
&lt;/code&gt;&lt;/pre&gt;
&lt;p&gt;And the difference should be the parameters for the call. Which mean, that another possible solution would be to construct this request:&lt;/p&gt;
&lt;p&gt;yhECAWgLZ2V0QWx0aXR1ZGVYAVgCGEC4Ag + [parameters] + lAOAEQ&lt;/p&gt;
&lt;p&gt;&lt;strong&gt;EDIT2:&lt;/strong&gt; &lt;/p&gt;
&lt;p&gt;Another hint could be &lt;a href="https://ondras.zarovi.cz/slides/2012/seznamden/examples/frpc.html" rel="nofollow noreferrer"&gt;here&lt;/a&gt;.&lt;/p&gt;
&lt;p&gt;It generates their FRPC call and print the byte sequence.&lt;/p&gt;</t>
  </si>
  <si>
    <t>2018-02-15 14:51:50.457000+00:00</t>
  </si>
  <si>
    <t>2018-02-15 15:08:10.627000+00:00</t>
  </si>
  <si>
    <t>c#|xml|http|base64|rpc</t>
  </si>
  <si>
    <t>Remove (.unrst) file from the Eclipse/petrel simulation?</t>
  </si>
  <si>
    <t>&lt;p&gt;I am running my simulations with Eclipse E100, and the run generates a file with extension .unrst which takes a lot of space in the folder 
Is there a way to stop the simulation from generating this file 
Best Regards  &lt;/p&gt;</t>
  </si>
  <si>
    <t>2018-04-28 15:28:58.583000+00:00</t>
  </si>
  <si>
    <t>2018-05-25 06:42:50.547000+00:00</t>
  </si>
  <si>
    <t>petrel</t>
  </si>
  <si>
    <t>highlighting a specific line from jtextpane</t>
  </si>
  <si>
    <t>&lt;p&gt;I am trying to highlight a specific lines from &lt;code&gt;JTextPane&lt;/code&gt;.  Suppose I want to highlight the 5th line from &lt;code&gt;JTextPane&lt;/code&gt;, how do I get the &lt;code&gt;indexOf&lt;/code&gt; it to highlight it if the lines are same?&lt;/p&gt;
&lt;p&gt;Example content of &lt;code&gt;JTextPane&lt;/code&gt;, I want to higlight 5th and 11th line from below lines,  &lt;/p&gt;
&lt;pre&gt;
This text is from stackoverflow
This text is from stackoverflow
This text is from stackoverflow
This text is from stackoverflow
This text is from stackoverflow
This text is from stackoverflow
This text is from stackoverflow
This text is from google
This text is from yahoo
This text is from yahoo
This text is from yahoo
This text is from yahoo
&lt;/pre&gt;
&lt;p&gt;Code:&lt;/p&gt;
&lt;pre&gt;&lt;code&gt;//Code to highlight
//text is jtextpane
final static Color HILIT_COLOR = Color.LIGHT_GRAY;
DefaultHighlighter hilit = new DefaultHighlighter();
DefaultHighlightPainter painter = new  
    DefaultHighlighter.DefaultHighlightPainter(HILIT_COLOR);
text.setHighlighter(hilit);
hilit.removeAllHighlights();
String s = text.getText();
try {
    hilit.addHighlight(0, 10, painter);
} catch (BadLocationException ex) {
    Logger.getLogger(TextLines.class.getName()).log(Level.SEVERE, null, ex);
}
&lt;/code&gt;&lt;/pre&gt;</t>
  </si>
  <si>
    <t>2012-03-19 20:31:30.773000+00:00</t>
  </si>
  <si>
    <t>2012-03-19 22:04:53.360000+00:00</t>
  </si>
  <si>
    <t>java|swing|highlight</t>
  </si>
  <si>
    <t>how to upload image in key cdn using php?</t>
  </si>
  <si>
    <t>&lt;p&gt;i want to upload image in keycdn using php at a time of every image upload in my site.&lt;/p&gt;
&lt;p&gt;Option available rsync or ftp but it is not useful for me.&lt;/p&gt;
&lt;p&gt;so, can you please help me for this using php directly.&lt;/p&gt;</t>
  </si>
  <si>
    <t>2017-02-02 10:27:35.603000+00:00</t>
  </si>
  <si>
    <t>2017-02-03 07:56:54.630000+00:00</t>
  </si>
  <si>
    <t>php|cdn</t>
  </si>
  <si>
    <t>Scala execution of abstract classes with case</t>
  </si>
  <si>
    <t>&lt;p&gt;I'm new to Scala and I am following this tutorial &lt;a href="http://docs.scala-lang.org/tutorials/scala-for-java-programmers.html" rel="nofollow"&gt;http://docs.scala-lang.org/tutorials/scala-for-java-programmers.html&lt;/a&gt; in which there is an example of case class usage.&lt;/p&gt;
&lt;p&gt;I was trying to execute the example below:&lt;/p&gt;
&lt;pre&gt;&lt;code&gt;package classes
abstract class Tree 
case class Sum(l: Tree, r: Tree) extends Tree
case class Var(n: String) extends Tree
case class Const(v: Int) extends Tree {
    type Environment = String =&amp;gt; Int
    def eval(t: Tree, env: Environment): Int = t match {
        case Sum(l, r) =&amp;gt; eval(l, env) + eval(r, env)
        case Var(n) =&amp;gt; env(n)
        case Const(v) =&amp;gt; v
    }
}
&lt;/code&gt;&lt;/pre&gt;
&lt;p&gt;But the thing is that I couldn't execute it and I suspect that the reason is that I cannot add a main method there because it is a class and not an object. So I created an object with a main method there:&lt;/p&gt;
&lt;pre&gt;&lt;code&gt;package classes
object TreeOperations {
    type Environment = String =&amp;gt; Int //XXX: cannot I import it somehow?
    def main(args: Array[String]) {    
      // evaluating (x+x)+(7+y) expression
        val exp: Tree = Sum(Sum(Var("x"), Var("x")),Sum(Const(7), Var("y")))
        val env: Environment = { case "x" =&amp;gt; 5 case "y" =&amp;gt; 7} // x := 5, y := 7
        println("Expression: " + exp)
        println("Evaluation with x=5, y=7: " + eval(exp, env)) //XXX no eval here
    }
}
&lt;/code&gt;&lt;/pre&gt;
&lt;p&gt;But then I noticed two things:&lt;/p&gt;
&lt;ol&gt;
&lt;li&gt;&lt;p&gt;I cannot get access to type Environment because it is a differnent class (I tried Tree.Environment but it didn't work).&lt;/p&gt;&lt;/li&gt;
&lt;li&gt;&lt;p&gt;I cannot get access to eval(...) as well (and I tried the same).&lt;/p&gt;&lt;/li&gt;
&lt;/ol&gt;
&lt;p&gt;So I wanted to know what would be the best way of solving these difficulties.&lt;/p&gt;
&lt;p&gt;Thanks in advance!&lt;/p&gt;</t>
  </si>
  <si>
    <t>2014-02-23 18:56:09.600000+00:00</t>
  </si>
  <si>
    <t>2014-02-24 07:10:14.080000+00:00</t>
  </si>
  <si>
    <t>Control link styling within styled button</t>
  </si>
  <si>
    <t>&lt;p&gt;I made a navigation bar using CSS button styling and want each button to be a link. But when a user visits a link, then the link styling changes (adds an underline and makes the link text blue), and I can't figure out how to style the visited link within the button.&lt;/p&gt;
&lt;p&gt;My code:&lt;/p&gt;
&lt;p&gt;&lt;div class="snippet" data-lang="js" data-hide="false" data-console="true" data-babel="false"&gt;_x000D_
&lt;div class="snippet-code"&gt;_x000D_
&lt;pre class="snippet-code-css lang-css prettyprint-override"&gt;&lt;code&gt;.navbutton {_x000D_
  background-color: #4CAF50;_x000D_
  /* Green */_x000D_
  border: none;_x000D_
  color: white;_x000D_
  padding: 95px 80px;_x000D_
  text-align: center;_x000D_
  text-decoration: none;_x000D_
  display: inline-block;_x000D_
  font-size: 18px;_x000D_
  font-weight: bold;_x000D_
  margin: 4px 2px;_x000D_
  -webkit-transition-duration: 0.4s;_x000D_
  /* Safari */_x000D_
  transition-duration: 0.4s;_x000D_
  cursor: pointer;_x000D_
}_x000D_
_x000D_
.navbutton1 {_x000D_
  background-color: 4CAF50;_x000D_
  color: white;_x000D_
  text-decoration: none;_x000D_
  border: 1px solid #FFFFFF;_x000D_
  height: 50px;_x000D_
  width: 130px;_x000D_
  font-size: 14px;_x000D_
  font-weight: 400;_x000D_
}_x000D_
_x000D_
.navbutton1:hover {_x000D_
  background-color: #0000FF;_x000D_
  color: white;_x000D_
  height: 50px;_x000D_
  width: 130px;_x000D_
  font-size: 14px;_x000D_
  font-weight: 400;_x000D_
}_x000D_
_x000D_
.navbutton1:visited {_x000D_
  background-color: #0000FF;_x000D_
  text-decoration: none;_x000D_
  color: white;_x000D_
  height: 50px;_x000D_
  width: 130px;_x000D_
  font-size: 14px;_x000D_
  font-weight: 400;_x000D_
}&lt;/code&gt;&lt;/pre&gt;_x000D_
&lt;pre class="snippet-code-html lang-html prettyprint-override"&gt;&lt;code&gt;&amp;lt;button class="navbutton navbutton1"&amp;gt;&amp;lt;a href="http://www.test.test"&amp;gt;Home&amp;lt;/a&amp;gt;&amp;lt;/button&amp;gt;&lt;/code&gt;&lt;/pre&gt;_x000D_
&lt;/div&gt;_x000D_
&lt;/div&gt;_x000D_
&lt;/p&gt;
&lt;p&gt;Is there a way to control the visited link style for this button? &lt;/p&gt;</t>
  </si>
  <si>
    <t>2018-03-17 04:47:45.100000+00:00</t>
  </si>
  <si>
    <t>2018-03-17 05:28:57.380000+00:00</t>
  </si>
  <si>
    <t>2018-03-17 05:21:11.053000+00:00</t>
  </si>
  <si>
    <t>Why ServiceHost need class type if provider were given?</t>
  </si>
  <si>
    <t>&lt;p&gt;I have console host application. In here I use IoC container as provider of instance, and want to pass contract interface into ServiceHost constructor.
Obviously, it says I can't do it with interfaces.&lt;/p&gt;
&lt;p&gt;Why do ServiceHost even need it? I attach custom provider if he want to instantiate it! Even more, I don't want to pass instances into it - it should be by demand.&lt;/p&gt;
&lt;p&gt;How to make ServiceHost only from interface (keep in mind all neccessary bindings already in IoC)?&lt;/p&gt;
&lt;p&gt;Example:&lt;/p&gt;
&lt;pre&gt;&lt;code&gt;var host = new ServiceHost(typeof(IMyContract), address);
&lt;/code&gt;&lt;/pre&gt;
&lt;p&gt;So, basicaly, by specifying InstanceProvider you should aquire this behavior. But Microsoft forcefuly ask for concrete implementation type, even if I provided instance factory and may not have concrete implementation type!&lt;/p&gt;</t>
  </si>
  <si>
    <t>2016-07-22 09:00:24.143000+00:00</t>
  </si>
  <si>
    <t>2016-09-13 08:11:21.440000+00:00</t>
  </si>
  <si>
    <t>2016-09-12 18:45:48.670000+00:00</t>
  </si>
  <si>
    <t>c#|wcf|dependency-injection</t>
  </si>
  <si>
    <t>Environment variables to be used across multiple korn (ksh93) shell scripts (getter-setter)</t>
  </si>
  <si>
    <t>&lt;p&gt;I have a set of scripts that share some environment variables that are used as status flags. &lt;/p&gt;
&lt;p&gt;Consider:&lt;/p&gt;
&lt;p&gt;&lt;code&gt;./script1.sh; ./script2.sh; # I execute 2 scripts within the same shell.&lt;/code&gt; &lt;/p&gt;
&lt;p&gt;Now each of these scripts executes the below script at regular intervals that sets (refreshes) the environment variables:&lt;/p&gt;
&lt;p&gt;&lt;code&gt;. ./setEnvVariables.sh #This executes it in the context of the current shell
and thus making the environment variables accessible across both scripts.&lt;/code&gt;&lt;/p&gt;
&lt;ul&gt;
&lt;li&gt;setEnvVariables.sh contains the variables that I want to use in other scripts executed within the same shell.&lt;/li&gt;
&lt;li&gt;Some of these variables act as flags that may be changed manually in the file during the course of the &lt;code&gt;script1.sh,script2.sh,..&lt;/code&gt; scripts execution.&lt;/li&gt;
&lt;/ul&gt;
&lt;p&gt;Another approach would be to have the flags saved in a file and create typical get/set functions to read the file and return/set the flag value. These flags are set by me to simplify controlling the scripts functionality.&lt;/p&gt;
&lt;p&gt;Is there a better way of handling this? This kinda falls in the getter-setter design pattern...&lt;/p&gt;</t>
  </si>
  <si>
    <t>2012-12-05 15:13:12.980000+00:00</t>
  </si>
  <si>
    <t>2012-12-09 16:54:55.337000+00:00</t>
  </si>
  <si>
    <t>unix|environment-variables|solaris|ksh|getter-setter</t>
  </si>
  <si>
    <t>Lambda Error in Nancy Sample Application</t>
  </si>
  <si>
    <t>&lt;p&gt;I'm somewhat baffled by an error I am receiving while trying to get the simple Nancy example program working.&lt;/p&gt;
&lt;pre&gt;&lt;code&gt;namespace NancyServer {
    using Nancy;
    public class ServerApi : NancyModule {
        public ServerApi() {
            Get["/"] = _ =&amp;gt; "Hello World";
        }
    }
}
&lt;/code&gt;&lt;/pre&gt;
&lt;p&gt;Visual studio 2013 pro balks at the lambda in my route. &lt;/p&gt;
&lt;pre&gt;&lt;code&gt;_ =&amp;gt; "Hello World";
&lt;/code&gt;&lt;/pre&gt;
&lt;p&gt;I also tried a few other expressions and they all have the same problem.&lt;/p&gt;
&lt;pre&gt;&lt;code&gt;Get["/products/{id}"] = _ =&amp;gt; {
    System.Console.WriteLine( "test" );
};
&lt;/code&gt;&lt;/pre&gt;
&lt;p&gt;The above snippet was also pulled directly from the Nancy wiki.&lt;/p&gt;
&lt;p&gt;Intellisense underlines the lambda assignment &lt;code&gt;_ =&amp;gt;&lt;/code&gt; and says that the delegate does not take one argument.  If I try to build I get three errors.&lt;/p&gt;
&lt;pre&gt;&lt;code&gt;Error 1 Delegate 'System.Func&amp;lt;dynamic,System.Threading.CancellationToken,System.Threading.Tasks.Task&amp;lt;dynamic&amp;gt;&amp;gt;' does not take 1 arguments
Error 2 Cannot implicitly convert type 'string' to 'System.Threading.Tasks.Task&amp;lt;dynamic&amp;gt;'
Error 3 Cannot convert lambda expression to delegate type 'System.Func&amp;lt;dynamic,System.Threading.CancellationToken,System.Threading.Tasks.Task&amp;lt;dynamic&amp;gt;&amp;gt;' because some of the return types in the block are not implicitly convertible to the delegate return type
&lt;/code&gt;&lt;/pre&gt;
&lt;p&gt;I have googled for a few hours now and cannot figure out what is going on here.  Is this an environment error?  Could there be some kind of namespacing issue going on?  I have added Nancy and Nancy.Hosting.Self as dependencies to my project.  The only other code in the project is a simple main to self host the service.&lt;/p&gt;
&lt;pre&gt;&lt;code&gt;namespace NancyServer {
    using System;
    using Nancy.Hosting.Self;
    public class ServerMain {
        static void Main( string[] args ) {
            var nancyHost = new NancyHost( new Uri( "http://localhost:25000" ) );
            nancyHost.Start();
            Console.WriteLine( "Server running..." );
            Console.ReadKey();
            nancyHost.Stop();
        }
    }
}
&lt;/code&gt;&lt;/pre&gt;
&lt;p&gt;I added Nancy and Nancy.Hosting.Self directly through Nuget in VS2013 pro.&lt;/p&gt;</t>
  </si>
  <si>
    <t>2016-04-28 19:58:43.003000+00:00</t>
  </si>
  <si>
    <t>2016-04-29 04:51:45.067000+00:00</t>
  </si>
  <si>
    <t>2016-04-28 20:04:08.270000+00:00</t>
  </si>
  <si>
    <t>c#|rest|lambda|compiler-errors|nancy</t>
  </si>
  <si>
    <t>Unable to make redis on windows machine</t>
  </si>
  <si>
    <t>&lt;p&gt;I am trying to use &lt;code&gt;redis&lt;/code&gt; in my &lt;code&gt;nodejs&lt;/code&gt; project. I see that to build &lt;code&gt;redis&lt;/code&gt; you need &lt;code&gt;make&lt;/code&gt; command and &lt;code&gt;gcc&lt;/code&gt;. I have instaled &lt;code&gt;cygwin&lt;/code&gt; on my windows machine and then installed both &lt;code&gt;make&lt;/code&gt; and &lt;code&gt;gcc&lt;/code&gt;.&lt;/p&gt;
&lt;p&gt;I downloaded &lt;code&gt;redis&lt;/code&gt; from here &lt;a href="https://redis.io/download" rel="nofollow noreferrer"&gt;https://redis.io/download&lt;/a&gt; and as per the instructions -&lt;/p&gt;
&lt;pre&gt;&lt;code&gt;$ wget http://download.redis.io/releases/redis-3.2.8.tar.gz
$ tar xzf redis-3.2.8.tar.gz
$ cd redis-3.2.8
$ make 
&lt;/code&gt;&lt;/pre&gt;
&lt;p&gt;I am trying to do same, but facing some issues while building this. Here are the logs :-&lt;/p&gt;
&lt;pre&gt;&lt;code&gt;D:\Node.JS\redis-3.2.8&amp;gt;make
cd src &amp;amp;&amp;amp; make all
make[1]: Entering directory '/cygdrive/d/Node.JS/redis-3.2.8/src'
    CC adlist.o
    CC quicklist.o
    CC ae.o
In file included from ae.c:58:0:
ae_select.c: In function 'aeApiResize':
ae_select.c:52:37: warning: unused parameter 'eventLoop' [-Wunused-parameter]
 static int aeApiResize(aeEventLoop *eventLoop, int setsize) {
                                     ^~~~~~~~~
    CC anet.o
    CC dict.o
    CC server.o
    CC sds.o
    CC zmalloc.o
zmalloc.c: In function 'zmalloc_get_memory_size':
zmalloc.c:421:1: warning: control reaches end of non-void function [-Wreturn-typ
e]
 }
 ^
    CC lzf_c.o
    CC lzf_d.o
    CC pqsort.o
    CC zipmap.o
    CC sha1.o
    CC ziplist.o
    CC release.o
    CC networking.o
    CC util.o
    CC object.o
    CC db.o
    CC replication.o
    CC rdb.o
    CC t_string.o
    CC t_list.o
    CC t_set.o
    CC t_zset.o
    CC t_hash.o
    CC config.o
    CC aof.o
    CC pubsub.o
    CC multi.o
    CC debug.o
debug.c: In function 'watchdogSignalHandler':
debug.c:1138:60: warning: unused parameter 'secret' [-Wunused-parameter]
 void watchdogSignalHandler(int sig, siginfo_t *info, void *secret) {
                                                            ^~~~~~
    CC sort.o
    CC intset.o
    CC syncio.o
    CC cluster.o
    CC crc16.o
    CC endianconv.o
    CC slowlog.o
    CC scripting.o
    CC bio.o
    CC rio.o
    CC rand.o
    CC memtest.o
    CC crc64.o
    CC bitops.o
    CC sentinel.o
    CC notify.o
    CC setproctitle.o
    CC blocked.o
    CC hyperloglog.o
    CC latency.o
    CC sparkline.o
    CC redis-check-rdb.o
    CC geo.o
    LINK redis-server
cc: error: ../deps/hiredis/libhiredis.a: No such file or directory
cc: error: ../deps/lua/src/liblua.a: No such file or directory
cc: error: ../deps/geohash-int/geohash.o: No such file or directory
cc: error: ../deps/geohash-int/geohash_helper.o: No such file or directory
make[1]: *** [Makefile:185: redis-server] Error 1
make[1]: Leaving directory '/cygdrive/d/Node.JS/redis-3.2.8/src'
make: *** [Makefile:6: all] Error 2
D:\Node.JS\redis-3.2.8&amp;gt;m
&lt;/code&gt;&lt;/pre&gt;
&lt;p&gt;Can anyone help me what could be the issue ?&lt;/p&gt;</t>
  </si>
  <si>
    <t>2017-05-15 19:10:06.653000+00:00</t>
  </si>
  <si>
    <t>2017-05-16 10:05:02.437000+00:00</t>
  </si>
  <si>
    <t>node.js|redis|cygwin</t>
  </si>
  <si>
    <t>Matrix Rotation-counter clock wise</t>
  </si>
  <si>
    <t>&lt;p&gt;How can i rotate an MXN matric counter clock wise as per the image i ve attached.&lt;a href="https://i.stack.imgur.com/Y3zhj.jpg" rel="nofollow noreferrer"&gt;&lt;img src="https://i.stack.imgur.com/Y3zhj.jpg" alt="the image shows the counter clock wise rotation of 4x5 martix once."&gt;&lt;/a&gt;&lt;/p&gt;</t>
  </si>
  <si>
    <t>2015-09-03 18:20:13.963000+00:00</t>
  </si>
  <si>
    <t>matrix</t>
  </si>
  <si>
    <t>Optimising js for production - Lots of small or one large js file</t>
  </si>
  <si>
    <t>&lt;p&gt;I have an AngularJS app, which I am looking to optimise for speed.&lt;/p&gt;
&lt;p&gt;I am currently uglifying and concatenating all my bower_components which I require into a &lt;code&gt;vendor.js&lt;/code&gt; file.&lt;/p&gt;
&lt;p&gt;I am currently uglifying and concatenating all my custom js into a &lt;code&gt;scripts.js&lt;/code&gt; file.&lt;/p&gt;
&lt;p&gt;As such, when a user downloads a page, there are very few resources in the get request. (Presently 6 in total without image assets). The disadvantage is that I have two large-ish js documents to download - about half megabyte in total - The entire doc needs to be downloaded before any page rendering can be done.&lt;/p&gt;
&lt;p&gt;My main concern is with the &lt;code&gt;vendor.js&lt;/code&gt; file. Is it better to use cdn provided, minified javascript files (approx 10 in total), or is it better to use my concatenated &amp;amp; uglified vendor.js?&lt;/p&gt;
&lt;p&gt;The former would mean that the total resources would increase to 16 without image assets, however they would be served by different vendor provided CDN networks, allowing parallel downloading.&lt;/p&gt;</t>
  </si>
  <si>
    <t>2014-06-18 10:37:33.970000+00:00</t>
  </si>
  <si>
    <t>2014-06-18 10:52:41.580000+00:00</t>
  </si>
  <si>
    <t>javascript|single-page-application|production-environment|uglifyjs</t>
  </si>
  <si>
    <t>How to convert pandas dataframe to pyspark dataframe which has attribute to rdd?</t>
  </si>
  <si>
    <t>&lt;p&gt;Now I am doing a project for my course, and find a problem to convert &lt;code&gt;pandas dataframe&lt;/code&gt; to &lt;code&gt;pyspark dataframe&lt;/code&gt; .
I have produce a pandas dataframe named data_org as follows.
&lt;a href="https://i.stack.imgur.com/Yfjml.png" rel="nofollow noreferrer"&gt;enter image description here&lt;/a&gt;&lt;/p&gt;
&lt;p&gt;And I want to covert it into pyspark dataframe to adjust it into libsvm format.
So my code is &lt;/p&gt;
&lt;pre&gt;&lt;code&gt;from pyspark.sql import SQLContext  
spark_df = SQLContext.createDataFrame(data_org)
&lt;/code&gt;&lt;/pre&gt;
&lt;p&gt;However, it went wrong.&lt;/p&gt;
&lt;blockquote&gt;
  &lt;p&gt;TypeError: createDataFrame() missing 1 required positional argument: 'data'&lt;/p&gt;
&lt;/blockquote&gt;
&lt;p&gt;I really do not know how to do. And my python version is 3.5.2 and pyspark version is 2.0.1.
I am looking forward to your reply.&lt;/p&gt;</t>
  </si>
  <si>
    <t>2018-03-29 11:48:21.440000+00:00</t>
  </si>
  <si>
    <t>2018-03-29 12:29:37.423000+00:00</t>
  </si>
  <si>
    <t>python|pandas|dataframe|pyspark</t>
  </si>
  <si>
    <t>array losing scope when moved into a for ( in ) loop</t>
  </si>
  <si>
    <t>&lt;p&gt;This is really driving me crazy.  Why does my array lose scope moving it into a for loop?  Please have a look at this code, the var 'marker' is losing scope near the beginning of this script. ANY thoughts welcome.&lt;/p&gt;
&lt;pre&gt;&lt;code&gt;&amp;lt;!DOCTYPE html&amp;gt;
&amp;lt;html&amp;gt;
&amp;lt;head&amp;gt;
&amp;lt;script
src="http://maps.googleapis.com/maps/api/js?key=AIzaSyDY0kkJiTPVd2U7aTOAwhc9ySH6oHxOIYM&amp;amp;sensor=false"&amp;gt;
&amp;lt;/script&amp;gt;
&amp;lt;script src="http://code.jquery.com/jquery-1.10.1.min.js"&amp;gt;&amp;lt;/script&amp;gt;
&amp;lt;script&amp;gt;
//var cell={}; 
var cellcenter = new Array();
var lat = ''; var lng=''; 
$(document).ready(function(){
    i=0; 
    $.getJSON('http://www.perivision.net/testing/containment/containment.php', function(data) {
        var marker = new Array();
        marker[0]=9;
        $('#output').html('this works '+marker[0]);
        for (index in data) {
             i++; 
             $('#output').html(' this does not '+marker[0]);
            for (element in data[index]) {
                //console.log(element);
                //console.log(data[index][element]);
                if (element=="attribute8"){
                    lat=data[index][element];
                }
                if (element=="attribute9"){
                    //cell[i]=data[index][element];
                    lng=data[index][element];
                    cellcenter[i]=new google.maps.LatLng(lat,lng);
                    var myLatlng = new google.maps.LatLng(51.508742,-0.120850);
                    var mapOptions = {
                      zoom: 4,
                      center: myLatlng,
                      mapTypeId: google.maps.MapTypeId.ROADMAP,
                    }
                    var map= new google.maps.Map(document.getElementById("googleMap"),mapOptions);
                    var marker = new google.maps.Marker({
                        position: myLatlng,
                        title:"Hello World!"
                    });
                    marker[i] = new google.maps.Marker({
                        position: cellcenter[i],
                        title:"Hello World!"+i
                    });
                    // To add the marker to the map, call setMap();
                    marker.setMap(map);
                    //marker[0].setMap(map);
                    marker[i].setMap(map);
                    //$('#output').html('re '+marker[0]);
                    //console.log('ping '+i+' '+cellcenter[i]);
                }
            } 
        }
    });
}); 
function donothing(){
    }               
&amp;lt;/script&amp;gt;
&amp;lt;/head&amp;gt;
&amp;lt;body&amp;gt;
&amp;lt;div id="googleMap" style="width:500px;height:380px;"&amp;gt;&amp;lt;/div&amp;gt;
 &amp;lt;button id="requestDataBtn"&amp;gt;Get Data&amp;lt;/button&amp;gt;&amp;lt;br /&amp;gt; 
 &amp;lt;div id='output'&amp;gt;&amp;lt;/div&amp;gt;
&amp;lt;/body&amp;gt;
&amp;lt;/html&amp;gt;
&lt;/code&gt;&lt;/pre&gt;</t>
  </si>
  <si>
    <t>2013-07-03 05:57:53.293000+00:00</t>
  </si>
  <si>
    <t>2013-07-03 06:22:11.900000+00:00</t>
  </si>
  <si>
    <t>javascript|arrays|scope</t>
  </si>
  <si>
    <t>Dataframe, Printing Column header corresponding to null value in the row</t>
  </si>
  <si>
    <t>&lt;p&gt;I am trying to print the column header corresponding to NaN value in a row.
ie If the row of data frame is having a null value I need to know which column of the row is having null value and print that column header of that column.&lt;/p&gt;
&lt;p&gt;for example:&lt;/p&gt;
&lt;p&gt;my df is&lt;/p&gt;
&lt;pre&gt;&lt;code&gt;a    b    c   d    f    g   h
2  NaN    1   5    6   NaN   7
2    4   NaN  3    5    6   1
2    0    3   1   NaN   0   8
2    8    2   3    5    6  NaN
&lt;/code&gt;&lt;/pre&gt;
&lt;p&gt;My Expected out put&lt;/p&gt;
&lt;pre&gt;&lt;code&gt;row 1 b ,  g
row 2 c
row 3 f , h
&lt;/code&gt;&lt;/pre&gt;
&lt;p&gt;My code is here&lt;/p&gt;
&lt;pre&gt;&lt;code&gt;df = data_frame[data_frame[list(data_frame)].isnull().any(1)]
for row in df.iterrows():
   for i in len(row):
      if row[1][i] == "NaN":
         print list(df)[i]
&lt;/code&gt;&lt;/pre&gt;
&lt;p&gt;Is there any simple method for this to be done?&lt;/p&gt;</t>
  </si>
  <si>
    <t>2017-11-22 15:00:03.193000+00:00</t>
  </si>
  <si>
    <t>2017-11-22 15:48:02.177000+00:00</t>
  </si>
  <si>
    <t>Typescript - union types</t>
  </si>
  <si>
    <t>&lt;p&gt;I have created the following interface:&lt;/p&gt;
&lt;pre&gt;&lt;code&gt;export interface Message{
  date: Timestamp | Date;
}
interface Timestamp {
  seconds: number;
  nanoseconds: number;
}
&lt;/code&gt;&lt;/pre&gt;
&lt;p&gt;No idea why - I get the following error:&lt;/p&gt;
&lt;pre&gt;&lt;code&gt;Property 'seconds' does not exist on type 'Date | Timestamp'.
  Property 'seconds' does not exist on type 'Date'.
&lt;/code&gt;&lt;/pre&gt;
&lt;p&gt;Why does the compiler searches for &lt;code&gt;seconds&lt;/code&gt; in &lt;code&gt;Date&lt;/code&gt; and doesn't work with the &lt;code&gt;Timestamp&lt;/code&gt; type?&lt;/p&gt;</t>
  </si>
  <si>
    <t>2018-11-30 19:45:26.090000+00:00</t>
  </si>
  <si>
    <t>2018-11-30 21:22:03.757000+00:00</t>
  </si>
  <si>
    <t>Get list of open files (descriptors) in OS X</t>
  </si>
  <si>
    <t>&lt;p&gt;I would like to get a list of open files in a process on os x (10.9.1). In Linux I was able to get this from &lt;code&gt;/proc/PID/fd&lt;/code&gt;. However I'm not sure how to get the same on OS X. I found that the procfs is not present on the OS X (by default. possible implementations present, but I do not want to go that way). &lt;/p&gt;
&lt;p&gt;So how do I get (natively) the list of open files in a process on OS X. One way is &lt;code&gt;lsof&lt;/code&gt;. is there any other support available? please let me know where I can get more info on this.&lt;/p&gt;
&lt;p&gt;Thanks.&lt;/p&gt;</t>
  </si>
  <si>
    <t>2014-01-07 14:40:29.533000+00:00</t>
  </si>
  <si>
    <t>2018-05-23 07:43:51.467000+00:00</t>
  </si>
  <si>
    <t>2017-03-23 05:50:46.743000+00:00</t>
  </si>
  <si>
    <t>macos|osx-mavericks|file-descriptor|procfs</t>
  </si>
  <si>
    <t>Base64 string Invalid in iOS</t>
  </si>
  <si>
    <t>&lt;p&gt;I am converting image into &lt;code&gt;base64&lt;/code&gt; string like this.&lt;/p&gt;
&lt;pre&gt;&lt;code&gt;    ALAssetRepresentation *rep = [imageAsset defaultRepresentation];
    Byte *buffer = (Byte*)malloc(rep.size);
    UIImage  *copyOfOriginalImage = [UIImage imageWithCGImage:[[imageAsset defaultRepresentation] fullResolutionImage]];
    NSUInteger buffered = [rep getBytes:buffer fromOffset:0.0 length:rep.size error:nil];
    imageData = UIImageJPEGRepresentation(copyOfOriginalImage, 1.0);
&lt;/code&gt;&lt;/pre&gt;
&lt;p&gt;Then I convert this &lt;code&gt;NSData&lt;/code&gt; into base64 string like this.&lt;/p&gt;
&lt;pre&gt;&lt;code&gt;strEncoded=[imageData base64EncodedStringWithOptions:76];
&lt;/code&gt;&lt;/pre&gt;
&lt;p&gt;I used this &lt;a href="http://www.motobit.com/util/base64-decoder-encoder.asp" rel="nofollow"&gt;online base64 convertor&lt;/a&gt; to test my image(use same image in online tool and within my app)&lt;/p&gt;
&lt;p&gt;&lt;strong&gt;FROM THE TOOL&lt;/strong&gt;&lt;/p&gt;
&lt;pre&gt;&lt;code&gt; 9j/4AAQSkZJRgABAQAASABIAAD/4QBYRXhpZgAATU0AKgAAAAgAAgESAAMAAAABAAYAAIdpAAQAAAABAAAAJgAAAAAAA6ABAAMAAAABAAEAAKACAAQAAAABAAAMwKADAAQAAAABAAAJkAAAAAD/7QA4
&lt;/code&gt;&lt;/pre&gt;
&lt;p&gt;&lt;strong&gt;FROM THE APP&lt;/strong&gt;&lt;/p&gt;
&lt;pre&gt;&lt;code&gt;\/9j\/4AAQSkZJRgABAQAASABIAAD\/4QBMRXhpZgAATU0AKgAAAAgAAgESAAMAAAABAAEAAIdpAAQAAAABAAAAJgAAAAAAAqACAAQAAAABAAAMwKADAAQAAAABAAAJkAAAAAD\/
&lt;/code&gt;&lt;/pre&gt;
&lt;p&gt;These starting portions are different. But when I converted using online tool that string accepts by my server.But not when I pass from the app.
What is the reason for this?
Please help me.
Thanks&lt;/p&gt;</t>
  </si>
  <si>
    <t>2016-08-30 20:16:18.857000+00:00</t>
  </si>
  <si>
    <t>ios|uiimage|base64</t>
  </si>
  <si>
    <t>Code does not work in content editor web part SharePoint 2007</t>
  </si>
  <si>
    <t>&lt;p&gt;I'm still trying to figure out this slideshow task that I need to display in a SharePoint 2007. In my other post folks suggested doing things that are more challenging that I'm not willing or have skills to take on. So what I have here is perhaps a simpler solution but it's not working either. &lt;/p&gt;
&lt;p&gt;I'm using a content editor web part into which I copied the code that works in a stand alone web site but not here. &lt;/p&gt;
&lt;p&gt;I was hoping you can tell me if this can work and suggest a fix or should I just scrap it all toghether and take on the prior challenge.&lt;/p&gt;
&lt;p&gt;In the default.master I have Javascript like this:&lt;/p&gt;
&lt;pre&gt;&lt;code&gt;&amp;lt;script language="javascript" type="text/javascript"&amp;gt;
&amp;lt;!--
var slideimages=new Array()
var slidelinks=new Array()
function slideshowimages(){
  for (i=0;i&amp;lt;slideshowimages.arguments.length;i++){
    slideimages[i]=new Image()
    slideimages[i].src=slideshowimages.arguments[i]
  }
}
function slideshowlinks(){
  for (i=0;i&amp;lt;slideshowlinks.arguments.length;i++)
    slidelinks[i]=slideshowlinks.arguments[i]
}
function gotoshow(){
  if (!window.winslide||winslide.closed)
    winslide=window.open(slidelinks[whichlink])
  else
    winslide.location=slidelinks[whichlink]
  winslide.focus()
}               
//--&amp;gt;
&lt;/code&gt;&lt;/pre&gt;
&lt;p&gt;&lt;/p&gt;
&lt;p&gt;Then in content editor web part I have this:&lt;/p&gt;
&lt;pre&gt;&lt;code&gt;&amp;lt;script runat="server" &amp;gt;
protected void Page_Load(object sender, EventArgs e)
{        
    int iCounter = 0;
    string path = Server.MapPath("/Bulletin/");
    System.IO.DirectoryInfo di = new System.IO.DirectoryInfo(path);
    System.IO.FileInfo[] slides = di.GetFiles("*.jpg");
    iCounter = slides.Length;
    string mystring = string.Empty; 
    int i = 0;
    foreach (System.IO.FileInfo file in slides)
    {
        if (i &amp;lt; iCounter-1)
        {
            mystring += "'/Bulletin/" + slides[i].ToString() + "',";
            i++;
        }
        else
        {
            mystring += "'/Bulletin/" + slides[i].ToString() + "'";
        }
    }
    String scriptString = @"&amp;lt;script language=JavaScript&amp;gt;";
    scriptString += @"slideshowimages(" + mystring + @")
        slideshowlinks() // Still need to build this up
        var slideshowspeed = 10000
        var whichlink = 0
        var whichimage = 0
        function slideit() {
        if (!document.images)
        return
        document.images.slide.src = slideimages[whichimage].src
        whichlink = whichimage
        if (whichimage &amp;lt; slideimages.length - 1)
        whichimage++
        else
        whichimage = 0
        setTimeout('slideit()', slideshowspeed)
        }
        slideit()
         ";
   scriptString += @"&amp;lt;/";
   scriptString += @"script&amp;gt;";
    if (!this.IsStartupScriptRegistered("clientScript"))
        this.RegisterStartupScript("clientScript", scriptString.ToString());
}
&lt;/code&gt;&lt;/pre&gt;
&lt;p&gt;I have tried placing everything in the webpart. I have also placed the JavaScript in its own file, placed in a script directory in the root of my app and call it like that. I have also copied in the /_layout/1033 directory but none of these steps helped.&lt;/p&gt;
&lt;p&gt;Thank you for your time!&lt;/p&gt;</t>
  </si>
  <si>
    <t>2011-06-28 16:34:29.110000+00:00</t>
  </si>
  <si>
    <t>2016-10-18 11:26:10.287000+00:00</t>
  </si>
  <si>
    <t>2011-06-28 16:42:12.160000+00:00</t>
  </si>
  <si>
    <t>c#|javascript|sharepoint-2007</t>
  </si>
  <si>
    <t>MonoTouch: can't generate WCF proxy</t>
  </si>
  <si>
    <t>&lt;p&gt;I run Win7x64 under MacOs (Lion) via VMware Fusion. On this Win7 i run simple WCF service, wich i succesful consume from client on win7. 
Now i need consume this service from my MonoTouch solution, but i can't generate WCF proxy. When i try to generate proxy via MonoDevelope i get next error:
&lt;img src="https://i.stack.imgur.com/5u8sy.png" alt="enter image description here"&gt;
But i can succesul get WSDL from web browser:
&lt;img src="https://i.stack.imgur.com/JZOmy.png" alt="enter image description here"&gt;
What was my mistake?&lt;/p&gt;</t>
  </si>
  <si>
    <t>2012-03-25 11:53:11.970000+00:00</t>
  </si>
  <si>
    <t>2012-03-25 12:32:34.757000+00:00</t>
  </si>
  <si>
    <t>c#|wcf|xamarin.ios|monodevelop|virtual-machine</t>
  </si>
  <si>
    <t>Can't access jenkins remotely</t>
  </si>
  <si>
    <t>&lt;p&gt;I installed jenkins on my remote server.&lt;/p&gt;
&lt;p&gt;If I do at the server:&lt;/p&gt;
&lt;pre&gt;&lt;code&gt;wget http://server.url:8080
&lt;/code&gt;&lt;/pre&gt;
&lt;p&gt;I get the page without any problem. At my computer, I get that:&lt;/p&gt;
&lt;pre&gt;&lt;code&gt;--2014-01-09 14:11:33--  http://server.url:8080/
Resolving server.url (server.url)... 54.205.148.55
Connecting to server.url (server.url)|54.205.148.55|:8080... faied: Connection timed out.
Retrying.
&lt;/code&gt;&lt;/pre&gt;
&lt;p&gt;I already tried changing --httpListenAddress= parameter at config file (I set it to 0.0.0.0) and nothing happens. It's installed on an Ubuntu 12.04 and it has Apache running on port 80.&lt;/p&gt;
&lt;p&gt;Any idea?&lt;/p&gt;
&lt;p&gt;Thanks!&lt;/p&gt;
&lt;p&gt;EDIT: I also tried with no result disabling iptables and ufw.&lt;/p&gt;</t>
  </si>
  <si>
    <t>2014-01-10 00:16:56.557000+00:00</t>
  </si>
  <si>
    <t>2018-11-14 23:02:55.670000+00:00</t>
  </si>
  <si>
    <t>2014-01-10 00:22:22.040000+00:00</t>
  </si>
  <si>
    <t>how to install libmysqld-dev on ubuntu 12.04?</t>
  </si>
  <si>
    <t>&lt;p&gt;When I enter command:&lt;/p&gt;
&lt;pre&gt;&lt;code&gt;sudo apt-get install libmysqld-dev
&lt;/code&gt;&lt;/pre&gt;
&lt;p&gt;I have this message:&lt;/p&gt;
&lt;blockquote&gt;
  &lt;p&gt;Reading package lists... Done
  Building dependency tree&lt;br&gt;
  Reading state information... Done
  Some packages could not be installed. This may mean that you have
  requested an impossible situation or if you are using the unstable
  distribution that some required packages have not yet been created
  or been moved out of Incoming.
  The following information may help to resolve the situation:&lt;/p&gt;
  &lt;p&gt;The following packages have unmet dependencies:
   libmysqld-dev : Depends: libmysqlclient-dev (&gt;= 5.5.32-0ubuntu0.12.04.1)
  E: Unable to correct problems, you have held broken packages.&lt;/p&gt;
&lt;/blockquote&gt;
&lt;p&gt;How to solve this problem?&lt;/p&gt;</t>
  </si>
  <si>
    <t>2013-10-02 12:01:29.773000+00:00</t>
  </si>
  <si>
    <t>2013-10-07 05:25:51.720000+00:00</t>
  </si>
  <si>
    <t>ubuntu|ubuntu-12.04|gearman</t>
  </si>
  <si>
    <t>Content-disposition: Japanese file name is garbled</t>
  </si>
  <si>
    <t>&lt;p&gt;I try to export a content of a JSP page (the content is in &lt;strong&gt;Japanese&lt;/strong&gt;) and I want to give to exported file also a Japanese name. But I get the ���Save dialog��� with a garbled file name - I don't see correct Japanese.&lt;/p&gt;
&lt;p&gt;&lt;img src="https://i.stack.imgur.com/eLYxH.jpg" alt="enter image description here"&gt;&lt;/p&gt;
&lt;p&gt;This dialog is called by this line in the JSP file: &lt;/p&gt;
&lt;pre&gt;&lt;code&gt;response.setHeader("Content-Disposition","attachment; filename="+fileName+".xml\"");
&lt;/code&gt;&lt;/pre&gt;
&lt;p&gt;&lt;em&gt;filename&lt;/em&gt; is encoded in UTF-8 by using java.net.URLEncoder.&lt;/p&gt;
&lt;p&gt;It works for IE browser from version 9 (shows the correct name).&lt;/p&gt;
&lt;p&gt;But in IE 8  the behavior is very strange: it works on some computers and on some computers it doesn���t work. It always work on IE 8 with XP but with Win7 it doesn���t work on most computers.
I tried to reset browser, clear browser cache.&lt;/p&gt;
&lt;p&gt;Another point: if I change the language for non ��� Unicode programs in Windows to Japanese it also works.&lt;/p&gt;
&lt;p&gt;I use Tomcat app server.&lt;/p&gt;
&lt;p&gt;What can I do? I've seen a lot of posts related to this but always it's described as encoding issue. And here I understand that encoding is good because it works in many other versions of IE.&lt;/p&gt;
&lt;p&gt;Thanks,&lt;/p&gt;
&lt;p&gt;Alex&lt;/p&gt;</t>
  </si>
  <si>
    <t>2014-09-16 10:51:42.317000+00:00</t>
  </si>
  <si>
    <t>2015-11-15 10:58:47.410000+00:00</t>
  </si>
  <si>
    <t>jsp|internet-explorer|internet-explorer-8|url-encoding|content-disposition</t>
  </si>
  <si>
    <t>excel getting the range programatically</t>
  </si>
  <si>
    <t>&lt;p&gt;I've an excel report to be generated and below is the code that i've used. here I'm hardcoding the range i.e. from A to Z. is there a way to retrieve the Range based on the columns in dataset? Basically i just want to remove the hardcoded values. &lt;/p&gt;
&lt;p&gt;Any help would be greatly appreciated. &lt;/p&gt;
&lt;pre&gt;&lt;code&gt;            strCol = String.Empty;
            iRow = 0;
            foreach (DataRow r in ds.Tables[0].Rows)
            {
                iRow++;
                // add each row's cell data...
                iCol = 0;
                foreach (DataColumn c in ds.Tables[0].Columns)
                {
                    iCol++;
                    thisWorksheet.Cells[iRow + 1, iCol] = r[c.ColumnName];
                    **strCol = "A" + (iRow + 1) + ":Z" + iCol;**
                    thisWorksheet.Range[strCol].Borders.Weight = 2;                        
                }
            }
&lt;/code&gt;&lt;/pre&gt;</t>
  </si>
  <si>
    <t>2013-11-06 12:15:23.757000+00:00</t>
  </si>
  <si>
    <t>2013-12-05 10:01:16.357000+00:00</t>
  </si>
  <si>
    <t>2013-11-06 12:54:46.547000+00:00</t>
  </si>
  <si>
    <t>c#|excel|report</t>
  </si>
  <si>
    <t>View Pan Gesture stops when the translation is shown in a Label - Xcode</t>
  </si>
  <si>
    <t>&lt;p&gt;I'm just creating a pan gesture to move an Image in Xcode. I want that the translation appear in a label while the UIView is being moved. For that I wrote the following code: &lt;/p&gt;
&lt;pre&gt;&lt;code&gt;- (void)handlePan:(UIPanGestureRecognizer*)recognizer {
    // Pan Move
    static CGPoint initialCenter;
    if (recognizer.state == UIGestureRecognizerStateBegan)
    {
        initialCenter = recognizer.view.center;
    }
    CGPoint translation = [recognizer translationInView:recognizer.view];
    recognizer.view.center = CGPointMake(initialCenter.x + translation.x,
                                     initialCenter.y + translation.y);
    self.labelOne.text = [NSString stringWithFormat:@"%f", translation.x];
}
&lt;/code&gt;&lt;/pre&gt;
&lt;p&gt;As soon as the translation is assigned to the label, the View goes back to the origin. &lt;/p&gt;
&lt;p&gt;What am I doing wrong? Is there a special site that you can recommend me where I can get that kind of standard block of codes?&lt;/p&gt;</t>
  </si>
  <si>
    <t>2015-05-24 16:30:30.973000+00:00</t>
  </si>
  <si>
    <t>2015-05-25 04:28:07.417000+00:00</t>
  </si>
  <si>
    <t>2015-05-24 16:39:53.647000+00:00</t>
  </si>
  <si>
    <t>ios|objective-c|xcode|label|uipangesturerecognizer</t>
  </si>
  <si>
    <t>While debugging, can I have access to the Redux store from the browser console?</t>
  </si>
  <si>
    <t>&lt;p&gt;I have unit tests for my &lt;code&gt;reducers&lt;/code&gt;, as I'm supposed so have. However, when I'm debugging in the browser, I want to check if my actions have been called correctly and whether the state has been modified accordingly.&lt;/p&gt;
&lt;p&gt;I'm looking for something like:&lt;/p&gt;
&lt;pre&gt;&lt;code&gt;window._redux.store
&lt;/code&gt;&lt;/pre&gt;
&lt;p&gt;... in the browser so I can type that on the console and check how things are going.&lt;/p&gt;
&lt;p&gt;How can I achieve that?&lt;/p&gt;</t>
  </si>
  <si>
    <t>2015-12-19 17:27:55.097000+00:00</t>
  </si>
  <si>
    <t>2018-09-10 13:17:13.847000+00:00</t>
  </si>
  <si>
    <t>Printf() not executing before the "while(1)" loop in C language in Linux</t>
  </si>
  <si>
    <t>&lt;p&gt;I noticed something strange with the following code. &lt;/p&gt;
&lt;pre&gt;&lt;code&gt;int main()
{
     printf("Test");      // Section 1 do something here....
     while(1)
     {
           ;
     }
}
&lt;/code&gt;&lt;/pre&gt;
&lt;p&gt;Section 1 should be executed  first, then the program should get stuck in while loop. 
But the result was that "Test" didn't get printed, but it got stuck in the while loop. I wonder why the code in Section 1 does not get executed?&lt;/p&gt;
&lt;p&gt;I ran the code on Ubuntu 14.04 LTS(compiled with the default gcc compiler)&lt;/p&gt;</t>
  </si>
  <si>
    <t>2017-03-07 13:41:25.490000+00:00</t>
  </si>
  <si>
    <t>2017-03-07 13:54:55.630000+00:00</t>
  </si>
  <si>
    <t>2017-03-07 13:48:22.687000+00:00</t>
  </si>
  <si>
    <t>c|linux|gcc</t>
  </si>
  <si>
    <t>how to plot edgelist file as a network in networkx</t>
  </si>
  <si>
    <t>&lt;p&gt;I have an edgelist file. How to plot this edgelist as a network in networkx? I need to visualize it as a network graph like nodes and edges. Can anyone know this?&lt;/p&gt;</t>
  </si>
  <si>
    <t>2013-06-08 18:03:28.247000+00:00</t>
  </si>
  <si>
    <t>2013-06-09 04:44:48.853000+00:00</t>
  </si>
  <si>
    <t>social-networking|networkx</t>
  </si>
  <si>
    <t>jQuery Dialog in @Ajax.ActionLink (AjaxOptions)</t>
  </si>
  <si>
    <t>&lt;p&gt;I am trying to open JQuery dialog in @Ajax.ActionLink (AjaxOptions) in &lt;code&gt;OnBegin&lt;/code&gt; method. I can open dialog box, but when confirm nothing happening?. &lt;/p&gt;
&lt;p&gt;Once I confirm I want control goto &lt;code&gt;DeleteEmail&lt;/code&gt; method in the controller.&lt;/p&gt;
&lt;p&gt;I don't know what I am missing here.&lt;/p&gt;
&lt;pre&gt;&lt;code&gt;  @Ajax.ActionLink(
             "Delete",
            "DeleteEmail",
            new { CommunicationLocation = commemail.CommunicationLocation,  CommunicationType = "email" },
            new AjaxOptions()
            {
               HttpMethod = "Post",
               UpdateTargetId = "DivEmailContainer",
               OnBegin = "return ConfirmDone()"
            },
            new { @class = "btn btn-success" })
&lt;/code&gt;&lt;/pre&gt;
&lt;p&gt;div&lt;/p&gt;
&lt;pre&gt;&lt;code&gt;&amp;lt;div id="dialog-confirm" title="Delete the item?"&amp;gt;
        &amp;lt;p&amp;gt;&amp;lt;span class="ui-icon ui-icon-alert" style="float:left; margin:0 7px 20px 0;"&amp;gt;&amp;lt;/span&amp;gt;This item will be deleted. Are you sure?&amp;lt;/p&amp;gt;
    &amp;lt;/div&amp;gt;
&lt;/code&gt;&lt;/pre&gt;
&lt;p&gt;JS&lt;/p&gt;
&lt;pre&gt;&lt;code&gt;&amp;lt;script type="text/javascript"&amp;gt;
      $(document).ready(function () {
            $("#dialog-confirm").dialog({
                autoOpen: false,
                modal: true,
                resizable: false,
                height: 180,
            });
      });
  function ConfirmDone() {
            var returnVal = false;
        $("#dialog-confirm").dialog({
            buttons: {
                "Confirm": function () {
                    returnVal = true;
                    $(this).dialog('close');
                },
                "Cancel": function () {
                    returnVal = false;
                    $(this).dialog("close");
                }
            }
        });
        $("#dialog-confirm").dialog("open");
        return returnVal;
    };
&lt;/code&gt;&lt;/pre&gt;</t>
  </si>
  <si>
    <t>2015-04-13 21:59:54.570000+00:00</t>
  </si>
  <si>
    <t>c#|jquery|ajax|asp.net-mvc</t>
  </si>
  <si>
    <t>how can we add "\n" to Stringified JSON in javascript</t>
  </si>
  <si>
    <t>&lt;p&gt;I want to add '\n' on each line break. Can it be achieved using reg expression&lt;/p&gt;
&lt;pre&gt;&lt;code&gt; {
  "name": " ",
  "type": "column",
  "axis": "vertical",
  "content_type": "stack_view",
  "contents": [
    {
      "name": "",
      "type": "row",
      "axis": "horizontal",
      "content_type": "field",
      "contents": [],
      "isParentBlock": false,
      "weight": 100
    }
  ],
  "isParentBlock": true,
  "weight": 100
}
&lt;/code&gt;&lt;/pre&gt;
&lt;p&gt;PS- I want to achieve something like below.&lt;/p&gt;
&lt;p&gt;{\r\n  \"name\": \"FormStack\",\r\n  \"type\": \"row\",\r\n  \"axis\": \"horizontal\",\r\n  \"content_type\": \"stack_view\",\r\n  \"contents\": [\r\n    {\r\n      \"name\": \" \",\r\n      \"type\": \"column\",\r\n      \"axis\": \"vertical\",\r\n      \"content_type\": \"stack_view\",\r\n      \"contents\": [\r\n        {\r\n          \"name\": \"\",\r\n          \"type\": \"row\",\r\n          \"axis\": \"horizontal\",\r\n          \"content_type\": \"field\",\r\n          \"contents\": [\r\n            [\r\n              {\r\n                \"title\": \"Signature\",\r\n                \"value\": \"\",\r\n                \"optional\": \"\",\r\n                \"type\": \"signature_stack\",\r\n                \"identifier\": \"\",\r\n                \"values\": [],\r\n                \"properties\": {\r\n                  \"mandatory\": \"\",\r\n                  \"rule\": \"\"\r\n                },\r\n                \"buttons\": [],\r\n                \"weight\": 50,\r\n                \"wrap\": false,\r\n                \"$$hashKey\": \"object:137\"\r\n              }\r\n            ],\r\n            [\r\n              {\r\n                \"title\": \"Enter Title\",\r\n                \"value\": \"\",\r\n                \"optional\": \"\",\r\n                \"type\": \"text_view\",\r\n                \"identifier\": \"\",\r\n                \"values\": [],\r\n                \"properties\": {\r\n                  \"mandatory\": \"\",\r\n                  \"rule\": \"\"\r\n                },\r\n                \"buttons\": [],\r\n                \"weight\": 50,\r\n                \"wrap\": false,\r\n                \"$$hashKey\": \"object:151\"\r\n              }\r\n            ]\r\n          ],\r\n          \"isParentBlock\": false,\r\n          \"weight\": 50\r\n        },\r\n        {\r\n          \"name\": \"\",\r\n          \"type\": \"row\",\r\n          \"axis\": \"horizontal\",\r\n          \"content_type\": \"field\",\r\n          \"contents\": [],\r\n          \"isParentBlock\": false,\r\n          \"weight\": 50\r\n        }\r\n      ],\r\n      \"isParentBlock\": true,\r\n      \"weight\": 100\r\n    }\r\n  ],\r\n  \"isParentBlock\": true,\r\n  \"weight\": 100\r\n}&lt;/p&gt;</t>
  </si>
  <si>
    <t>2018-10-18 18:07:47.940000+00:00</t>
  </si>
  <si>
    <t>2018-10-18 18:10:59.813000+00:00</t>
  </si>
  <si>
    <t>Regular Expression javascript repeat with optional sections</t>
  </si>
  <si>
    <t>&lt;p&gt;Why doesn't this javascript regexp code work? According to the documentation it should:&lt;/p&gt;
&lt;p&gt;Here's my String for parsing (it's the rails nested form information):&lt;/p&gt;
&lt;pre&gt;&lt;code&gt;flex_table[flex_rows_attributes][0][flex_cells_attributes][0][id]
&lt;/code&gt;&lt;/pre&gt;
&lt;p&gt;What I want are these sections, which may or may not be part of the string:&lt;/p&gt;
&lt;pre&gt;&lt;code&gt;flex_rows_attributes, 0, flex_cells_attributes, 0
&lt;/code&gt;&lt;/pre&gt;
&lt;p&gt;Here's my regular expression(as I mentioned, the javascript flavour):&lt;/p&gt;
&lt;pre&gt;&lt;code&gt;flex_table((\[(\w+)\]\[(\d+)\])*)
&lt;/code&gt;&lt;/pre&gt;
&lt;p&gt;I only get back the last of the two entries, but I want them both.&lt;/p&gt;
&lt;p&gt;Does anyone know, what I am missing here?&lt;/p&gt;</t>
  </si>
  <si>
    <t>2014-11-28 09:01:31.647000+00:00</t>
  </si>
  <si>
    <t>2014-11-28 09:18:51.293000+00:00</t>
  </si>
  <si>
    <t>2014-11-28 09:07:35.543000+00:00</t>
  </si>
  <si>
    <t>javascript|regex|find-occurrences</t>
  </si>
  <si>
    <t>How to change the maximum possible number of open files in SimGrid?</t>
  </si>
  <si>
    <t>&lt;p&gt;This code, for example, open and try to copy one file 1029 times&lt;/p&gt;
&lt;pre&gt;&lt;code&gt;for (int i = 0; i &amp;lt; 1029; ++i) {
    MSG_process_create("copy", create_copy, data, MSG_host_self());
}
int create_copy(){
    MSG_file_rcopy(file, src, argv[2]);
}
&lt;/code&gt;&lt;/pre&gt;
&lt;p&gt;I have exception:&lt;/p&gt;
&lt;pre&gt;&lt;code&gt;[dave:copy:(1027) 0.034653] simgrid-master/src/xbt/exception.cpp:45: [xbt_exception/CRITICAL] Uncaught exception xbt_ex by copy/1027: Too much files are opened! Some have to be closed.
&lt;/code&gt;&lt;/pre&gt;
&lt;p&gt;Is it possible to change the maximum number of simultaneously opened files? Or this restrictions of my RAM memory?&lt;/p&gt;</t>
  </si>
  <si>
    <t>2016-08-02 04:14:06.700000+00:00</t>
  </si>
  <si>
    <t>2016-08-02 08:59:56.153000+00:00</t>
  </si>
  <si>
    <t>2016-08-02 04:38:01.967000+00:00</t>
  </si>
  <si>
    <t>simgrid</t>
  </si>
  <si>
    <t>Entity Framework Model First DateTime default value</t>
  </si>
  <si>
    <t>&lt;p&gt;I'm trying to give some DateTime fields default values from the model browser.&lt;/p&gt;
&lt;p&gt;Whatever I type into the Default Value field, I get an error telling me &lt;code&gt;The value must be in the form 'yyyy-MM-dd HH:mm:ss.fffZ'&lt;/code&gt;.  I am assuming that format string uses the scheme documented &lt;a href="http://msdn.microsoft.com/en-us/library/8kb3ddd4%28v=vs.110%29.aspx" rel="nofollow"&gt;here&lt;/a&gt;.&lt;/p&gt;
&lt;p&gt;The value I punched in is &lt;code&gt;2014-05-23 00:00:00.0000&lt;/code&gt;, which I believe is of that form.  I'm not sure whether &lt;code&gt;0&lt;/code&gt; is a valid value for the &lt;code&gt;Z&lt;/code&gt; component, but I don't know what the right value would be.&lt;/p&gt;
&lt;p&gt;What could be wrong with the string I gave?&lt;/p&gt;</t>
  </si>
  <si>
    <t>2014-05-23 18:15:34.310000+00:00</t>
  </si>
  <si>
    <t>2014-05-23 18:18:41.447000+00:00</t>
  </si>
  <si>
    <t>entity-framework-6|ef-model-first</t>
  </si>
  <si>
    <t>how to find all near words in string in c# regex?</t>
  </si>
  <si>
    <t>&lt;pre&gt;&lt;code&gt;Regex.Matches("word1 word1 word1", @"\bword1\W+(?:\w+\W+){0,1}?word1\b");
&lt;/code&gt;&lt;/pre&gt;
&lt;p&gt;this Regex return only one occurrence &lt;code&gt;"word1 word1"&lt;/code&gt;&lt;/p&gt;
&lt;p&gt;What i need to add to this Regex to get all occurrences as below (may be some recursive pattern)?&lt;/p&gt;
&lt;ol&gt;
&lt;li&gt;&lt;code&gt;"word1 word1"&lt;/code&gt;&lt;/li&gt;
&lt;li&gt;&lt;code&gt;"word1 word1"&lt;/code&gt;&lt;/li&gt;
&lt;li&gt;&lt;code&gt;"word1 word1 word1"&lt;/code&gt;&lt;/li&gt;
&lt;/ol&gt;
&lt;p&gt;Sorry my (confusing) example is not a question about repeated words. To be more clear i give a second example : "xxx_w1 aa yyy_w1 zzz_w1".
I want to get the words ending by "_w1" separated by space ore one word (some distance) and the result for my example should be :&lt;/p&gt;
&lt;ol&gt;
&lt;li&gt;xxx_w1 aa yyy_w1&lt;/li&gt;
&lt;li&gt;yyy_w1 zzz_w1&lt;/li&gt;
&lt;/ol&gt;
&lt;p&gt;The issue with my Regex above is that i get only the first match instead of the two maches above.&lt;/p&gt;</t>
  </si>
  <si>
    <t>2014-04-13 08:52:16.300000+00:00</t>
  </si>
  <si>
    <t>2014-04-16 08:53:36.790000+00:00</t>
  </si>
  <si>
    <t>Firebase: Query by nearest location</t>
  </si>
  <si>
    <t>&lt;p&gt;Firebase can store documents with Geopoint object. &lt;a href="https://firebase.google.com/docs/reference/android/com/google/firebase/firestore/GeoPoint" rel="nofollow noreferrer"&gt;https://firebase.google.com/docs/reference/android/com/google/firebase/firestore/GeoPoint&lt;/a&gt;&lt;/p&gt;
&lt;p&gt;But we can't use range filter on different fields and this is necessary for location querying. &lt;/p&gt;
&lt;p&gt;As I understand year ago there was functionality to make such queries using Geofire
&lt;a href="https://stackoverflow.com/questions/43357990/query-for-nearby-locations?utm_medium=organic&amp;amp;utm_source=google_rich_qa&amp;amp;utm_campaign=google_rich_qa"&gt;Query for nearby locations&lt;/a&gt;&lt;/p&gt;
&lt;p&gt;But now it is obsolete and not working.&lt;/p&gt;
&lt;p&gt;What is current solution?&lt;/p&gt;</t>
  </si>
  <si>
    <t>2018-05-21 10:18:49.077000+00:00</t>
  </si>
  <si>
    <t>2018-05-25 16:00:10.950000+00:00</t>
  </si>
  <si>
    <t>javascript|firebase|google-cloud-firestore</t>
  </si>
  <si>
    <t>check combination of records in table</t>
  </si>
  <si>
    <t>&lt;p&gt;I have two arrays of values like X,Y,Z and 1,2
There is a table A with two columns.I want to validate that in table A records with all the combination exists irrespective of duplicates.
e.g.&lt;/p&gt;
&lt;pre&gt;&lt;code&gt;X 1
Y 1
Z 1
X 2
Y 2
Z 2
&lt;/code&gt;&lt;/pre&gt;
&lt;p&gt;Thanks in advance!&lt;/p&gt;</t>
  </si>
  <si>
    <t>2009-08-27 03:03:06.973000+00:00</t>
  </si>
  <si>
    <t>2009-08-27 04:22:00.483000+00:00</t>
  </si>
  <si>
    <t>2009-08-27 03:08:17.310000+00:00</t>
  </si>
  <si>
    <t>sql|oracle|h2</t>
  </si>
  <si>
    <t>Pandas: reshaping and multi-index</t>
  </si>
  <si>
    <t>&lt;p&gt;I have a pandas dataframe with these columns:&lt;/p&gt;
&lt;ul&gt;
&lt;li&gt;itemid   &lt;/li&gt;
&lt;li&gt;15/01/2015 status&lt;/li&gt;
&lt;li&gt;15/01/2015 location&lt;/li&gt;
&lt;li&gt;15/02/2015 status&lt;/li&gt;
&lt;li&gt;15/02/2015 location&lt;/li&gt;
&lt;li&gt;etc.&lt;/li&gt;
&lt;/ul&gt;
&lt;p&gt;How can I do these two things ?&lt;/p&gt;
&lt;ol&gt;
&lt;li&gt;create multi-indexed columns, where the first index is the month, and the second index is the metric I am tracking (status, location)&lt;/li&gt;
&lt;li&gt;stack the colum so that the table looks something like this:&lt;/li&gt;
&lt;/ol&gt;
&lt;p&gt;&lt;div class="snippet" data-lang="js" data-hide="false"&gt;_x000D_
&lt;div class="snippet-code"&gt;_x000D_
&lt;pre class="snippet-code-html lang-html prettyprint-override"&gt;&lt;code&gt;+--------+-----------+----------+--------+--+_x000D_
| itemid |  mymonth  | location | status |  |_x000D_
+--------+-----------+----------+--------+--+_x000D_
| A      | 15/1/2015 | North    | Good   |  |_x000D_
| A      | 15/2/2015 | South    | Bad    |  |_x000D_
+--------+-----------+----------+--------+--+&lt;/code&gt;&lt;/pre&gt;_x000D_
&lt;/div&gt;_x000D_
&lt;/div&gt;_x000D_
&lt;/p&gt;
&lt;p&gt;starting from an input that looks like this:&lt;/p&gt;
&lt;pre&gt;&lt;code&gt;+--------+-------------------+---------------------+-------------------+---------------------+
| itemid | 15/01/2015 status | 15/01/2015 location | 15/02/2015 status | 15/02/2015 location |
+--------+-------------------+---------------------+-------------------+---------------------+
| A      | Good              | North               | Bad               | South               |
+--------+-------------------+---------------------+-------------------+---------------------+
&lt;/code&gt;&lt;/pre&gt;
&lt;p&gt;which (the input) can be recreated with:&lt;/p&gt;
&lt;pre&gt;&lt;code&gt;import pandas as pd
df=pd.DataFrame()
df['itemid']=['A']
df['15/01/2015 status'] = ['Good']
df['15/01/2015 location'] = ['North']
df['15/02/2015 status'] = ['Bad']
df['15/02/2015 location'] = ['South']
&lt;/code&gt;&lt;/pre&gt;
&lt;p&gt;I have been thinking about how to use melt, but I'm not too sure if it would work in this context.&lt;/p&gt;
&lt;p&gt;Thanks!&lt;/p&gt;</t>
  </si>
  <si>
    <t>2016-05-05 14:25:57.933000+00:00</t>
  </si>
  <si>
    <t>2016-05-05 19:54:12.043000+00:00</t>
  </si>
  <si>
    <t>2016-05-05 14:47:50.617000+00:00</t>
  </si>
  <si>
    <t>python|pandas|dataframe|reshape</t>
  </si>
  <si>
    <t>Django rest-framework getting number of registered users in a given date range</t>
  </si>
  <si>
    <t>&lt;p&gt;I am learning Django, I wanted to get the number of registered users in a given date range grouped by the registration date  here is my code&lt;/p&gt;
&lt;pre&gt;&lt;code&gt;profiles = Profile.objects.filter(date_joined__gte=datetime.date(2011, 1, 1),
                                      date_joined__lte=datetime.date(2018, 2,
                                                                     28)).annotate(count=Count('id')).order_by('date_joined')
&lt;/code&gt;&lt;/pre&gt;
&lt;p&gt;I want it to return as a JSON in the form &lt;/p&gt;
&lt;pre&gt;&lt;code&gt;{
    'date': '2018-01-01',
    'user_count': 14264
},
&lt;/code&gt;&lt;/pre&gt;
&lt;p&gt;I have created a Profile Serializer but I do not think the two are compatible, the fields in Profile are not the ones I want to return &lt;/p&gt;
&lt;p&gt;Person model &lt;/p&gt;
&lt;pre&gt;&lt;code&gt;class Profile(User):
department = models.CharField(max_length=100)
def __str__(self):
    return self.username + " (" + self.department + " )"
&lt;/code&gt;&lt;/pre&gt;
&lt;p&gt;Person Serializer&lt;/p&gt;
&lt;pre&gt;&lt;code&gt;class ProfileSerializer(serializers.ModelSerializer):
class Meta:
    model = Profile
    fields = '__all__'
&lt;/code&gt;&lt;/pre&gt;</t>
  </si>
  <si>
    <t>2018-02-08 08:30:32.127000+00:00</t>
  </si>
  <si>
    <t>2018-02-08 12:20:21.393000+00:00</t>
  </si>
  <si>
    <t>2018-02-08 08:42:11.627000+00:00</t>
  </si>
  <si>
    <t>Accessing the git shell in GitX on OS X</t>
  </si>
  <si>
    <t>&lt;p&gt;I know this sounds very basic, but I couldn't find where I can access the git shell in GitX.&lt;/p&gt;
&lt;p&gt;A bonus question: Do I have to use the shell in order to clone a repo from GitHub?&lt;/p&gt;</t>
  </si>
  <si>
    <t>2009-08-18 09:38:47.643000+00:00</t>
  </si>
  <si>
    <t>2009-08-18 11:37:33.190000+00:00</t>
  </si>
  <si>
    <t>git|github|gitx</t>
  </si>
  <si>
    <t>dsr/linkcache .cc: fatal error: list.h: no such file or directory</t>
  </si>
  <si>
    <t>&lt;p&gt;I am using NS2.35 and Ubuntu 12.04.5 LTS &lt;/p&gt;
&lt;p&gt;I want to run DSR using link cache.&lt;/p&gt;
&lt;p&gt;I uesd "make" to recompile NS2. I got the following error: &lt;/p&gt;
&lt;pre&gt;&lt;code&gt;dsr/linkcache .cc: fatal error: list.h: no such file or directory. 
&lt;/code&gt;&lt;/pre&gt;
&lt;p&gt;I used locate list.h and this is its directory&lt;/p&gt;
&lt;pre&gt;&lt;code&gt;/usr/src/linux-headers-3.2.0-29/include/linux/list.h 
&lt;/code&gt;&lt;/pre&gt;
&lt;p&gt;That means the header file exists &lt;/p&gt;
&lt;p&gt;How can I solve this error ?&lt;/p&gt;</t>
  </si>
  <si>
    <t>2015-11-19 18:55:19.437000+00:00</t>
  </si>
  <si>
    <t>2015-11-19 22:11:41.597000+00:00</t>
  </si>
  <si>
    <t>c++|linux|ubuntu|network-programming|ns2</t>
  </si>
  <si>
    <t>https for secure data transfer between as3 and php</t>
  </si>
  <si>
    <t>&lt;p&gt;I need to transfer data from a flash application running in a browser to a server running php.  If I use an https connection will that be enough to ensure that the data sent from flash to the server is encrypted and sensitive data can't be sniffed, or do I need to do encryption in my flash application itself?  &lt;/p&gt;</t>
  </si>
  <si>
    <t>2011-12-13 15:13:15.880000+00:00</t>
  </si>
  <si>
    <t>2011-12-13 17:11:00.470000+00:00</t>
  </si>
  <si>
    <t>flash|actionscript-3|encryption|https</t>
  </si>
  <si>
    <t>How to calculate the total sum of a column inside a listview?</t>
  </si>
  <si>
    <t>&lt;p&gt;How do I sum up the total prices in a listview column in VB.Net on a click of a button, and then display it inside a textbox? &lt;/p&gt;</t>
  </si>
  <si>
    <t>2015-05-04 17:49:13.623000+00:00</t>
  </si>
  <si>
    <t>2015-05-04 19:17:35.553000+00:00</t>
  </si>
  <si>
    <t>Clear radio buttons of a submitted form</t>
  </si>
  <si>
    <t>&lt;p&gt;I have a form with two radio button groups.  When options are selected in each group they stay selected and change colour to show they have been selected.  However, when I try to reset the form using the &lt;strong&gt;clear filters button&lt;/strong&gt; nothing happens.  &lt;/p&gt;
&lt;p&gt;I want the form to appear to the user as it did when it loaded for the first time (no selections, no colour change - just cleared.), any ideas?  &lt;/p&gt;
&lt;p&gt;I am using the onclick:"javascript:submit()" instead of a submit button, maybe this is causing an issue?  &lt;/p&gt;
&lt;p&gt;&lt;strong&gt;The Code:&lt;/strong&gt;  &lt;/p&gt;
&lt;pre&gt;&lt;code&gt;&amp;lt;form action="" method="post"&amp;gt;
        &amp;lt;p&amp;gt;Date:&amp;lt;/p&amp;gt;
            &amp;lt;input type="radio" name="dateorder" onclick="javascript:submit()" value="dateasc" autocomplete="off"  &amp;lt;?php if (isset($_POST['dateorder']) &amp;amp;&amp;amp; $_POST['dateorder'] == 'dateasc') echo ' checked="checked"';?&amp;gt; /&amp;gt; &amp;lt;label for="dateasc"&amp;gt;Newest &amp;amp;rsaquo; Oldest&amp;lt;/label&amp;gt;
            &amp;lt;br&amp;gt;
            &amp;lt;input type="radio" name="dateorder" onclick="javascript:submit()" value="datedesc" autocomplete="off" &amp;lt;?php if (isset($_POST['dateorder']) &amp;amp;&amp;amp; $_POST['dateorder'] == 'datedesc') echo ' checked="checked"';?&amp;gt; /&amp;gt; &amp;lt;label for="datedesc"&amp;gt;Oldest &amp;amp;rsaquo; Newest&amp;lt;/label&amp;gt;
        &amp;lt;hr&amp;gt;&amp;lt;br&amp;gt;    
        &amp;lt;p&amp;gt;Title:&amp;lt;/p&amp;gt;   
            &amp;lt;input type="radio" name="title" onclick="javascript:submit()" value="Mr"  &amp;lt;?php if (isset($_POST['title']) &amp;amp;&amp;amp; $_POST['title'] == 'Mr') echo ' checked="checked"';?&amp;gt; /&amp;gt;&amp;lt;label for="Mr"&amp;gt;Mr&amp;lt;/label&amp;gt;
            &amp;lt;br&amp;gt;
            &amp;lt;input type="radio" name="title" onclick="javascript:submit()" value="Mrs" &amp;lt;?php if (isset($_POST['title']) &amp;amp;&amp;amp; $_POST['title'] == 'Mrs') echo ' checked="checked"';?&amp;gt; /&amp;gt;&amp;lt;label for="Mrs"&amp;gt;Mrs&amp;lt;/label&amp;gt;
            &amp;lt;br&amp;gt;
            &amp;lt;input type="radio" name="title" onclick="javascript:submit()" value="Miss" &amp;lt;?php if (isset($_POST['title']) &amp;amp;&amp;amp; $_POST['title'] == 'Miss') echo ' checked="checked"';?&amp;gt; /&amp;gt;&amp;lt;label for="Miss"&amp;gt;Miss&amp;lt;/label&amp;gt;&amp;lt;br&amp;gt;&amp;lt;br&amp;gt;
    &amp;lt;p class="clear"&amp;gt;Clear Filters&amp;lt;p&amp;gt;
    &amp;lt;/form&amp;gt;
&lt;/code&gt;&lt;/pre&gt;
&lt;hr&gt;
&lt;p&gt;These are the methods I have tried so far:&lt;/p&gt;
&lt;p&gt;&lt;strong&gt;Method 1:&lt;/strong&gt; 
Gave the form the standard html &lt;strong&gt;reset button&lt;/strong&gt; just before the closing form tag.&lt;/p&gt;
&lt;p&gt;&lt;strong&gt;Method 2:&lt;/strong&gt; 
Added this line just before the closing form tag: &lt;/p&gt;
&lt;pre&gt;&lt;code&gt;&amp;lt;input type="button" onclick="myFunction()" value="Reset form"&amp;gt;
&lt;/code&gt;&lt;/pre&gt;
&lt;p&gt;Added this script after the closing form tag:&lt;/p&gt;
&lt;pre&gt;&lt;code&gt;&amp;lt;script&amp;gt;
function myFunction() {
    document.getElementById("myForm").reset();
}
&amp;lt;/script&amp;gt;
&lt;/code&gt;&lt;/pre&gt;
&lt;p&gt;&lt;strong&gt;Method 3:&lt;/strong&gt; 
Within the body tag added 
&lt;code&gt;&amp;lt;body onload="document.refine.reset();"&amp;gt;&lt;/code&gt; and gave the form the name &lt;strong&gt;refine&lt;/strong&gt;.&lt;/p&gt;
&lt;p&gt;&lt;strong&gt;Method 4:&lt;/strong&gt; 
Set input fields to autocomplete off
&lt;strong&gt;&lt;/strong&gt;&lt;/p&gt;</t>
  </si>
  <si>
    <t>2016-07-29 15:33:31.937000+00:00</t>
  </si>
  <si>
    <t>2016-08-04 12:18:35.647000+00:00</t>
  </si>
  <si>
    <t>2016-07-29 16:26:29.747000+00:00</t>
  </si>
  <si>
    <t>javascript|php|html|css</t>
  </si>
  <si>
    <t>Webpack 1.14 possibly not converting ES6 to ES5</t>
  </si>
  <si>
    <t>&lt;p&gt;I am working on a MS Word add-in (basically just a React app injected into Word) with a very limited ability of debugging so I'm not 100 % this is the issue. I am trying to use this package: &lt;a href="https://github.com/dphilipson/broken-loop" rel="nofollow noreferrer"&gt;https://github.com/dphilipson/broken-loop&lt;/a&gt; as an alternative to webworkers. I have this in my &lt;code&gt;webpack.config.js&lt;/code&gt;:&lt;/p&gt;
&lt;pre&gt;&lt;code&gt;loaders: [
// ...
{
  test: /\.(js|jsx|ts)$/,
  include: [paths.appSrc, '/node_modules/broken-loop/dist'], // like this?
  loader: 'babel',
  query: {
    presets: ['es2015', 'stage-0']
  }
},
// ...
]
&lt;/code&gt;&lt;/pre&gt;
&lt;p&gt;But I still get 'Invalid character' issue on Windows Word (which uses IE11 engine), while the code works fine on Mac and on the online version of Word (tried Chrome and FF). My best guess is this is a ES6 issue in IE11.&lt;/p&gt;
&lt;p&gt;How can I edit my webpack config to make sure the package is translated to ES5, as well?&lt;/p&gt;
&lt;p&gt;EDIT:&lt;/p&gt;
&lt;p&gt;I get the error by just doing this in my project:&lt;/p&gt;
&lt;pre&gt;&lt;code&gt;import { Looper } from 'broken-loop';
const looper = new Looper();
&lt;/code&gt;&lt;/pre&gt;</t>
  </si>
  <si>
    <t>2018-03-28 13:06:46.717000+00:00</t>
  </si>
  <si>
    <t>2018-03-28 13:17:19.067000+00:00</t>
  </si>
  <si>
    <t>javascript|webpack</t>
  </si>
  <si>
    <t>How can I correct this error in mfc?</t>
  </si>
  <si>
    <t>&lt;p&gt;I am using mfc which I compiled in Visual Studio 2010, and I am getting the following error:&lt;/p&gt;
&lt;pre&gt;&lt;code&gt;error C2664: 'memmove' : cannot convert parameter 1 from 'CString' to 'void *'
&lt;/code&gt;&lt;/pre&gt;
&lt;p&gt;My code is:&lt;/p&gt;
&lt;pre&gt;&lt;code&gt;CString testArray[5];
for (int i = 0; i &amp;lt; 5; i++)
{
    testArray[i].Format("%d", i*4);
}
memmove(testArray[2], testArray[3], sizeof(testArray)-2*sizeof(testArray[0]));
for (int i = 0; i &amp;lt; 5; i++)
{
    MessageBox(testArray[i]);
}
&lt;/code&gt;&lt;/pre&gt;
&lt;p&gt;How can I correct this error in mfc?&lt;/p&gt;</t>
  </si>
  <si>
    <t>2016-06-17 03:18:45.397000+00:00</t>
  </si>
  <si>
    <t>2016-06-17 04:10:20.990000+00:00</t>
  </si>
  <si>
    <t>2016-06-17 03:26:15.217000+00:00</t>
  </si>
  <si>
    <t>Inserting data into C# Datasets</t>
  </si>
  <si>
    <t>&lt;p&gt;I am using C#.Net application in which i created a dataset.Now i want to create a method in which i will enter a record in one table which will return a value ie primary key.Now by using that primary key i have to insert records in 5 tables and i have to use that primary key as a foreign key for this 5 tables using dataset.&lt;/p&gt;</t>
  </si>
  <si>
    <t>2009-09-15 03:45:36.207000+00:00</t>
  </si>
  <si>
    <t>2010-01-04 06:41:28.567000+00:00</t>
  </si>
  <si>
    <t>2009-09-15 04:11:27.980000+00:00</t>
  </si>
  <si>
    <t>Apy</t>
  </si>
  <si>
    <t>c#|.net|strongly-typed-dataset</t>
  </si>
  <si>
    <t>Executing code in v.5.2 kernel from within v.7.01 session through MathLink</t>
  </si>
  <si>
    <t>&lt;p&gt;I have &lt;em&gt;Mathematica&lt;/em&gt; 7.01 and &lt;em&gt;Mathematica&lt;/em&gt; 5.2 installed on the same machine. I wish to be able to evaluate code in the v.5.2 kernel from within &lt;em&gt;Mathematica&lt;/em&gt; 7.01 session. I mean that running &lt;em&gt;Mathematica&lt;/em&gt; 7.0.1 standard session I wish to have a command like &lt;code&gt;kernel5Evaluate&lt;/code&gt; to evaluate some code in the 5.2 kernel and return the result into the 7.01 kernel and linked 7.01 FrontEnd notebook in such a way as this code would be executed in the 7.01 kernel.&lt;/p&gt;
&lt;p&gt;For example (in the standard &lt;em&gt;Mathematica&lt;/em&gt; v.7.01 session):&lt;/p&gt;
&lt;pre&gt;&lt;code&gt;In[1]:= solutionFrom5 = kernel5Evaluate[NDSolve[{(y^\[Prime])[x]==y[x],y[1]==2},y,{x,0,3}]]
Out[1]= {{y -&amp;gt; InterpolatingFunction[{{0., 3.}}, &amp;lt;&amp;gt;]}}
In[2]:= kernel5Evaluate[Plot3D[Sin[x y],{x,-Pi,Pi},{y,-Pi,Pi}]]
During evaluation of In[2]:= GraphicsData["PostScript", "\&amp;lt;\............
Out[2]= -SurfaceGraphics-
&lt;/code&gt;&lt;/pre&gt;
&lt;p&gt;In the both cases the result should be as if the v.5.2 kernel is set to be "Notebook's Kernel" in the v.7.01 FrontEnd. And of course &lt;code&gt;solutionFrom5&lt;/code&gt; variable should be set to the real solution returned by v.5.2 kernel.&lt;/p&gt;</t>
  </si>
  <si>
    <t>2011-02-13 08:54:25.223000+00:00</t>
  </si>
  <si>
    <t>2011-08-05 03:39:31.467000+00:00</t>
  </si>
  <si>
    <t>wolfram-mathematica|mathlink</t>
  </si>
  <si>
    <t>Construct a Pandas multiindex dataframes from a bunch of individual series</t>
  </si>
  <si>
    <t>&lt;p&gt;I have calculated a bunch of individual Pandas Series which have a common index. I would like to construct a Pandas multiindex frame from them. Below is my desired structure.&lt;/p&gt;
&lt;pre&gt;&lt;code&gt;                        X         Y         Z       
DATE                                                      
2018-01-01 A           NaN       NaN       NaN      
           B           NaN       NaN       NaN      
           C           NaN       NaN       NaN      
2018-01-02 A           NaN       NaN       NaN       
           B           NaN       NaN       NaN      
           C           NaN       NaN       NaN       
&lt;/code&gt;&lt;/pre&gt;
&lt;p&gt;So (:, A, X) would be one Series. (:, A, Y) another and so on. How do I go about it?&lt;/p&gt;
&lt;p&gt;Below is what I have &lt;/p&gt;
&lt;pre&gt;&lt;code&gt;import pandas as pd
import numpy as np
idx = pd.date_range("20180101", periods=10)
s_1 = pd.Series(np.random.randint(0,10,size=10), index=idx)
s_2 = pd.Series(np.random.randint(0,10,size=10), index=idx)
s_3 = .... all the way to s9
&lt;/code&gt;&lt;/pre&gt;
&lt;p&gt;EDIT: Say I want to map s_1 to (A,X), s_2 to (A,Y), s_3 to (A,Z), s_4 to (B,X), etc.&lt;/p&gt;</t>
  </si>
  <si>
    <t>2018-06-16 19:41:42.520000+00:00</t>
  </si>
  <si>
    <t>2018-06-16 20:24:12.493000+00:00</t>
  </si>
  <si>
    <t>2018-06-16 19:51:27.457000+00:00</t>
  </si>
  <si>
    <t>JSTL foreach - how to loop from last to first</t>
  </si>
  <si>
    <t>&lt;pre&gt;&lt;code&gt;&amp;lt;c:set var="eventsLastIndex" value="${events.size() - 1}" /&amp;gt;
&amp;lt;c:forEach items="${events}" var="event"
        begin="${eventsLastIndex}" end="0" step="-1"&amp;gt;
    ...
&amp;lt;/c:forEach&amp;gt;
&lt;/code&gt;&lt;/pre&gt;
&lt;p&gt;This code throws exception: javax.servlet.jsp.JspTagException: 'step' &amp;lt;= 0&lt;/p&gt;
&lt;p&gt;But, how to iterate from last element?&lt;/p&gt;</t>
  </si>
  <si>
    <t>2014-12-16 11:01:27.553000+00:00</t>
  </si>
  <si>
    <t>2014-12-16 11:07:26.690000+00:00</t>
  </si>
  <si>
    <t>java|jsp|loops|foreach|jstl</t>
  </si>
  <si>
    <t>eclipse not updating output folder after compile</t>
  </si>
  <si>
    <t>&lt;p&gt;I have a maven project on eclipse with jrebel plugin installed. Hot-deploy used to work perfectly last week but now only xhtml pages are hot-deploy. When a java class is changed it doesn't hot deploy.&lt;/p&gt;
&lt;p&gt;What I noticed is when I changed a file and save eclipse will automatically build it. But the output folder file is not updated base on file stamp that's why jrebel doesn't pick it up. When I run maven-install it compiles everything and all the java classes are reloaded which is not efficient.&lt;/p&gt;
&lt;p&gt;So the main problem is eclipse newly compiled classes don't go to output folder (project/target/classes), even though it's set in Build Path.&lt;/p&gt;
&lt;p&gt;Any idea?&lt;/p&gt;</t>
  </si>
  <si>
    <t>2013-04-24 04:46:23.053000+00:00</t>
  </si>
  <si>
    <t>2013-04-24 08:45:22.133000+00:00</t>
  </si>
  <si>
    <t>How to reduce the crash of the C++ program</t>
  </si>
  <si>
    <t>&lt;p&gt;I have a big software implemented by C++, built by VC10 SP1. There are more than 15 millions of source code lines. It is delivered to Windows platform, both win32 and x64. From the crash reports, the mean time to crash is only about 40 minutes.&lt;/p&gt;
&lt;p&gt;I want to try the best to reduce the crash and extend the mean time to crash. Can somebody share what you have done in practice or is there any suggestion? Any comment is appreciated.&lt;/p&gt;
&lt;p&gt;Thanks,&lt;/p&gt;
&lt;p&gt;Jeffrey&lt;/p&gt;</t>
  </si>
  <si>
    <t>2011-10-05 06:23:31.887000+00:00</t>
  </si>
  <si>
    <t>2011-10-05 06:59:30.473000+00:00</t>
  </si>
  <si>
    <t>c++|crash</t>
  </si>
  <si>
    <t>Is It Possible to Deep Link in Data Studio?</t>
  </si>
  <si>
    <t>&lt;p&gt;I have a Google Data Studio report that displays the hits different links receive. What I'd like to be able to do is for a user to come from a link and have the report by default filter out data from all links except that one. &lt;/p&gt;
&lt;p&gt;Is there any feasible way to get the link from the page that referred the user to the report? Or is this just not possible?&lt;/p&gt;
&lt;p&gt;Thanks!&lt;/p&gt;</t>
  </si>
  <si>
    <t>2018-07-16 18:16:30.497000+00:00</t>
  </si>
  <si>
    <t>2018-07-31 03:08:42.017000+00:00</t>
  </si>
  <si>
    <t>deep-linking|google-data-studio</t>
  </si>
  <si>
    <t>eclipse Maven and lib folder</t>
  </si>
  <si>
    <t>&lt;p&gt;I have edited this post as researched further. I am newbie to maven. I have created a multi module maven project which consist of parent, war, ear. All the jars, war and ear file are being built as expected using Maven build. The .ear file ear packaging includes the war file. The issue I am running is all the dependent jars are packaged in web-inf/lib folder instead of final xxx.ear/lib  How can I get the dependent jars to be stored in xxx.ear/lib instead of web-inf/lib. &lt;/p&gt;
&lt;p&gt;
&lt;pre&gt;&lt;code&gt;http://maven.apache.org/xsd/maven-4.0.0.xsd"&amp;gt;
  &amp;lt;modelVersion&amp;gt;4.0.0&amp;lt;/modelVersion&amp;gt;
  &amp;lt;parent&amp;gt;
    &amp;lt;groupId&amp;gt;com.xxx.xxx&amp;lt;/groupId&amp;gt;
    &amp;lt;artifactId&amp;gt;com.xxx.xxx&amp;lt;/artifactId&amp;gt;
    &amp;lt;version&amp;gt;0.1.0.BUILD-SNAPSHOT&amp;lt;/version&amp;gt;
    &amp;lt;relativePath&amp;gt;..&amp;lt;/relativePath&amp;gt;
  &amp;lt;/parent&amp;gt;
  &amp;lt;artifactId&amp;gt;com.xxx.xxx.ear&amp;lt;/artifactId&amp;gt;
  &amp;lt;packaging&amp;gt;ear&amp;lt;/packaging&amp;gt;
            &amp;lt;groupId&amp;gt;com.xxx.xxxx&amp;lt;/groupId&amp;gt;
        &amp;lt;artifactId&amp;gt;com.xxx.xxx.relatedtoweb&amp;lt;/artifactId&amp;gt;
        &amp;lt;version&amp;gt;0.1.0.BUILD-SNAPSHOT&amp;lt;/version&amp;gt;
        &amp;lt;type&amp;gt;war&amp;lt;/type&amp;gt;
    &amp;lt;/dependency&amp;gt;
  &amp;lt;/dependencies&amp;gt;
  &amp;lt;build&amp;gt;
  &amp;lt;finalName&amp;gt;xxx&amp;lt;/finalName&amp;gt;
    &amp;lt;plugins&amp;gt;
      &amp;lt;plugin&amp;gt;
        &amp;lt;groupId&amp;gt;org.apache.maven.plugins&amp;lt;/groupId&amp;gt;
        &amp;lt;artifactId&amp;gt;maven-ear-plugin&amp;lt;/artifactId&amp;gt;
        &amp;lt;configuration&amp;gt;
          &amp;lt;defaultJavaBundleDir&amp;gt;lib/&amp;lt;/defaultJavaBundleDir&amp;gt;
           &amp;lt;modules&amp;gt;
             &amp;lt;webModule&amp;gt;
                &amp;lt;groupId&amp;gt;com.xxx.xxx&amp;lt;/groupId&amp;gt;
                &amp;lt;artifactId&amp;gt;com.xxx.xxx.relatedtoweb&amp;lt;/artifactId&amp;gt;
                &amp;lt;contextRoot&amp;gt;/xxx&amp;lt;/contextRoot&amp;gt;
                &amp;lt;uri&amp;gt;com.xxx.xxx.relatedtoweb.war&amp;lt;/uri&amp;gt;
             &amp;lt;/webModule&amp;gt;
          &amp;lt;/modules&amp;gt;
        &amp;lt;/configuration&amp;gt;
      &amp;lt;/plugin&amp;gt;
    &amp;lt;/plugins&amp;gt;
  &amp;lt;/build&amp;gt;
&amp;lt;/project&amp;gt;
&lt;/code&gt;&lt;/pre&gt;</t>
  </si>
  <si>
    <t>2016-12-13 12:55:57.970000+00:00</t>
  </si>
  <si>
    <t>2016-12-13 15:06:40.933000+00:00</t>
  </si>
  <si>
    <t>maven</t>
  </si>
  <si>
    <t>installing Siberian CMS</t>
  </si>
  <si>
    <t>&lt;p&gt;The Siberian CMS cannot connect to the database during installation. The following error message is logged by the browser:&lt;/p&gt;
&lt;pre&gt;&lt;code&gt;the requested URL /installer/installation_database/check was not found on this server
&lt;/code&gt;&lt;/pre&gt;</t>
  </si>
  <si>
    <t>2017-05-07 05:57:41.200000+00:00</t>
  </si>
  <si>
    <t>2017-09-24 12:48:40.380000+00:00</t>
  </si>
  <si>
    <t>installation|content-management-system</t>
  </si>
  <si>
    <t>What is the Fully qualified file path when using google cloud shell file download in the browser</t>
  </si>
  <si>
    <t>&lt;p&gt;I am trying to use the browser Google Cloud shell. There is a menu option within it to download a file. It asks the user to put in a Fully qualified file path.&lt;/p&gt;
&lt;p&gt;I have tried many variations of file name and path but it keep failing without error.&lt;/p&gt;
&lt;p&gt;If I have a path like this, and file 'test.txt':&lt;/p&gt;
&lt;p&gt;root@some-long-unique-value:/etc/letsencrypt/live/www.customappurl.com&lt;/p&gt;
&lt;p&gt;What do I enter?&lt;/p&gt;
&lt;p&gt;I have tried:&lt;/p&gt;
&lt;ul&gt;
&lt;li&gt;root@some-long-unique-value:/etc/letsencrypt/live/www.customappurl.com/test.txt&lt;/li&gt;
&lt;li&gt;some-long-unique-value:/etc/letsencrypt/live/www.customappurl.com/test.txt&lt;/li&gt;
&lt;li&gt;/etc/letsencrypt/live/www.customappurl.com/test.txt&lt;/li&gt;
&lt;li&gt;test.txt&lt;/li&gt;
&lt;/ul&gt;
&lt;p&gt;At this time, I am just manually copying the text file. Is there an alternative way to do this?&lt;/p&gt;</t>
  </si>
  <si>
    <t>2017-04-05 23:58:04.723000+00:00</t>
  </si>
  <si>
    <t>2017-04-06 03:48:38.390000+00:00</t>
  </si>
  <si>
    <t>shell|google-app-engine|google-cloud-platform</t>
  </si>
  <si>
    <t>Segue can not perform in view controller in iOS</t>
  </si>
  <si>
    <t>&lt;p&gt;Segue can not perform in view controller,&lt;/p&gt;
&lt;p&gt;I tried:&lt;/p&gt;
&lt;pre&gt;&lt;code&gt;UIViewController *toViewController = [self.storyboard instantiateViewControllerWithIdentifier:@"menu"];
 [self.navigationController pushViewController:toViewController animated:YES];
&lt;/code&gt;&lt;/pre&gt;
&lt;p&gt;and &lt;/p&gt;
&lt;pre&gt;&lt;code&gt;[self performSegueWithIdentifier: @"sidebar_segue" sender:self];
&lt;/code&gt;&lt;/pre&gt;
&lt;p&gt;both but it gave me an error like&lt;/p&gt;
&lt;pre&gt;&lt;code&gt;  -[__NSCFNumber length]: unrecognized selector sent to instance 0xb89f1b0
2014-06-10 13:05:11.328 naanking[1720:60b] *** Terminating app due to uncaught  exception 'NSInvalidArgumentException', reason: '-[__NSCFNumber length]: unrecognized  selector sent to instance 0xb89f1b0'
*** First throw call stack:
(
0   CoreFoundation                      0x028431e4 __exceptionPreprocess + 180
1   libobjc.A.dylib                     0x01e548e5 objc_exception_throw + 44
2   CoreFoundation                      0x028e0243 -[NSObject(NSObject) doesNotRecognizeSelector:] + 275
3   CoreFoundation                      0x0283350b ___forwarding___ + 1019
4   CoreFoundation                      0x028330ee _CF_forwarding_prep_0 + 14
5   UIKit                               0x00ac4463 -[UILabel _shadow] + 45
6   UIKit                               0x00ac58c2 -[UILabel drawTextInRect:] + 70
7   UIKit                               0x00ac7dfc -[UILabel drawRect:] + 98
8   UIKit                               0x00976453 -[UIView(CALayerDelegate) drawLayer:inContext:] + 504
9   QuartzCore                          0x004a7f39 -[CALayer drawInContext:] + 123
10  QuartzCore                          0x004a7e6a _ZL16backing_callbackP9CGContextPv + 96
11  QuartzCore                          0x003964fc CABackingStoreUpdate_ + 2656
12  QuartzCore                          0x004a7e02 ___ZN2CA5Layer8display_Ev_block_invoke + 93
13  QuartzCore                          0x004dc2d7 x_blame_allocations + 15
14  QuartzCore                          0x004a7c6d _ZN2CA5Layer8display_Ev + 1519
15  QuartzCore                          0x004a7eb9 -[CALayer _display] + 33
16  QuartzCore                          0x004a7676 _ZN2CA5Layer7displayEv + 144
17  QuartzCore                          0x004a7e93 -[CALayer display] + 33
18  QuartzCore                          0x0049c043 _ZN2CA5Layer17display_if_neededEPNS_11TransactionE + 323
19  QuartzCore                          0x0049c0bc _ZN2CA5Layer28layout_and_display_if_neededEPNS_11TransactionE + 38
20  QuartzCore                          0x004027fa _ZN2CA7Context18commit_transactionEPNS_11TransactionE + 294
21  QuartzCore                          0x00403b85 _ZN2CA11Transaction6commitEv + 393
22  QuartzCore                          0x004c15b0 +[CATransaction flush] + 52
23  UIKit                               0x009059bb _UIApplicationHandleEventQueue + 13095
24  CoreFoundation                      0x027cc77f __CFRUNLOOP_IS_CALLING_OUT_TO_A_SOURCE0_PERFORM_FUNCTION__ + 15
25  CoreFoundation                      0x027cc10b __CFRunLoopDoSources0 + 235
26  CoreFoundation                      0x027e91ae __CFRunLoopRun + 910
27  CoreFoundation                      0x027e89d3 CFRunLoopRunSpecific + 467
28  CoreFoundation                      0x027e87eb CFRunLoopRunInMode + 123
29  GraphicsServices                    0x0276c5ee GSEventRunModal + 192
30  GraphicsServices                    0x0276c42b GSEventRun + 104
31  UIKit                               0x00907f9b UIApplicationMain + 1225
32  naanking                            0x0001cccd main + 141
33  naanking                            0x000029d5 start + 53
)
libc++abi.dylib: terminating with uncaught exception of type NSException
..................................
&lt;/code&gt;&lt;/pre&gt;
&lt;p&gt;like this.
Can you give me a suggestion how to fix it?&lt;/p&gt;</t>
  </si>
  <si>
    <t>2014-06-10 06:12:36.017000+00:00</t>
  </si>
  <si>
    <t>2014-06-10 08:29:11.710000+00:00</t>
  </si>
  <si>
    <t>ios|iphone|ipad</t>
  </si>
  <si>
    <t>Fill Listbox when TextBox onkeyup event triggered</t>
  </si>
  <si>
    <t>&lt;p&gt;I have a TextBox where I'm supposed to enter the beginning of a city. When at least 3 characters are entered, I retrieve the possible list from a database (all cities whose name is starting with the entered string) and populate a listbox with possibilities. Then I expect to be able to choose from the listbox below and put the complete name in the TextBox. &lt;/p&gt;
&lt;p&gt;So I have found a way here to trigger OnTextChanged TextBox event when onkeyup event occurs and I can populate my ListBox. When I click on a listbox item, the same event (from the TextBox) is triggered again and OnSelectedIndexChanged from the Listbox never triggered. See code below.&lt;/p&gt;
&lt;pre&gt;&lt;code&gt;&amp;lt;script type="text/javascript"&amp;gt;
    function RefreshUpdatePanel(txt) {
        if (txt.value.length &amp;gt;= 3) {
            __doPostBack('&amp;lt;%= TextBoxCity.ClientID %&amp;gt;', '');
        }
    };
&amp;lt;/script&amp;gt;
&amp;lt;asp:TextBox ID="TextBoxCity" Width="185px" onkeyup="RefreshUpdatePanel(this);" OnTextChanged="TextBoxCity_TextChanged" runat="server" &amp;gt;&amp;lt;/asp:TextBox&amp;gt;&amp;lt;br /&amp;gt;
&amp;lt;asp:ListBox runat="server" Width="185px" ID="Cities" AutoPostBack="true" OnSelectedIndexChanged="Cities_SelectedIndexChanged" &amp;gt;&amp;lt;/asp:ListBox&amp;gt;
// this one fires when selecting entry in listbox
protected void TextBoxCity_TextChanged(object sender, EventArgs e)
{
    // load cities and populate listbox....
}
// I expect this one to fire when selecting entry in listbox
protected void Cities_SelectedIndexChanged(object sender, EventArgs e)
{
    TextBoxCity.Text = Cities.Text;
}
&lt;/code&gt;&lt;/pre&gt;</t>
  </si>
  <si>
    <t>2014-02-08 16:29:17.103000+00:00</t>
  </si>
  <si>
    <t>c#|textbox|listbox|onkeyup</t>
  </si>
  <si>
    <t>c# list.add() overwrite the object at position 0</t>
  </si>
  <si>
    <t>&lt;p&gt;i am updating my question to this 
i created new class  Student&lt;/p&gt;
&lt;pre&gt;&lt;code&gt;class Student
    {
        private string _firstName;
        private string _lastName;
        private int _exam1;
        private int _exam2;
        private int _exam3;
        private int _finalExam;
        // First Name Property
        public string FirstName
        {
            get { return _firstName; }
            set { _firstName = value; }
        }
        //Last Name Property
        public string LastName
        {
            get { return _lastName; }
            set { _lastName = value; }
        }
        //Exam 1 Property
        public int Exam1
        {
            get { return _exam1; }
            set { _exam1 = value; }
        }
        // Exam 2 Property
        public int Exam2
        {
            get { return _exam2; }
            set { _exam2 = value; }
        }
        //Exam 3 Property
        public int Exam3
        {
            get { return _exam3; }
            set { _exam3 = value; }
        }
        //Final Exam Property
        public int FinalExam
        {
            get { return _finalExam; }
            set { _finalExam = value; }
        }
    }
}
&lt;/code&gt;&lt;/pre&gt;
&lt;p&gt;this is my add new student form class with one method to add new student&lt;/p&gt;
&lt;pre&gt;&lt;code&gt;public class AddStudent : Form
    {
        StudentForm stu = null;
        public AddStudent()
        {
            InitializeComponent();
            stu = new StudentForm();
            stu.Show();
        }
        private void btnSubmit_Click(object sender, EventArgs e)
        {
            // split the name into first and last name
            string[] name = txtName.Text.Split(',');
            Student std = new Student();
            std.FirstName = name[0];
            std.LastName = name[1];
            std.Exam1 = Int32.Parse(txtExam1.Text);
            std.Exam2 = Int32.Parse(txtExam2.Text);
            std.Exam3 = Int32.Parse(txtExam3.Text);
            std.FinalExam = Int32.Parse(txtFinal.Text);
            stu.addItem(std);
            this.Hide();
        }
    }
}
&lt;/code&gt;&lt;/pre&gt;
&lt;p&gt;and this is my main form it has listbox to display list of students&lt;/p&gt;
&lt;pre&gt;&lt;code&gt;public  class StudentForm : Form
    {            
        public StudentForm()
        {
            InitializeComponent();
        }
        public List&amp;lt;Student&amp;gt; students = new List&amp;lt;Student&amp;gt;();
        public void addItem(Student std)
        {
            students.Add(std);
            // it always show me 1 item in list
            MessageBox.Show(students.Count.ToString());
        }
}
&lt;/code&gt;&lt;/pre&gt;</t>
  </si>
  <si>
    <t>2016-07-07 17:34:41.113000+00:00</t>
  </si>
  <si>
    <t>2016-07-08 09:06:54.923000+00:00</t>
  </si>
  <si>
    <t>Python multiple comparison for string</t>
  </si>
  <si>
    <t>&lt;pre&gt;&lt;code&gt;    shift = raw_input("Enter the shift the employee works in:  ")
    shift = shift.upper()
    print shift
    while (shift != "A" or shift != "B" or shift != "C" ):
        shift = raw_input("Invalid Input- Please Enter a, b or c:  ")
        shift = shift.upper()
&lt;/code&gt;&lt;/pre&gt;
&lt;p&gt;I need to validate that the user is choosing "a, b or c" I also must use string.upper().
However, it keeps going into the while loop even when I input "a, A, b, B, c or, C" I have the "print shift" to make sure it's inputing correctly and it is. &lt;/p&gt;
&lt;p&gt;When I only have "shift != "A"" and type in "a or A" it won't go into the loop. It's only when I add the "B and C" that it starts to mess up. How do I fix this?&lt;/p&gt;</t>
  </si>
  <si>
    <t>2014-04-19 03:04:56.297000+00:00</t>
  </si>
  <si>
    <t>2014-04-19 03:09:08.317000+00:00</t>
  </si>
  <si>
    <t>python|string|validation|while-loop</t>
  </si>
  <si>
    <t>Sails You are not permitted to perform this action</t>
  </si>
  <si>
    <t>&lt;p&gt;Hello I am new to sails and making simple login via passport.
sails raise error every time when i try redirect to another page which is accessible only after login.
I put the view in another folder
&lt;a href="http://i.stack.imgur.com/uTLbJ.png" rel="nofollow"&gt;enter image description here&lt;/a&gt;&lt;/p&gt;
&lt;p&gt;These are the files in which i have made change for authentication&lt;/p&gt;
&lt;h2&gt;AuthController.js&lt;/h2&gt;
&lt;pre&gt;&lt;code&gt;var passport = require('passport');
module.exports = {
    index: function (req,res)
    {
        res.view();
    },
    passport_local: function(req, res)
    {
        passport.authenticate('local', function(err, user, info)
        {
            if ((err) || (!user))
            {   
                res.redirect('/');
                return;
            }
            req.logIn(user, function(err)
            {
                if (err)
                {
                    res.redirect('/user/login');
                    return;
                }
                req.session.user = user;               
                res.redirect('/loginq');
                return;
            });
        })(req, res);
    },
    logout: function (req,res)
    {
        req.logout();
        res.redirect('/');
    }
};
&lt;/code&gt;&lt;/pre&gt;
&lt;h2&gt;HomeController.js&lt;/h2&gt;
&lt;pre&gt;&lt;code&gt;  module.exports = {
    index: function(req, res) {
        res.view({
            user: req.user
        });
    },
    testpage:function(req, res) {
    res.view({
      user: req.user
    });
  }
};
&lt;/code&gt;&lt;/pre&gt;
&lt;h2&gt;passport.js&lt;/h2&gt;
&lt;pre&gt;&lt;code&gt;var passport = require('passport'),
LocalStrategy = require('passport-local').Strategy;
passport.serializeUser(function(user, done) {console.log("serializeUser :: user.id "+user.id);
    done(null, user.id);
});
passport.deserializeUser(function(id, done) {
    User.findOneById(id).exec(function (err, user) {console.log("deserializeUser");
        done(err, user);
    });
});
passport.use(new LocalStrategy({
        usernameField: 'email',
        passwordField: 'password'
    },
    function(email, password, done) {
    User.findOne({ email: email}).exec(function(err, user) {
          if (err) { return done(err); }
            if (!user) { return done(null, false, { message: 'Unknown user ' + email }); }
            if (user.password != password) { return done(null, false, { message: 'Invalid password' }); }console.log("USERRRRRRR");
            return done(null, user);
        });
    }
)); 
&lt;/code&gt;&lt;/pre&gt;
&lt;h2&gt;routes.js&lt;/h2&gt;
&lt;pre&gt;&lt;code&gt;    '/': {
    /*controller : 'home',
    action     : 'index'*/
     view:'home/index'
  },
  '/login' : {
    controller : 'auth',
    action     : 'index'
  },
  '/loginq': {
    controller : 'home',
    action     : 'testpage'## Heading ##       
  },
  '/savesignupdetails': {
    controller: 'user',
    action:'saveDetails'
  },
  'get /user/login':{
      controller: 'auth',
      action: 'index'
  },
  'post /user/login':{
    controller: 'auth',
    action: 'passport_local'
  },
  '/logout' : {
    controller : 'auth',
    action     : 'logout'
  }
&lt;/code&gt;&lt;/pre&gt;
&lt;h2&gt;policies.js&lt;/h2&gt;
&lt;pre&gt;&lt;code&gt; *': 'sessionAuth',
  'auth': {
    '*': true
  },
  'home' :{
    '*' : 'sessionAuth'
  },
  'testpage' :{   
    '*' : 'sessionAuth'
  }
&lt;/code&gt;&lt;/pre&gt;</t>
  </si>
  <si>
    <t>2016-07-12 10:07:13.410000+00:00</t>
  </si>
  <si>
    <t>2016-07-12 10:59:02.180000+00:00</t>
  </si>
  <si>
    <t>node.js|sails.js</t>
  </si>
  <si>
    <t>Drilldowns not carrying filters</t>
  </si>
  <si>
    <t>&lt;p&gt;When I use a drilldown on one of my charts, it doesnt carry the above value across in terms of Filtering. So lets says I have ABC, I click on A and it drills down to 123. If I click on 1, it wont filter other graphs on A1, it will just filter it on 1. Is anyone else having this issue, or do you have any fixes&lt;/p&gt;</t>
  </si>
  <si>
    <t>2015-10-29 15:11:54.417000+00:00</t>
  </si>
  <si>
    <t>2015-11-15 19:43:12.407000+00:00</t>
  </si>
  <si>
    <t>drilldown|powerbi</t>
  </si>
  <si>
    <t>Simple User Registration &amp; Login Script in PHP and MySQLi</t>
  </si>
  <si>
    <t>&lt;p&gt;Hello I use the code below for my login system and I was wondering if someone can help me I'm trying to add an admin features so it will show a link saying admin and if there not an admin then it will disable the link.&lt;/p&gt;
&lt;p&gt;&lt;a href="http://www.allphptricks.com/simple-user-registration-login-script-in-php-and-mysqli/" rel="nofollow noreferrer"&gt;http://www.allphptricks.com/simple-user-registration-login-script-in-php-and-mysqli/&lt;/a&gt;&lt;/p&gt;</t>
  </si>
  <si>
    <t>2017-11-08 16:11:24.417000+00:00</t>
  </si>
  <si>
    <t>2017-11-10 09:20:41.157000+00:00</t>
  </si>
  <si>
    <t>2017-11-09 05:31:15.663000+00:00</t>
  </si>
  <si>
    <t>php|login</t>
  </si>
  <si>
    <t>Yii Format textField Datetime Model</t>
  </si>
  <si>
    <t>&lt;p&gt;The &lt;code&gt;$model-&amp;gt;datetime&lt;/code&gt; is &lt;code&gt;d-m-Y H:i:s&lt;/code&gt;.&lt;/p&gt;
&lt;pre&gt;&lt;code&gt;&amp;lt;?php echo $form-&amp;gt;textField($model,'datetime'); ?&amp;gt;
&lt;/code&gt;&lt;/pre&gt;
&lt;p&gt;I would like the value of the input just be d-m-Y, how can I format it?&lt;/p&gt;</t>
  </si>
  <si>
    <t>2012-11-07 11:59:51.833000+00:00</t>
  </si>
  <si>
    <t>2012-12-20 08:11:13.607000+00:00</t>
  </si>
  <si>
    <t>Fermi and Kepler GPU Special Function Units</t>
  </si>
  <si>
    <t>&lt;p&gt;The Fermi GPUs have Special Function Units (SFUs) to (quoting the NVIDIA White Paper on Fermi) "execute transcendental instructions such as sin, cosine, reciprocal, and square root. Each SFU executes one instruction per thread, per clock".&lt;/p&gt;
&lt;p&gt;My questions are:&lt;/p&gt;
&lt;p&gt;&lt;em&gt;Do SFUs operate on single and double precision numbers or on single precision only?&lt;/em&gt;&lt;/p&gt;
&lt;p&gt;&lt;em&gt;Do SFUs introduce any loss of accuracy in the computations?&lt;/em&gt;&lt;/p&gt;
&lt;p&gt;&lt;em&gt;Are SFUs related to the use of intrinsics like &lt;code&gt;__sin()&lt;/code&gt;, &lt;code&gt;__cos()&lt;/code&gt;, etc.?&lt;/em&gt;&lt;/p&gt;
&lt;p&gt;&lt;em&gt;Are the functionalities of the Kepler SFUs the same as for the Fermi SFUs?&lt;/em&gt;&lt;/p&gt;
&lt;p&gt;Thank you very much in advance for any answer.&lt;/p&gt;</t>
  </si>
  <si>
    <t>2013-02-15 11:04:22.063000+00:00</t>
  </si>
  <si>
    <t>2013-02-15 13:55:43.207000+00:00</t>
  </si>
  <si>
    <t>2013-02-15 11:09:22.480000+00:00</t>
  </si>
  <si>
    <t>cuda|gpgpu</t>
  </si>
  <si>
    <t>Represent and OR function in Prolog</t>
  </si>
  <si>
    <t>&lt;p&gt;I have to write the statement apple implies red or green in my prolog program. Here is a sample of the code I implemented:&lt;/p&gt;
&lt;pre&gt;&lt;code&gt;:-dynamic(red/1).
:-dynamic(green/1).
 apple(a).
 apple(b).
 apple(A):-red(A);green(A).
&lt;/code&gt;&lt;/pre&gt;
&lt;p&gt;My problem is that &lt;code&gt;?- red(a)&lt;/code&gt; and &lt;code&gt;?-green(a)&lt;/code&gt; should return false because this is not a given fact I place them as dynamic and now &lt;code&gt;?-red(a)&lt;/code&gt; and &lt;code&gt;?-green(a)&lt;/code&gt; do return false.
However &lt;code&gt;red(A);green(A).&lt;/code&gt; should return true because an apple is either red OR green&lt;/p&gt;
&lt;p&gt;Thank for your responses: however me whole problem is that ?-red(a) and green(a) are both surpose to return false when ran separately. while ?-red(a);green(a) should return true. This is where I'm lost. If you have any suggestion on how to get there result the will be greatly welcomed.&lt;/p&gt;</t>
  </si>
  <si>
    <t>2012-01-24 18:07:01.917000+00:00</t>
  </si>
  <si>
    <t>2014-11-04 21:25:11.003000+00:00</t>
  </si>
  <si>
    <t>prolog</t>
  </si>
  <si>
    <t>How to handle Modals in cucumber + Capybara + Selenium</t>
  </si>
  <si>
    <t>&lt;p&gt;So I am trying to click a forgot password link (which causes a modal pop up) and confirm the pop up link so I can perform a test on the sent out email.&lt;/p&gt;
&lt;p&gt;My code looks like this:&lt;/p&gt;
&lt;pre&gt;&lt;code&gt;   page.find(:css, '#launch-modal-link').click  # code fails on this line, after clicking the link
   page.driver.browser.switch_to.alert.accept  # does not get to this line of code.
&lt;/code&gt;&lt;/pre&gt;
&lt;p&gt;What am I doing wrong exactly when trying to click the "Ok" button in the modal pop up?&lt;/p&gt;
&lt;p&gt;Do I need to add a try catch block (or whatever it is called in Ruby) around the link &lt;/p&gt;</t>
  </si>
  <si>
    <t>2012-07-19 20:00:45.187000+00:00</t>
  </si>
  <si>
    <t>2012-09-05 15:09:27.373000+00:00</t>
  </si>
  <si>
    <t>ruby|cucumber|modal-dialog|capybara</t>
  </si>
  <si>
    <t>Determining root cause of "EXC_BAD_ACCESS KERN_INVALID_ADDRESS" logged with Crashlytics</t>
  </si>
  <si>
    <t>&lt;p&gt;I have Crashlytics installed on an app and I've found a bug that's affecting some users that I'm unable to replicate it myself.&lt;/p&gt;
&lt;p&gt;The error is &lt;code&gt;EXC_BAD_ACCESS KERN_INVALID_ADDRESS&lt;/code&gt;. I looked at &lt;a href="https://stackoverflow.com/questions/7684742/how-to-solve-kern-invalid-address-on-exc-bad-access-sigsegv"&gt;this post re: EXC_BAD_ACCESS&lt;/a&gt;, but I can't figure out where I should be looking for the problem in my crash log.&lt;/p&gt;
&lt;p&gt;Based on the following crash log, is there a place where I should be putting a breakpoint to check for nils?&lt;/p&gt;
&lt;pre&gt;&lt;code&gt;    Thread 0:
Crashed: com.apple.main-thread
EXC_BAD_ACCESS KERN_INVALID_ADDRESS 0x00000000154d9050
 raw
0   libobjc.A.dylib objc_msgSend + 16
1   libAVFAudio.dylib   -[AVAudioPlayer(AVAudioPlayerPriv) finishedPlaying:] + 92
2   Foundation  __NSThreadPerformPerform + 340
3   CoreFoundation  __CFRUNLOOP_IS_CALLING_OUT_TO_A_SOURCE0_PERFORM_FUNCTION__ + 24
4   CoreFoundation  __CFRunLoopDoSources0 + 540
5   CoreFoundation  __CFRunLoopRun + 724
6   CoreFoundation  CFRunLoopRunSpecific + 384
7   GraphicsServices    GSEventRunModal + 180
8   UIKit   UIApplicationMain + 204
9   My App  AppDelegate.swift line 19   main
10  libdyld.dylib   start + 4
Thread 1: com.apple.libdispatch-manager
0   libsystem_kernel.dylib  kevent_qos + 8
1   libdispatch.dylib   _dispatch_mgr_invoke + 232
2   libdispatch.dylib   _dispatch_source_invoke + 50
Thread 2: com.twitter.crashlytics.ios.MachExceptionServer
0   My App  CLSProcess.c line 374   CLSProcessRecordAllThreads
1   My App  CLSProcess.c line 374   CLSProcessRecordAllThreads
2   My App  CLSProcess.c line 398   CLSProcessRecordAllThreads
3   My App  CLSHandler.m line 24    CLSHandler
4   My App  CLSMachException.c line 443 CLSMachExceptionServer
5   libsystem_pthread.dylib _pthread_body + 156
6   libsystem_pthread.dylib _pthread_body + 154
7   libsystem_pthread.dylib thread_start + 4
Thread 3: com.apple.NSURLConnectionLoader
0   libsystem_kernel.dylib  mach_msg_trap + 8
1   libsystem_kernel.dylib  mach_msg + 72
2   CoreFoundation  __CFRunLoopServiceMachPort + 196
3   CoreFoundation  __CFRunLoopRun + 1032
4   CoreFoundation  CFRunLoopRunSpecific + 384
5   CFNetwork   +[NSURLConnection(Loader) _resourceLoadLoop:] + 412
6   Foundation  __NSThread__start__ + 1000
7   libsystem_pthread.dylib _pthread_body + 156
8   libsystem_pthread.dylib _pthread_body + 154
9   libsystem_pthread.dylib thread_start + 4
Thread 4: com.apple.CFSocket.private
0   libsystem_kernel.dylib  __select + 8
1   CoreFoundation  __CFSocketManager + 648
2   libsystem_pthread.dylib _pthread_body + 156
3   libsystem_pthread.dylib _pthread_body + 154
4   libsystem_pthread.dylib thread_start + 4
Thread 5: com.apple.coreaudio.AQClient
0   libsystem_kernel.dylib  mach_msg_trap + 8
1   libsystem_kernel.dylib  mach_msg + 72
2   CoreFoundation  __CFRunLoopServiceMachPort + 196
3   CoreFoundation  __CFRunLoopRun + 1032
4   CoreFoundation  CFRunLoopRunSpecific + 384
5   AudioToolbox    GenericRunLoopThread::Entry(void*) + 164
6   AudioToolbox    CAPThread::Entry(CAPThread*) + 124
7   libsystem_pthread.dylib _pthread_body + 156
8   libsystem_pthread.dylib _pthread_body + 154
9   libsystem_pthread.dylib thread_start + 4
Thread 6: Thread
0   libsystem_kernel.dylib  __workq_kernreturn + 8
1   libsystem_pthread.dylib _pthread_wqthread + 1284
2   libsystem_pthread.dylib start_wqthread + 4
Thread 7: Thread
0   libsystem_kernel.dylib  __workq_kernreturn + 8
1   libsystem_pthread.dylib _pthread_wqthread + 1284
2   libsystem_pthread.dylib start_wqthread + 4
Thread 8: Thread
0   libsystem_kernel.dylib  __workq_kernreturn + 8
1   libsystem_pthread.dylib _pthread_wqthread + 1284
2   libsystem_pthread.dylib start_wqthread + 4
Thread 9: Thread
0   libsystem_kernel.dylib  __workq_kernreturn + 8
1   libsystem_pthread.dylib _pthread_wqthread + 1284
2   libsystem_pthread.dylib start_wqthread + 4
&lt;/code&gt;&lt;/pre&gt;
&lt;p&gt;&lt;strong&gt;Update:&lt;/strong&gt;&lt;/p&gt;
&lt;p&gt;At Rog's suggestion, I looked at the method that calls the AVAudioPlayer.&lt;/p&gt;
&lt;p&gt;I have a class called &lt;code&gt;MP3Player&lt;/code&gt;. It has two initialization methods that it uses:&lt;/p&gt;
&lt;p&gt;&lt;strong&gt;&lt;em&gt;1) play a single file&lt;/em&gt;&lt;/strong&gt;&lt;/p&gt;
&lt;pre&gt;&lt;code&gt;init(fileName: String) {
    // Need to get location of file in bundle
    let fileNamePath: String = NSBundle.mainBundle().pathForResource(fileName, ofType: "")!
    // Then add the filename to the tracks array of strings
    tracks.append(fileNamePath)
    super.init()
    queueTrack()
}
&lt;/code&gt;&lt;/pre&gt;
&lt;p&gt;&lt;strong&gt;&lt;em&gt;2) play a sequence of files&lt;/em&gt;&lt;/strong&gt;&lt;/p&gt;
&lt;pre&gt;&lt;code&gt;init(arrayOfMP3FileNames: NSArray) {
    for fileName in arrayOfMP3FileNames {
        // get the path of the file...
        let fileNamePath: String = NSBundle.mainBundle().pathForResource(fileName as? String, ofType: "")!
        // ...and add it to the tracks array
        tracks.append(fileNamePath)
    }
    super.init()
    queueTrack()
}
&lt;/code&gt;&lt;/pre&gt;
&lt;p&gt;The &lt;code&gt;queueTrack&lt;/code&gt; method appears to have contained part of my problem:&lt;/p&gt;
&lt;pre&gt;&lt;code&gt;func queueTrack() {
    // I have no idea what possessed me to put this in, but I think it's the majority
    // of my problem
    // ** TOOK FOLLOWING 2 LINES OUT **
    // if (player != nil) {
    //     player =  nil
    // }
    let url = NSURL.fileURLWithPath(tracks[currentTrackIndex] as String)
    do {
        player = try AVAudioPlayer(contentsOfURL: url) // Thread 1: breakpoint 1.1
        player?.delegate = self
        player?.prepareToPlay()
    } catch let error as NSError {
        NSLog("Unresolved error \(error.debugDescription)")
        // SHOW ALERT OR SOMETHING
    }
}
&lt;/code&gt;&lt;/pre&gt;
&lt;p&gt;In the breakpoint navigator, I added exception breakpoint for "All Exceptions". I get an exception on the first line of the &lt;code&gt;do {}&lt;/code&gt; statement if I play another sound while a sound is currently playing. It doesn't crash in the simulator or on the device, but I think I need to clean it up so I don't get the exception. Any suggestions on resolving this issue would be greatly appreciated.&lt;/p&gt;</t>
  </si>
  <si>
    <t>2015-11-22 19:41:57.550000+00:00</t>
  </si>
  <si>
    <t>2017-09-08 06:51:51.090000+00:00</t>
  </si>
  <si>
    <t>ios|swift|exc-bad-access|crashlytics</t>
  </si>
  <si>
    <t>How to format a string returned by a PHP function</t>
  </si>
  <si>
    <t>&lt;p&gt;I wrote a program that uses an ISBN to query Amazon for that ISBN's price, and returns the following result:&lt;/p&gt;
&lt;pre&gt;&lt;code&gt;5cb66919-8a8d-4c13-9175-790f0476508d0.0401580000000000TrueISBN9780340979266OffersAllAll0340979267809USD$8.09688USD$6.88598USD$5.98241010000
&lt;/code&gt;&lt;/pre&gt;
&lt;p&gt;I need to format this so that I have the price information in a format that would be understandable to a human.&lt;/p&gt;
&lt;p&gt;How can I do this?&lt;/p&gt;</t>
  </si>
  <si>
    <t>2014-11-30 04:56:52.117000+00:00</t>
  </si>
  <si>
    <t>2014-11-30 09:13:03.617000+00:00</t>
  </si>
  <si>
    <t>2014-11-30 06:04:00.483000+00:00</t>
  </si>
  <si>
    <t>What is the difference between genetic and evolutionary algorithms?</t>
  </si>
  <si>
    <t>&lt;p&gt;Is there a difference between &lt;em&gt;genetic algorithms&lt;/em&gt; and &lt;em&gt;evolutionary algorithms&lt;/em&gt;? &lt;/p&gt;
&lt;p&gt;I have read multiple papers, talking about genetic or evolutionary algorithms, and while very similar, I think they may not be the same thing.&lt;/p&gt;</t>
  </si>
  <si>
    <t>2010-05-22 22:53:51.693000+00:00</t>
  </si>
  <si>
    <t>2018-01-25 00:40:20.240000+00:00</t>
  </si>
  <si>
    <t>algorithm|genetic-algorithm|evolutionary-algorithm</t>
  </si>
  <si>
    <t>Android: Building and Loading Custom Kernel onto Nexus One</t>
  </si>
  <si>
    <t>&lt;p&gt;I have been using this guide: &lt;a href="http://darts.cse.nd.edu:8080/Plone/materials/setting-up-android-development" rel="nofollow"&gt;http://darts.cse.nd.edu:8080/Plone/materials/setting-up-android-development&lt;/a&gt;, to help me build and load my custom kernel. In my custom kernel, I added my own pre-loaded application, but it never appears when I flash my custom kernel onto my Nexus One. I was wondering if following this guide is the right procedure, or am I doing something wrong?&lt;/p&gt;</t>
  </si>
  <si>
    <t>2011-01-28 18:00:44.757000+00:00</t>
  </si>
  <si>
    <t>2011-01-28 19:45:38.847000+00:00</t>
  </si>
  <si>
    <t>Sort array/vector of string</t>
  </si>
  <si>
    <t>&lt;p&gt;How can i sort array/vector by repetition of elements?
For example&lt;/p&gt;
&lt;p&gt;Input&lt;/p&gt;
&lt;pre&gt;&lt;code&gt;Leo
Mike
Eric
Leo
Leo
&lt;/code&gt;&lt;/pre&gt;
&lt;p&gt;Output    &lt;strong&gt;_ &lt;em&gt;_&lt;/em&gt;&lt;/strong&gt;  _    Or&lt;/p&gt;
&lt;pre&gt;&lt;code&gt;Leo       Leo
Leo       Eric
Leo       Mike
Eric
Mike
&lt;/code&gt;&lt;/pre&gt;</t>
  </si>
  <si>
    <t>2011-04-11 14:38:14.560000+00:00</t>
  </si>
  <si>
    <t>2011-04-11 15:25:03.830000+00:00</t>
  </si>
  <si>
    <t>c++|string|sorting</t>
  </si>
  <si>
    <t>Printing stack trace including methods that have finished</t>
  </si>
  <si>
    <t>&lt;p&gt;So, I have this class and I want to print which methods were called. When I run it it prints only trace and main but not method1 and method2. How can I change it so it would print method1 and method2, the methods called from main?&lt;/p&gt;
&lt;pre&gt;&lt;code&gt;public class SomeClass
{
    public void method1() {}
    public void method2() {}
    public static void main(String args[]) throws Throwable 
    {
        SomeClass c = new SomeClass();
        c.method1();
        c.method2();
        SomeClass.trace();
    }
    public static void trace() throws Throwable
    {
        Throwable t = new Throwable();
        StackTraceElement[] stack = t.getStackTrace();
        for(StackTraceElement s : stack)
        System.out.println(s.getMethodName());
    }
}
&lt;/code&gt;&lt;/pre&gt;</t>
  </si>
  <si>
    <t>2014-01-18 22:09:53.333000+00:00</t>
  </si>
  <si>
    <t>2014-01-18 22:13:54.800000+00:00</t>
  </si>
  <si>
    <t>java|stack-trace|throwable|printstacktrace</t>
  </si>
  <si>
    <t>Generation sample using kernel density estimates in r</t>
  </si>
  <si>
    <t>&lt;p&gt;I need generate sample from existing data using kernel density estimates in R. In my data missing negative values (and can not be), but in generate sample negative values present. &lt;/p&gt;
&lt;pre&gt;&lt;code&gt;library(ks)
set.seed(1)
par(mfrow=c(2,1))
x&amp;lt;-rlnorm(100)
hist(x, col="red", freq=F)
y &amp;lt;- rkde(fhat=kde(x=x, h=hpi(x)), n=100)
hist(y, col="green", freq=F)
&lt;/code&gt;&lt;/pre&gt;
&lt;p&gt;How to limit the range of the KDE and generated sample?&lt;/p&gt;</t>
  </si>
  <si>
    <t>2013-04-19 10:00:40.193000+00:00</t>
  </si>
  <si>
    <t>2016-03-31 13:27:15.493000+00:00</t>
  </si>
  <si>
    <t>2013-04-19 10:07:42.960000+00:00</t>
  </si>
  <si>
    <t>r|random</t>
  </si>
  <si>
    <t>Update app with Xcode 5</t>
  </si>
  <si>
    <t>&lt;p&gt;I seen similar question for earlier version Xcode, but advice not help me. &lt;/p&gt;
&lt;p&gt;I need update ios app after fix issues for company of my client and had not publish first version app. Previous app publish another developer. I see many certification and provisioning profiles in developer.apple.com. I export certifications and profiles from account and built archive with parameters in Xcode: "Code signing Identify" IOS Distribution and Provisioning profile:* Ios Team Provisioning Profile. &lt;/p&gt;
&lt;p&gt;Status on Itunes Connect is "waiting for upload".&lt;/p&gt;
&lt;p&gt;When I try upload I see message: "the private key is not installed  on this mac".  What key is it?  Need I file with previous private key for update or I can create new? I try download certificates and generate .p12 file and create new provisioning profile, but all of this not helped me.&lt;/p&gt;
&lt;p&gt;Maybe in Xcode 5 there are additional steps necessary?&lt;/p&gt;</t>
  </si>
  <si>
    <t>2014-01-15 20:52:45.097000+00:00</t>
  </si>
  <si>
    <t>2014-01-16 13:09:31.093000+00:00</t>
  </si>
  <si>
    <t>2014-01-16 06:30:03.993000+00:00</t>
  </si>
  <si>
    <t>ios|xcode5|itunesconnect</t>
  </si>
  <si>
    <t>How do add SSL certificate to python 2.7.9</t>
  </si>
  <si>
    <t>&lt;p&gt;I recently upgraded to python 2.7.9, and I'm experiencing all sorts of SSL errors:&lt;/p&gt;
&lt;pre&gt;&lt;code&gt;.SSL verification error: [SSL: CERTIFICATE_VERIFY_FAILED] certificate verify failed (_ssl.c:590)
&lt;/code&gt;&lt;/pre&gt;
&lt;p&gt;I paid for an SSL certificate, how do I set it up so that python stops complaining. I received a .crt file, how do I convert that to a .pem? Also, is there any way to fix this globally, such that I don't have to go and change all my all code?&lt;/p&gt;
&lt;p&gt;Thanks!&lt;/p&gt;
&lt;p&gt;FYI, when I type this: conda install python=2.7.7, I get these errors:&lt;/p&gt;
&lt;pre&gt;&lt;code&gt;Fetching package metadata: SSL verification error: [SSL: CERTIFICATE_VERIFY_FAILED] certificate verify failed (_ssl.c:590)
SSL verification error: [SSL: CERTIFICATE_VERIFY_FAILED] certificate verify failed (_ssl.c:590)
.SSL verification error: [SSL: CERTIFICATE_VERIFY_FAILED] certificate verify failed (_ssl.c:590)
SSL verification error: [SSL: CERTIFICATE_VERIFY_FAILED] certificate verify failed (_ssl.c:590)
&lt;/code&gt;&lt;/pre&gt;
&lt;p&gt;so this has nothing to do with any specific URLs, it's a configuration issue, and my question is how do I tell python where to look for my .crt files.&lt;/p&gt;</t>
  </si>
  <si>
    <t>2015-09-17 23:13:58.860000+00:00</t>
  </si>
  <si>
    <t>2015-09-17 23:38:20.990000+00:00</t>
  </si>
  <si>
    <t>python|python-2.7|python-3.x|ssl</t>
  </si>
  <si>
    <t>how to retrieve xml from rss url using js ( jquery)</t>
  </si>
  <si>
    <t>&lt;p&gt;How can I use .ajax request in jquery to retrieve xml data from this link:&lt;/p&gt;
&lt;p&gt;&lt;a href="http://open.live.bbc.co.uk/weather/feeds/en/2643743/3dayforecast.rss" rel="nofollow"&gt;http://open.live.bbc.co.uk/weather/feeds/en/2643743/3dayforecast.rss&lt;/a&gt;&lt;/p&gt;
&lt;p&gt;with the data being assigned to a variable as a string:&lt;/p&gt;
&lt;p&gt;var xml = '';&lt;/p&gt;</t>
  </si>
  <si>
    <t>2013-08-19 18:46:20.357000+00:00</t>
  </si>
  <si>
    <t>2013-08-19 18:51:35.987000+00:00</t>
  </si>
  <si>
    <t>javascript|jquery|xml|rss|request</t>
  </si>
  <si>
    <t>WMI Queries - use property which is not available in all operating systems</t>
  </si>
  <si>
    <t>&lt;p&gt;Propery &lt;code&gt;Win32_OperatingSystem\OSArchitecture&lt;/code&gt; is available on Windows 7, but is not available on Windows XP. I checked this using WMI Code Generator. How should I change the code below to work on both operating systems (Win XP and Win 7)?&lt;/p&gt;
&lt;pre&gt;&lt;code&gt;ObjectQuery objectQuery = new ObjectQuery("SELECT OSArchitecture FROM Win32_OperatingSystem");
ManagementObjectSearcher searcher = new ManagementObjectSearcher(objectQuery);
if (searcher.Get().Count == 0) // this line throw exception on Windows XP
    return null;
&lt;/code&gt;&lt;/pre&gt;
&lt;p&gt;I know that I can catch the exception, but I am looking for a better solution&lt;/p&gt;</t>
  </si>
  <si>
    <t>2014-08-28 11:12:25.080000+00:00</t>
  </si>
  <si>
    <t>2014-08-28 12:29:35.507000+00:00</t>
  </si>
  <si>
    <t>c#|wmi-query</t>
  </si>
  <si>
    <t>Is it possible to share states between components using the `useState()` hook in React?</t>
  </si>
  <si>
    <t>&lt;p&gt;I was experimenting with the new Hook feature in React. Considering I have the following two components (using React Hooks) - &lt;/p&gt;
&lt;pre&gt;&lt;code&gt;const HookComponent = () =&amp;gt; {
  const [username, setUsername] = useState('Abrar');
  const [count, setState] = useState();
  const handleChange = (e) =&amp;gt; {
    setUsername(e.target.value);
  }
  return (
    &amp;lt;div&amp;gt;
      &amp;lt;input name="userName" value={username} onChange={handleChange}/&amp;gt;
      &amp;lt;p&amp;gt;{username}&amp;lt;/p&amp;gt;
      &amp;lt;p&amp;gt;From HookComponent: {count}&amp;lt;/p&amp;gt;
    &amp;lt;/div&amp;gt;
  )
}
const HookComponent2 = () =&amp;gt; {
  const [count, setCount] = useState(999);
  return (
    &amp;lt;div&amp;gt;
      &amp;lt;p&amp;gt;You clicked {count} times&amp;lt;/p&amp;gt;
      &amp;lt;button onClick={() =&amp;gt; setCount(count + 1)}&amp;gt;
        Click me
      &amp;lt;/button&amp;gt;
    &amp;lt;/div&amp;gt;
  );
}
&lt;/code&gt;&lt;/pre&gt;
&lt;p&gt;Hooks claim to solve the problem of sharing stateful logic between components but I found that the states between &lt;code&gt;HookComponent&lt;/code&gt; and &lt;code&gt;HookComponent2&lt;/code&gt; are not sharable. For example the change of &lt;code&gt;count&lt;/code&gt; in &lt;code&gt;HookComponent2&lt;/code&gt; does not render a change in the &lt;code&gt;HookComponent&lt;/code&gt;. &lt;/p&gt;
&lt;p&gt;Is it possible to share states between components using the &lt;code&gt;useState()&lt;/code&gt; hook?&lt;/p&gt;</t>
  </si>
  <si>
    <t>2018-11-23 18:40:11.880000+00:00</t>
  </si>
  <si>
    <t>2018-11-24 05:42:11.837000+00:00</t>
  </si>
  <si>
    <t>javascript|reactjs|react-hooks</t>
  </si>
  <si>
    <t>Issue with MultiThreading and sound</t>
  </si>
  <si>
    <t>&lt;p&gt;After looking online, I found simple examples of a class that shows three or so threads working simultaneously. But I cannot seem to incorporate this into my program. I am making a sound board that utilizes keys 1-9 on the number pad, and is supposed to play a sound bit when pressed, but still allowing other keys to initiate sounds being pressed or recognizing its been released and stop playing. But even though (I think) i have a multi thread system set up, one thread takes complete control of the program, playing one audio file to completion. &lt;/p&gt;
&lt;p&gt;Here is the meat of the program: a simple Frame  that implements Runnable, and is created and started in the Launcher class. It has "circle" objects that display a red circle in the place of the number pad on the frame, and changes to blue if the corresponding number is pressed. It also contains a SoundButton ArrayList that implements Runnable.&lt;/p&gt;
&lt;p&gt;Frame:&lt;/p&gt;
&lt;pre&gt;&lt;code&gt;public class Frame extends JFrame implements Runnable{
private static final long serialVersionUID = 1L;
private Pane pane;
private ArrayList&amp;lt;Circle&amp;gt; c;
private ArrayList&amp;lt;SoundButton&amp;gt; SB;
private KeyManager keyManager;
public Frame(ArrayList&amp;lt;SoundButton&amp;gt; soundButton){
    keyManager = new KeyManager();
    this.addKeyListener(keyManager);
    this.setDefaultCloseOperation(JFrame.EXIT_ON_CLOSE);
    this.getContentPane().setPreferredSize(new Dimension(400, 400));
    this.pack();
    this.setLocationRelativeTo(null);
    pane = new Pane();
    this.add(pane);
    c = new ArrayList&amp;lt;Circle&amp;gt;();
    SB = soundButton;
    c.add(new Circle(20, 140));
    c.add(new Circle(80, 140));
    c.add(new Circle(140, 140));
    c.add(new Circle(20, 80));
    c.add(new Circle(80, 80));
    c.add(new Circle(140, 80));
    c.add(new Circle(20, 20));
    c.add(new Circle(80, 20));
    c.add(new Circle(140, 20));
    this.setVisible(true);
}
public void init(){
    pane.draw(c);
}
public void update(){
    pane.draw(c);
    keyManager.update();
    if(keyManager.isNine()){
        c.get(8).press();
        SB.get(0).start();
    }
    else{
        c.get(8).release();
        SB.get(0).stop();
    }
    if(keyManager.isEight()){
        c.get(7).press();
        SB.get(1).start();
    }
    else{
        c.get(7).release();
        SB.get(1).stop();
    }
    if(keyManager.isSeven()){
        c.get(6).press();
    }
    else{
        c.get(6).release();
    }
    if(keyManager.isSix()){
        c.get(5).press();
    }
    else{
        c.get(5).release();
    }
    if(keyManager.isFive()){
        c.get(4).press();
    }
    else{
        c.get(4).release();
    }
    if(keyManager.isFour()){
        c.get(3).press();
    }
    else{
        c.get(3).release();
    }
    if(keyManager.isThree()){
        c.get(2).press();
    }
    else{
        c.get(2).release();
    }
    if(keyManager.isTwo()){
        c.get(1).press();
    }
    else{
        c.get(1).release();
    }
    if(keyManager.isOne()){
        c.get(0).press();
    }
    else{
        c.get(0).release();
    }
}
public void run() {
    init();
    int fps = 60;
    double timePerUpdate = 1000000000/fps;
    double delta = 0;
    long now;
    long lastTime= System.nanoTime();
    long timer = 0;
    int updates = 0;
    while(true){
        now = System.nanoTime();
        delta += (now - lastTime) / timePerUpdate;
        timer+= now - lastTime; 
        lastTime = now;
        if(delta &amp;gt;= 1){
            update();
            updates ++;
            delta--;
        }
        if(timer &amp;gt;= 1000000000){
            //System.out.println("Updates and Frames: "+ updates);
            updates = 0;
            timer = 0;
        }
    }
}
&lt;/code&gt;&lt;/pre&gt;
&lt;p&gt;}&lt;/p&gt;
&lt;p&gt;SoundButton:&lt;/p&gt;
&lt;pre&gt;&lt;code&gt;public class SoundButton implements Runnable{
private AudioPlayer sound;
private boolean running = false;
private Thread thread;
public SoundButton(String path){
    sound = new AudioPlayer(path);
}
@Override
public void run() {
}
public synchronized void start(){
    if(running){
        return; 
    }
    else{
    running = true;
    thread = new Thread(this);
    thread.start();
    sound.play();
    }
}
public synchronized void stop(){
    if(!running)
        return; 
    running = false;
    sound.stop();
    try {
        thread.join();
    } catch (InterruptedException e) {
        e.printStackTrace();
    }
}
}
&lt;/code&gt;&lt;/pre&gt;
&lt;p&gt;Launcher:&lt;/p&gt;
&lt;pre&gt;&lt;code&gt;public class Launcher {
public static void main(String[] args){
    ArrayList&amp;lt;SoundButton&amp;gt; SB = new ArrayList&amp;lt;SoundButton&amp;gt;();
    SB.add(new SoundButton("/sound/sound1.mp3"));
    SB.add(new SoundButton("/sound/sound2.mp3"));
    Frame f = new Frame(SB);
    Thread t = new Thread(f);
    t.start();
}
}
&lt;/code&gt;&lt;/pre&gt;
&lt;p&gt;and if it is needed, my AudioPlayer class:&lt;/p&gt;
&lt;pre&gt;&lt;code&gt;public class AudioPlayer 
&lt;/code&gt;&lt;/pre&gt;
&lt;p&gt;{&lt;br&gt;
    private Clip clip;&lt;/p&gt;
&lt;pre&gt;&lt;code&gt;public AudioPlayer(String s)
{
    try
    {
        AudioInputStream ais = AudioSystem.getAudioInputStream(
                                getClass().getResourceAsStream(s));
            AudioFormat baseFormat = ais.getFormat();
            AudioFormat decodeFormat = new AudioFormat(
                    AudioFormat.Encoding.PCM_SIGNED,
                    baseFormat.getSampleRate(),
                    16,
                    baseFormat.getChannels(),
                    baseFormat.getChannels() * 2,
                    baseFormat.getSampleRate(),
                    false
                    );
        AudioInputStream dais = AudioSystem.getAudioInputStream(
                                decodeFormat, ais);
        clip = AudioSystem.getClip();
        clip.open(dais);
    }
    catch(Exception e)
    {
        e.printStackTrace();
    }   
}
public void play()
{
    if (clip == null)
    {
        System.out.print("null");
        return;
    }
    stop();
    clip.setFramePosition(0);
    clip.start();
    System.out.println("Drain...");
    clip.drain();
    System.out.println("...Drained");
}
public void stop()
{
    if (clip.isRunning())
    {
        clip.stop();
    }
}
public void close()
{
    stop();
    clip.close();
}
}
&lt;/code&gt;&lt;/pre&gt;</t>
  </si>
  <si>
    <t>2016-04-29 22:16:46.917000+00:00</t>
  </si>
  <si>
    <t>2016-04-29 22:20:17.827000+00:00</t>
  </si>
  <si>
    <t>java|multithreading|audio</t>
  </si>
  <si>
    <t>Adding methods to JSON read object</t>
  </si>
  <si>
    <t>&lt;blockquote&gt;
  &lt;p&gt;&lt;strong&gt;Possible Duplicate:&lt;/strong&gt;&lt;br&gt;
  &lt;a href="https://stackoverflow.com/questions/2838219/easiest-way-to-convert-json-data-into-objects-with-methods-attached"&gt;Easiest way to convert json data into objects with methods attached?&lt;/a&gt;&lt;br&gt;
  &lt;a href="https://stackoverflow.com/questions/11810028/casting-plain-objects-to-function-instances-classes-in-javascript"&gt;Casting plain objects to function instances (���classes���) in javascript&lt;/a&gt;  &lt;/p&gt;
&lt;/blockquote&gt;
&lt;p&gt;I have an object as follows:&lt;/p&gt;
&lt;pre&gt;&lt;code&gt;var Person = function(name, age) {
  this.name = name,
  this.age = age;
}
Person.prototype.talk = function(message) {
    console.log(message);
}
&lt;/code&gt;&lt;/pre&gt;
&lt;p&gt;I create objects as follows:&lt;/p&gt;
&lt;pre&gt;&lt;code&gt;var person = new Person("Test", 20);
&lt;/code&gt;&lt;/pre&gt;
&lt;p&gt;These objects are then saved as JSON (stringify) in browser's local storage&lt;/p&gt;
&lt;p&gt;When I read the object back, I get the data, but I don't get the methods attached, i.e. talk() is not available as a method any more. How do I attach them again?&lt;/p&gt;
&lt;pre&gt;&lt;code&gt;window.localStorage["person"] = JSON.stringify(new Person('Test', 20));
var person = window.localStorage["person"];
person.talk("Hello");
&lt;/code&gt;&lt;/pre&gt;
&lt;p&gt;The error I get is &lt;/p&gt;
&lt;pre&gt;&lt;code&gt;Uncaught TypeError: Object {"name":"Test","age":20} has no method 'talk' 
&lt;/code&gt;&lt;/pre&gt;
&lt;p&gt;Obvious, right? But how do I tell that this is a Person object? Or should I just copy the attributes from the read object onto a new Person object, is that the only way?&lt;/p&gt;</t>
  </si>
  <si>
    <t>2013-01-10 05:00:42.367000+00:00</t>
  </si>
  <si>
    <t>2013-01-10 05:04:44.527000+00:00</t>
  </si>
  <si>
    <t>2017-05-23 12:04:34.370000+00:00</t>
  </si>
  <si>
    <t>Pass a Class instance as an argument</t>
  </si>
  <si>
    <t>&lt;p&gt;i have a python script that in one of the lines calls a function that exists in another class, that exists in another script, i already imported the script and accessed to the function, but that function takes an argument which is an instance of the class itself.
the function is in script &lt;code&gt;model.py&lt;/code&gt; and inside it a class called &lt;code&gt;Model&lt;/code&gt; inside &lt;code&gt;Model&lt;/code&gt;  is the function, the function inside &lt;strong&gt;model.py&lt;/strong&gt;&lt;/p&gt;
&lt;pre&gt;&lt;code&gt;  class Model(object):    
    def create_base(self,
      images,
      labels_one_hot,
      scope='AttentionOcr_v1',
      reuse=None):
&lt;/code&gt;&lt;/pre&gt;
&lt;p&gt;so when i run the following code&lt;/p&gt;
&lt;pre&gt;&lt;code&gt;import skimage.io as io
import numpy as np
import collections
import os
import tensorflow as tf
import common_flags
import model
from tensorflow.python.platform import flags
FLAGS = flags.FLAGS
common_flags.define()
images_placeholder = tf.placeholder(tf.float32, shape=[635, 1219])
fn ='/home/ubuntu/tensorflow/6m.jpg'
images = [io.imread(fn, dtype='float')]
print(images)
images_actual_data = np.stack(images)
images_actual_data = 2.5*(images_actual_data - 0.5)  # normalize values
dataset = common_flags.create_dataset(split_name=FLAGS.split_name)
modelout = common_flags.create_model(dataset.num_char_classes,
                                    dataset.max_sequence_length,
                                    dataset.num_of_views, dataset.null_code)
endpoints = model.Model.create_base(images_placeholder, labels_one_hot=None)
with tf.Session() as sess:
    init_fn = model.create_init_fn_to_restore('/nsfs/tensor_models/models/research/attention_ocr/python/inception_v3.ckpt', '')
    init_fn(sess)
    sess.run(tf.global_variables_initializer()) 
    predictions = sess.run(endpoints.predicted_chars, feed_dict={images_placeholder:images_actual_data.reshape(1,imHeight,imWidth,imChannel)})
    print predictions
&lt;/code&gt;&lt;/pre&gt;
&lt;p&gt;i get the following error:&lt;/p&gt;
&lt;pre&gt;&lt;code&gt;INFO 2017-11-20 15:08:46.000545: fsns.py: 130 Using FSNS dataset split_name=train dataset_dir=/nsfs/tensor_models/models/research/attention_ocr/python/datasets/data/fsns
Traceback (most recent call last):
  File "run_tf.py", line 31, in &amp;lt;module&amp;gt;
    endpoints = model.Model.create_base(images_placeholder, labels_one_hot=None)
TypeError: unbound method create_base() must be called with Model instance as first argument (got Tensor instance instead)
&lt;/code&gt;&lt;/pre&gt;
&lt;p&gt;I'm new to python, so any idea that can help?
Thanks&lt;/p&gt;</t>
  </si>
  <si>
    <t>2017-11-20 15:44:02.233000+00:00</t>
  </si>
  <si>
    <t>2017-11-21 13:49:28.810000+00:00</t>
  </si>
  <si>
    <t>How to get only images from gallery</t>
  </si>
  <si>
    <t>&lt;p&gt;I want to get image from gallery and set as background in some layout.
What I do:&lt;/p&gt;
&lt;pre&gt;&lt;code&gt;    Intent intent = new Intent(Intent.ACTION_PICK,android.provider.MediaStore.Images.Media.EXTERNAL_CONTENT_URI);
    startActivityForResult(intent, Constants.SELECT_IMAGE);
&lt;/code&gt;&lt;/pre&gt;
&lt;p&gt;This intent shows me a gallery and allows pick not only pictures, but video too. But I need &lt;strong&gt;only images&lt;/strong&gt; for set to background. Give me please correct sample.&lt;/p&gt;
&lt;p&gt;this way doesn't help:&lt;/p&gt;
&lt;pre&gt;&lt;code&gt;Intent intent = new Intent();
intent.setType("image/*");
intent.setAction(Intent.ACTION_GET_CONTENT);
startActivityForResult(Intent.createChooser(intent, "Select Picture"), PICK_IMAGE);
&lt;/code&gt;&lt;/pre&gt;</t>
  </si>
  <si>
    <t>2013-08-01 12:56:25.740000+00:00</t>
  </si>
  <si>
    <t>2013-08-01 12:58:21.400000+00:00</t>
  </si>
  <si>
    <t>java|android|image</t>
  </si>
  <si>
    <t>get string to ng-model value angular js</t>
  </si>
  <si>
    <t>&lt;p&gt;I have 10 input fields each of them looks like:&lt;/p&gt;
&lt;pre&gt;&lt;code&gt;&amp;lt;input type='text' ng-model='value1' ng-keyup='checkValue($event)'&amp;gt;
&lt;/code&gt;&lt;/pre&gt;
&lt;p&gt;now inside my angular controller, the &lt;code&gt;checkValue&lt;/code&gt; function is &lt;/p&gt;
&lt;pre&gt;&lt;code&gt;$scope.checkValue = function(event){
  if(event.target.value &amp;gt; someOtherDynamicValue){
    // I have to reset the value here
    event.target.value = "";
  }
}
&lt;/code&gt;&lt;/pre&gt;
&lt;p&gt;here the value is getting empty if the &lt;code&gt;if&lt;/code&gt; condition is true but the problem is this value is not removing from &lt;code&gt;ng-model&lt;/code&gt;. So I tried to access the &lt;code&gt;ng-model&lt;/code&gt; name of the target element like this:&lt;/p&gt;
&lt;pre&gt;&lt;code&gt;var modelName = angular.element(event.target)[0]attributes[2].nodeValue;
&lt;/code&gt;&lt;/pre&gt;
&lt;p&gt;So now in &lt;code&gt;modelName&lt;/code&gt; i have the &lt;code&gt;ng-model&lt;/code&gt; name of the target element and I tried to reset it :&lt;/p&gt;
&lt;pre&gt;&lt;code&gt;$scope.modelName = "";
&lt;/code&gt;&lt;/pre&gt;
&lt;p&gt;So finally my code looks like:&lt;/p&gt;
&lt;pre&gt;&lt;code&gt;$scope.checkValue = function(event){
      if(event.target.value &amp;gt; someOtherDynamicValue){
        // I have to reset the value here
        event.target.value = "";
        var modelName = angular.element(event.target)[0]attributes[2].nodeValue;
        $scope.modelName = "";
      }
    }
&lt;/code&gt;&lt;/pre&gt;
&lt;p&gt;I know it is treating &lt;code&gt;$scope.modelName&lt;/code&gt; as a new independent scope variable but how can I change the value of &lt;code&gt;ng-model&lt;/code&gt;?&lt;/p&gt;
&lt;p&gt;&lt;strong&gt;EDIT&lt;/strong&gt;&lt;/p&gt;
&lt;p&gt;What I really want to achieve is: I have 10 fields with different &lt;code&gt;ng-model&lt;/code&gt; name now when I am writing the angular function, I don't want to use the &lt;code&gt;ng-model&lt;/code&gt; directly inside the function. Example:&lt;/p&gt;
&lt;pre&gt;&lt;code&gt;$scope.checkValue = function(event){
  if(event.target.value &amp;gt; someOtherDynamicValue){
    // I have to reset the value here
    $scope.value1 = ""; //I don't want to do this, because $scope.value1 is for one text field and I have 10 filed if i use this i need to write it 10 times 
  }
}
&lt;/code&gt;&lt;/pre&gt;
&lt;p&gt;So &lt;code&gt;$scope.value1&lt;/code&gt; I want to generate dynamically using &lt;code&gt;event.target&lt;/code&gt;.&lt;/p&gt;
&lt;p&gt;Thanks.&lt;/p&gt;</t>
  </si>
  <si>
    <t>2016-12-31 08:00:42.717000+00:00</t>
  </si>
  <si>
    <t>2016-12-31 08:45:21.057000+00:00</t>
  </si>
  <si>
    <t>javascript|angularjs|variables</t>
  </si>
  <si>
    <t>Getting the Gnu Scientific Library to work in Cygwin</t>
  </si>
  <si>
    <t>&lt;p&gt;I'm using gsl and Cygwin, and to get started I am trying to compile a very simple program (which I will later call from a Fortran program). I am unable to get it compile due to problems locating the the gsl files. The code is:&lt;/p&gt;
&lt;pre&gt;&lt;code&gt;#include &amp;lt;gsl/gsl_math.h&amp;gt;
void gslgateway_(double *x, double *res){
   *res = gsl_atanh(*x);
}
&lt;/code&gt;&lt;/pre&gt;
&lt;p&gt;When I try to compile it by:&lt;/p&gt;
&lt;pre&gt;&lt;code&gt;gcc -c gslgateway.c
&lt;/code&gt;&lt;/pre&gt;
&lt;p&gt;I get the following error:&lt;/p&gt;
&lt;pre&gt;&lt;code&gt;gslgateway.c:1:26: error: gsl/gsl_math.h: No such file or directory
&lt;/code&gt;&lt;/pre&gt;
&lt;p&gt;If I change the first line to&lt;/p&gt;
&lt;pre&gt;&lt;code&gt;#include &amp;lt;C:/cygwin/usr/include/gsl/gsl_math.h&amp;gt;
&lt;/code&gt;&lt;/pre&gt;
&lt;p&gt;then gsl_math.h is found, but a bunch of other files are not:&lt;/p&gt;
&lt;pre&gt;&lt;code&gt;In file included from gslgateway.c:1:
C:/cygwin/usr/include/gsl/gsl_math.h:23:25: error: gsl/gsl_sys.h: No such file or directory
...
&lt;/code&gt;&lt;/pre&gt;
&lt;p&gt;So, the problem seems to be the path to the library files. But try as I might, I can't seem to set this correctly. I used gsl-config as suggested at  &lt;a href="https://stackoverflow.com/questions/1529509/using-gsl-with-cygwin-g"&gt;Using GSL with cygwin g++&lt;/a&gt; and it gives me&lt;/p&gt;
&lt;pre&gt;&lt;code&gt;-L/usr/include
&lt;/code&gt;&lt;/pre&gt;
&lt;p&gt;so I tried compiling using that as an option, but I get the same result. I've also tried setting LD_LIBRARY_PATH to /usr/lib, /usr/include, C:/cygwin/usr/include and several other combinations but nothing works.&lt;/p&gt;
&lt;p&gt;I don't know what else to try now. Can anyone see what I'm missing?&lt;/p&gt;
&lt;p&gt;(Other info: I have gsl-devel installed. At least, I asked the Cygwin Installer to install it, and I can find a folder /usr/include/gsl that contains gsl_math.h amongst many other files. I don't know if there's anything else I need to do there.)&lt;/p&gt;</t>
  </si>
  <si>
    <t>2011-09-06 11:59:10.993000+00:00</t>
  </si>
  <si>
    <t>2011-09-06 17:32:21.560000+00:00</t>
  </si>
  <si>
    <t>2017-05-23 12:19:03.503000+00:00</t>
  </si>
  <si>
    <t>c|cygwin|gsl</t>
  </si>
  <si>
    <t>All Conversions leaking into Conversions (Include in "conversions" unchecked)</t>
  </si>
  <si>
    <t>&lt;p&gt;Wondering how it's possible for "all conversions" to leak into "conversions" when the include in "conversions" option is unchecked/no.&lt;/p&gt;
&lt;p&gt;For example, the bottom 4 rows are all not supposed to be included in conversions. Only the first row is supposed to be included in conversions, which it is, 100%.&lt;/p&gt;
&lt;p&gt;Is this a technical issue or something I am missing in the definitions?&lt;/p&gt;
&lt;p&gt;&lt;a href="https://i.stack.imgur.com/Q2Tvm.png" rel="nofollow noreferrer"&gt;&lt;img src="https://i.stack.imgur.com/Q2Tvm.png" alt="Conversions"&gt;&lt;/a&gt;&lt;/p&gt;</t>
  </si>
  <si>
    <t>2018-02-22 19:46:55.567000+00:00</t>
  </si>
  <si>
    <t>2018-02-23 21:27:32.527000+00:00</t>
  </si>
  <si>
    <t>google-adwords</t>
  </si>
  <si>
    <t>Android Resource Resolution Strategy fails for be-BY language</t>
  </si>
  <si>
    <t>&lt;p&gt;I've faced with behavior which I'm unable to explain by using android official reference to resource resolution strategy. I'm using Android 7.1.1.&lt;/p&gt;
&lt;hr&gt;
&lt;p&gt;My app has following resources:&lt;/p&gt;
&lt;ol&gt;
&lt;li&gt;values&lt;/li&gt;
&lt;li&gt;values-ru&lt;/li&gt;
&lt;li&gt;values-ru-rBY&lt;/li&gt;
&lt;li&gt;values-ru-rKZ&lt;/li&gt;
&lt;/ol&gt;
&lt;p&gt;And the list of system languages is the following:&lt;/p&gt;
&lt;ol&gt;
&lt;li&gt;be_BY&lt;/li&gt;
&lt;li&gt;kk_KZ&lt;/li&gt;
&lt;/ol&gt;
&lt;p&gt;The &lt;strong&gt;problem&lt;/strong&gt;: according to &lt;a href="https://developer.android.com/guide/topics/resources/multilingual-support.html" rel="nofollow noreferrer"&gt;Resource Resolution example&lt;/a&gt; I'm expecting that app configuration locale (Resources.Configuration.Locale) will be en - the default locale. But surprisingly Android keeps be_BY.
When the order of these two languages is reverted (1. kk_KZ, 2. be_BY), Android changes configuration locale to be_BY, despite the fact my app doesn't have neither be_BY nor kk_KZ resources at all. After that app is referencing to en resources.&lt;/p&gt;
&lt;p&gt;As soon as I've added values-be-rBY and values-kk-rKZ folders to my app project Android has become set locale properly - be_BY for list of languages&lt;/p&gt;
&lt;ol&gt;
&lt;li&gt;be_BY&lt;/li&gt;
&lt;li&gt;kk_KZ&lt;/li&gt;
&lt;/ol&gt;
&lt;p&gt;and kk_KZ for list of languages&lt;/p&gt;
&lt;ol&gt;
&lt;li&gt;kk_KZ&lt;/li&gt;
&lt;li&gt;be_BY&lt;/li&gt;
&lt;/ol&gt;
&lt;p&gt;Based on this fact I assume Android sets app locale depending on its specified resources, but it contradicts with described &lt;strong&gt;problem&lt;/strong&gt;&lt;/p&gt;
&lt;p&gt;So, here is my question: is my understanding correct? Why it behaves so?&lt;/p&gt;</t>
  </si>
  <si>
    <t>2018-04-05 07:51:59.870000+00:00</t>
  </si>
  <si>
    <t>2018-04-06 10:03:23.793000+00:00</t>
  </si>
  <si>
    <t>2018-04-05 10:18:07.383000+00:00</t>
  </si>
  <si>
    <t>android|xamarin.android|android-7.1-nougat</t>
  </si>
  <si>
    <t>What kind of information is stored in a .cpp file extension?</t>
  </si>
  <si>
    <t>&lt;p&gt;I researched this question on Google and Stak Overflow but couldn't find an answer to it. &lt;/p&gt;
&lt;p&gt;I am trying to find out what all information is stored in a .cpp file extension. Meaning, is it just code that has been compiled (meaning compiled code)? Does have an object file in it? Does it include an object in it? What exactly does it consist of?&lt;/p&gt;</t>
  </si>
  <si>
    <t>2018-01-12 23:27:18.177000+00:00</t>
  </si>
  <si>
    <t>2018-01-12 23:45:25.350000+00:00</t>
  </si>
  <si>
    <t>c++|file</t>
  </si>
  <si>
    <t>How to sort an HTML table with multiple columns in javascript and/or jquery</t>
  </si>
  <si>
    <t>&lt;p&gt;So I like to learn on my own and get help. I do not want to use a javascript/jquery plugin because I want to develop my own code. So how would I sort a table by alphabetical order on a click of a button? When they click the button, The row will alphabetize and the rest of the row will follow suit, according to the column that is being sorted. Thanks!&lt;/p&gt;
&lt;pre&gt;&lt;code&gt;&amp;lt;table id=sortableTable"&amp;gt;
    &amp;lt;thead id="myTHead"&amp;gt;
      &amp;lt;tr&amp;gt;
         &amp;lt;th&amp;gt; Month &amp;lt;/th&amp;gt;
         &amp;lt;th&amp;gt; Population &amp;lt;/th&amp;gt;
      &amp;lt;/tr&amp;gt;
   &amp;lt;/thead&amp;gt;
   &amp;lt;tbody id="myBody"&amp;gt;
&amp;lt;tr&amp;gt;
&amp;lt;td&amp;gt;March&amp;lt;/td&amp;gt;
&amp;lt;td&amp;gt;100&amp;lt;/td&amp;gt;
&amp;lt;/tr&amp;gt;
&amp;lt;tr&amp;gt;
&amp;lt;td&amp;gt;April&amp;lt;/td&amp;gt;
&amp;lt;td&amp;gt;300&amp;lt;/td&amp;gt;
&amp;lt;/tr&amp;gt;
 &amp;lt;tr&amp;gt;
&amp;lt;td&amp;gt;Febuary&amp;lt;/td&amp;gt;
&amp;lt;td&amp;gt;200&amp;lt;/td&amp;gt;
&amp;lt;/tr&amp;gt;
&lt;/code&gt;&lt;/pre&gt;</t>
  </si>
  <si>
    <t>2012-07-26 15:28:28.940000+00:00</t>
  </si>
  <si>
    <t>2014-06-13 21:33:31.913000+00:00</t>
  </si>
  <si>
    <t>javascript|jquery|html|arrays|jquery-ui-sortable</t>
  </si>
  <si>
    <t>GIT and 'mountain lion' and ' export PATH=/usr/local/git/bin:$PATH '</t>
  </si>
  <si>
    <t>&lt;p&gt;I have installed GIT on my Mac mountain lion 10.8.5
I cannot get the GIT commands to execute.&lt;/p&gt;
&lt;p&gt;original issue:
terminal &lt;/p&gt;
&lt;pre&gt;&lt;code&gt;git init new_repository
dyld:lazy symbol binding failed: symbol not found
&lt;/code&gt;&lt;/pre&gt;
&lt;p&gt;I found several posts relating to the $PATH and I am close to understanding the concepts of these paths but I am uncertain as to where I should be, which directory  ?? I should run the following command.
    git init new_repository&lt;/p&gt;
&lt;p&gt;This was suggested in post and had 53 up votes.&lt;/p&gt;
&lt;p&gt;&lt;a href="https://stackoverflow.com/questions/5545715/how-do-i-add-usr-local-git-bin-to-the-path-on-mac-osx/5545748#5545748"&gt;how do I add /usr/local/git/bin/ to the PATH on mac osx?&lt;/a&gt;&lt;/p&gt;
&lt;p&gt;Begin of that posted answer
You can add the following to ~/.bash_profile:&lt;/p&gt;
&lt;pre&gt;&lt;code&gt;export PATH=/usr/local/git/bin:$PATH
&lt;/code&gt;&lt;/pre&gt;
&lt;p&gt;The change will get applied with the next terminal window you open.
End of answer.&lt;/p&gt;
&lt;p&gt;Editing my .bash_profile with the above code did not change anything.&lt;/p&gt;
&lt;p&gt;Below is my current path.  Maybe someone will notice something that I am missing.&lt;/p&gt;
&lt;pre&gt;&lt;code&gt;~ mycomputer $ echo $PATH
~ mycomputer $ pwd
/Users/mycomputer
~ mycomputer $ echo $PATH
/usr/bin:/bin:/usr/sbin:/sbin:/usr/local/bin:/usr/local/git/bin
mycomputer:~ mycomputer$ 
&lt;/code&gt;&lt;/pre&gt;
&lt;p&gt;I want to be able to run git from terminal.
Can someone explain Things ?
Which file do I modify to include What PATH ?&lt;/p&gt;
&lt;p&gt;thanks&lt;/p&gt;</t>
  </si>
  <si>
    <t>2014-09-23 16:41:46.203000+00:00</t>
  </si>
  <si>
    <t>2014-09-23 17:54:09.897000+00:00</t>
  </si>
  <si>
    <t>2017-05-23 12:05:49.410000+00:00</t>
  </si>
  <si>
    <t>git|bash|osx-mountain-lion|dyld</t>
  </si>
  <si>
    <t>Delete/Replace multiple instances of two consecutive patterns using RegEx in Notepad++</t>
  </si>
  <si>
    <t>&lt;p&gt;Following is sample text.&lt;/p&gt;
&lt;pre&gt;&lt;code&gt;Header
This is test, and
mid line adsf
bag a lot of many things
shoes&amp;gt;
shoes/
This line should not be affected.
Neither this line.
This is test, and
mid line
bag a lot of many things
shoes&amp;gt;
shoes/
Footer
&lt;/code&gt;&lt;/pre&gt;
&lt;p&gt;Need to replace/remove lines where text starts with &lt;code&gt;This is test&lt;/code&gt; and ends with &lt;/p&gt;
&lt;pre&gt;&lt;code&gt;shoes&amp;gt;
shoes/
&lt;/code&gt;&lt;/pre&gt;
&lt;p&gt;using Notepad++ 7.5&lt;/p&gt;
&lt;p&gt;Newbie to RegEx, following were my trials, failed to select multiple instance. &lt;/p&gt;
&lt;pre&gt;&lt;code&gt;(This is test).*(shoes/)
^This is test.*shoes/$
&lt;/code&gt;&lt;/pre&gt;
&lt;p&gt;Expected output is&lt;/p&gt;
&lt;pre&gt;&lt;code&gt;Header
This line should not be affected.
Neither this line.
Footer
&lt;/code&gt;&lt;/pre&gt;</t>
  </si>
  <si>
    <t>2018-07-10 19:34:37.523000+00:00</t>
  </si>
  <si>
    <t>2018-07-10 20:59:33.187000+00:00</t>
  </si>
  <si>
    <t>regex|notepad++</t>
  </si>
  <si>
    <t>Media Queries for desktop screens and mobile screen</t>
  </si>
  <si>
    <t>&lt;p&gt;I have this media query:&lt;/p&gt;
&lt;pre&gt;&lt;code&gt;@media only screen
and (max-width : 320px),
only screen
and (max-device-width : 320px)
and (min-device-pixel-ratio : 2),
only screen
and (max-device-width : 320px)
and (-webkit-min-device-pixel-ratio : 2),
only screen
and (max-device-width : 320px) {
&lt;/code&gt;&lt;/pre&gt;
&lt;p&gt;It selects browsers on a  desktop less than 320px in width, iphone 4's in portrait but it also selects iphone 4's in landscape. Surely this should NOT select iPhone 4's in landscape?&lt;/p&gt;
&lt;p&gt;From my understanding the first part selects screens less than 320px in width.&lt;/p&gt;
&lt;p&gt;Second part same as second but with webkit vendor prefix&lt;/p&gt;
&lt;p&gt;Third part selects screens on mobile devices less than 320px in width but with double pixel density (iPhone 4/4s in this case)&lt;/p&gt;
&lt;p&gt;and fourth part is same as previous two but without double pixel density therefore should select iPhone 3gs and other mobiel devices which have 320px max width screens. I therefore, based on the above do not expect it to select landscape mode on any iPhone?&lt;/p&gt;
&lt;p&gt;Any ideas how to add to it to solve that?&lt;/p&gt;
&lt;p&gt;Neil&lt;/p&gt;</t>
  </si>
  <si>
    <t>2012-06-17 15:24:07.650000+00:00</t>
  </si>
  <si>
    <t>2012-06-17 17:34:20.330000+00:00</t>
  </si>
  <si>
    <t>2012-06-17 15:58:36.213000+00:00</t>
  </si>
  <si>
    <t>css|media-queries</t>
  </si>
  <si>
    <t>main-address not returned from linkedin api</t>
  </si>
  <si>
    <t>&lt;p&gt;I am using the javascript api to get the profile information from linkedin. For that the url passed is -&lt;/p&gt;
&lt;pre&gt;&lt;code&gt;https://api.linkedin.com/v1/people::(~):(id,first-name,last-name,picture-url,main-address,headline,industry,summary,location,positions) 
&lt;/code&gt;&lt;/pre&gt;
&lt;p&gt;I am getting all the fields from this api except main-address. When I see the response in console it does not show the mainAddress field. 
There is an address to that linkedin profile.&lt;/p&gt;
&lt;p&gt;Does there need to have other field other than main-address?&lt;/p&gt;
&lt;p&gt;Any help appreciated !&lt;/p&gt;
&lt;p&gt;Thanks.&lt;/p&gt;</t>
  </si>
  <si>
    <t>2012-11-02 13:42:09.510000+00:00</t>
  </si>
  <si>
    <t>2012-11-03 10:06:56.757000+00:00</t>
  </si>
  <si>
    <t>2012-11-02 13:48:22.080000+00:00</t>
  </si>
  <si>
    <t>php|javascript|linkedin</t>
  </si>
  <si>
    <t>Excel Conditional Formatting Percentile Range</t>
  </si>
  <si>
    <t>&lt;p&gt;I have a list of 100 students each with different scores
I would like to highlight the cells according to the following table:&lt;/p&gt;
&lt;pre&gt;&lt;code&gt;0th to 20th percentile: Green
20th to 40th percentile Blue
40th to 60th percentile Purple
60th to 80th percentile Yellow
80th to 100th percentile Red
&lt;/code&gt;&lt;/pre&gt;
&lt;p&gt;Note: Percentile NOT score&lt;/p&gt;
&lt;p&gt;Currently Excel only allows me to highlight the top x% and bottom x% of the students, nothing in between.&lt;/p&gt;
&lt;p&gt;How do I do that?&lt;/p&gt;
&lt;p&gt;It will be good if I can highlight both column A and B based on the values in column B&lt;/p&gt;
&lt;p&gt;&lt;a href="https://i.stack.imgur.com/41DKL.png" rel="nofollow noreferrer"&gt;&lt;img src="https://i.stack.imgur.com/41DKL.png" alt="enter image description here"&gt;&lt;/a&gt;&lt;/p&gt;</t>
  </si>
  <si>
    <t>2018-10-20 14:16:37.680000+00:00</t>
  </si>
  <si>
    <t>2018-10-20 17:01:34.477000+00:00</t>
  </si>
  <si>
    <t>excel|conditional-formatting</t>
  </si>
  <si>
    <t>Exceeded Your Daily Request</t>
  </si>
  <si>
    <t>&lt;p&gt;I have just got a new api key for doing map requests, but today I am getting the error:&lt;/p&gt;
&lt;p&gt;callback=mr.maps.init:43 Geocoding Service: You have exceeded your daily request quota for this API.  For more information on usage limits and the Google Maps Javascript API services please see: &lt;a href="https://developers.google.com/maps/documentation/javascript/usage" rel="nofollow noreferrer"&gt;https://developers.google.com/maps/documentation/javascript/usage&lt;/a&gt;&lt;/p&gt;
&lt;p&gt;I am one of 2 visitors to the site running on a local server. and we have not refreshed the page 25,000 times to exceed the request limit.&lt;/p&gt;
&lt;p&gt;Wondering why I am getting this error, and if I can check the number of requests my api key has made.&lt;/p&gt;</t>
  </si>
  <si>
    <t>2017-10-04 18:41:58.557000+00:00</t>
  </si>
  <si>
    <t>2017-10-04 18:50:53.527000+00:00</t>
  </si>
  <si>
    <t>javascript|google-maps</t>
  </si>
  <si>
    <t>Removing android-support-v7-appcompat</t>
  </si>
  <si>
    <t>&lt;p&gt;I was using the Android developer guide to learn. On my first run, I ran into a number of problems setting up the &lt;strong&gt;v7 appcompat library&lt;/strong&gt; which caused more errors for the next steps ahead of the guide. I had to restart coding the guide.&lt;/p&gt;
&lt;p&gt;However, I am not sure how to remove the support library (I want to start over), which is currently on the same directory of my app folder. I am using Eclipse IDE. Can I just delete it from the Package Explorer? Will that wipe the library clean? If not, how should I remove the library to re-learn?&lt;/p&gt;</t>
  </si>
  <si>
    <t>2013-08-23 14:51:09.773000+00:00</t>
  </si>
  <si>
    <t>android|eclipse|android-actionbar</t>
  </si>
  <si>
    <t>Delayed Windows cmd echo with GNU Make environment</t>
  </si>
  <si>
    <t>&lt;p&gt;I have few simple targets which create some files for me.
Example:&lt;/p&gt;
&lt;pre&gt;&lt;code&gt;$(MAKE_INA):
    @echo Building ASM compilation flags file $(notdir $(MAKE_INA))
    @$(foreach i, $(sort $(ASMFLAGS) $(PFLAGS) $(ALL_INC_DIR) $(cppGetPreProcessorDefines)), $(shell echo $i &amp;gt;&amp;gt; $@ ))
&lt;/code&gt;&lt;/pre&gt;
&lt;p&gt;The target works fine, the file is being created and echo text displayed, but in that order (first the file is build then the echo is shown on cmd.exe console).&lt;/p&gt;
&lt;p&gt;I guess that is related somehow with output buffering, but I was not able to find the way to flush the echos immediately.&lt;/p&gt;
&lt;p&gt;Any hint? Is it even possible?&lt;/p&gt;
&lt;p&gt;I am using Gnu Make 4.0&lt;/p&gt;</t>
  </si>
  <si>
    <t>2015-08-25 13:47:46.137000+00:00</t>
  </si>
  <si>
    <t>2015-08-25 23:07:38.793000+00:00</t>
  </si>
  <si>
    <t>windows|command-line|makefile|gnu-make</t>
  </si>
  <si>
    <t>Firebase messaging works only in foreground</t>
  </si>
  <si>
    <t>&lt;pre&gt;&lt;code&gt;- (BOOL)application:(UIApplication *)application didFinishLaunchingWithOptions:(NSDictionary *)launchOptions {
    [UNUserNotificationCenter currentNotificationCenter].delegate = self;
    UNAuthorizationOptions authOptions =
    UNAuthorizationOptionAlert
    | UNAuthorizationOptionSound
    | UNAuthorizationOptionBadge;
    [[UNUserNotificationCenter currentNotificationCenter] requestAuthorizationWithOptions:authOptions completionHandler:^(BOOL granted, NSError * _Nullable error) {
    }];
    [FIRMessaging messaging].remoteMessageDelegate = self;
    [[UIApplication sharedApplication] registerForRemoteNotifications];
    [FIRApp configure];
    [[NSNotificationCenter defaultCenter] addObserver:self selector:@selector(tokenRefreshNotification:)
                                                 name:kFIRInstanceIDTokenRefreshNotification object:nil];
    return YES;
}
- (void)applicationWillResignActive:(UIApplication *)application {
}
- (void)applicationDidEnterBackground:(UIApplication *)application {
   [[FIRMessaging messaging] disconnect];
   NSLog(@"Disconnected from FCM");
}
- (void)applicationWillEnterForeground:(UIApplication *)application {
}
- (void)applicationDidBecomeActive:(UIApplication *)application {
    [self connectToFcm];
}
- (void)applicationWillTerminate:(UIApplication *)application {
}
- (void)application:(UIApplication *)application didReceiveRemoteNotification:(NSDictionary *)userInfo {
    // Print message ID.
    NSLog(@"message 1");
    if (userInfo[kGCMMessageIDKey]) {
        NSLog(@"Message ID: %@", userInfo[kGCMMessageIDKey]);
    }
    // Print full message.
    NSLog(@"%@", userInfo);
}
- (void)application:(UIApplication *)application didReceiveRemoteNotification:(NSDictionary *)userInfo
fetchCompletionHandler:(void (^)(UIBackgroundFetchResult))completionHandler {
    // Print message ID.
    NSLog(@"message 2");
    if (userInfo[kGCMMessageIDKey]) {
        NSLog(@"Message ID: %@", userInfo[kGCMMessageIDKey]);
    }
    NSLog(@"%@", userInfo);
    completionHandler(UIBackgroundFetchResultNewData);
}
- (void)userNotificationCenter:(UNUserNotificationCenter *)center
       willPresentNotification:(UNNotification *)notification
         withCompletionHandler:(void (^)(UNNotificationPresentationOptions))completionHandler {
    NSLog(@"message 3");
    NSDictionary *userInfo = notification.request.content.userInfo;
    if (userInfo[kGCMMessageIDKey]) {
        NSLog(@"Message ID: %@", userInfo[kGCMMessageIDKey]);
    }
    NSLog(@"full data : %@", userInfo);
    completionHandler(UNNotificationPresentationOptionAlert);
}
- (void)userNotificationCenter:(UNUserNotificationCenter *)center
didReceiveNotificationResponse:(UNNotificationResponse *)response
         withCompletionHandler:(void (^)())completionHandler {
    NSDictionary *userInfo = response.notification.request.content.userInfo;
    NSLog(@"message 1");
    if (userInfo[kGCMMessageIDKey]) {
        NSLog(@"Message ID: %@", userInfo[kGCMMessageIDKey]);
    }
    // Print full message.
    NSLog(@"%@", userInfo);
    completionHandler();
}
- (void)applicationReceivedRemoteMessage:(FIRMessagingRemoteMessage *)remoteMessage {
    // Print full message
    NSLog(@"applicationReceivedRemoteMessage  : %@", remoteMessage.appData);
}
- (void)tokenRefreshNotification:(NSNotification *)notification {
    NSUserDefaults *defaults = [NSUserDefaults standardUserDefaults];
    NSString *refreshedToken = [[FIRInstanceID instanceID] token];
    NSLog(@"InstanceID token: %@", refreshedToken);
    if(!(refreshedToken== nil)){
        [defaults setValue:refreshedToken forKey:@"FcmToken"];
    }
    [self connectToFcm];
}
- (void)connectToFcm {
    if (![[FIRInstanceID instanceID] token]) {
        return;
    }
    [[FIRMessaging messaging] disconnect];
    [[FIRMessaging messaging] connectWithCompletion:^(NSError * _Nullable error) {
        if (error != nil) {
            NSLog(@"Unable to connect to FCM. %@", error);
        } else {
            NSLog(@"Connected to FCM.");
        }
    }];
}
- (void)application:(UIApplication *)application didFailToRegisterForRemoteNotificationsWithError:(NSError *)error {
    NSLog(@"Unable to register for remote notifications: %@", error);
}
- (void)application:(UIApplication *)application didRegisterForRemoteNotificationsWithDeviceToken:(NSData *)deviceToken {
    NSLog(@"APNs token retrieved: %@", deviceToken); 
}
enter code here
&lt;/code&gt;&lt;/pre&gt;
&lt;p&gt;When app is in the background mode, message not coming. When app is running foreground mode message shows in applicationReceivedRemoteMessage function. I need to run some code when message comes when background mode. Can anyone give me the solution for get the notifications works in background mode.&lt;/p&gt;</t>
  </si>
  <si>
    <t>2017-06-30 10:25:23.700000+00:00</t>
  </si>
  <si>
    <t>2017-06-30 11:06:56.940000+00:00</t>
  </si>
  <si>
    <t>2017-06-30 10:31:22.970000+00:00</t>
  </si>
  <si>
    <t>ios|objective-c|firebase|firebase-cloud-messaging</t>
  </si>
  <si>
    <t>How to checkout commits in detached head</t>
  </si>
  <si>
    <t>&lt;p&gt;I had 2 commits in a detatched head. I tried to checkout master, in order to branch it and add the new commits, and now the 2 commits are gone. Is there any way to retrieve them?&lt;/p&gt;
&lt;p&gt;the tree was : &lt;/p&gt;
&lt;p&gt;commit a -&gt; commit b master&lt;/p&gt;
&lt;p&gt;commit a -&gt; commit c -&gt; commit d HEAD&lt;/p&gt;
&lt;p&gt;I want d back.&lt;/p&gt;
&lt;p&gt;As instructed in other questions, I have gotten the SHA-1 of the "lost" commits with &lt;/p&gt;
&lt;pre&gt;&lt;code&gt;git reflog
&lt;/code&gt;&lt;/pre&gt;
&lt;p&gt;How can I create a branch in a, and merge the 2 commits? Do I check out 'commit a' branch, and use merge with the SHA-1 of 'commit d' (the latest commit in the detatched head)?&lt;/p&gt;</t>
  </si>
  <si>
    <t>2015-11-12 10:28:40.550000+00:00</t>
  </si>
  <si>
    <t>2015-11-12 10:36:02.210000+00:00</t>
  </si>
  <si>
    <t>How to print out long text to multi-page</t>
  </si>
  <si>
    <t>&lt;p&gt;A SQL &lt;code&gt;varchar(7900)&lt;/code&gt; data need to be print out. It cannot fill in one page.
How to break it down to two pages without break a word.&lt;/p&gt;
&lt;p&gt;I cannot use &lt;code&gt;substring(FieldA, 1, 3000)&lt;/code&gt; and next page &lt;code&gt;substring(FieldA, 3001, 6000)&lt;/code&gt;, because work for example "BOOK" may break to "B" as last letter in 3000 position, and "OOK" shows in the next page.&lt;/p&gt;</t>
  </si>
  <si>
    <t>2015-05-29 21:34:12.233000+00:00</t>
  </si>
  <si>
    <t>2015-05-30 14:04:04.613000+00:00</t>
  </si>
  <si>
    <t>How to log data from RDD without doing transformations or output operations in Spark after exception is caught in driver</t>
  </si>
  <si>
    <t>&lt;p&gt;I am trying to log all the data that failed in a dStream but I am getting below exception.&lt;/p&gt;
&lt;pre&gt;&lt;code&gt;Caused by: java.lang.IllegalStateException: Adding new inputs, transformations, and output operations after stopping a context is not supported
    at org.apache.spark.streaming.dstream.DStream.validateAtInit(DStream.scala:224)
    at org.apache.spark.streaming.dstream.DStream.&amp;lt;init&amp;gt;(DStream.scala:64)
    at org.apache.spark.streaming.dstream.MappedDStream.&amp;lt;init&amp;gt;(MappedDStream.scala:25)
    at org.apache.spark.streaming.dstream.DStream$$anonfun$map$1.apply(DStream.scala:528)
    at org.apache.spark.streaming.dstream.DStream$$anonfun$map$1.apply(DStream.scala:528)
    at org.apache.spark.rdd.RDDOperationScope$.withScope(RDDOperationScope.scala:147)
    at org.apache.spark.rdd.RDDOperationScope$.withScope(RDDOperationScope.scala:108)
    at org.apache.spark.SparkContext.withScope(SparkContext.scala:700)
    at org.apache.spark.streaming.StreamingContext.withScope(StreamingContext.scala:258)
    at org.apache.spark.streaming.dstream.DStream.map(DStream.scala:527)
    at org.apache.spark.streaming.api.java.JavaDStreamLike$class.map(JavaDStreamLike.scala:157)
    at org.apache.spark.streaming.api.java.AbstractJavaDStreamLike.map(JavaDStreamLike.scala:43)
&lt;/code&gt;&lt;/pre&gt;</t>
  </si>
  <si>
    <t>2016-03-17 14:43:24.183000+00:00</t>
  </si>
  <si>
    <t>Writing Karma test for angularjs app</t>
  </si>
  <si>
    <t>&lt;p&gt;I am trying to figure out how to write some simple Karma tests, but am having some trouble with syntax and just understanding the framework. Here is a controller that I want to write a test for:&lt;/p&gt;
&lt;pre&gt;&lt;code&gt;myApp.controller('menuController', ['$rootScope', '$parse', '$attrs', '$scope', 'Menu', 'Track', '$state',
    function($rootScope, $parse, $attrs, $scope, Menu, Track, $state){
        $scope.Menu = Menu;
        $rootScope.$on("click",function() {
            Menu.active = false;
        });
        $scope.click = function(button) {
            Track.event(2, button + "_button_pressed", true);
        };
    }])
&lt;/code&gt;&lt;/pre&gt;
&lt;p&gt;Here is a simple test I wrote for this controller, I am trying to test for the menu button's active status changing when it is clicked:&lt;/p&gt;
&lt;pre&gt;&lt;code&gt;describe('Controller: menuController', function() {
    //load the module with menuController
    beforeEach(module('myApp'));
    var MainCtrl,
        scope;
    // Initialize the controller and a mock scope
    beforeEach(inject(function ($controller, $rootScope) {
        scope = $rootScope.$new();
        MainCtrl = $controller('menuController', {
            $scope: scope
        });
    }));
    //put test here
    it ('should change $scope.Menu.active to true when button is clicked', function() {
        expect(scope.Menu.active).toBeFalse();
        scope.click();
        expect(scope.Menu.active).toBeTrue();
    })
});
&lt;/code&gt;&lt;/pre&gt;
&lt;p&gt;After running Grunt test, the test fails and one of the errors it returns is: &lt;/p&gt;
&lt;pre&gt;&lt;code&gt;TypeError: 'undefined' is not an object (evaluating 'scope.Menu')
&lt;/code&gt;&lt;/pre&gt;
&lt;p&gt;I was hoping if anyone can tell me what I'm doing wrong or show me how to write a simple karma test for the controller shown above.&lt;/p&gt;
&lt;p&gt;Thanks in advance!&lt;/p&gt;</t>
  </si>
  <si>
    <t>2014-11-25 21:02:25.567000+00:00</t>
  </si>
  <si>
    <t>javascript|angularjs|testing|karma-runner</t>
  </si>
  <si>
    <t>Bad access when creating NSPredicate instance</t>
  </si>
  <si>
    <t>&lt;p&gt;So this is the code which worked in Xcode 9.2:&lt;/p&gt;
&lt;pre&gt;&lt;code&gt;let request: NSFetchRequest&amp;lt;MyModel&amp;gt; = MyModel.fetchRequest()
request.predicate = NSPredicate(format: "saved = %@", true as CVarArg)
&lt;/code&gt;&lt;/pre&gt;
&lt;p&gt;and after update to Xcode 9.3 and Swift 4.1, the code crashes:&lt;/p&gt;
&lt;blockquote&gt;
  &lt;p&gt;Thread 1: EXC_BAD_ACCESS (code=1 , address=0x1)&lt;/p&gt;
&lt;/blockquote&gt;
&lt;p&gt;This is the part which crashes&lt;/p&gt;
&lt;pre&gt;&lt;code&gt;NSPredicate(format: "saved = %@", true as CVarArg)
&lt;/code&gt;&lt;/pre&gt;
&lt;p&gt;The saved property of a MyModel entity is declared as boolean. Why this started happening but it worked before ?&lt;/p&gt;</t>
  </si>
  <si>
    <t>2018-04-04 14:21:59.403000+00:00</t>
  </si>
  <si>
    <t>2018-04-04 15:04:07.887000+00:00</t>
  </si>
  <si>
    <t>swift|xcode|core-data|nspredicate|swift4.1</t>
  </si>
  <si>
    <t>c++ operator+= overloading struct string</t>
  </si>
  <si>
    <t>&lt;p&gt;Calling the operator += in the programm below produces a segmentation fault. I have no idea why.&lt;/p&gt;
&lt;pre&gt;&lt;code&gt;#include &amp;lt;string&amp;gt;
struct foo
{
    std::string name;
    foo operator+=(  foo bar )
    {}
};
int main()
{
    foo a,b;
    a += b;
    return 0;
}
&lt;/code&gt;&lt;/pre&gt;</t>
  </si>
  <si>
    <t>2016-05-06 13:50:42.710000+00:00</t>
  </si>
  <si>
    <t>2016-05-06 16:12:53.730000+00:00</t>
  </si>
  <si>
    <t>c++|string|struct|operator-overloading</t>
  </si>
  <si>
    <t>Getting error and directly open debug manifest.xml while compileing the program not giving the error in same file</t>
  </si>
  <si>
    <t>&lt;p&gt;Getting this type of error don't know whats wrong in this but getting the error and stuck in this.. &lt;/p&gt;
&lt;p&gt;Every time i run the program gives me the same error and when i click on error it will open this page      &lt;/p&gt;
&lt;pre&gt;&lt;code&gt; E:\OmCom2\app\build\intermediates\manifests\full\debug\AndroidManifest.xml
&lt;/code&gt;&lt;/pre&gt;
&lt;p&gt;getting error like 
Logcat :-&lt;/p&gt;
&lt;pre&gt;&lt;code&gt; E:\OmCom2\app\build\intermediates\manifests\full\debug\AndroidManifest.xml
Error:(32) No resource identifier found for attribute 'multiDexEnabled' in package 'android'
Error:(32) No resource identifier found for attribute 'multiDexEnabled' in package 'android'
Error:Execution failed for task ':app:processDebugResources'.
&amp;gt; com.android.ide.common.process.ProcessException: Failed to execute aapt
Information:Gradle tasks [:app:generateDebugSources, :app:mockableAndroidJar, :app:prepareDebugUnitTestDependencies, :app:generateDebugAndroidTestSources]
&lt;/code&gt;&lt;/pre&gt;
&lt;p&gt;&lt;strong&gt;gradle&lt;/strong&gt;&lt;/p&gt;
&lt;pre&gt;&lt;code&gt;apply plugin: 'com.android.application'
android {
    compileSdkVersion 24
    buildToolsVersion "25.0.1"
    useLibrary 'org.apache.http.legacy'
    defaultConfig {
        applicationId "com.Weal.sachin.omcom"
        minSdkVersion 15
        targetSdkVersion 24
        versionCode 2
        versionName "1.0.1"
        testInstrumentationRunner "android.support.test.runner.AndroidJUnitRunner"
    }
    buildTypes {
        release {
            minifyEnabled false
            proguardFiles getDefaultProguardFile('proguard-android.txt'), 'proguard-rules.pro'
        }
    }
}
dependencies {
    compile fileTree(dir: 'libs', include: ['*.jar'])
    androidTestCompile('com.android.support.test.espresso:espresso-core:2.2.2', {
        exclude group: 'com.android.support', module: 'support-annotations'
    })
    compile 'com.android.support:appcompat-v7:25.0.1'
    compile 'com.android.support:design:25.0.1'
    compile 'com.nostra13.universalimageloader:universal-image-loader:1.9.5'
    compile 'com.android.support:cardview-v7:25.0.1'
    compile 'com.google.android.gms:play-services:10.0.1'
    compile 'com.google.android.gms:play-services-location:8.1.0'
    compile 'org.jbundle.util.osgi.wrapped:org.jbundle.util.osgi.wrapped.org.apache.http.client:4.1.2'
    compile 'com.android.support.test.espresso:espresso-core:2.2.2'
    compile 'com.android.support:support-v4:25.0.1'
    testCompile 'junit:junit:4.12'
}
&lt;/code&gt;&lt;/pre&gt;</t>
  </si>
  <si>
    <t>2017-01-10 11:11:29.137000+00:00</t>
  </si>
  <si>
    <t>user6880336</t>
  </si>
  <si>
    <t>android|debugging|manifest</t>
  </si>
  <si>
    <t>Is there a node.js method to read an index.html file and add new elements?</t>
  </si>
  <si>
    <t>&lt;p&gt;I am trying to read my index.html file from my server.js in order to add a new &lt;li&gt; that links to a new html file I generate. I am using the POST method to do this and can successfully generate the new HTML file, however I am not sure how I can add a new &lt;li&gt; inside the index.HTML.&lt;/p&gt;
&lt;p&gt;Here is my server.js:&lt;/p&gt;
&lt;pre&gt;&lt;code&gt;    //POST method
  if(req.method === 'POST'){
    req.on('data', (data) =&amp;gt; {
      let elementObj = querystring.parse(data.toString());
      element = elementObj.elementName;
      elementSymbol = elementObj.elementSymbol;
      elementAtomic = elementObj.elementAtomicNumber;
      elementDescription = elementObj.elementDescription;
      let newElement = fs.createWriteStream(`./public/${element}.html`);
      newElement.write(`&amp;lt;!DOCTYPE html&amp;gt;
&amp;lt;html lang="en"&amp;gt;
&amp;lt;head&amp;gt;
&amp;lt;meta charset="UTF-8"&amp;gt;
&amp;lt;title&amp;gt;The Elements - ${element}&amp;lt;/title&amp;gt;
&amp;lt;link rel="stylesheet" href="/css/styles.css"&amp;gt;
&amp;lt;/head&amp;gt;
&amp;lt;body&amp;gt;
&amp;lt;h1&amp;gt;${element}&amp;lt;/h1&amp;gt;
&amp;lt;h2&amp;gt;${elementSymbol}&amp;lt;/h2&amp;gt;
&amp;lt;h3&amp;gt;Atomic number ${elementAtomic}&amp;lt;/h3&amp;gt;
&amp;lt;p&amp;gt;${elementDescription}&amp;lt;/p&amp;gt;
&amp;lt;p&amp;gt;&amp;lt;a href="/"&amp;gt;back&amp;lt;/a&amp;gt;&amp;lt;/p&amp;gt;
&amp;lt;/body&amp;gt;
&amp;lt;/html&amp;gt;`);
      let indexElements = document.querySelector('#elements');
      let li = document.createElement('li');
      let a = document.createElement('a');
      a.setAttribute('href', `/${element}.html`);
      let elem = document.querySelector(`a[href = "/${element}.html"]`);
      elem.innerHTML = `${element}`;
      indexElements.appendChild(li);
      li.appendChild(a);
      res.end(data);
    });
  }
&lt;/code&gt;&lt;/pre&gt;
&lt;p&gt;Here is my index.html:&lt;/p&gt;
&lt;pre&gt;&lt;code&gt;&amp;lt;!DOCTYPE html&amp;gt;
&amp;lt;html lang="en"&amp;gt;
&amp;lt;head&amp;gt;
  &amp;lt;meta charset="UTF-8"&amp;gt;
  &amp;lt;title&amp;gt;The Elements&amp;lt;/title&amp;gt;
  &amp;lt;link rel="stylesheet" href="/css/styles.css"&amp;gt;
&amp;lt;/head&amp;gt;
&amp;lt;body&amp;gt;
  &amp;lt;h1&amp;gt;The Elements&amp;lt;/h1&amp;gt;
  &amp;lt;h2&amp;gt;These are all the known elements.&amp;lt;/h2&amp;gt;
  &amp;lt;h3&amp;gt;These are 2&amp;lt;/h3&amp;gt;
  &amp;lt;ol id = 'elements'&amp;gt;
    &amp;lt;li&amp;gt;
      &amp;lt;a href="/hydrogen.html"&amp;gt;Hydrogen&amp;lt;/a&amp;gt;
    &amp;lt;/li&amp;gt;
    &amp;lt;li&amp;gt;
      &amp;lt;a href="/helium.html"&amp;gt;Helium&amp;lt;/a&amp;gt;
    &amp;lt;/li&amp;gt;
  &amp;lt;/ol&amp;gt;
&amp;lt;script src="../../server.js"&amp;gt;&amp;lt;/script&amp;gt;
&amp;lt;/body&amp;gt;
&amp;lt;/html&amp;gt;
&lt;/code&gt;&lt;/pre&gt;
&lt;p&gt;The result I want in my newly, modified index.html (new 'Boron' &lt;code&gt;&amp;lt;li&amp;gt;&lt;/code&gt; added):&lt;/p&gt;
&lt;pre&gt;&lt;code&gt;&amp;lt;!DOCTYPE html&amp;gt;
&amp;lt;html lang="en"&amp;gt;
&amp;lt;head&amp;gt;
  &amp;lt;meta charset="UTF-8"&amp;gt;
  &amp;lt;title&amp;gt;The Elements&amp;lt;/title&amp;gt;
  &amp;lt;link rel="stylesheet" href="/css/styles.css"&amp;gt;
&amp;lt;/head&amp;gt;
&amp;lt;body&amp;gt;
  &amp;lt;h1&amp;gt;The Elements&amp;lt;/h1&amp;gt;
  &amp;lt;h2&amp;gt;These are all the known elements.&amp;lt;/h2&amp;gt;
  &amp;lt;h3&amp;gt;These are 2&amp;lt;/h3&amp;gt;
  &amp;lt;ol id = 'elements'&amp;gt;
    &amp;lt;li&amp;gt;
      &amp;lt;a href="/hydrogen.html"&amp;gt;Hydrogen&amp;lt;/a&amp;gt;
    &amp;lt;/li&amp;gt;
    &amp;lt;li&amp;gt;
      &amp;lt;a href="/helium.html"&amp;gt;Helium&amp;lt;/a&amp;gt;
    &amp;lt;/li&amp;gt;
    &amp;lt;li&amp;gt;
      &amp;lt;a href="/boron.html"&amp;gt;Boron&amp;lt;/a&amp;gt;
    &amp;lt;/li&amp;gt;
  &amp;lt;/ol&amp;gt;
&amp;lt;script src="../../server.js"&amp;gt;&amp;lt;/script&amp;gt;
&amp;lt;/body&amp;gt;
&amp;lt;/html&amp;gt;
&lt;/code&gt;&lt;/pre&gt;</t>
  </si>
  <si>
    <t>2017-04-16 01:38:38.697000+00:00</t>
  </si>
  <si>
    <t>2017-04-16 03:33:18.487000+00:00</t>
  </si>
  <si>
    <t>Making generic interface in java through generics</t>
  </si>
  <si>
    <t>&lt;p&gt;I am using the below interface as shown below &lt;/p&gt;
&lt;pre&gt;&lt;code&gt;public interface ZaestrorardRule {
    Map&amp;lt;String, List&amp;lt;MMTM&amp;gt;&amp;gt; exceute(String jobCode, String Plientlo) throws AaestroRardNetworkException;
}
&lt;/code&gt;&lt;/pre&gt;
&lt;p&gt;and then there is a class which implement it as shown below&lt;/p&gt;
&lt;pre&gt;&lt;code&gt;public class AaestroRardBusinessRNFRuleImpl implements ZaestrorardRule {
    public Map&amp;lt;String, List&amp;lt;MMTM&amp;gt;&amp;gt; exceute(String jobCode, String Plientlo) throws AaestroRardNetworkException {
    }
}
&lt;/code&gt;&lt;/pre&gt;
&lt;p&gt;Now lets say I am working on some other functionality apart from ZaestrorardRule shown above, which has the same functionality like ZaestrorardRule then I have to create a separate interface as shown below&lt;/p&gt;
&lt;pre&gt;&lt;code&gt;public interface WWaestrorardRule {
    Map&amp;lt;String, List&amp;lt;MMTM&amp;gt;&amp;gt; exceute(String jobCode, String Plientlo) throws AaestroRardNetworkException;
}
&lt;/code&gt;&lt;/pre&gt;
&lt;p&gt;My query is that can I use generic in interface so that there will be a single interface as the structure of the interface is fixed.&lt;/p&gt;</t>
  </si>
  <si>
    <t>2018-06-10 10:40:53.230000+00:00</t>
  </si>
  <si>
    <t>2018-06-10 11:27:16.243000+00:00</t>
  </si>
  <si>
    <t>2018-06-10 10:57:46.757000+00:00</t>
  </si>
  <si>
    <t>Setting multiple enum flags in XAML</t>
  </si>
  <si>
    <t>&lt;p&gt;Is there any way to set multiple enum flags (that are traditionally separated by | in codebehind) in XAML? I tried something like:&lt;/p&gt;
&lt;pre&gt;&lt;code&gt;&amp;lt;ns:SomeControl Flags="FlagA|FlagB" /&amp;gt;
&lt;/code&gt;&lt;/pre&gt;
&lt;p&gt;but that didn't work.&lt;/p&gt;</t>
  </si>
  <si>
    <t>2011-10-10 21:30:29.297000+00:00</t>
  </si>
  <si>
    <t>2011-10-11 06:36:50.767000+00:00</t>
  </si>
  <si>
    <t>wpf|xaml|enum-flags</t>
  </si>
  <si>
    <t>C++ Declare Combo Box Identifier</t>
  </si>
  <si>
    <t>&lt;p&gt;just wondering how to declare a combobox identifier. I've got two comboboxes on my page so I need two identifiers to distinguish them. I enter the following code but Visual Studio 15.5 tells me that IDC_COMBOBOX_LAYER is an undeclared identifier. It's supposed to be an integer but a number like 100 won't work either.&lt;/p&gt;
&lt;pre&gt;&lt;code&gt;HWND hWndComboBox = CreateWindow(WC_COMBOBOX, TEXT(""),
    CBS_DROPDOWN | CBS_HASSTRINGS | WS_CHILD | WS_OVERLAPPED | WS_VISIBLE,
    xpos, ypos, nwidth, nheight, parWnd, IDC_COMBOBOX_LAYER, NULL,
    NULL);
&lt;/code&gt;&lt;/pre&gt;
&lt;p&gt;I've searched Google but I'm resigned to asking you here. How do I declare the identifier?&lt;/p&gt;</t>
  </si>
  <si>
    <t>2017-12-07 02:21:46.977000+00:00</t>
  </si>
  <si>
    <t>2017-12-07 05:09:52.273000+00:00</t>
  </si>
  <si>
    <t>2017-12-07 03:51:15.237000+00:00</t>
  </si>
  <si>
    <t>c++|winapi|combobox|createwindow</t>
  </si>
  <si>
    <t>In Elixir why concat binary to the beginning of the long binary takes way long time than concat to the end</t>
  </si>
  <si>
    <t>&lt;pre&gt;&lt;code&gt;ExUnit.start
ExUnit.configure trace: true
defmodule Foo do
  def bar(0, acc), do: acc
  def bar(n, acc), do: bar(n - 1, acc &amp;lt;&amp;gt; "1")
  def baz(0, acc),  do: acc
  def baz(n, acc),  do: baz(n - 1, "1" &amp;lt;&amp;gt; acc)
end
defmodule Test do
  use ExUnit.Case
  @num 1_000_000
  test ~s(acc &amp;lt;&amp;gt; "1") do
      Foo.bar(@num, "")
  end
  test ~s("1" &amp;lt;&amp;gt; acc) do
      Foo.baz(@num, "")
  end
end
&lt;/code&gt;&lt;/pre&gt;
&lt;p&gt;Result&lt;/p&gt;
&lt;pre&gt;&lt;code&gt;Test
  * test acc &amp;lt;&amp;gt; "1" (42.1ms)
  * test "1" &amp;lt;&amp;gt; acc (35733.3ms)
&lt;/code&gt;&lt;/pre&gt;
&lt;p&gt;Why concat &lt;code&gt;"1"&lt;/code&gt; to the beginning of the long binary &lt;code&gt;acc&lt;/code&gt; takes way long time than concat to the end?&lt;/p&gt;</t>
  </si>
  <si>
    <t>2016-07-20 04:27:55.987000+00:00</t>
  </si>
  <si>
    <t>2016-07-20 04:36:15.887000+00:00</t>
  </si>
  <si>
    <t>2016-07-20 04:32:57.177000+00:00</t>
  </si>
  <si>
    <t>binary|elixir</t>
  </si>
  <si>
    <t>Compare two tables and Insert/Update data</t>
  </si>
  <si>
    <t>&lt;p&gt;I have two tables as below what i need to do is 
Loop through Table2 rows and need to check if table1ID in Table2 exists in table1. If exists update existing table1 row active flag to 0 and insert a new record in table1 with values from Table2 row. If does not exist insert a new record in table1 with values from Table2 row. We can assume E1, E2,E3 columns correspond to Q1A, Q2A, Q3A in table1.&lt;/p&gt;
&lt;pre&gt;&lt;code&gt;Table1:
Table1ID   Q1A    Q2A      Q3A    Active 
1           2      Test     1       1
2           3      Test2    1       1
3           4      Test3    1       1
4           5      Test4    1       1
Table2:
Table1ID   E1       E2          E3      
1           2      TestData1     1       
2           3      TestData2     1      
3           4      TestData3     1      
5           5      TestData5     1     
6           7      TestData6     0
&lt;/code&gt;&lt;/pre&gt;</t>
  </si>
  <si>
    <t>2015-12-15 08:55:42.850000+00:00</t>
  </si>
  <si>
    <t>2015-12-15 10:02:40.133000+00:00</t>
  </si>
  <si>
    <t>sql-server-2008|tsql</t>
  </si>
  <si>
    <t>Google Compute Engine not acceping password set</t>
  </si>
  <si>
    <t>&lt;p&gt;I am using google compute engine to create a VM instance. When I login using SSH or gcloud, it asks me to set a password. When I try to login using that password, it says authentication not successful and terminates. I have looked all around the internet but couldn't find the solution. I have tried this numerous times now but still the same result. Is anyone else facing this problem? Does anyone has a solution for this?&lt;/p&gt;
&lt;p&gt;I am using Ubuntu 14.04 LTS instance.&lt;/p&gt;</t>
  </si>
  <si>
    <t>2016-12-09 03:08:20.953000+00:00</t>
  </si>
  <si>
    <t>2016-12-11 03:12:54.920000+00:00</t>
  </si>
  <si>
    <t>ubuntu-14.04|virtual-machine|google-compute-engine</t>
  </si>
  <si>
    <t>mysql select between two dates has odd behavior</t>
  </si>
  <si>
    <t>&lt;p&gt;I am selecting all records between NOW() and specific X day interval and came across this odd behavior that I don't understand.&lt;/p&gt;
&lt;p&gt;I am checking 24 hours into the future and 24 hours into the past:&lt;/p&gt;
&lt;pre&gt;&lt;code&gt;select * from table where date between NOW() and NOW() + 1 interval day; //works
select * from table where date between NOW() and NOW() - 1 interval day; //no records
&lt;/code&gt;&lt;/pre&gt;
&lt;p&gt;But if I reverse the &lt;code&gt;between&lt;/code&gt; call:&lt;/p&gt;
&lt;pre&gt;&lt;code&gt;select * from table where date between NOW() + 1 interval day AND NOW(); //no records
select * from table where date between NOW() - 1 interval day AND NOW(); //works
&lt;/code&gt;&lt;/pre&gt;
&lt;p&gt;Why does one call into the future work, but the same call into the past not work?...and if I reverse &lt;code&gt;between&lt;/code&gt; parameters, the opposite behavior happens - does not work 24 hours into the future but does work 24 hours into the past.&lt;/p&gt;
&lt;p&gt;======================&lt;/p&gt;
&lt;p&gt;Adding @TimBiegeleisen explanation below here written out:&lt;/p&gt;
&lt;pre&gt;&lt;code&gt;date = '2018-05-30' ;
select * from table where date between NOW() and NOW() + 1 interval day;
     = date &amp;gt;= '2018-05-30' AND 'date &amp;lt;= 2018-05-31'; //true
select * from table where date between NOW() and NOW() - 1 interval day; records
     = date &amp;gt;= '2018-05-30' AND 'date &amp;lt;= 2018-05-29'; //false
&lt;/code&gt;&lt;/pre&gt;
&lt;p&gt;AND&lt;/p&gt;
&lt;pre&gt;&lt;code&gt;select * from table where date between NOW() + 1 interval day AND NOW();
     = date &amp;gt;= '2018-05-31' AND date &amp;lt;= '2018-05-30' //false
select * from table where date between NOW() - 1 interval day AND NOW();
     = date &amp;gt;= '2018-05-29' and date &amp;lt;= '2018-05-30'; //true
&lt;/code&gt;&lt;/pre&gt;</t>
  </si>
  <si>
    <t>2018-05-30 02:00:54.223000+00:00</t>
  </si>
  <si>
    <t>2018-05-30 15:15:36.340000+00:00</t>
  </si>
  <si>
    <t>mysql|sql|datetime|between</t>
  </si>
  <si>
    <t>MVC 3 Html.DisplayFor(...) code not generating HTML code</t>
  </si>
  <si>
    <t>&lt;p&gt;I'm working on a generic Details page in MVC 3 that looks like this in the View:&lt;/p&gt;
&lt;pre&gt;&lt;code&gt;&amp;lt;fieldset&amp;gt;
    &amp;lt;legend style="font-size:large"&amp;gt;Info&amp;lt;/legend&amp;gt;
    &amp;lt;div class="display-label"&amp;gt;Url1:&amp;lt;/div&amp;gt;
    &amp;lt;div class="display-field"&amp;gt;
        @Html.DisplayFor(model =&amp;gt; model.Url1)
    &amp;lt;/div&amp;gt;
    &amp;lt;div class="display-label"&amp;gt;Url2:&amp;lt;/div&amp;gt;
    &amp;lt;div class="display-field"&amp;gt;
        @Html.DisplayFor(model =&amp;gt; model.Url2)
    &amp;lt;/div&amp;gt;
&amp;lt;fieldset&amp;gt;
&lt;/code&gt;&lt;/pre&gt;
&lt;p&gt;and like this in the Model:&lt;/p&gt;
&lt;pre&gt;&lt;code&gt;public HtmlString Url1
{
    get
    {
        if (!string.IsNullOrEmpty(Url1))
        {
            return new HtmlString("&amp;lt;a href=\"" + Url1 
                                  + "\" target=\"_blank\"&amp;gt;" + Url1 + "&amp;lt;/a&amp;gt;");
        }
        return new HtmlString("&amp;lt;b&amp;gt;no url&amp;lt;/b&amp;gt;");
    }
}
public HtmlString Url2
{
    get
    {
        if (!string.IsNullOrEmpty(Url2))
        {
            return new HtmlString("&amp;lt;a href=\"" + Url2
                                  + "\" target=\"_blank\"&amp;gt;" + Url2 + "&amp;lt;/a&amp;gt;");
        }
        return new HtmlString("&amp;lt;b&amp;gt;no url&amp;lt;/b&amp;gt;");
    }
}
&lt;/code&gt;&lt;/pre&gt;
&lt;p&gt;With Url1 being a url with the form &lt;code&gt;http://www.website.com&lt;/code&gt;, and Url2 having the form www.website.org/file.aspx&lt;/p&gt;
&lt;p&gt;When I debug my code the HtmlString for Url1 displays correctly, but the HtmlString for Url2 does not.  The resulting Html source looks like:&lt;/p&gt;
&lt;pre&gt;&lt;code&gt;&amp;lt;div class="display-label"&amp;gt;Url1&amp;lt;/div&amp;gt;
    &amp;lt;div class="display-field"&amp;gt;
        &amp;lt;a href="http://www.website.org"&amp;gt;website&amp;lt;/a&amp;gt; &amp;lt;br/&amp;gt;
    &amp;lt;/div&amp;gt;
&amp;lt;div class="display-label"&amp;gt;Url2&amp;lt;/div&amp;gt;
    &amp;lt;div class="display-field"&amp;gt;
    &amp;lt;/div&amp;gt;
&lt;/code&gt;&lt;/pre&gt;
&lt;p&gt;Has anyone experienced issues like this before, and if so how did you fix them?&lt;/p&gt;
&lt;p&gt;&lt;strong&gt;Update&lt;/strong&gt;&lt;/p&gt;
&lt;p&gt;Updated code to use @Model.Url1 instead of @Html.DisplayFor(Url1).  Problem solved.&lt;/p&gt;</t>
  </si>
  <si>
    <t>2014-11-07 16:40:10.650000+00:00</t>
  </si>
  <si>
    <t>2018-05-01 18:23:18.280000+00:00</t>
  </si>
  <si>
    <t>c#|html|asp.net-mvc|asp.net-mvc-3</t>
  </si>
  <si>
    <t>JPA truncates nanoseconds when using date criteria &amp; SQL datetime2</t>
  </si>
  <si>
    <t>&lt;p&gt;I'm trying to create a where clause involving a SQL Server datetime2 field (accurate to 100 nanoseconds); using JPA &amp;amp; Hibernate.&lt;/p&gt;
&lt;p&gt;My code looks something like this:&lt;/p&gt;
&lt;pre&gt;&lt;code&gt;CriteriaBuilder cb = em.getCriteriaBuilder();
List&amp;lt;Predicate&amp;gt; predicates = new ArrayList&amp;lt;&amp;gt;();
CriteriaQuery(X) q = cb.createQuery(X.class);
Root&amp;lt;X&amp;gt; root = q.from(X.class);
java.sql.Timestamp mySqlTimeStamp = Timestamp.valueOf("2015-06-04 11:31:53.2119339");
predicates.add(cb.greaterThan(root.get("DateModified"), mySqlTimeStamp))
q.where(predicates.toArray(new Predicate[predicates.size()]));
em.createQuery(q).getResultList();
&lt;/code&gt;&lt;/pre&gt;
&lt;p&gt;SQL Server Profiler reveals the timestamp parameter value is truncated to &lt;code&gt;2015-06-04 11:31:53.210&lt;/code&gt; - weird, that's not even a rounding. Needles to say, i have inaccuracies in the result set.&lt;/p&gt;
&lt;p&gt;If i manually change the param to the full value &lt;code&gt;2015-06-04 11:31:53.2119339&lt;/code&gt; all is good.&lt;/p&gt;
&lt;p&gt;Question is, how to get JPA to &lt;em&gt;not&lt;/em&gt; truncate the date? &lt;/p&gt;
&lt;p&gt;Alternatively, how to inject my own parameter value serializer for my timestamp fields?&lt;/p&gt;
&lt;p&gt;Help appreciated; thanks &lt;/p&gt;
&lt;p&gt;&lt;strong&gt;UPDATE&lt;/strong&gt;
I've tracked it to this jtds jdbc code:
&lt;code&gt;net.sourceforge.jtds.jdbc.JtdsPerparedStatement&lt;/code&gt;:&lt;/p&gt;
&lt;pre&gt;&lt;code&gt;protected void setParameter(int parameterIndex, Object x, int targetSqlType, int scale, int length)
        throws SQLException {
        ParamInfo pi = getParameter(parameterIndex);
        if ("ERROR".equals(Support.getJdbcTypeName(targetSqlType))) {
            throw new SQLException(Messages.get("error.generic.badtype",
                                Integer.toString(targetSqlType)), "HY092");
        }
        // Update parameter descriptor
        if (targetSqlType == java.sql.Types.DECIMAL
            || targetSqlType == java.sql.Types.NUMERIC) {
            pi.precision = connection.getMaxPrecision();
            if (x instanceof BigDecimal) {
                x = Support.normalizeBigDecimal((BigDecimal) x, pi.precision);
                pi.scale = ((BigDecimal) x).scale();
            } else {
                pi.scale = (scale &amp;lt; 0) ? TdsData.DEFAULT_SCALE : scale;
            }
        } else {
            pi.scale = (scale &amp;lt; 0) ? 0 : scale;
        }
        if (x instanceof String) {
            pi.length = ((String) x).length();
        } else if (x instanceof byte[]) {
            pi.length = ((byte[]) x).length;
        } else {
            pi.length   = length;
        }
        if (x instanceof Date) {
            x = new DateTime((Date) x);
        } else if (x instanceof Time) {
            x = new DateTime((Time) x);
        } else if (x instanceof Timestamp) {
            x = new DateTime((Timestamp) x);
        }
        pi.value = x;
        pi.jdbcType = targetSqlType;
        pi.isSet = true;
        pi.isUnicode = connection.getUseUnicode();
    }
}
&lt;/code&gt;&lt;/pre&gt;
&lt;p&gt;Where the timestamp is forced to &lt;code&gt;net.sourceforge.jtds.jdbc.DateTime&lt;/code&gt; type, which supports milliseconds only.&lt;/p&gt;</t>
  </si>
  <si>
    <t>2015-06-04 12:24:43.117000+00:00</t>
  </si>
  <si>
    <t>2015-06-12 04:22:35.810000+00:00</t>
  </si>
  <si>
    <t>2015-06-11 13:16:24.817000+00:00</t>
  </si>
  <si>
    <t>java|sql-server|hibernate|jpa|datetime2</t>
  </si>
  <si>
    <t>Want to work login with strtolower</t>
  </si>
  <si>
    <t>&lt;p&gt;how can I create system for example when to my mySQL was inserted nickname: ,,Sprunkas'' and say can login not only with ,,Sprunkas'' but with ,,SPRUNKAS'', ,,sprunkas'' and etc. ? Here is some my PHP code:&lt;/p&gt;
&lt;pre&gt;&lt;code&gt;    if(isset($_POST['jungtis'])) {
        if($_POST['login_slapyvardis'] != "" &amp;amp;&amp;amp; $_POST['login_slaptazodis'] != "") {
            $login_slapyvardis = mysql_real_escape_string($_POST['login_slapyvardis']);
            $login_slaptazodis = mysql_real_escape_string($_POST['login_slaptazodis']);
            $apsaugotaslogin_slaptazodis = md5($login_slaptazodis);
            if($login_db == $login_sumazintas) {
            $mysql = mysql_query("SELECT * FROM ucp_users WHERE name='$login_slapyvardis'") or die(mysql_error());
            $mysqlskc = mysql_fetch_assoc(mysql_query("SELECT * FROM ucp_users WHERE name='$login_slapyvardis'"));
            $login_sumazintas = strtolower($login_slapyvardis);
            $login_db = strtolower($mysqlskc['name']);
                    $mysqli = mysql_fetch_array($mysql);
                    if($mysqli['password'] == $apsaugotaslogin_slaptazodis) {
                        $_SESSION['Logged'] = $mysqli['id'];
                        $ip = $_SERVER['REMOTE_ADDR'];
                        mysql_query("UPDATE ucp_users SET lastip = '$ip' WHERE id = '$mysqli[id]'");
                        header('Location: /home');
&lt;/code&gt;&lt;/pre&gt;
&lt;p&gt;Thank you in advance for help!&lt;/p&gt;</t>
  </si>
  <si>
    <t>2013-06-15 11:58:05.590000+00:00</t>
  </si>
  <si>
    <t>2013-06-15 12:01:21.030000+00:00</t>
  </si>
  <si>
    <t>Button invisible upon applying basic custom style - WPF</t>
  </si>
  <si>
    <t>&lt;p&gt;I'm trying to make a button visualized by a PNG (no borders, gradients, whatever).&lt;/p&gt;
&lt;p&gt;What I did is:&lt;/p&gt;
&lt;ul&gt;
&lt;li&gt;&lt;p&gt;resources&lt;/p&gt;
&lt;pre&gt;&lt;code&gt;&amp;lt;Style x:Key="PlainImageButton" TargetType="{x:Type Button}"&amp;gt;
    &amp;lt;Setter Property="Template"&amp;gt;
        &amp;lt;Setter.Value&amp;gt;
            &amp;lt;ControlTemplate TargetType="Button"&amp;gt;
                &amp;lt;ContentPresenter HorizontalAlignment="Stretch" VerticalAlignment="Stretch"/&amp;gt;
            &amp;lt;/ControlTemplate&amp;gt;
        &amp;lt;/Setter.Value&amp;gt;
    &amp;lt;/Setter&amp;gt;
&amp;lt;/Style&amp;gt;
&lt;/code&gt;&lt;/pre&gt;&lt;/li&gt;
&lt;li&gt;&lt;p&gt;XAML&lt;/p&gt;
&lt;pre&gt;&lt;code&gt;    &amp;lt;Button Width="16" Height="16" Style="{DynamicResource PlainImageButton}"&amp;gt;
                &amp;lt;Button.Background&amp;gt;
                    &amp;lt;ImageBrush ImageSource="Images/pencil.png"/&amp;gt;
                &amp;lt;/Button.Background&amp;gt;
        &amp;lt;/Button&amp;gt;
&lt;/code&gt;&lt;/pre&gt;&lt;/li&gt;
&lt;/ul&gt;
&lt;p&gt;But the button is invisible&lt;/p&gt;
&lt;p&gt;&lt;a href="https://i.stack.imgur.com/60e4T.png" rel="nofollow noreferrer"&gt;&lt;img src="https://i.stack.imgur.com/60e4T.png" alt="enter image description here"&gt;&lt;/a&gt;&lt;/p&gt;
&lt;p&gt;Why does that happen?&lt;/p&gt;</t>
  </si>
  <si>
    <t>2016-08-30 08:53:41.897000+00:00</t>
  </si>
  <si>
    <t>2016-08-30 11:57:59.843000+00:00</t>
  </si>
  <si>
    <t>Apostrophe, caret, or quote mark appear depending on cell alignment in MS Excel worksheet</t>
  </si>
  <si>
    <t>&lt;p&gt;There is one computer in our department which is having this problem, which causes me to think that a default setting has been changed. I am asking for any advice or recommendations. This setting is screwing up the VBA code I've written, causing it to be useless for that computer.&lt;/p&gt;
&lt;p&gt;&lt;strong&gt;Problem&lt;/strong&gt;: every single cell's value in the worksheet has a leading character which changes depending on its alignment. Left aligned cells receive an apostrophe (&lt;code&gt;'&lt;/code&gt;), centered cells receive a caret (&lt;code&gt;^&lt;/code&gt;), and right aligned cells receive a double quote mark (&lt;code&gt;"&lt;/code&gt;). Every single web page says to change the format from Text to General, but that doesn't fix it (if the solution is different from selecting Home tab, Number section, dropdown -&gt; select General, then let me know). &lt;/p&gt;
&lt;p&gt;This issue is happening with every single worksheet opened on this computer and occurs no matter what type of data is entered, and it needs to stop.&lt;/p&gt;
&lt;p&gt;&lt;a href="https://i.stack.imgur.com/M0oNi.png" rel="nofollow noreferrer"&gt;Left Alignment Photo&lt;/a&gt;, &lt;/p&gt;
&lt;p&gt;&lt;a href="https://i.stack.imgur.com/ud0WT.png" rel="nofollow noreferrer"&gt;Centered Alignment Photo&lt;/a&gt;&lt;/p&gt;
&lt;p&gt;(I would add the Right Alignment Photo, but I need more posts before I gain permission)&lt;/p&gt;
&lt;p&gt;I'm in need of a solution to stop having these characters appear. I don't know what is causing them therefore I don't know how to deactivate it. But I do know that it is automatic, and nobody is inserting those characters. &lt;/p&gt;
&lt;p&gt;Any help is greatly appreciated. Thank you in advance.&lt;/p&gt;
&lt;p&gt;My options as I see it:&lt;/p&gt;
&lt;ul&gt;
&lt;li&gt;Preferred: Fix the problem,&lt;/li&gt;
&lt;li&gt;Second: Uninstall and re-install MS excel,&lt;/li&gt;
&lt;li&gt;Last resort: change the code...&lt;/li&gt;
&lt;/ul&gt;</t>
  </si>
  <si>
    <t>2017-08-16 20:04:30.143000+00:00</t>
  </si>
  <si>
    <t>2017-08-16 20:53:02.693000+00:00</t>
  </si>
  <si>
    <t>excel|settings</t>
  </si>
  <si>
    <t>How can I add a red border to an input field along with the required attribute?</t>
  </si>
  <si>
    <t>&lt;p&gt;Currently if an input field with the &lt;code&gt;required&lt;/code&gt; attribute is empty, it will display the browser's default error message. If I remove this attribute, it will display a red border on the input field because of my JavaScript code. How would I display both at the same time?&lt;/p&gt;
&lt;p&gt;&lt;div class="snippet" data-lang="js" data-hide="false" data-console="true" data-babel="false"&gt;_x000D_
&lt;div class="snippet-code"&gt;_x000D_
&lt;pre class="snippet-code-js lang-js prettyprint-override"&gt;&lt;code&gt;$("form").submit(function(e) {_x000D_
  e.preventDefault();_x000D_
  var title = document.getElementById('title');_x000D_
  if (!title.value) {_x000D_
    title.classList.add('error');_x000D_
    setTimeout(function() {_x000D_
      title.classList.remove('error');_x000D_
    }, 300);_x000D_
  }_x000D_
});&lt;/code&gt;&lt;/pre&gt;_x000D_
&lt;pre class="snippet-code-css lang-css prettyprint-override"&gt;&lt;code&gt;.error {_x000D_
  position: relative;_x000D_
  animation: shake .1s linear;_x000D_
  animation-iteration-count: 3;_x000D_
  border: 1px solid red;_x000D_
}_x000D_
_x000D_
@keyframes shake {_x000D_
  0% {_x000D_
    left: -5px;_x000D_
  }_x000D_
  100% {_x000D_
    right: -5px;_x000D_
  }_x000D_
}&lt;/code&gt;&lt;/pre&gt;_x000D_
&lt;pre class="snippet-code-html lang-html prettyprint-override"&gt;&lt;code&gt;&amp;lt;script src="https://ajax.googleapis.com/ajax/libs/jquery/2.1.1/jquery.min.js"&amp;gt;&amp;lt;/script&amp;gt;_x000D_
&amp;lt;form&amp;gt;_x000D_
  &amp;lt;input type="text" id="title"&amp;gt;_x000D_
  &amp;lt;input type="submit"&amp;gt;_x000D_
&amp;lt;/form&amp;gt;&lt;/code&gt;&lt;/pre&gt;_x000D_
&lt;/div&gt;_x000D_
&lt;/div&gt;_x000D_
&lt;/p&gt;</t>
  </si>
  <si>
    <t>2017-12-13 17:00:53.910000+00:00</t>
  </si>
  <si>
    <t>2017-12-16 15:35:36.567000+00:00</t>
  </si>
  <si>
    <t>2017-12-13 17:24:24.937000+00:00</t>
  </si>
  <si>
    <t>Hosted WCF POST Service not working</t>
  </si>
  <si>
    <t>&lt;p&gt;IService&lt;/p&gt;
&lt;pre&gt;&lt;code&gt;[OperationContract]
        [WebInvoke(Method = "POST",
                      RequestFormat = WebMessageFormat.Json,
                      ResponseFormat = WebMessageFormat.Json,
                      BodyStyle = WebMessageBodyStyle.WrappedRequest
                      )]
        string SampleMethod(string UserID, string SID, string TypeID);
&lt;/code&gt;&lt;/pre&gt;
&lt;hr&gt;
&lt;p&gt;Application&lt;/p&gt;
&lt;pre&gt;&lt;code&gt;$.ajax({
                url: serviceurl,
                data: '{UserID:  12345, SID: 23123 ,TypeID: 123123}',
                dataType: "json",
                type: "POST",
                contentType: "application/json; charset=utf-8",
                success: function (data) {
                    $.each(JSON.parse(data.d), function (id, obj) {
                        alert(obj.Msg);
                    });
                }
            });
&lt;/code&gt;&lt;/pre&gt;
&lt;p&gt;I have used above code(prototype) for wcf POST service and hosted on IIS 7.0+&lt;/p&gt;
&lt;p&gt;I am unable to call this service using ajaxcallback. I have tried the same CODE with GET method, and Hosted on IIS. It works perfectly fine. Where I am going wrong with POST method?&lt;/p&gt;</t>
  </si>
  <si>
    <t>2015-02-17 04:53:50.577000+00:00</t>
  </si>
  <si>
    <t>2015-02-17 05:23:03.217000+00:00</t>
  </si>
  <si>
    <t>c#|wcf|post</t>
  </si>
  <si>
    <t>Different fonts with different locale?</t>
  </si>
  <si>
    <t>&lt;p&gt;How to set different fonts with different locale?
lets assume i am having a string file hi hindi but my phone don't support hindi fonts, how to add fonts from asset as default font though out the application?&lt;/p&gt;</t>
  </si>
  <si>
    <t>2015-05-28 05:14:05.267000+00:00</t>
  </si>
  <si>
    <t>2015-05-28 08:19:59.397000+00:00</t>
  </si>
  <si>
    <t>android|fonts|locale</t>
  </si>
  <si>
    <t>Problem with indexed XML file</t>
  </si>
  <si>
    <t>&lt;p&gt;I scanned 2,8GB XML file for positions (Index) of particular tags. The I use &lt;code&gt;Seek&lt;/code&gt; method to set a start point in that file. File is UTF-8 encoded. 
So indexing is like that:&lt;/p&gt;
&lt;pre&gt;&lt;code&gt;
using(StreamReader sr = new StreamReader(pathToFile)){
  long index = 0;
  while(!sr.EndOfStream){
    string line = sr.ReadLine();
    index += (line.Length + 2); //remeber of \r\n chars
    if(LineHasTag(line)){
      SaveIndex(index-line.Length); //need beginning of the line
    }
  }
}
&lt;/code&gt;&lt;/pre&gt;
&lt;p&gt;So afterwards I have in another file indexed positions. But when I use seek it doesn't seem to be good, because the position is set somewhere before it should be. 
I have loaded some content of that file into char array and I manually checked the good index of a tag I need. It's the same as I indexed by code above. But still &lt;code&gt;Seek&lt;/code&gt; method on &lt;code&gt;StreamReader.BaseStream&lt;/code&gt; places the pointer earlier in the file. Quite strange.&lt;/p&gt;
&lt;p&gt;Any suggestions?&lt;/p&gt;
&lt;p&gt;Best regards,
ventus&lt;/p&gt;</t>
  </si>
  <si>
    <t>2010-07-26 13:22:59.653000+00:00</t>
  </si>
  <si>
    <t>2010-07-26 13:35:38.240000+00:00</t>
  </si>
  <si>
    <t>Plot points and polygon matlab</t>
  </si>
  <si>
    <t>&lt;p&gt;I am trying to plot a point, a circle surrounding a point with a given radius and polygons from array of coods as input. I have the following code implemented&lt;/p&gt;
&lt;pre&gt;&lt;code&gt;    plot(start(1),start(2))
    axis([0,256,0,256]);
    hold on;
    %pdecirc(endp(1),endp(2),10);
    for i = 1:size(X,1)
           patch(X(i),Y(i),'r');
    end
&lt;/code&gt;&lt;/pre&gt;
&lt;p&gt;However, pdecirc is not working. it opens a new editor and thus I have commented it. X and Y are 2d arrays of dimensions (no.of points X 4). Thus X(i) has 4 X values and Y(i) has 4 X values. This code is not drawing the polygons as expected. Can you please tell me the best way of achieving what am trying to do? A code would be really helpful. Thanks in advance.&lt;/p&gt;</t>
  </si>
  <si>
    <t>2013-09-29 02:42:43.590000+00:00</t>
  </si>
  <si>
    <t>2013-09-29 05:29:01.407000+00:00</t>
  </si>
  <si>
    <t>matlab|plot</t>
  </si>
  <si>
    <t>How can I set an Input Filter to accept only BINARY characters (0 or 1) on Android?</t>
  </si>
  <si>
    <t>&lt;p&gt;Here is my current code which only allows integers. I want to restrict the user even more to only allow 0s and 1s. I wish it were as simple as &lt;code&gt;!Character.isBinary(..)&lt;/code&gt;, but it isn't. How can I manipulate the start and end parameters to accomplish this? &lt;/p&gt;
&lt;pre&gt;&lt;code&gt;final InputFilter binaryOnlyFilter = new InputFilter() {
        @Override
        public CharSequence filter(CharSequence source, int start, int end, Spanned dest, int dstart, int dend) {
            for ( int i = start; i &amp;lt; end; i++) {
                if (!Character.isDigit(source.charAt(i)) &amp;amp;&amp;amp; source.charAt(i) != ' ') {
                    return "";
                }
            }
            return null;
        }
};
&lt;/code&gt;&lt;/pre&gt;</t>
  </si>
  <si>
    <t>2016-07-20 23:33:06.467000+00:00</t>
  </si>
  <si>
    <t>2016-07-21 02:51:26.913000+00:00</t>
  </si>
  <si>
    <t>android|filter</t>
  </si>
  <si>
    <t>Div center issue</t>
  </si>
  <si>
    <t>&lt;p&gt;I have main container 940 pixel&lt;/p&gt;
&lt;p&gt;with 2 divs inside main container of width 250px each&lt;/p&gt;
&lt;p&gt;I want these boxes to be centered align with main container. however issue is that the second div dynamically adds. So in case the second div is not there the first one should center. and when the second div is added then both should be cenetered as per 940 px main div.&lt;/p&gt;
&lt;p&gt;I tried a lot but could not get to the solution. please help!&lt;/p&gt;
&lt;p&gt;Here is the simplified code&lt;/p&gt;
&lt;p&gt;&lt;strong&gt;CSS&lt;/strong&gt;&lt;/p&gt;
&lt;pre&gt;&lt;code&gt;   div.box {
    background: #EEE;
    height: 400px;
    width: 940px;
}
div.left {
    background: #999;
    float: left;
    height: 390px;
    width: 250px;
}
div.right {
    background: #666;
    height: 390px;
    width: 250px;
    float: left;
}
div.clear {
    clear: both;
}
&lt;/code&gt;&lt;/pre&gt;
&lt;p&gt;&lt;strong&gt;HTML&lt;/strong&gt;  &lt;/p&gt;
&lt;pre&gt;&lt;code&gt; &amp;lt;div class="box"&amp;gt;
       &amp;lt;div class="left"&amp;gt;Tree&amp;lt;/div&amp;gt;
       &amp;lt;div class="right"&amp;gt;View&amp;lt;/div&amp;gt; ( this div will dynamically add)
       &amp;lt;div class="clear" /&amp;gt;
    &amp;lt;/div&amp;gt;
&lt;/code&gt;&lt;/pre&gt;
&lt;p&gt;Thanks&lt;/p&gt;</t>
  </si>
  <si>
    <t>2013-08-07 11:56:46.227000+00:00</t>
  </si>
  <si>
    <t>2013-08-07 12:52:04.143000+00:00</t>
  </si>
  <si>
    <t>2013-08-07 12:23:52.550000+00:00</t>
  </si>
  <si>
    <t>jquery|css|html|center</t>
  </si>
  <si>
    <t>How to set background resource instead of drawing a line in the compass view?</t>
  </si>
  <si>
    <t>&lt;p&gt;I have a program to show a compass it works based on the sensor of the phone. Now the issue with me is to set a background resource(needle image) instead of the line that drawn by java.&lt;/p&gt;
&lt;p&gt;&lt;strong&gt;code&lt;/strong&gt;&lt;/p&gt;
&lt;pre&gt;&lt;code&gt;  protected void onDraw(Canvas canvas) {
    int xPoint = getMeasuredWidth() / 2;
    int yPoint = getMeasuredHeight() / 2;
    float radius = (float) (Math.max(xPoint, yPoint) * 0.6);
    canvas.drawCircle(xPoint, yPoint, radius, paint);
    // 3.143 is a good approximation for the circle
    canvas.drawLine(xPoint, yPoint, (float) (xPoint + radius * Math.sin((double) (-position) / 180 * 3.143)),
        (float) (yPoint - radius * Math.cos((double) (-position) / 180 * 3.143))*2, paint);
  }
&lt;/code&gt;&lt;/pre&gt;
&lt;p&gt;I want a real image instead of this drawLine and should maintain the position which i pass. anyone please help me to solve this.&lt;/p&gt;</t>
  </si>
  <si>
    <t>2013-05-20 11:03:20.300000+00:00</t>
  </si>
  <si>
    <t>android|android-canvas</t>
  </si>
  <si>
    <t>Compiling linux library for mingw</t>
  </si>
  <si>
    <t>&lt;p&gt;I have been using a socket library for C++. Some other info: 32 bit Linux, Codelite and GCC toolset. I want to be able to compile my program for Windows using the windows edition of Codelite. The socket library I have been using doesn���t have a mingw32 build of the library, but it���s open source. So how can I make a mingw32 build of the socket library so I can make a windows build using the source provided? &lt;/p&gt;</t>
  </si>
  <si>
    <t>2010-12-22 02:30:55.783000+00:00</t>
  </si>
  <si>
    <t>2010-12-22 12:55:06.570000+00:00</t>
  </si>
  <si>
    <t>2010-12-22 02:50:38.130000+00:00</t>
  </si>
  <si>
    <t>c++|mingw|porting|cross-compiling</t>
  </si>
  <si>
    <t>How to compare two sub queries in one sql statement</t>
  </si>
  <si>
    <t>&lt;p&gt;I have a table &lt;code&gt;tbl_Country&lt;/code&gt;, which contains columns called &lt;code&gt;ID&lt;/code&gt; and &lt;code&gt;Name&lt;/code&gt;. The &lt;code&gt;Name&lt;/code&gt; column has multiple country names separated by comma, I want the id when I pass multiple country names to compare with &lt;code&gt;Name&lt;/code&gt; column values. I am splitting the country names using a function - the sample query looks like this:&lt;/p&gt;
&lt;pre&gt;&lt;code&gt;@country varchar(50)
SELECT *
FROM   tbl_Country
WHERE  (SELECT *
        FROM   Function(@Country)) IN (SELECT *
                                       FROM   Function(Name))
tbl_country    
ID        Name
1         'IN,US,UK,SL,NZ'
2         'IN,PK,SA'
3         'CH,JP'
parameter @country ='IN,SA'
&lt;/code&gt;&lt;/pre&gt;
&lt;p&gt;i have to get &lt;/p&gt;
&lt;pre&gt;&lt;code&gt;  ID 
   1
   2
NOTE:  The Function will split the string into a datatable
&lt;/code&gt;&lt;/pre&gt;</t>
  </si>
  <si>
    <t>2013-12-19 09:54:11.800000+00:00</t>
  </si>
  <si>
    <t>2013-12-19 13:27:40.053000+00:00</t>
  </si>
  <si>
    <t>2013-12-19 10:31:29.247000+00:00</t>
  </si>
  <si>
    <t>sql|sql-server|select|stored-procedures|subquery</t>
  </si>
  <si>
    <t>FB.login() does not popup user login dialog?</t>
  </si>
  <si>
    <t>&lt;pre&gt;&lt;code&gt;function shareFB(){console.log('reached share fb fn');
    $(".inviteshare .sendingmsg").show();
    FB.getLoginStatus(function(response) {
        if (response.authResponse) {console.log('logged in');
            shareOnFacebook();
            console.log(response);
        } else {console.log('not logged in');
            FB.login(function(response) {
                console.log(response);
                if (response.authResponse) {
                    shareOnFacebook();
                    console.log(response);
                } else {
                    $(".inviteshare .sendingmsg").hide();
                    alert("User cancelled login or did not fully authorize");
                }
            },{scope:'publish_stream'});
        }
    },{scope:'publish_stream'});
}
&lt;/code&gt;&lt;/pre&gt;
&lt;p&gt;i this is my code.it does not open login dialog .if i already logged in it works. that means it opens the shareonfacebook function.but if not logged in it does not woek (FB.login()) method. how do fix it? &lt;/p&gt;</t>
  </si>
  <si>
    <t>2017-02-08 07:48:57.540000+00:00</t>
  </si>
  <si>
    <t>javascript|facebook|facebook-graph-api</t>
  </si>
  <si>
    <t>One view for 2 or more pages (backbone.js)</t>
  </si>
  <si>
    <t>&lt;p&gt;I have two pages. One of them is dashboard with a lot of functionality. The second page is shared dashboard - the simple version of the first page.
The dashboard contains the view of the database (it can contain much other info, but the problem with this one). You can click on the filter button and modal window will be opened. So, simple version of the dashboard doesn't have this possibility. I'd like to add it, but I don't want to copy+past code from the full version of the dashboard because the code of this part is about two thousand lines. I'll add some primitive code example:&lt;/p&gt;
&lt;pre&gt;&lt;code&gt;DashboardView = SomeAnotherView.extend({
initialize: function() {...},
events: {...} // huge objects of jQuery events,
render: function () {...},
... // 2k lines of functions for events
});
&lt;/code&gt;&lt;/pre&gt;
&lt;p&gt;How can I use this View on another page? I tried to call a function from this view:&lt;/p&gt;
&lt;pre&gt;&lt;code&gt;DashboardView.prototype.filterClicked(event);
&lt;/code&gt;&lt;/pre&gt;
&lt;p&gt;But in this case event.curentTarget is null (it is necessary for this function), I also tried to send "this" to get the context, but it was failed.
&lt;strong&gt;Is there a possibility in Backbone.js to use one &lt;em&gt;View&lt;/em&gt; for 2+ pages without any huge copy/past code?&lt;/strong&gt;&lt;/p&gt;</t>
  </si>
  <si>
    <t>2017-08-22 18:39:48.750000+00:00</t>
  </si>
  <si>
    <t>2017-08-23 11:05:23.433000+00:00</t>
  </si>
  <si>
    <t>How do I create a reusable partial for duplicate markup in ember.js?</t>
  </si>
  <si>
    <t>&lt;p&gt;Given this chunk of HTML:&lt;/p&gt;
&lt;pre&gt;&lt;code&gt;&amp;lt;div id="email_field" class="control-group"&amp;gt;
  &amp;lt;label class="control-label" for="account.email"&amp;gt;Email&amp;lt;/label&amp;gt;
  &amp;lt;div id="email_input" class="controls"&amp;gt;
    &amp;lt;input id="account.email" name="account.email" type="text" placeholder="jpublic@example.com"&amp;gt;
    &amp;lt;span class="help-block"&amp;gt;We just need a valid email address.&amp;lt;/span&amp;gt;
  &amp;lt;/div&amp;gt;
&amp;lt;/div&amp;gt;
&lt;/code&gt;&lt;/pre&gt;
&lt;p&gt;How do I turn this into a re-usable partial for whatever attribute I want? IE: email, password, password confirmation, etc.&lt;/p&gt;
&lt;p&gt;I would assume some sort of view hierarchy but I'm not quite sure.&lt;/p&gt;
&lt;p&gt;&lt;strong&gt;EDIT&lt;/strong&gt;: After further exploration I've knocked out &lt;code&gt;{{view}}&lt;/code&gt; and &lt;code&gt;{{render}}&lt;/code&gt; and figured out exactly what I need:&lt;/p&gt;
&lt;p&gt;I want to:
  1. Use a specific view (InputView)
  2. Use a specific controller (Preferably similarly named: InputController) (&lt;code&gt;{{view}}&lt;/code&gt; doesn't do this I think)
  3. Be able to use this multiple times (&lt;code&gt;{{render}}&lt;/code&gt; can't do this)
  4. Be able to pass in values (&lt;code&gt;{{render}}&lt;/code&gt; can't do this)&lt;/p&gt;
&lt;p&gt;Example:&lt;/p&gt;
&lt;pre&gt;&lt;code&gt;&amp;lt;!-- templates/application.hbs --&amp;gt;
{{foo "input" name="Email" id="account.email" placeholder="jpublic@email.com"}}
&lt;/code&gt;&lt;/pre&gt;
&lt;hr&gt;
&lt;pre&gt;&lt;code&gt;// controllers/input.js
Application.InputController = Ember.ObjectController.extend({
  type: "text"
});
&lt;/code&gt;&lt;/pre&gt;
&lt;hr&gt;
&lt;pre&gt;&lt;code&gt;// views/input.js
Application.InputView = Ember.View.extend({
  templateName: "form/input"
});
&lt;/code&gt;&lt;/pre&gt;
&lt;hr&gt;
&lt;pre&gt;&lt;code&gt;&amp;lt;!-- templates/form/input.hbs --&amp;gt;
&amp;lt;input {{bindAttr id="id" name="name" type="type" placeholder="placeholder"}}&amp;gt;
&lt;/code&gt;&lt;/pre&gt;</t>
  </si>
  <si>
    <t>2013-02-17 20:35:18.713000+00:00</t>
  </si>
  <si>
    <t>2013-02-24 05:22:20.033000+00:00</t>
  </si>
  <si>
    <t>2013-02-19 20:54:22.487000+00:00</t>
  </si>
  <si>
    <t>ember.js|partial-views|reusability</t>
  </si>
  <si>
    <t>Android, storing several MB of app data safely (security/error free) and considerately (not filling storage)?</t>
  </si>
  <si>
    <t>&lt;p&gt;My Android application is heavily image intensive. Out of consideration for the multiple phone specifications, my application optimizes all the images to smaller, easier to handle sizes for the devices that require them.&lt;/p&gt;
&lt;p&gt;At present these are stored in: &lt;/p&gt;
&lt;pre&gt;&lt;code&gt;/data/data/com.myapp.example/files
&lt;/code&gt;&lt;/pre&gt;
&lt;p&gt;However I feel there are two important considerations to make,&lt;/p&gt;
&lt;p&gt;First of all that the application will take up approximately 10MB of additional space after the initial "setup". How can I make this as small a problem as possible for the user? I havn't considered outputting them to the SD card because they are licensed material and SD is totally insecure. (although i'm totally aware that so is data directory from rooted devices). What would be the solution to this problem?&lt;/p&gt;
&lt;p&gt;My second consideration is that I need to be able to know if there is enough space on the users device before I start trying to use it, is there some way I can find out before I begin the process?&lt;/p&gt;</t>
  </si>
  <si>
    <t>2011-04-11 09:07:43.183000+00:00</t>
  </si>
  <si>
    <t>2011-04-12 08:19:58.240000+00:00</t>
  </si>
  <si>
    <t>android|security|storage|space</t>
  </si>
  <si>
    <t>split and spanned not support error while zip file extraction in c#</t>
  </si>
  <si>
    <t>&lt;p&gt;While Zip file Extraction using ziparchival class in C#. It working fine for few files but files with size more than 1 GB it throwing "Split or spanned archives are not supported." I dont get what it mean. How to resolve it?&lt;/p&gt;</t>
  </si>
  <si>
    <t>2017-04-04 06:05:19.667000+00:00</t>
  </si>
  <si>
    <t>2017-04-04 08:05:54.060000+00:00</t>
  </si>
  <si>
    <t>Topojson segmentation fault</t>
  </si>
  <si>
    <t>&lt;p&gt;I'm trying to convert a shp file of &lt;a href="http://www.zillow.com/static/shp/ZillowNeighborhoods-TX.zip" rel="nofollow"&gt;Texas neighborhood boundaries&lt;/a&gt;.  I installed topojson with no errors.&lt;/p&gt;
&lt;p&gt;I run:&lt;/p&gt;
&lt;pre&gt;&lt;code&gt;  $ topojson -o texas_hoods.json --id-property NAME ZillowNeighborhoods-CA.shp -p --v
  $ [1]    9533 segmentation fault  topojson -o texas_hoods.json --id-property NAME ZillowNeighborhoods-CA.shp -p
&lt;/code&gt;&lt;/pre&gt;
&lt;p&gt;Any theories on why I'm receiving a segfault?  I was able to convert to topojson in the past.  I recently reinstalled homebrew etc., but can't figure out what's changed.&lt;/p&gt;</t>
  </si>
  <si>
    <t>2014-08-23 03:09:17.243000+00:00</t>
  </si>
  <si>
    <t>2014-08-28 17:24:52.067000+00:00</t>
  </si>
  <si>
    <t>2014-08-23 10:11:06.370000+00:00</t>
  </si>
  <si>
    <t>segmentation-fault|topojson</t>
  </si>
  <si>
    <t>Array Elements Overwritten with Last in C</t>
  </si>
  <si>
    <t>&lt;p&gt;I'm trying to create a program which takes in a set number of strings (the user is asked to put in the number of strings they will enter), once it has these strings, they are placed in an array, using dynamic memory.&lt;/p&gt;
&lt;p&gt;The ouput would be something like this:&lt;/p&gt;
&lt;pre&gt;&lt;code&gt;# of Strings: 3
Cat
Dog
Elephant 
Cat
Dog
Elephant
&lt;/code&gt;&lt;/pre&gt;
&lt;p&gt;Heres a snippet of my code, after I have the number of strings.&lt;/p&gt;
&lt;pre&gt;&lt;code&gt;sptr=malloc(sizeof(char*)*nStrings);
for(i=0;i&amp;lt;nStrings;i++)
{
    scanf("%s",string);
    length=strlen(string);
    sptr[i]=malloc(sizeof(char)*length);
    sptr[i]=string;
}
&lt;/code&gt;&lt;/pre&gt;
&lt;p&gt;Where sptr is the array I'll access to output the strings.
So it's an array of pointers which then point to individual strings (or other arrays of characters, if you'd prefer to think of it that way).&lt;/p&gt;
&lt;p&gt;Lets say there are two strings.
I allocate memory for two pointers,
Then in the first pointer, i scan in a string,
i find the length of the string,
i allocate memory the size of the string
and i equal the pointer to the string.
This all works dandy, and if I were to put a printf() right after that last line, it will work.
The problem i face is, if lets say there are 3 strings, each time through sptr[i] is assigned correctly, but then outside of that block, all of the indicies of sptr are = to the last string i put in, and I have no idea why.&lt;/p&gt;
&lt;p&gt;If you could help me out I'd appreciate it. Thanks.&lt;/p&gt;</t>
  </si>
  <si>
    <t>2010-01-24 17:55:10.610000+00:00</t>
  </si>
  <si>
    <t>2010-01-24 17:59:13.597000+00:00</t>
  </si>
  <si>
    <t>2010-01-24 17:57:09.437000+00:00</t>
  </si>
  <si>
    <t>c|arrays|memory|dynamic|malloc</t>
  </si>
  <si>
    <t>Gnumeric summing relative values</t>
  </si>
  <si>
    <t>&lt;p&gt;I have 57 rows with numbers in cells D through S. I would like to add those numbers up and include the sum in T. So T2 would be the sum of the numbers in D2 to S2, and T3 would be the sum of the numbers in D3 to S3. Rather than type 57 different formulas, I want one formula that will work wherever I paste it.&lt;/p&gt;
&lt;p&gt;I've looked at the Gnumeric documentation, and I see a "row_num" variable, which I think is what I want, but I can't figure out how to use it.&lt;/p&gt;</t>
  </si>
  <si>
    <t>2014-12-21 18:13:12.873000+00:00</t>
  </si>
  <si>
    <t>2014-12-22 09:47:25.463000+00:00</t>
  </si>
  <si>
    <t>gnumeric</t>
  </si>
  <si>
    <t>jQuery tabs and cookie not working</t>
  </si>
  <si>
    <t>&lt;p&gt;So...my problem is easy, but for me is too high. I have a jquery tabs script and I would like to expand with cookie, but not working.&lt;br&gt; 
How to proceed? Thanks&lt;/p&gt;
&lt;p&gt;src:jquery-1.7.2.js&lt;br /&gt;
src:js/jquery.cookie.js&lt;/p&gt;
&lt;pre&gt;&lt;code&gt;    $(".tab_content").hide();
    $("ul.tabs li:first").addClass("active").show();
    $(".tab_content:first").show();
    $("ul.tabs li").click(function() {
            $("ul.tabs li").removeClass("active");
            $(this).addClass("active");
            $(".tab_content").hide();
            var activeTab = $(this).find("a").attr("href");
            $(activeTab).fadeIn();
            return false;
    });
    $("ul.tabs li:first").css('border-left','none');
    $("ul.tabs li a:first").css('color','#232323');
    $("ul.tabs li a").click(function() {
            $(this).css('color','#232323');
            $("ul.tabs li.active a").css('color','#333');
    });
&lt;/code&gt;&lt;/pre&gt;
&lt;p&gt;other script:&lt;/p&gt;
&lt;pre&gt;&lt;code&gt;$("ul.tabs a").click(function(e){
            e.preventDefault();
            $("#" + $.cookie(cookieName)).removeClass("selected");
            $.cookie(cookieName, $(this).attr("href"), cookieOptions);
            $("#" + $.cookie(cookieName)).addClass("selected");
            e.preventDefault();
            $(".tab_container").val( $.cookie(cookieName) );
});
&lt;/code&gt;&lt;/pre&gt;
&lt;p&gt;And HTML:&lt;/p&gt;
&lt;pre&gt;&lt;code&gt;&amp;lt;ul class="tabs"&amp;gt;
    &amp;lt;li&amp;gt;&amp;lt;a href="#A"&amp;gt;&amp;lt;img src="" height="41" alt="A" class="fruit" /&amp;gt;
    &amp;lt;div class="fruit_name"&amp;gt;AAA&amp;lt;/div&amp;gt;
    &amp;lt;/a&amp;gt;&amp;lt;/li&amp;gt;
    &amp;lt;li&amp;gt;&amp;lt;a href="#B"&amp;gt;&amp;lt;img src="" width="79" height="41" alt="B" class="fruit" /&amp;gt;
    &amp;lt;div class="fruit_name"&amp;gt;BBB&amp;lt;/div&amp;gt;
    &amp;lt;/a&amp;gt;&amp;lt;/li&amp;gt;
    &amp;lt;li&amp;gt;&amp;lt;a href="#C"&amp;gt;&amp;lt;img src="" width="80" height="41" alt="C" class="fruit" /&amp;gt;
    &amp;lt;div class="fruit_name"&amp;gt;CCC&amp;lt;/div&amp;gt;
    &amp;lt;/a&amp;gt;&amp;lt;/li&amp;gt;
&amp;lt;/ul&amp;gt;
&amp;lt;div class="tab_container"&amp;gt;
    &amp;lt;div id="A" class="tab_content"&amp;gt;
         This is AAA content.
    &amp;lt;/div&amp;gt;
&amp;lt;/div&amp;gt;
&amp;lt;div class="tab_container"&amp;gt;
    &amp;lt;div id="B" class="tab_content"&amp;gt;
         This is BBB content.
    &amp;lt;/div&amp;gt;
&amp;lt;/div&amp;gt;
&amp;lt;div class="tab_container"&amp;gt;
    &amp;lt;div id="C" class="tab_content"&amp;gt;
         This is CCC content.
    &amp;lt;/div&amp;gt;
&amp;lt;/div&amp;gt;
&lt;/code&gt;&lt;/pre&gt;</t>
  </si>
  <si>
    <t>2012-07-03 08:14:13.810000+00:00</t>
  </si>
  <si>
    <t>2012-07-03 08:36:14.447000+00:00</t>
  </si>
  <si>
    <t>2012-07-03 08:20:32.100000+00:00</t>
  </si>
  <si>
    <t>What is = followed by == operation?</t>
  </si>
  <si>
    <t>&lt;p&gt;I've encountered this code and don't know what its performing : &lt;/p&gt;
&lt;pre&gt;&lt;code&gt;yk = y == k;
&lt;/code&gt;&lt;/pre&gt;
&lt;p&gt;Recreating : &lt;/p&gt;
&lt;pre&gt;&lt;code&gt;&amp;gt;&amp;gt; a = 1
a =  1
&amp;gt;&amp;gt; b = 2
b =  2
&amp;gt;&amp;gt; c = 3
c =  3
&amp;gt;&amp;gt; a = b == c
a = 0
&amp;gt;&amp;gt;
&lt;/code&gt;&lt;/pre&gt;
&lt;p&gt;I think it is a boolean operation. &lt;code&gt;If y == k then yk = 1 else yk = 0&lt;/code&gt; ?&lt;/p&gt;</t>
  </si>
  <si>
    <t>2016-12-04 22:31:44.620000+00:00</t>
  </si>
  <si>
    <t>2016-12-04 22:41:15.253000+00:00</t>
  </si>
  <si>
    <t>octave</t>
  </si>
  <si>
    <t>Embedding a field in an alternate view</t>
  </si>
  <si>
    <t>&lt;p&gt;I'm building an alternate view for a custom type that will display a table of fields. Most fields can be displayed using something like this:&lt;/p&gt;
&lt;pre&gt;&lt;code&gt;@Display(Model.ContentItem.CustomType.CustomField.Value)
&lt;/code&gt;&lt;/pre&gt;
&lt;p&gt;However, a few of the fields I would prefer to have the full field view. For example, an IP address field that displays the result of pinging the address alongside the field value itself. &lt;/p&gt;
&lt;p&gt;I found that this shape can be displayed using:&lt;/p&gt;
&lt;pre&gt;&lt;code&gt;@Display.Fields_CustomField(Model.ContentItem.CustomType.Address)
&lt;/code&gt;&lt;/pre&gt;
&lt;p&gt;but then that call results in the Model values being different than when displayed through the driver, such as needing to call Model.ContentField.Value instead of Model.Value. &lt;/p&gt;
&lt;pre&gt;&lt;code&gt;var model = Model.ContentField ?? Model;
var settings = Model.Settings ?? Model.PartFieldDefinition.Settings;
&lt;/code&gt;&lt;/pre&gt;
&lt;p&gt;and then even more complex checks:&lt;/p&gt;
&lt;pre&gt;&lt;code&gt;bool customFieldSetting = settings.GetType() == typeof(CustomFieldSettings) ? 
    settings.CustomSetting : 
    bool.Parse(settings["CustomFieldSettings.CustomSetting"]);
&lt;/code&gt;&lt;/pre&gt;
&lt;p&gt;My custom field can be rewritten to check multiple locations for these values, but that's an inconvenient solution when having to alter many fields with this logic. &lt;/p&gt;
&lt;p&gt;Is there a way to render the full display of a field from a shape alternate? &lt;/p&gt;</t>
  </si>
  <si>
    <t>2017-09-11 17:36:15.010000+00:00</t>
  </si>
  <si>
    <t>2017-09-12 17:27:13.453000+00:00</t>
  </si>
  <si>
    <t>c#|orchardcms</t>
  </si>
  <si>
    <t>How can we retrieve reference data from a database for use accross multiple sessions in Drools Work Bench?</t>
  </si>
  <si>
    <t>&lt;p&gt;My implementation depends on a lot of database lookups for reference data. Does anyone know how I can do this in drools workbench 7.x without using java? For example Appian has the concept of a Custom Data Type that is used for Reading and Writing to the DB. Drools seems to use JPA only for the purpose of writing to the Database which if I am correct does not make it an ideal candidate for our scenario. We would not want to use custom java to manage these lookups from the DB.&lt;/p&gt;</t>
  </si>
  <si>
    <t>2018-02-15 09:41:54.117000+00:00</t>
  </si>
  <si>
    <t>database|drools|lookup|workbench</t>
  </si>
  <si>
    <t>remove zero line from ios charts</t>
  </si>
  <si>
    <t>&lt;p&gt;I've created a simple small chart using (&lt;a href="https://github.com/danielgindi/Charts" rel="nofollow noreferrer"&gt;https://github.com/danielgindi/Charts&lt;/a&gt;), where i'm trying to remove everything beside the line itself, but i can't seem to remove the bottom zero axis. i've looked through the documentation, but cannot seem to remove it?&lt;/p&gt;
&lt;p&gt;&lt;a href="https://i.stack.imgur.com/CB9Ef.png" rel="nofollow noreferrer"&gt;&lt;img src="https://i.stack.imgur.com/CB9Ef.png" alt="enter image description here"&gt;&lt;/a&gt;&lt;/p&gt;
&lt;p&gt;&lt;strong&gt;chart&lt;/strong&gt;&lt;/p&gt;
&lt;pre&gt;&lt;code&gt;class CellChartView: UIView {
    var lineChart: LineChartView!
    override init(frame: CGRect) {
        super.init(frame: frame)
        self.lineChart = LineChartView()
        lineChart.backgroundColor = Color.lightTheme.value
        lineChart.translatesAutoresizingMaskIntoConstraints = false
        self.lineChart.chartDescription?.text = ""
        self.lineChart.isUserInteractionEnabled = false
        self.lineChart.legend.enabled = false
        self.lineChart.minOffset = 0
        self.lineChart.drawBordersEnabled = false
        self.lineChart.drawGridBackgroundEnabled = false
        self.lineChart.autoScaleMinMaxEnabled = true
        self.lineChart.rightAxis.enabled = false
        self.lineChart.leftAxis.enabled = false
        self.lineChart.leftAxis.drawAxisLineEnabled = false
        self.lineChart.leftAxis.axisLineColor = UIColor.green
        self.lineChart.xAxis.drawLabelsEnabled = false
        self.lineChart.xAxis.drawGridLinesEnabled = false
        self.lineChart.xAxis.labelPosition = .bottom
        self.lineChart.xAxis.drawLimitLinesBehindDataEnabled = false
        self.lineChart.xAxis.enabled = false
        self.lineChart.xAxis.axisLineColor = UIColor.clear
        self.addSubview(self.lineChart)
        lineChart.centerXAnchor.constraint(equalTo: self.centerXAnchor).isActive = true
        lineChart.topAnchor.constraint(equalTo: self.topAnchor, constant: -1).isActive = true
        lineChart.widthAnchor.constraint(equalTo: self.widthAnchor).isActive = true
        lineChart.heightAnchor.constraint(equalTo: self.heightAnchor).isActive = true
    }
    required init?(coder aDecoder: NSCoder) {
        fatalError("init(coder:) has not been implemented")
    }
    func setChartData(values: [Double], dates: [String]) {
        var yValues : [ChartDataEntry] = [ChartDataEntry]()
        for i in 0 ..&amp;lt; dates.count {
            yValues.append(ChartDataEntry(x: Double(i + 1), y: values[i]))
        }
        let data = LineChartData()
        let ds = LineChartDataSet(values: yValues, label: "Date")
        ds.drawCirclesEnabled = false
        ds.lineWidth = 1
        ds.drawValuesEnabled = false
        if (values.first ?? 0.0 &amp;gt; values.last ?? 0.0) {
            ds.setColor(Color.redColor.value)
        } else {
            ds.setColor(Color.greenColor.value)
        }
        data.addDataSet(ds)
        data.setDrawValues(false)
        self.lineChart.data = data
    }
}
&lt;/code&gt;&lt;/pre&gt;</t>
  </si>
  <si>
    <t>2017-12-11 17:20:48.343000+00:00</t>
  </si>
  <si>
    <t>2018-08-26 01:54:47.417000+00:00</t>
  </si>
  <si>
    <t>2017-12-11 20:55:57.373000+00:00</t>
  </si>
  <si>
    <t>swift|ios-charts</t>
  </si>
  <si>
    <t>Html/Javascript/Css how to check if inputs are empty</t>
  </si>
  <si>
    <t>&lt;p&gt;I have 6 different input-fields and I want to do so you have to fill in all of them, else a alert message will pop-up. Any tips on how to do this?&lt;/p&gt;
&lt;p&gt;I also have problems with option for different &lt;code&gt;font-style&lt;/code&gt;s. When you click on the different options for the &lt;code&gt;font-style&lt;/code&gt;, the text that you wrote in the input-filed should change and also the text infront "f��rtag" and so on. &lt;/p&gt;
&lt;p&gt;This is my code:&lt;/p&gt;
&lt;p&gt;&lt;div class="snippet" data-lang="js" data-hide="false" data-console="true" data-babel="false"&gt;_x000D_
&lt;div class="snippet-code"&gt;_x000D_
&lt;pre class="snippet-code-js lang-js prettyprint-override"&gt;&lt;code&gt;function SkrivUt() {_x000D_
  var el = document.getElementById('f');_x000D_
  el.style.color = document.getElementById('textColor').value;_x000D_
  el.style.fontStyle = document.getElementById('selectedFont').value;_x000D_
  el.style.backgroundColor = document.getElementById('backGroundColour').value;_x000D_
_x000D_
  $("#area1").html($("#foretagText").val());_x000D_
  $("#area2").html($("#efternamnText").val());_x000D_
  $("#area3").html($("#fornamnNamnText").val());_x000D_
  $("#area4").html($("#titleText").val());_x000D_
  $("#area5").html($("#telefonText").val());_x000D_
  $("#area6").html($("#epostText").val());_x000D_
  $("#visitkort").hide();_x000D_
  $("#visitkortsDemo").show();_x000D_
}_x000D_
_x000D_
function reset() {_x000D_
  document.getElementById('foretagText').value = "";_x000D_
  document.getElementById('efternamnText').value = "";_x000D_
  document.getElementById('fornamnNamnText').value = "";_x000D_
  document.getElementById('titleText').value = "";_x000D_
  document.getElementById('telefonText').value = "";_x000D_
  document.getElementById('epostText').value = "";_x000D_
}&lt;/code&gt;&lt;/pre&gt;_x000D_
&lt;pre class="snippet-code-css lang-css prettyprint-override"&gt;&lt;code&gt;.form-style-3 {_x000D_
  max-width: 400px;_x000D_
  max-height 400px;_x000D_
  font-family: "Comic Sans MS", cursive, sans-serif;_x000D_
}_x000D_
.form-style-3 label {_x000D_
  display: block;_x000D_
  margin-bottom: 10px;_x000D_
}_x000D_
.form-style-3 label span {_x000D_
  float: left;_x000D_
  width: 150px;_x000D_
  font-weight: bold;_x000D_
  font-size: 13px;_x000D_
  text-shadow: 1px 1px 1px #fff;_x000D_
}_x000D_
.form-style-3 fieldset {_x000D_
  border-radius: 10px;_x000D_
  -webkit-border-radius: 10px;_x000D_
  -moz-border-radius: 10px;_x000D_
  margin: 0px 0px 10px 0px;_x000D_
  border: 1px solid #FFD2D2;_x000D_
  padding: 20px;_x000D_
  background: lightblue;_x000D_
  box-shadow: inset 0px 0px 15px #FFE5E5;_x000D_
  -moz-box-shadow: inset 0px 0px 15px #FFE5E5;_x000D_
  -webkit-box-shadow: inset 0px 0px 15px #FFE5E5;_x000D_
}_x000D_
/*Format legent inom ett fieldset*/_x000D_
_x000D_
.form-style-3 fieldset legend {_x000D_
  color: #FFA0C9;_x000D_
  border-top: 1px solid #FFD2D2;_x000D_
  border-left: 1px solid #FFD2D2;_x000D_
  border-right: 1px solid #FFD2D2;_x000D_
  border-radius: 5px 5px 0px 0px;_x000D_
  -webkit-border-radius: 5px 5px 0px 0px;_x000D_
  -moz-border-radius: 5px 5px 0px 0px;_x000D_
  background: #FFF4F4;_x000D_
  padding: 0px 8px 3px 8px;_x000D_
  box-shadow: -0px -1px 2px #F1F1F1;_x000D_
  -moz-box-shadow: -0px -1px 2px #F1F1F1;_x000D_
  -webkit-box-shadow: -0px -1px 2px #F1F1F1;_x000D_
  font-weight: normal;_x000D_
  font-size: 12px;_x000D_
}_x000D_
.select-field {_x000D_
  background: gray;_x000D_
  color: white;_x000D_
  border-radius: 5px 5px 5px 5px;_x000D_
}_x000D_
.input-field {_x000D_
  font-family: "Comic Sans MS", cursive, sans-serif;_x000D_
  color: red_x000D_
}&lt;/code&gt;&lt;/pre&gt;_x000D_
&lt;pre class="snippet-code-html lang-html prettyprint-override"&gt;&lt;code&gt;&amp;lt;!DOCTYPE html&amp;gt;_x000D_
&amp;lt;html&amp;gt;_x000D_
_x000D_
&amp;lt;head&amp;gt;_x000D_
  &amp;lt;title&amp;gt;Visitkort&amp;lt;/title&amp;gt;_x000D_
  &amp;lt;link rel='stylesheet' type='text/css' href='Style.css' /&amp;gt;_x000D_
  &amp;lt;script type="text/javascript" src="https://ajax.googleapis.com/ajax/libs/jquery/1.12.4/jquery.min.js"&amp;gt;&amp;lt;/script&amp;gt;_x000D_
&amp;lt;/head&amp;gt;_x000D_
_x000D_
&amp;lt;body&amp;gt;_x000D_
_x000D_
  &amp;lt;div class="form-style-3"&amp;gt;_x000D_
    &amp;lt;div id="visitkort" style='display:block'&amp;gt;_x000D_
      &amp;lt;fieldset&amp;gt;_x000D_
        &amp;lt;legend&amp;gt;Visitkort&amp;lt;/legend&amp;gt;_x000D_
        &amp;lt;label&amp;gt;&amp;lt;span&amp;gt;F��retaget&amp;lt;/span&amp;gt;_x000D_
          &amp;lt;input type="text" id="foretagText" /&amp;gt;_x000D_
        &amp;lt;/label&amp;gt;_x000D_
        &amp;lt;label&amp;gt;&amp;lt;span&amp;gt;Efternamn &amp;lt;/span&amp;gt;_x000D_
          &amp;lt;input type="text" id="efternamnText" /&amp;gt;_x000D_
        &amp;lt;/label&amp;gt;_x000D_
        &amp;lt;label&amp;gt;&amp;lt;span&amp;gt;F��rnamn &amp;lt;/span&amp;gt;_x000D_
          &amp;lt;input type="text" id="fornamnNamnText" /&amp;gt;_x000D_
        &amp;lt;/label&amp;gt;_x000D_
        &amp;lt;label&amp;gt;&amp;lt;span&amp;gt;Titel &amp;lt;/span&amp;gt;_x000D_
          &amp;lt;input type="text" id="titleText" /&amp;gt;_x000D_
        &amp;lt;/label&amp;gt;_x000D_
        &amp;lt;label&amp;gt;&amp;lt;span&amp;gt;Telefon &amp;lt;/span&amp;gt;_x000D_
          &amp;lt;input type="text" id="telefonText" /&amp;gt;_x000D_
        &amp;lt;/label&amp;gt;_x000D_
        &amp;lt;label&amp;gt;&amp;lt;span&amp;gt;Epost &amp;lt;/span&amp;gt;_x000D_
          &amp;lt;input type="text" id="epostText" /&amp;gt;_x000D_
        &amp;lt;/label&amp;gt;_x000D_
        &amp;lt;label&amp;gt;_x000D_
          &amp;lt;span&amp;gt;V��lj bakgrundsf��rg&amp;lt;/span&amp;gt;_x000D_
          &amp;lt;select class="select-field" id="backGroundColour"&amp;gt;_x000D_
            &amp;lt;option value="RoyalBlue"&amp;gt;Bl��&amp;lt;/option&amp;gt;_x000D_
            &amp;lt;option value="Yellow"&amp;gt;gul&amp;lt;/option&amp;gt;_x000D_
            &amp;lt;option value="Crimson"&amp;gt;R��d&amp;lt;/option&amp;gt;_x000D_
          &amp;lt;/select&amp;gt;_x000D_
        &amp;lt;/label&amp;gt;_x000D_
        &amp;lt;label&amp;gt;_x000D_
          &amp;lt;span&amp;gt;V��lj Textf��rg&amp;lt;/span&amp;gt;_x000D_
          &amp;lt;select class="select-field" id="textColor"&amp;gt;_x000D_
            &amp;lt;option value="RoyalBlue"&amp;gt;Bl��&amp;lt;/option&amp;gt;_x000D_
            &amp;lt;option value="Yellow"&amp;gt;Gul&amp;lt;/option&amp;gt;_x000D_
            &amp;lt;option value="Crimson"&amp;gt;r��d&amp;lt;/option&amp;gt;_x000D_
          &amp;lt;/select&amp;gt;_x000D_
        &amp;lt;/label&amp;gt;_x000D_
        &amp;lt;label&amp;gt;_x000D_
          &amp;lt;span&amp;gt;V��lj typsnitt&amp;lt;/span&amp;gt;_x000D_
          &amp;lt;select class="select-field" id="selectedFont"&amp;gt;_x000D_
            &amp;lt;option value="Verdana"&amp;gt;Verdana&amp;lt;/option&amp;gt;_x000D_
            &amp;lt;option value="Ariel"&amp;gt;Ariel&amp;lt;/option&amp;gt;_x000D_
            &amp;lt;option value="Impact"&amp;gt;Impact&amp;lt;/option&amp;gt;_x000D_
            &amp;lt;option value="Tahoma"&amp;gt;Tahoma&amp;lt;/option&amp;gt;_x000D_
          &amp;lt;/select&amp;gt;_x000D_
        &amp;lt;/label&amp;gt;_x000D_
_x000D_
        &amp;lt;label&amp;gt;&amp;lt;span&amp;gt;&amp;lt;button type="button" onclick="reset()"&amp;gt;Nollst��ll&amp;lt;/button&amp;gt;&amp;lt;/span&amp;gt;&amp;lt;span&amp;gt;&amp;lt;button type="button"  onclick="SkrivUt()"&amp;gt;Skriv ut&amp;lt;/button&amp;gt;&amp;lt;/span&amp;gt;_x000D_
        &amp;lt;/label&amp;gt;_x000D_
_x000D_
      &amp;lt;/fieldset&amp;gt;_x000D_
_x000D_
    &amp;lt;/div&amp;gt;_x000D_
_x000D_
    &amp;lt;div id="visitkortsDemo" style='display:none'&amp;gt;_x000D_
      &amp;lt;fieldset id="f"&amp;gt;_x000D_
        &amp;lt;legend&amp;gt;F��rgranskning av visitkort&amp;lt;/legend&amp;gt;_x000D_
n&amp;gt;F��retaget &amp;lt;/span&amp;gt;_x000D_
          &amp;lt;p id="area1"&amp;gt;&amp;lt;/p&amp;gt;_x000D_
        &amp;lt;/label&amp;gt;_x000D_
        &amp;lt;label&amp;gt;&amp;lt;span&amp;gt;Efternamn &amp;lt;/span&amp;gt;_x000D_
          &amp;lt;p id="area2"&amp;gt;&amp;lt;/p&amp;gt;_x000D_
        &amp;lt;/label&amp;gt;_x000D_
        &amp;lt;label&amp;gt;&amp;lt;span&amp;gt;F��rnamn &amp;lt;/span&amp;gt;_x000D_
          &amp;lt;p id="area3"&amp;gt;&amp;lt;/p&amp;gt;_x000D_
        &amp;lt;/label&amp;gt;_x000D_
        &amp;lt;label&amp;gt;&amp;lt;span&amp;gt;Titel &amp;lt;/span&amp;gt;_x000D_
          &amp;lt;p id="area4"&amp;gt;&amp;lt;/p&amp;gt;_x000D_
        &amp;lt;/label&amp;gt;_x000D_
        &amp;lt;label&amp;gt;&amp;lt;span&amp;gt;Telefon &amp;lt;/span&amp;gt;_x000D_
          &amp;lt;p id="area5"&amp;gt;&amp;lt;/p&amp;gt;_x000D_
        &amp;lt;/label&amp;gt;_x000D_
        &amp;lt;label&amp;gt;&amp;lt;span&amp;gt;Epost &amp;lt;/span&amp;gt;_x000D_
          &amp;lt;p id="area6"&amp;gt;&amp;lt;/p&amp;gt;_x000D_
        &amp;lt;/label&amp;gt;_x000D_
      &amp;lt;/fieldset&amp;gt;_x000D_
    &amp;lt;/div&amp;gt;_x000D_
  &amp;lt;/div&amp;gt;_x000D_
&amp;lt;/body&amp;gt;_x000D_
_x000D_
&amp;lt;/html&amp;gt;&lt;/code&gt;&lt;/pre&gt;_x000D_
&lt;/div&gt;_x000D_
&lt;/div&gt;_x000D_
&lt;/p&gt;</t>
  </si>
  <si>
    <t>2016-09-13 12:48:32.713000+00:00</t>
  </si>
  <si>
    <t>2016-09-14 03:41:10.777000+00:00</t>
  </si>
  <si>
    <t>2016-09-13 17:59:12.303000+00:00</t>
  </si>
  <si>
    <t>javascript|jquery|html|css|input</t>
  </si>
  <si>
    <t>Struts Logic Problem</t>
  </si>
  <si>
    <t>&lt;p&gt;Why doesn't the code below work? The idea is that the page checks to see if the dropdown variable has changes since you last refreshed the page.&lt;/p&gt;
&lt;pre&gt;&lt;code&gt; &amp;lt;logic:equal name="Result" value = "-1"&amp;gt;
   &amp;lt;bean:define id="JOININGDATE" name="smlMoverDetailForm" property="empFDJoiningDate"
         type="java.lang.String" toScope = "session" /&amp;gt;
 &amp;lt;/logic:equal&amp;gt; 
 &amp;lt;logic:equal name="Result" value = "-1"&amp;gt;
   &amp;lt;bean:define id="DropDownValue" name="smlMoverDetailForm" property="moverChangeType" 
type="java.lang.String" toScope = "session" /&amp;gt;              
&amp;lt;/logic:equal&amp;gt;
&amp;lt;-- when you fisrt access this page from the above are run --&amp;gt;
 &amp;lt;bean:define id="NewDropDownValue" name="smlMoverDetailForm"
  property="moverChangeType" type="java.lang.String" toScope = "sess
&amp;lt;-- this happens everytime the page is refreshed--&amp;gt;
   &amp;lt;logic:equal name= DropDownValue   value = NewDropDownValue&amp;gt;
    &amp;lt;bean:define id="JOININGDATE" name="smlMoverDetailForm"
  property="empFDJoiningDate" type="java.lang.String" toScope = "session" /&amp;gt;
   &amp;lt;/logic:equal&amp;gt; 
    &amp;lt;logic:notEqual name="DropDownValue"   value = "NewDropDownValue"&amp;gt;
    &amp;lt;bean:define id="DropDownValue" name="smlMoverDetailForm" 
    property="moverChangeType" type="java.lang.String" toScope = "session"
     /&amp;gt;              
    &amp;lt;/logic:notEqual&amp;gt;    
&lt;/code&gt;&lt;/pre&gt;</t>
  </si>
  <si>
    <t>2008-10-17 10:55:54.350000+00:00</t>
  </si>
  <si>
    <t>2008-11-07 08:28:25.983000+00:00</t>
  </si>
  <si>
    <t>2008-10-17 10:59:29.257000+00:00</t>
  </si>
  <si>
    <t>John Topley</t>
  </si>
  <si>
    <t>Matt123</t>
  </si>
  <si>
    <t>java|struts|tags|logic</t>
  </si>
  <si>
    <t>How to get value from pluck laravel</t>
  </si>
  <si>
    <t>&lt;p&gt;i want to take 2 value from pluck &lt;code&gt;id&lt;/code&gt; and &lt;code&gt;nama_kelas&lt;/code&gt;.&lt;/p&gt;
&lt;p&gt;here my controller &lt;/p&gt;
&lt;pre&gt;&lt;code&gt;$list_kelas = Kelas::pluck('nama_kelas', 'id');
      return view('siswa.create', compact('list_kelas'));
&lt;/code&gt;&lt;/pre&gt;
&lt;p&gt;and my html&lt;/p&gt;
&lt;pre&gt;&lt;code&gt;&amp;lt;select class="form-control" id="exampleFormControlSelect1" name="id_kelas" id="id_kelas"&amp;gt;
    @foreach ($list_kelas as $kelas)
     &amp;lt;option value=""&amp;gt;{{ $kelas }}&amp;lt;/option&amp;gt;
    @endforeach
     &amp;lt;/select&amp;gt;
&lt;/code&gt;&lt;/pre&gt;
&lt;p&gt;i want to show &lt;code&gt;nama_kelas&lt;/code&gt; in option and &lt;code&gt;id&lt;/code&gt; in value.&lt;/p&gt;</t>
  </si>
  <si>
    <t>2018-11-14 09:12:38.093000+00:00</t>
  </si>
  <si>
    <t>2018-11-14 09:15:54.423000+00:00</t>
  </si>
  <si>
    <t>php|laravel|forms|binding|eloquent</t>
  </si>
  <si>
    <t>Python's html.parser fails to retrieve parts of a web page (content of tabbed panels)</t>
  </si>
  <si>
    <t>&lt;p&gt;I'm trying to retrieve the content of: &lt;a href="https://www.towncity.com/property/whole-hotel-for-sale-in-riverside-area/" rel="nofollow noreferrer"&gt;https://www.towncity.com/property/whole-hotel-for-sale-in-riverside-area/&lt;/a&gt; like this:&lt;/p&gt;
&lt;pre&gt;&lt;code&gt;class LinkParser(HTMLParser):
    def handle_starttag(self, tag, attrs):
        if tag == 'a':
            for (key, value) in attrs:
                if key == 'href':
                    newUrl = parse.urljoin(self.baseUrl, value)
                    self.links = self.links + [newUrl]
    def getLinks(self, url):
        self.links = []
        self.baseUrl = url
        timeOut = False
        try:
            req = Request(url, headers={'User-Agent': 'Mozilla/5.0'})
            response = urlopen(req,timeout=20)
        except:
            timeOut = True
            print(url,'timed out')
        if timeOut:
            return "timeOut",[]
        if 'text/html' in response.getheader('Content-Type') and not timeOut:
            htmlBytes = response.read()
            try:
                htmlString = htmlBytes.decode("utf-8")
            except:
                htmlString = htmlBytes.decode("ISO-8859-1")
            self.feed(htmlString)
            return htmlString, self.links
        else:
            return "",[]
parser = LinkParser()
data, links = parser.getLinks("https://www.towncity.com/property/whole-hotel-for-sale-in-riverside-area/")
&lt;/code&gt;&lt;/pre&gt;
&lt;p&gt;What I get differs from the actual content of the page (as seen with Chrome's view-source). I notice that what's missing comes from tabbed windows within the pages, could it be it? If so, how do I actually get all the content from the pages?&lt;/p&gt;</t>
  </si>
  <si>
    <t>2018-08-29 14:43:58.430000+00:00</t>
  </si>
  <si>
    <t>2018-08-29 15:49:41.610000+00:00</t>
  </si>
  <si>
    <t>python|html-parsing</t>
  </si>
  <si>
    <t>JavaScript removeAttribute not working in IE for href and onclick values</t>
  </si>
  <si>
    <t>&lt;p&gt;I'm making an online advent calendar where you can only open the door of the day. All the doors use JavaScript onclick to display offer eg, 'door10'... &lt;/p&gt;
&lt;pre&gt;&lt;code&gt;&amp;lt;a href="javascript:void(0)" onclick = "document.getElementById('door10').style.display='block';document.getElementById('fade10').style.display='block'" id="door-10-link"&amp;gt;
&lt;/code&gt;&lt;/pre&gt;
&lt;p&gt;They're all created with this onclick and then at the end of the HTML the following JavaScript function runs which removes the href and onclick attributes of the doors that aren't today, thus removing the ability to open them.&lt;/p&gt;
&lt;pre&gt;&lt;code&gt;function disableDoor(num) {
var today = new Date();
var day = today.getDate();
var calendar_day = num;
if (calendar_day == day) {          
} else {
    var string = "door-" + num + "-link";
    var d = document.getElementById(string);
    d.removeAttribute("href");
    d.removeAttribute("onclick");
}
&lt;/code&gt;&lt;/pre&gt;
&lt;p&gt;This all works fine in everything but Internet Explorer where the doors are still clickable even though they shouldn't be. The cursor doesn't change to the hover cursor and if you inspect the element the href and onclick values have been correctly removed, yet you can still 'open the door' even though no href is stated. The HTML now looks like this with the attributes correctly removed...&lt;/p&gt;
&lt;pre&gt;&lt;code&gt;&amp;lt;a id="door-10-link"&amp;gt;
&lt;/code&gt;&lt;/pre&gt;
&lt;p&gt;In the IE inspector, if I 'Edit as HTML', don't change anything, click outside to finish editing and refresh the page it all works fine and I can't click the doors I'm not supposed to. The href element has been properly removed from the page.&lt;/p&gt;
&lt;p&gt;It seems like the elements on the page need to refresh or something after the JavaScript has run. My guess is it's something to do with the DOM maybe but I'm pretty new to that area.&lt;/p&gt;
&lt;p&gt;Any help would be brilliant as it's got me properly stumped.&lt;/p&gt;
&lt;p&gt;Thanks in advance&lt;/p&gt;</t>
  </si>
  <si>
    <t>2014-11-25 20:15:13.227000+00:00</t>
  </si>
  <si>
    <t>2014-11-26 01:51:09.133000+00:00</t>
  </si>
  <si>
    <t>javascript|html|internet-explorer|dom</t>
  </si>
  <si>
    <t>Google Chrome does not open custom protocols</t>
  </si>
  <si>
    <t>&lt;p&gt;I've been using a simple mechanism for registering a custom URL protocol on Windows 10, allowing a link in our web application to launch a local program on the client computer. For example :&lt;/p&gt;
&lt;blockquote&gt;
  &lt;p&gt;&amp;lt;a href="mycustomprotocol://scan/0&amp;amp;1608962&amp;amp;1&amp;amp;248"&gt;Launch program&amp;lt;/a&gt;&lt;/p&gt;
&lt;/blockquote&gt;
&lt;p&gt;In regedit, the protocol is registered here : &lt;/p&gt;
&lt;blockquote&gt;
  &lt;p&gt;Ordinateur\HKEY_CLASSES_ROOT\mycustomprotocol\shell\open\command&lt;/p&gt;
&lt;/blockquote&gt;
&lt;p&gt;with a value like :&lt;/p&gt;
&lt;blockquote&gt;
  &lt;p&gt;C:\Program Files (x86)\MyProgram\MyExecutable.exe "%1"&lt;/p&gt;
&lt;/blockquote&gt;
&lt;p&gt;It has stopped to work on Chrome 63. Nothing is shown in the dev console nor in the network tab, whereas it still works well on Firefox or Microsoft Edge for example.  &lt;/p&gt;
&lt;p&gt;If I delete my user profile in C:\Users\johndoe\AppData\Local\Google\Chrome\User Data, then click my custom link again, Chrome asks me if I want to launch my local program but nothing happens when I click on the "open" button.&lt;/p&gt;
&lt;p&gt;Any though ? Is this feature now blocked by Chrome ? Can this be unblocked ? Thanks for your help.&lt;/p&gt;</t>
  </si>
  <si>
    <t>2017-12-12 09:34:33.443000+00:00</t>
  </si>
  <si>
    <t>2018-01-08 10:55:02.077000+00:00</t>
  </si>
  <si>
    <t>windows|google-chrome</t>
  </si>
  <si>
    <t>Date in to UTC format Java</t>
  </si>
  <si>
    <t>&lt;p&gt;I have a string like this &lt;code&gt;2013-10-22T01:37:56&lt;/code&gt;. I Need to change this string into UTC Date format like this &lt;code&gt;MM/dd/yyyy KK:mm:ss a&lt;/code&gt;. I have tried some code but it is not returning the UTC datetime.&lt;/p&gt;
&lt;p&gt;My code is&lt;/p&gt;
&lt;pre&gt;&lt;code&gt;        String[] time = itsAlarmDttm.split("T");
        String aFormatDate = time[0]+ " "+time[1];
        String aRevisedDate = null;
        try {
            final SimpleDateFormat sdf = new SimpleDateFormat("yyyy-MM-dd HH:mm:ss");
            final Date dateObj = sdf.parse(aFormatDate);
            aRevisedDate = new SimpleDateFormat("MM/dd/yyyy KK:mm:ss a").format(dateObj);
            System.out.println(aRevisedDate);
        } catch (ParseException e) {
            itsLogger.error("Error occured in Parsing the Data Time Object:  " +e.getMessage());
        } catch (Exception e) {
            itsLogger.error("Error occured in Data Time Objecct:  " +e.getMessage());
        }
&lt;/code&gt;&lt;/pre&gt;
&lt;p&gt;I am getting the output is &lt;code&gt;MM/dd/yyyy KK:mm:ss a&lt;/code&gt; format. But Not UTC time format.
How to solve this issue?&lt;/p&gt;</t>
  </si>
  <si>
    <t>2013-11-27 09:20:29.753000+00:00</t>
  </si>
  <si>
    <t>2018-02-25 09:15:41.570000+00:00</t>
  </si>
  <si>
    <t>2013-11-27 09:25:55.603000+00:00</t>
  </si>
  <si>
    <t>java|date|datetime</t>
  </si>
  <si>
    <t>Passing functions as arguments not working inside a class</t>
  </si>
  <si>
    <t>&lt;p&gt;Creating a Foo object passing func to constructor works just fine in this example:&lt;/p&gt;
&lt;pre&gt;&lt;code&gt;int func(int a) { return a; }
struct Foo {
  Foo( int (*func_ptr)(int) ) {};
};
Foo bar(func);
&lt;/code&gt;&lt;/pre&gt;
&lt;p&gt;However attempting to create a Foo object inside another class does not:&lt;/p&gt;
&lt;pre&gt;&lt;code&gt;class ThisIsCrap {
  Foo doesntWork(func);
};
&lt;/code&gt;&lt;/pre&gt;
&lt;p&gt;How can I create a Foo object inside a class like I can outside a class? On the bit that doesn't compile, the error is: "cannot resolve type 'func'"&lt;/p&gt;
&lt;p&gt;Thanks in advance.&lt;/p&gt;</t>
  </si>
  <si>
    <t>2017-03-15 09:29:14.360000+00:00</t>
  </si>
  <si>
    <t>2017-03-15 10:15:52.407000+00:00</t>
  </si>
  <si>
    <t>2017-03-15 09:50:35.850000+00:00</t>
  </si>
  <si>
    <t>c++|function|pointers</t>
  </si>
  <si>
    <t>Are acceptance tests in Codeception supposed to run in testing environment? (Laravel4 + Codeception)</t>
  </si>
  <si>
    <t>&lt;p&gt;I am trying to run some acceptance tests in my Laravel application. While functional tests trigger testing environment, acceptance tests do not. Is it a bug or a feature of acceptance tests? The main problem why this is bothering me is the fact, that it is not using(+populating+cleanup) testing database, it only connects to dev database (which is used, when no other ENV is specified e.g. testing, production) and this often fails those tests when I run them multiple times.&lt;/p&gt;
&lt;p&gt;This is my configuration:&lt;/p&gt;
&lt;p&gt;&lt;strong&gt;codeception.yml&lt;/strong&gt;&lt;/p&gt;
&lt;pre&gt;&lt;code&gt;paths:
    tests: app/tests
    log: app/tests/_log
    data: app/tests/_data
    helpers: app/tests/_helpers
settings:
    bootstrap: _bootstrap.php
    suite_class: \PHPUnit_Framework_TestSuite
    colors: true
    memory_limit: 1024M
    log: true
modules:
    config:
        Db:
            dsn: 'mysql:host=localhost;dbname=testdb'
            user: 'root'
            password: 'root'
            dump: 'app/tests/_data/dump.sql'
            populate: true
            cleanup: true
&lt;/code&gt;&lt;/pre&gt;
&lt;p&gt;&lt;strong&gt;acceptance.suite.yml&lt;/strong&gt;&lt;/p&gt;
&lt;pre&gt;&lt;code&gt;class_name: WebGuy
modules:
    enabled:
        - PhpBrowser
        - WebHelper
        - Db
    config:
        PhpBrowser:
            url: 'http://localhost/'
&lt;/code&gt;&lt;/pre&gt;
&lt;p&gt;&lt;strong&gt;functional.suite.yml&lt;/strong&gt;&lt;/p&gt;
&lt;pre&gt;&lt;code&gt;class_name: TestGuy
modules:
    enabled: [Filesystem, TestHelper, Laravel4, Db]
&lt;/code&gt;&lt;/pre&gt;
&lt;p&gt;Thanks for your help! &lt;/p&gt;</t>
  </si>
  <si>
    <t>2014-02-19 01:43:26.850000+00:00</t>
  </si>
  <si>
    <t>2014-10-06 21:05:18.717000+00:00</t>
  </si>
  <si>
    <t>2014-03-02 13:38:34.427000+00:00</t>
  </si>
  <si>
    <t>laravel-4|acceptance-testing|codeception</t>
  </si>
  <si>
    <t>Cache Digests and Mongoid Touch</t>
  </si>
  <si>
    <t>&lt;p&gt;I have some models where the parent models need the updated_at field touched for invalidating cache digests. Here are my basic (simplified) models:&lt;/p&gt;
&lt;pre&gt;&lt;code&gt;    class Location
        include Mongoid::Document
        include Mongoid::Timestamps
        has_many :departments
        field :name, type: String
    end
    class Department
        include Mongoid::Document
        include Mongoid::Timestamps
        belongs_to :location, touch: true
        has_many :positions
        field :name, type: String
    end
    class Position
        include Mongoid::Document
        include Mongoid::Timestamps
        belongs_to :department, touch: true
        field :name, type: String
    end
&lt;/code&gt;&lt;/pre&gt;
&lt;p&gt;If I create a new Position, the Department and Location ancestors are touched. Unfortunately, nothing happens if I update or delete a Position. I've seen references that touch needs to be called manually with something like:&lt;/p&gt;
&lt;pre&gt;&lt;code&gt;    after_save :touch
    before_destroy :touch
&lt;/code&gt;&lt;/pre&gt;
&lt;p&gt;What is the proper use in this situation? Do I need to use these callbacks when it has to fire up the hierarchy only? The documentation is unclear about how this is &lt;strong&gt;supposed&lt;/strong&gt; to function. Can anybody clarify this for me? Thanks.&lt;/p&gt;</t>
  </si>
  <si>
    <t>2013-10-02 13:37:22.423000+00:00</t>
  </si>
  <si>
    <t>2013-10-05 00:48:20.083000+00:00</t>
  </si>
  <si>
    <t>ruby-on-rails|mongoid</t>
  </si>
  <si>
    <t>can't access helper file</t>
  </si>
  <si>
    <t>&lt;p&gt;My helper file Acl.php is in library/Helper and I have included it in bootstrap file as below:-&lt;/p&gt;
&lt;p&gt;class Bootstrap extends Zend_Application_Bootstrap_Bootstrap
{&lt;/p&gt;
&lt;pre&gt;&lt;code&gt;protected function _initPlugins()
{
    $helper= new Helper_Acl();
    // $helper-&amp;gt;setRoles();
    // $helper-&amp;gt;setResources();
    // $helper-&amp;gt;setPrivilages();
    // $helper-&amp;gt;setAcl();
}
&lt;/code&gt;&lt;/pre&gt;
&lt;p&gt;}&lt;/p&gt;
&lt;p&gt;but its giving error, Saying -&gt; Fatal error: Class 'Helper_Acl' not found in Bootstrap.php.&lt;/p&gt;
&lt;p&gt;Below is my helper file&lt;/p&gt;
&lt;p&gt;class Helper_Acl
{&lt;/p&gt;
&lt;pre&gt;&lt;code&gt;public $acl;
public function __construct()
{
    $this-&amp;gt;acl = new Zend_Acl();
}
&lt;/code&gt;&lt;/pre&gt;
&lt;p&gt;}&lt;/p&gt;</t>
  </si>
  <si>
    <t>2012-04-16 13:01:10.467000+00:00</t>
  </si>
  <si>
    <t>2012-04-16 14:39:34.363000+00:00</t>
  </si>
  <si>
    <t>zend-framework</t>
  </si>
  <si>
    <t>Regex for matching every 3 word string</t>
  </si>
  <si>
    <t>&lt;p&gt;I want to return matches for every instance of a three word phrase. I'm not worried about proper grammar right now. I'm more interested in how to achieve the 'multi-pass' nature of the request.&lt;/p&gt;
&lt;pre&gt;&lt;code&gt;$string = "one two three four five";
$regex = '/(?:[^\\s\\.]+\\s){3}/ui';
preg_match_all($regex, $string, $matches);
&lt;/code&gt;&lt;/pre&gt;
&lt;p&gt;Will only return:&lt;/p&gt;
&lt;p&gt;&lt;code&gt;one two three&lt;/code&gt;&lt;/p&gt;
&lt;p&gt;Needed results:&lt;/p&gt;
&lt;p&gt;&lt;code&gt;one two three&lt;/code&gt;&lt;/p&gt;
&lt;p&gt;&lt;code&gt;two three four&lt;/code&gt;&lt;/p&gt;
&lt;p&gt;&lt;code&gt;three four five&lt;/code&gt;&lt;/p&gt;</t>
  </si>
  <si>
    <t>2017-03-17 21:39:07.227000+00:00</t>
  </si>
  <si>
    <t>2017-03-17 22:18:47.903000+00:00</t>
  </si>
  <si>
    <t>Questions on locationManager</t>
  </si>
  <si>
    <t>&lt;p&gt;this is the code I copied from other user. I have a few questions about that.&lt;/p&gt;
&lt;ol&gt;
&lt;li&gt;&lt;p&gt;why the getLocation(Context context, Location result) method return a boolean instead of Loction directly?&lt;/p&gt;&lt;/li&gt;
&lt;li&gt;&lt;p&gt;In getLocation(Context context, LocationResult result) method, what is the purpose of "result"?&lt;/p&gt;&lt;/li&gt;
&lt;li&gt;&lt;p&gt;Why there is an abstract class(LocationResult) with only an abstract method?
(I tried to override the method in myActivity and it doesn't work, why?)&lt;/p&gt;
&lt;pre&gt;&lt;code&gt;public class MyLocation {
Timer timer1;
LocationManager lm;
LocationResult locationResult;
boolean gps_enabled=false;
boolean network_enabled=false;
public boolean getLocation(Context context, LocationResult result)
{
    //I use LocationResult callback class to pass location value from MyLocation to user code.
    locationResult=result;
    if(lm==null)
        lm = (LocationManager) context.getSystemService(Context.LOCATION_SERVICE);
    //exceptions will be thrown if provider is not permitted.
    try{gps_enabled=lm.isProviderEnabled(LocationManager.GPS_PROVIDER);}catch(Exception ex){}
    try{network_enabled=lm.isProviderEnabled(LocationManager.NETWORK_PROVIDER);}catch(Exception ex){}
    //don't start listeners if no provider is enabled
    if(!gps_enabled &amp;amp;&amp;amp; !network_enabled)
        return false;
    if(gps_enabled)
        lm.requestLocationUpdates(LocationManager.GPS_PROVIDER, 0, 0, locationListenerGps);
    if(network_enabled)
        lm.requestLocationUpdates(LocationManager.NETWORK_PROVIDER, 0, 0, locationListenerNetwork);
    timer1=new Timer();
    timer1.schedule(new GetLastLocation(), 20000);
    return true;
}
LocationListener locationListenerGps = new LocationListener() {
    public void onLocationChanged(Location location) {
        timer1.cancel();
        locationResult.gotLocation(location);
        lm.removeUpdates(this);
        lm.removeUpdates(locationListenerNetwork);
    }
    public void onProviderDisabled(String provider) {}
    public void onProviderEnabled(String provider) {}
    public void onStatusChanged(String provider, int status, Bundle extras) {}
};
LocationListener locationListenerNetwork = new LocationListener() {
    public void onLocationChanged(Location location) {
        timer1.cancel();
        locationResult.gotLocation(location);
        lm.removeUpdates(this);
        lm.removeUpdates(locationListenerGps);
    }
    public void onProviderDisabled(String provider) {}
    public void onProviderEnabled(String provider) {}
    public void onStatusChanged(String provider, int status, Bundle extras) {}
};
class GetLastLocation extends TimerTask {
    @Override
    public void run() {
         lm.removeUpdates(locationListenerGps);
         lm.removeUpdates(locationListenerNetwork);
         Location net_loc=null, gps_loc=null;
         if(gps_enabled)
             gps_loc=lm.getLastKnownLocation(LocationManager.GPS_PROVIDER);
         if(network_enabled)
             net_loc=lm.getLastKnownLocation(LocationManager.NETWORK_PROVIDER);
         //if there are both values use the latest one
         if(gps_loc!=null &amp;amp;&amp;amp; net_loc!=null){
             if(gps_loc.getTime()&amp;gt;net_loc.getTime())
                 locationResult.gotLocation(gps_loc);
             else
                 locationResult.gotLocation(net_loc);
             return;
         }
         if(gps_loc!=null){
             locationResult.gotLocation(gps_loc);
             return;
         }
         if(net_loc!=null){
             locationResult.gotLocation(net_loc);
             return;
         }
         locationResult.gotLocation(null);
    }
}
public static abstract class LocationResult{
    public abstract void gotLocation(Location location);
}
&lt;/code&gt;&lt;/pre&gt;
&lt;p&gt;}&lt;/p&gt;&lt;/li&gt;
&lt;/ol&gt;</t>
  </si>
  <si>
    <t>2011-11-04 04:46:35.367000+00:00</t>
  </si>
  <si>
    <t>2011-11-04 05:06:17.790000+00:00</t>
  </si>
  <si>
    <t>java|android|location</t>
  </si>
  <si>
    <t>How to use pagination on table using angular-ui</t>
  </si>
  <si>
    <t>&lt;p&gt;Here is my code. I tried it but it displays all the records and the pagination doesn't seem to work.&lt;/p&gt;
&lt;pre&gt;&lt;code&gt;&amp;lt;div id="lead-casts" class="row" ng-show="showAllCast" width="auto" ng-init="getAllCast()"&amp;gt;
&amp;lt;div class="col-sm-12"&amp;gt;
    &amp;lt;h1 align="center"&amp;gt;All Cast&amp;lt;/h1&amp;gt;
    &amp;lt;table class="table table-striped"&amp;gt;
        &amp;lt;th align="center"&amp;gt;&amp;lt;h4&amp;gt;NAME&amp;lt;/h4&amp;gt;&amp;lt;/th&amp;gt;
        &amp;lt;th align="center"&amp;gt;&amp;lt;h4&amp;gt;ROLE&amp;lt;/h4&amp;gt;&amp;lt;/th&amp;gt;
        &amp;lt;tbody&amp;gt;
        &amp;lt;tr ng-repeat="cast in allCast"&amp;gt;
            &amp;lt;td&amp;gt;{{ cast.name }}&amp;lt;/td&amp;gt;
            &amp;lt;td&amp;gt;{{ cast.role }}&amp;lt;/td&amp;gt;
        &amp;lt;/tr&amp;gt;
        &amp;lt;/tbody&amp;gt;
    &amp;lt;/table&amp;gt;
    &amp;lt;pagination total-items="totalItems" items-per-page="20" ng-model="currentPage"&amp;gt;&amp;lt;/pagination&amp;gt;
    &amp;lt;button class="btn btn-danger pull-left" ng-click="showCast()"&amp;gt;Back&amp;lt;/button&amp;gt;
    &amp;lt;button class="btn btn-info pull-right" ng-click="showCast()"&amp;gt;Next&amp;lt;/button&amp;gt;
&amp;lt;/div&amp;gt;
&lt;/code&gt;&lt;/pre&gt;
&lt;p&gt;&lt;/p&gt;
&lt;p&gt;I also tried on using limitTo filter on the ng-repeat but it only limits the display by 20 items.&lt;/p&gt;
&lt;pre&gt;&lt;code&gt;&amp;lt;tr ng-repeat="cast in allCast | limitTo: 20"&amp;gt;
&lt;/code&gt;&lt;/pre&gt;
&lt;p&gt;How can I bind the records or ng-repeat to the pagination?&lt;/p&gt;</t>
  </si>
  <si>
    <t>2015-05-19 06:16:49.043000+00:00</t>
  </si>
  <si>
    <t>2017-06-19 15:22:13.880000+00:00</t>
  </si>
  <si>
    <t>javascript|html|angularjs|html-table|angularjs-ng-repeat</t>
  </si>
  <si>
    <t>Why does Spark Analyzer report "Correlated scalar subqueries must be Aggregated" in Case?</t>
  </si>
  <si>
    <t>&lt;p&gt;A test that uses &lt;code&gt;spark-sql&lt;/code&gt; is failing due to the following error:&lt;/p&gt;
&lt;blockquote&gt;
  &lt;p&gt;Correlated scalar subqueries must be Aggregated&lt;/p&gt;
&lt;/blockquote&gt;
&lt;p&gt;The relevant part of the SQL query that is failing:&lt;/p&gt;
&lt;pre&gt;&lt;code&gt;COALESCE(
    CASE WHEN ndc_code IN 
    (SELECT CODE FROM BOC_MED_METADATA WHERE CODE_TYPE = 'ndc')
      THEN '180'
    END,
    CASE WHEN hcpcs_code IN 
    (SELECT CODE FROM BOC_MED_METADATA WHERE CODE_TYPE = 'hcpcs')
      THEN '180'
    END,
    med_order_end_dttm,
    CASE WHEN days_supply IS NOT NULL
      THEN
        CASE
          WHEN discontinued AND (med_order_recorded_dttm BETWEEN medication_start AND start_plus)
            THEN med_order_recorded_dttm
          WHEN discontinued AND (med_order_recorded_dttm &amp;gt; start_plus)
            THEN start_plus
          WHEN NOT discontinued
            THEN start_plus
        END
    END,
    medication_start
  )
&lt;/code&gt;&lt;/pre&gt;
&lt;p&gt;The first two &lt;code&gt;cases&lt;/code&gt; in the &lt;code&gt;coalesce&lt;/code&gt; are what I added and caused the test to fail. I believe it is because of how the subqueries will return multiple rows but I'm not sure how to get around that. Any help is appreciated. If it makes a difference, this &lt;code&gt;SQL&lt;/code&gt; is only run in spark for the tests, it is actually run on a snowflake warehouse in production.&lt;/p&gt;</t>
  </si>
  <si>
    <t>2018-04-24 16:04:56.793000+00:00</t>
  </si>
  <si>
    <t>2018-05-28 20:45:11.313000+00:00</t>
  </si>
  <si>
    <t>scala|apache-spark|apache-spark-sql</t>
  </si>
  <si>
    <t>Why does my controller have access to one model, but not another?</t>
  </si>
  <si>
    <t>&lt;p&gt;I have a controller named User. In two of its actions, I would like to access a model named Preference. I receive an "uninitialized constant UserController::Preferences" error when trying to tap either action.&lt;/p&gt;
&lt;p&gt;I am able to access other models such as Prospect without error. Both Prospect and Preference are related have a belongs_to relationship with User.&lt;/p&gt;
&lt;p&gt;I've tried accessing the model as ::Preferences, but I receive this very similar error: "uninitialized constant Preferences". I've also tried manually requiring the model, to no avail.&lt;/p&gt;
&lt;p&gt;Has anyone else run into this problem and come up with a solution?&lt;/p&gt;</t>
  </si>
  <si>
    <t>2011-11-08 15:23:19.157000+00:00</t>
  </si>
  <si>
    <t>2011-11-08 15:30:30.050000+00:00</t>
  </si>
  <si>
    <t>ruby-on-rails|ruby|model-view-controller|model|controller</t>
  </si>
  <si>
    <t>Is it possible to have an animation-list in a dialog?</t>
  </si>
  <si>
    <t>&lt;p&gt;I created a dialog:&lt;/p&gt;
&lt;pre&gt;&lt;code&gt;    Dialog dialog = new Dialog(myContext, R.style.dialog_loading);
    dialog.setCancelable(false);
    RelativeLayout contentView = (RelativeLayout) ((Activity) myContext).getLayoutInflater().inflate(R.layout.dialog_loading, null);
    dialog.setContentView(contentView);
    dialog.show
&lt;/code&gt;&lt;/pre&gt;
&lt;p&gt;I also tried this:&lt;/p&gt;
&lt;pre&gt;&lt;code&gt;static public Dialog PleaseWait() {
    Dialog dialog = new Dialog(myContext, R.style.dialog_loading);
    dialog.setCancelable(false);
    RelativeLayout contentView = (RelativeLayout) ((Activity) myContext).getLayoutInflater().inflate(R.layout.dialog_loading, null);
    dialog.setContentView(contentView);
    ImageView loading=(ImageView) contentView.findViewById(R.id.loading);
  loading.setBackgroundResource(R.drawable.anim_loading);
  ((AnimationDrawable) loading.getBackground()).start();
    return dialog;
}
&lt;/code&gt;&lt;/pre&gt;
&lt;p&gt;I also tried this:&lt;/p&gt;
&lt;pre&gt;&lt;code&gt;final Dialog dialog = new Dialog(My_Activity.this);
    //Set Background of Dialog - Custom 
    //dialog.getWindow().setBackgroundDrawableResource(R.drawable.dialogbg);
    //Remove the Title
    dialog.getWindow().requestFeature(Window.FEATURE_NO_TITLE);
    //Set the View of the Dialog - Custom
    dialog.setContentView(R.layout.dialog_loading);
    //Set the title of the Dialog
    //dialog.setTitle("Title...");
    ImageView progressSpinner = (ImageView) dialog.findViewById(R.id.loading);
    //Set the background of the image - In this case an animation (/res/anim folder)
    progressSpinner.setBackgroundResource(R.drawable.anim_loading);
    //Get the image background and attach the AnimationDrawable to it.
    final AnimationDrawable progressAnimation = (AnimationDrawable) progressSpinner.getBackground();
    //Start the animation after the dialog is displayed.
    dialog.setOnShowListener(new OnShowListener() {
    @Override
    public void onShow(DialogInterface dialog) {
    progressAnimation.start();
    }
    });
    dialog.show();
&lt;/code&gt;&lt;/pre&gt;
&lt;p&gt;The layout xml as follows:&lt;/p&gt;
&lt;pre&gt;&lt;code&gt;           &amp;lt;RelativeLayout xmlns:tools="http://schemas.android.com/tools"
            xmlns:android="http://schemas.android.com/apk/res/android"
            android:id="@+id/RelativeLayout1"
            android:layout_width="wrap_content"
            android:layout_height="wrap_content"
            android:background="@drawable/btn_black"
            android:gravity="center" &amp;gt;
&amp;lt;ImageView
    android:id="@+id/loading"
    android:layout_width="wrap_content"
    android:layout_height="wrap_content"
    android:layout_marginBottom="24dp"
    android:layout_marginLeft="30dp"
    android:layout_marginRight="30dp"
    android:layout_marginTop="24dp"
    android:src="@drawable/anim_loading"  /&amp;gt;
        &amp;lt;/RelativeLayout&amp;gt;
&lt;/code&gt;&lt;/pre&gt;
&lt;p&gt;And the anim_loading as follows:&lt;/p&gt;
&lt;pre&gt;&lt;code&gt;&amp;lt;?xml version="1.0" encoding="utf-8"?&amp;gt;
&amp;lt;animation-list xmlns:android="http://schemas.android.com/apk/res/android"
android:oneshot="false"&amp;gt;
    &amp;lt;item android:drawable="@drawable/loading1" android:duration="150" /&amp;gt;
    &amp;lt;item android:drawable="@drawable/loading2" android:duration="150" /&amp;gt;
    &amp;lt;item android:drawable="@drawable/loading3" android:duration="150" /&amp;gt;
    &amp;lt;item android:drawable="@drawable/loading4" android:duration="150" /&amp;gt;
&amp;lt;/animation-list&amp;gt;
&lt;/code&gt;&lt;/pre&gt;
&lt;p&gt;The image shows, but isn't animated. How do I start this animation in a loop?&lt;/p&gt;</t>
  </si>
  <si>
    <t>2013-08-11 22:37:57.703000+00:00</t>
  </si>
  <si>
    <t>2013-08-12 16:13:29.857000+00:00</t>
  </si>
  <si>
    <t>2013-08-12 08:00:53.830000+00:00</t>
  </si>
  <si>
    <t>android|animation|dialog|android-animation</t>
  </si>
  <si>
    <t>Moving 2 QWORDs from general purpose registers into an XMM register as high/low</t>
  </si>
  <si>
    <t>&lt;p&gt;Working with masm for ml64, I'm trying to move 2 unsigned qwords from r9 and r10 into xmm0 as an unsigned 128b int&lt;/p&gt;
&lt;p&gt;So far I came up with this:&lt;/p&gt;
&lt;pre&gt;&lt;code&gt;mov r9, 111             ;low qword for test
mov r10, 222            ;high qword for test
movq xmm0, r9           ;move low to xmm0 lower bits
movq xmm1, r10          ;move high to xmm1 lower bits
pslldq xmm1, 4          ;shift xmm1 lower half to higher half   
por xmm0, xmm1          ;or the 2 halves together
&lt;/code&gt;&lt;/pre&gt;
&lt;p&gt;I think it works because&lt;/p&gt;
&lt;pre&gt;&lt;code&gt;movq rax, xmm0
&lt;/code&gt;&lt;/pre&gt;
&lt;p&gt;returns the correct low value&lt;/p&gt;
&lt;pre&gt;&lt;code&gt;psrldq xmm0, 4
movq rax, xmm0
&lt;/code&gt;&lt;/pre&gt;
&lt;p&gt;returns the correct high value&lt;/p&gt;
&lt;p&gt;Question is though, is there a better way to do it? I'm browsing the intel intrinsic guide but I'm not very good at guessing the names for whatever instructions they may possibly have.&lt;/p&gt;</t>
  </si>
  <si>
    <t>2017-05-30 10:02:46.460000+00:00</t>
  </si>
  <si>
    <t>2017-11-24 16:56:58.307000+00:00</t>
  </si>
  <si>
    <t>assembly|masm</t>
  </si>
  <si>
    <t>IntelliJ IvyIDEA adding unwanted module dependencies</t>
  </si>
  <si>
    <t>&lt;p&gt;I have been having trouble removing module dependencies from IntelliJ and instead using Ivy dependencies. &lt;/p&gt;
&lt;p&gt;I have Module A which is dependent on module B and both are in my project, I have edited Module B and want to keep it in my project but also want Module A to depend on the Ivy repository version of Module B - not the one in my workspace. &lt;/p&gt;
&lt;p&gt;I go to the Project Structure window and remove Module B as a dependency of Module A and press OK and use IvyIDEA to resolve dependencies, if I then open Project Structure I find that intelliJ has undone my changes and re-added my Module B as a dependency instead of using Ivy. &lt;/p&gt;
&lt;p&gt;How do I stop it doing this?&lt;/p&gt;</t>
  </si>
  <si>
    <t>2015-04-07 15:00:01.603000+00:00</t>
  </si>
  <si>
    <t>2015-04-14 14:29:13.567000+00:00</t>
  </si>
  <si>
    <t>intellij-idea|ivy</t>
  </si>
  <si>
    <t>When to use member variable pointer</t>
  </si>
  <si>
    <t>&lt;p&gt;Following is some example code for using "member variable pointer".&lt;/p&gt;
&lt;pre&gt;&lt;code&gt;#include &amp;lt;iostream&amp;gt;
using namespace std;
struct CData {
    int m_x;
    int m_y;
};
int main() {
    CData obj = {10, 20};
    int CData::*pData = &amp;amp;CData::m_x;
    cout &amp;lt;&amp;lt; obj.*pData &amp;lt;&amp;lt; endl;
    return 0;
}
&lt;/code&gt;&lt;/pre&gt;
&lt;p&gt;&lt;a href="http://ideone.com/hJyWP9" rel="nofollow"&gt;http://ideone.com/hJyWP9&lt;/a&gt;&lt;/p&gt;
&lt;p&gt;From this example, I am not quire sure when I should use the member variable pointer.&lt;/p&gt;
&lt;p&gt;Could you inform me some benefits or example of using the member variable pointer?&lt;/p&gt;</t>
  </si>
  <si>
    <t>2013-10-31 02:30:43.753000+00:00</t>
  </si>
  <si>
    <t>2013-10-31 03:26:27.603000+00:00</t>
  </si>
  <si>
    <t>Coding a QR Code/test possible in xCode?</t>
  </si>
  <si>
    <t>&lt;p&gt;I want to create a QR-Reader App that is a two page Application. Both are accessible with a tab bar. The first page should be the QR reader part. The second should store the read QR codes in images.
I have a QR-Reader already coded, but i don��t know how to test the iPhone app on my Mac. Is that even possible?
And my second question:
How can i save the result of my scanned codes in the other page?&lt;/p&gt;</t>
  </si>
  <si>
    <t>2014-01-07 17:23:09.720000+00:00</t>
  </si>
  <si>
    <t>2014-01-07 21:35:40.933000+00:00</t>
  </si>
  <si>
    <t>ios|iphone|qr-code|tabbar</t>
  </si>
  <si>
    <t>How to take screen shot in Android 5.0 or sdk &gt;21</t>
  </si>
  <si>
    <t>&lt;p&gt;As you know, if device rooted, you can take a screen shot with code&lt;/p&gt;
&lt;pre&gt;&lt;code&gt;Process sh = Runtime.getRuntime().exec("su", null,null);
OutputStream  os = sh.getOutputStream();
os.write(("/system/bin/screencap -p " + "/sdcard/img.png").getBytes("ASCII"));
os.flush();
os.close();
sh.waitFor();
&lt;/code&gt;&lt;/pre&gt;
&lt;p&gt;But with SDK&gt;21 (5.0 or higher ) It's not support this function.
So, I wanna know how to way screen shot with Android 5.0 or higher
from service (another application).&lt;/p&gt;
&lt;p&gt;I seen about MediaProjectionManager, but it needs run onActivityResult for received result, but in the service, it can't active.&lt;/p&gt;</t>
  </si>
  <si>
    <t>2016-04-13 08:33:51.677000+00:00</t>
  </si>
  <si>
    <t>2017-01-30 19:34:46.320000+00:00</t>
  </si>
  <si>
    <t>How the licensed web font is getting rendered?</t>
  </si>
  <si>
    <t>&lt;p&gt;I am looking at the source code of a project where a licensed font from &lt;strong&gt;myfonts.com&lt;/strong&gt; is used.&lt;/p&gt;
&lt;p&gt;The css file contains this - &lt;/p&gt;
&lt;pre&gt;&lt;code&gt;  /* @import must be at top of file, otherwise CSS will not work */
    @import url("//hello.myfonts.net/count/123d4d");
   @font-face {
  font-family: 'SoliPx';
  src: url('webfonts/123D4D_1_0.eot');
  src: url('webfonts/123D4D_1_0.eot?#iefix') format('embedded-opentype'),url('webfonts/123D4D_1_0.woff') format('woff'),url('webfonts/123D4D_1_0.ttf') format('truetype');
}
&lt;/code&gt;&lt;/pre&gt;
&lt;p&gt;And as mentioned in the source urls - there are eot, woff, ttf files in the local &lt;strong&gt;webfonts&lt;/strong&gt; folder of project.&lt;/p&gt;
&lt;p&gt;I know how @font-face and webfonts work in general.&lt;/p&gt;
&lt;p&gt;But in the case above where a licensed/commercial font is used, I don't see any font files downloaded in Dev Tools, but the text is rendered with the specified font.&lt;/p&gt;
&lt;p&gt;There is a net request that goes to &lt;code&gt;hello.myfonts.net/count/123d4d&lt;/code&gt; with status 200 and response &lt;code&gt;content-type&lt;/code&gt; of "text/css" but nothing in the response body.&lt;/p&gt;
&lt;p&gt;What is happening internally? How this is working?&lt;/p&gt;</t>
  </si>
  <si>
    <t>2014-04-13 17:10:42.197000+00:00</t>
  </si>
  <si>
    <t>2015-10-15 14:40:10.693000+00:00</t>
  </si>
  <si>
    <t>2014-06-14 18:33:30.730000+00:00</t>
  </si>
  <si>
    <t>css|webfonts</t>
  </si>
  <si>
    <t>Beginner AJAX lessons - why do I have to wrap request.readyState in a function?</t>
  </si>
  <si>
    <t>&lt;p&gt;Here's some code from my Lynda.com ajax lessons.&lt;/p&gt;
&lt;pre&gt;&lt;code&gt;var request = new XMLHttpRequest();
request.open('GET', 'data.txt');
request.onreadystatechange = function()
{
    if (request.readyState===4)
    {
        console.log(request);
        document.writeln(request.responseText);
    }
}
request.send();
&lt;/code&gt;&lt;/pre&gt;
&lt;p&gt;In the previous lesson we checked the value of &lt;strong&gt;request.status&lt;/strong&gt;, which was not wrapped in a function, and it worked fine. But now, with no explanation, the &lt;strong&gt;request.readyState&lt;/strong&gt; check has to be wrapped in the function you see above else it won't work. What's going on? &lt;/p&gt;</t>
  </si>
  <si>
    <t>2013-10-01 03:11:57.633000+00:00</t>
  </si>
  <si>
    <t>2013-10-01 03:44:36.963000+00:00</t>
  </si>
  <si>
    <t>Rookie Python-questions</t>
  </si>
  <si>
    <t>&lt;p&gt;Is it possible to make python run on your homepage? I know, this is a really stupid question but please don't pick on me for my stupidity :)&lt;/p&gt;
&lt;p&gt;If it is possible, how? Do you have to upload/install the executing part of Python to you website using FTP? or...?&lt;/p&gt;
&lt;p&gt;Edit: Just found out my provider does not support python and that shell access is completely restricted. Problem solved :)&lt;/p&gt;</t>
  </si>
  <si>
    <t>2010-07-16 16:40:02.010000+00:00</t>
  </si>
  <si>
    <t>2017-06-07 20:57:34.160000+00:00</t>
  </si>
  <si>
    <t>2010-12-01 17:38:36.750000+00:00</t>
  </si>
  <si>
    <t>python|ftp</t>
  </si>
  <si>
    <t>Creating a valid XSD that is open using &lt;all&gt; and &lt;any&gt; elements</t>
  </si>
  <si>
    <t>&lt;p&gt;I need to specify a XSD for validating XML documents. The XSD will be used for a JAXB generation of Java bindings.
&lt;strong&gt;My problem is specifying optional elements which I do not know the names of and which I in general am not interested in parsing.&lt;/strong&gt;&lt;/p&gt;
&lt;p&gt;The structure of the XML documents is like:&lt;/p&gt;
&lt;pre&gt;&lt;code&gt;&amp;lt;TRADE&amp;gt;
  &amp;lt;TIME&amp;gt;12:12&amp;lt;/TIME&amp;gt;
  &amp;lt;MJELLO&amp;gt;12345&amp;lt;/MJELLO&amp;gt;
  &amp;lt;OPTIONAL&amp;gt;12:12&amp;lt;/OPTIONAL&amp;gt;
  &amp;lt;DATE&amp;gt;25-10-2011&amp;lt;/DATE&amp;gt;
  &amp;lt;HELLO&amp;gt;hello should be ignored&amp;lt;/HELLO&amp;gt;
&amp;lt;/TRADE&amp;gt;
&lt;/code&gt;&lt;/pre&gt;
&lt;p&gt;The important thing is, that:&lt;/p&gt;
&lt;ul&gt;
&lt;li&gt;I can not assume any order, and the next XML document instance migtht have tags in a different order&lt;/li&gt;
&lt;li&gt;I am only interested in parsing some of the tags, some are mandatory and some are optional&lt;/li&gt;
&lt;li&gt;The XML documents can be extended with new elements which I am not interested in parsing&lt;/li&gt;
&lt;/ul&gt;
&lt;p&gt;The structure of my XSD is like (&lt;strong&gt;&lt;em&gt;not a valid xsd&lt;/em&gt;&lt;/strong&gt;):&lt;/p&gt;
&lt;pre&gt;&lt;code&gt;&amp;lt;?xml version="1.0" encoding="ISO-8859-1"?&amp;gt;
&amp;lt;xs:schema xmlns:xs="http://www.w3.org/2001/XMLSchema"&amp;gt;
  &amp;lt;!-- *********************************************** --&amp;gt;
  &amp;lt;!-- Trade element definitions for the XML Documents --&amp;gt;
  &amp;lt;!-- *********************************************** --&amp;gt;
  &amp;lt;xs:complexType name="Trade"&amp;gt;
    &amp;lt;!-- Using the all construction ensures that the order does not matter --&amp;gt;
    &amp;lt;xs:all&amp;gt;
      &amp;lt;xs:element name="DATE" type="xs:string" minOccurs="1" maxOccurs="1" /&amp;gt;
      &amp;lt;xs:element name="TIME" type="xs:string" minOccurs="1" maxOccurs="1" /&amp;gt;
      &amp;lt;xs:element name="OPTIONAL" type="xs:string" minOccurs="0" maxOccurs="1" /&amp;gt;
      &amp;lt;xs:any minOccurs="0"/&amp;gt;
    &amp;lt;/xs:all&amp;gt;
  &amp;lt;/xs:complexType&amp;gt;
  &amp;lt;!-- TRADE is the mandatory top-level tag --&amp;gt;
  &amp;lt;xs:element name="TRADE" type="Trade"/&amp;gt;
&amp;lt;/xs:schema&amp;gt;
&lt;/code&gt;&lt;/pre&gt;
&lt;p&gt;So, in this example: DATE and TIME are mandatory (they must be in the XML exactly once), OPTIONAL might be present once and then I would like to specify, that all other tags are allowed. The order does not matter.&lt;/p&gt;
&lt;p&gt;How do I specify a valid XSD for this?&lt;/p&gt;</t>
  </si>
  <si>
    <t>2011-03-03 08:28:53.217000+00:00</t>
  </si>
  <si>
    <t>2011-12-04 13:26:56.840000+00:00</t>
  </si>
  <si>
    <t>xsd|jaxb</t>
  </si>
  <si>
    <t>Reading the IMG within an A on click jQuery</t>
  </si>
  <si>
    <t>&lt;p&gt;I'm trying to adapt my script to read the alt attribute of an img within an a.&lt;/p&gt;
&lt;p&gt;For some reason, this isn't work:&lt;/p&gt;
&lt;pre&gt;&lt;code&gt;$("#thumbs a").click(function(event) {
    event.preventDefault();
    var title = $(this + " img").attr("alt");
    alert(title);
});
&lt;/code&gt;&lt;/pre&gt;
&lt;p&gt;It returns a value of &lt;code&gt;[object Object]&lt;/code&gt;. &lt;/p&gt;
&lt;p&gt;I'd appreciate some help, thanks.&lt;/p&gt;</t>
  </si>
  <si>
    <t>2011-09-02 00:21:43.027000+00:00</t>
  </si>
  <si>
    <t>2011-09-02 00:23:40.063000+00:00</t>
  </si>
  <si>
    <t>iPhone's UITabBar as part of application window; problems when rotating device</t>
  </si>
  <si>
    <t>&lt;p&gt;I have an iPhone application that's using Navigation Controller to display the top bar (with title and back button, and such...). &lt;/p&gt;
&lt;p&gt;I added a &lt;code&gt;UITabBar&lt;/code&gt; to the application window, that enables to switch between the parts of it. Instead of adding the tab bar to each of ViewController's view I added the bar to app window. &lt;/p&gt;
&lt;p&gt;(When I had it in the ViewController, switching between controllers made the tab bar to swipe left/right, when animated pop/push occured, together with whole view). &lt;/p&gt;
&lt;p&gt;So, I added the &lt;code&gt;UITabBar&lt;/code&gt; to the &lt;code&gt;MainWindow.xib&lt;/code&gt;, and tied it to the app delegate's variable. In my &lt;code&gt;didFinishLaunchingWithOptions&lt;/code&gt; method, I added the following code: &lt;/p&gt;
&lt;pre&gt;&lt;code&gt;[self.window addSubview:navigationController.view];
CGRect frame = navigationController.view.frame;
frame.size.height -= tabbar.frame.size.height;
navigationController.view.frame = frame;
tabbar.selectedItem = [tabbar.items objectAtIndex:0];
&lt;/code&gt;&lt;/pre&gt;
&lt;p&gt;to resize the main (&lt;code&gt;navigationController&lt;/code&gt;'s) view, in order to make the TabBar visible. &lt;/p&gt;
&lt;p&gt;The problem shows up when I rotate the device -- my view gets stretched to full window and I loose the ability to show the TabBar. &lt;/p&gt;
&lt;p&gt;I added a &lt;code&gt;- (void) didRotateFromInterfaceOrientation:(UIInterfaceOrientation) fromInterfaceOrientation&lt;/code&gt; method to my ViewController, with the following code:&lt;/p&gt;
&lt;pre&gt;&lt;code&gt;- (void) didRotateFromInterfaceOrientation:(UIInterfaceOrientation)fromInterfaceOrientation {
    CGRect frame = self.view.frame;
    frame.size.height -= [AppState shared].tabBar.frame.size.height;
    //frame.origin.y = [AppState shared].tabBar.frame.size.height;
    //frame.origin.x = 100;
    self.view.frame = frame;    
    frame = [AppState shared].tabBar.frame;
    frame.origin.y = [UIScreen mainScreen].bounds.size.height - frame.origin.y - frame.size.height;
    [AppState shared].tabBar.frame = frame;
}
&lt;/code&gt;&lt;/pre&gt;
&lt;p&gt;It resizes the view, and moves the tab bar to up/down part of the view (I allow only Portrait/Portrait upside down orientations here). The problem is, my TabBar is turned upside down as well, and also, it's no longer clickable. &lt;/p&gt;
&lt;p&gt;It looks like the image below: &lt;/p&gt;
&lt;p&gt;&lt;img src="https://i.stack.imgur.com/YeFdn.png" alt="Tab bar upside down"&gt;&lt;/p&gt;
&lt;p&gt;Anyone knows how to handle this kind of situation? Or, how to make the tab bar not tied to view controller, but also able to handle interface's rotation smoothly? &lt;/p&gt;</t>
  </si>
  <si>
    <t>2011-03-05 13:02:16.963000+00:00</t>
  </si>
  <si>
    <t>2011-03-05 14:54:08.643000+00:00</t>
  </si>
  <si>
    <t>iphone|cocoa-touch|uinavigationcontroller|uitabbar|device-orientation</t>
  </si>
  <si>
    <t>Crystal Report: Using Cross tab suggestions</t>
  </si>
  <si>
    <t>&lt;p&gt;A requirement has come up in my project to make a report for which i was said to do it in crystal report using cross tab feature. &lt;/p&gt;
&lt;p&gt;The report is somewhat like this...&lt;br&gt;
After selecting a project and giving date range the report format should come in this way.
A project will be having different areas and over a months period i should get three columns in it, like say miles covered during jun and timeA and timeB during the same period, similarly for jul and so on(based on given date range in front end)..&lt;/p&gt;
&lt;pre&gt;&lt;code&gt;     |          Jun-11           |       Jul-11          |      Aug 11
     |Miles  | TimeA   | TimeB   | Miles | TimeA | TimeB | Miles    TimeA   TimeB
&lt;/code&gt;&lt;/pre&gt;
&lt;p&gt;Area 1   | mileval1  | TimeValA1 | TimeValB1 |  .....&lt;br&gt;
Area 2   | mileval2  | TimeValA2 | TimeValB2 |  .....&lt;br&gt;
Area...  | mileval3  | TimeValA3 | TimeValB3 |  .....&lt;/p&gt;
&lt;p&gt;I have return a procedure where in passing a project and date range returns the total miles covered, total time for each area over the total date range selected.
Am new to crystal report and after searching over the net i couldn't find any solution for the same. &lt;/p&gt;
&lt;p&gt;Please suggest whether i can create a report of this format using a crosstab crystal report&lt;/p&gt;</t>
  </si>
  <si>
    <t>2012-06-29 07:30:24.720000+00:00</t>
  </si>
  <si>
    <t>asp.net|vb.net|crystal-reports</t>
  </si>
  <si>
    <t>phpmyadmin blew with my config</t>
  </si>
  <si>
    <t>&lt;p&gt;I have a new Ubuntu 16.04 installation with Apache2, MariaDB 10 and PHP7 + all the goodies, and I got this &lt;/p&gt;
&lt;pre&gt;&lt;code&gt;addJSON( 'list', PMA_RecentFavoriteTable::getInstance('recent')-&amp;gt;getHtmlList() ); exit; } if ($GLOBALS['PMA_Config']-&amp;gt;isGitRevision()) { if (isset($_REQUEST['git_revision']) &amp;amp;&amp;amp; $GLOBALS['is_ajax_request'] == true) { PMA_printGitRevision(); exit; } echo '
&lt;/code&gt;&lt;/pre&gt;
&lt;p&gt;I know the answer from all over is apparantly to install PHP5, but of course for Ubuntu 16.04 its replaced with PHP7.&lt;/p&gt;
&lt;p&gt;My phptest.php works fine!&lt;/p&gt;
&lt;pre&gt;&lt;code&gt;&amp;lt;?php
    phpinfo();
?&amp;gt;
&lt;/code&gt;&lt;/pre&gt;
&lt;p&gt;Any Help? :)&lt;/p&gt;</t>
  </si>
  <si>
    <t>2016-09-13 15:22:34.897000+00:00</t>
  </si>
  <si>
    <t>2016-09-17 09:00:03.427000+00:00</t>
  </si>
  <si>
    <t>php|phpmyadmin|mariadb</t>
  </si>
  <si>
    <t>I want to create series data in SQL</t>
  </si>
  <si>
    <t>&lt;p&gt;I want to create series data in SQL for my testing purpose. &lt;/p&gt;
&lt;p&gt;Ex. &lt;/p&gt;
&lt;pre&gt;&lt;code&gt;Product1
Product2
Product3
.
.
.
Product1000
&lt;/code&gt;&lt;/pre&gt;
&lt;p&gt;I want to create 1000 records like above manner in SQL.
Can anybody suggest me the solution ? &lt;/p&gt;
&lt;p&gt;Thank you&lt;/p&gt;</t>
  </si>
  <si>
    <t>2018-06-01 12:26:27.627000+00:00</t>
  </si>
  <si>
    <t>2018-06-01 13:02:53.783000+00:00</t>
  </si>
  <si>
    <t>2018-06-01 12:49:56.590000+00:00</t>
  </si>
  <si>
    <t>Does logging slow down a production Android app?</t>
  </si>
  <si>
    <t>&lt;p&gt;Before releasing my Android app to the marketplace, should I comment out all logs?&lt;/p&gt;
&lt;pre&gt;&lt;code&gt;Log.d(tag, "example of a log")
&lt;/code&gt;&lt;/pre&gt;
&lt;p&gt;If I leave them there, will the app run slower?&lt;/p&gt;</t>
  </si>
  <si>
    <t>2011-06-22 19:06:05.947000+00:00</t>
  </si>
  <si>
    <t>2017-07-22 15:23:42.697000+00:00</t>
  </si>
  <si>
    <t>Best method to move result of a query to another collection in mongodb</t>
  </si>
  <si>
    <t>&lt;p&gt;I need to move the result of a query from a master collection to a slave collection. Currently I have all the IDs to move in a list &lt;code&gt;records_to_move&lt;/code&gt; and there will be 300000 - 1000000 records.
I am using pymongo.&lt;/p&gt;
&lt;pre&gt;&lt;code&gt;for record in db.master.find({'_id': {'$in': records_to_move}}):
    db.slave.insert(record)
db.master.remove({'_id': {'$in': records_to_move}})
&lt;/code&gt;&lt;/pre&gt;
&lt;p&gt;This is taking a lot of time since it is a exhaustive way. Is there a better way to do this?&lt;/p&gt;</t>
  </si>
  <si>
    <t>2015-06-16 12:37:38.923000+00:00</t>
  </si>
  <si>
    <t>opencv2 cv2.destroywindow kills the entire process</t>
  </si>
  <si>
    <t>&lt;p&gt;hello iam working on a project which is face recognition GUI
I call the fule of the video capture from the Gui file via a button and it runs the other python file .When i am finishing the capture i have to click on q letter in order to close the window frame.&lt;/p&gt;
&lt;p&gt;The problem is that when i click on ''q'' then it kills the entire proeccess and i have to call the programma again in order to open.&lt;/p&gt;
&lt;p&gt;How can i close on  the frame of the window without closing the entire programa?
This is the code i am using at the end to close the frame window.&lt;/p&gt;
&lt;pre&gt;&lt;code&gt;if   cv2.waitKey(1) &amp;amp; 0xFF == ord("q") :
        break
camera.release()
cv2.destroyAllWindows() 
&lt;/code&gt;&lt;/pre&gt;</t>
  </si>
  <si>
    <t>2016-07-03 15:01:48.950000+00:00</t>
  </si>
  <si>
    <t>python|opencv|tkinter|opencv3.0</t>
  </si>
  <si>
    <t>AngularJS - ng-include closes unclosed tags in a HTML file</t>
  </si>
  <si>
    <t>&lt;p&gt;I have one AngularJS application.&lt;/p&gt;
&lt;p&gt;In &lt;strong&gt;index.html&lt;/strong&gt;  I have one ng-view and two ng-icludes.&lt;/p&gt;
&lt;p&gt;Here is how my &lt;strong&gt;index.html&lt;/strong&gt;&lt;/p&gt;
&lt;pre&gt;&lt;code&gt;&amp;lt;html ng-app="myApp"&amp;gt;
&amp;lt;head&amp;gt;
&amp;lt;!-- CSS imports --&amp;gt;
&amp;lt;/head&amp;gt;
&amp;lt;body&amp;gt;
&amp;lt;div ng-include src="'header1.html'"&amp;gt;&amp;lt;/div&amp;gt;
 &amp;lt;div ng-view&amp;gt;&amp;lt;/div&amp;gt;
&amp;lt;div ng-include src="'footer1.html'"&amp;gt;&amp;lt;/div&amp;gt;
&amp;lt;/body&amp;gt;
&amp;lt;!-- JS imports --&amp;gt;
&amp;lt;/html&amp;gt;
&lt;/code&gt;&lt;/pre&gt;
&lt;p&gt;My &lt;strong&gt;header1.html&lt;/strong&gt; is this&lt;/p&gt;
&lt;pre&gt;&lt;code&gt;&amp;lt;div class="main-container"&amp;gt;
        &amp;lt;div class="main-content"&amp;gt;
            &amp;lt;div class="row"&amp;gt;
                &amp;lt;div class="col-sm-10 col-sm-offset-1"&amp;gt;
&lt;/code&gt;&lt;/pre&gt;
&lt;p&gt;As you can see I have &lt;strong&gt;not closed&lt;/strong&gt; any &lt;strong&gt;div&lt;/strong&gt; tags here.
And my &lt;strong&gt;footer1.html&lt;/strong&gt; is the one which closes the tags&lt;/p&gt;
&lt;pre&gt;&lt;code&gt;            &amp;lt;/div&amp;gt;&amp;lt;!-- /.col --&amp;gt;
        &amp;lt;/div&amp;gt;&amp;lt;!-- /.row --&amp;gt;
    &amp;lt;/div&amp;gt;
&amp;lt;/div&amp;gt;&amp;lt;!-- /.main-container --&amp;gt;
&lt;/code&gt;&lt;/pre&gt;
&lt;p&gt;In between I have the &lt;strong&gt;ng-view&lt;/strong&gt; which will change based path.&lt;/p&gt;
&lt;p&gt;But the problem is when I run the application, The first html closes all the tags before the &lt;strong&gt;ng-view&lt;/strong&gt;. When I do "Inspect element" in Chrome, I see this:&lt;/p&gt;
&lt;pre&gt;&lt;code&gt;&amp;lt;div ng-include="" src="'header1.html'"&amp;gt;
    &amp;lt;div class="main-container ng-scope"&amp;gt;
        &amp;lt;div class="main-content"&amp;gt;
            &amp;lt;div class="row"&amp;gt;
                &amp;lt;div class="col-sm-10 col-sm-offset-1"&amp;gt;
                &amp;lt;/div&amp;gt;
            &amp;lt;/div&amp;gt;
        &amp;lt;/div&amp;gt;
    &amp;lt;/div&amp;gt;
&amp;lt;/div&amp;gt;
&amp;lt;div ng-view&amp;gt; ... &amp;lt;/div&amp;gt;
&amp;lt;div ng-include="" src="'footer1.html'"&amp;gt;                        
                &amp;lt;!-- /.col --&amp;gt;
            &amp;lt;!-- /.row --&amp;gt;
    &amp;lt;!-- /.main-container --&amp;gt;
&amp;lt;/div&amp;gt;
&lt;/code&gt;&lt;/pre&gt;
&lt;p&gt;All the &lt;strong&gt;divs&lt;/strong&gt; are closed. So it does not apply the style to whole page. Why is that so? How can I get in the other way?&lt;/p&gt;
&lt;p&gt;(Basically I want to change the templates of header and footer based on the path. Now it is hard coded for testing only.)&lt;/p&gt;
&lt;p&gt;&lt;strong&gt;EDIT 1&lt;/strong&gt;&lt;/p&gt;
&lt;p&gt;Part of &lt;strong&gt;app.js&lt;/strong&gt;&lt;/p&gt;
&lt;pre&gt;&lt;code&gt;myApp.config(['$routeProvider',
  function($routeProvider) {
    $routeProvider
    .when('/login', {
        templateUrl: 'login.html',
        controller: 'LoginController'
    })
    .when('/register', {
        templateUrl: 'register.html',
        controller: 'RegisterController'
      })
     .when('/home', {
       templateUrl: 'views/home.html',
       controller: 'homeController'
    })
   .when('/profile', {
       templateUrl: 'views/profile.html',
       controller: 'profileController'
    })
    .otherwise({
       redirectTo: '/login'
    });
}]);
&lt;/code&gt;&lt;/pre&gt;
&lt;p&gt;For login and register my header and footer styles should be different and for other pages I should have other styles.&lt;/p&gt;</t>
  </si>
  <si>
    <t>2014-01-24 09:54:59.860000+00:00</t>
  </si>
  <si>
    <t>2014-06-15 19:48:12.503000+00:00</t>
  </si>
  <si>
    <t>Could not marshal in REST with XML format</t>
  </si>
  <si>
    <t>&lt;p&gt;I have a GET endpoint, it can return JSON and XML formats:&lt;/p&gt;
&lt;pre&gt;&lt;code&gt;@RequestMapping(method = RequestMethod.GET, produces = {"application/json", "application/xml" })
@ResponseBody
public Object getV6Subnet(@RequestBody V6SubnetRequest requestBody){
   RestResponse&amp;lt;V6SUBNETREC&amp;gt; response = null;
   V6SUBNETREC wsSubnet = null; 
   // do something to set value for wsSubnet
   response = RESTfulUtil.buildSuccessResponse(wsSubnet);
   return response;
}
&lt;/code&gt;&lt;/pre&gt;
&lt;p&gt;My RESTfulUtil class:&lt;/p&gt;
&lt;pre&gt;&lt;code&gt;public class RESTfulUtil {
   public synchronized static RestResponse buildSuccessResponse(Object content){
      RestResponse response = new RestResponse();
      response.setContent(content);
      return response;
   }    
}
&lt;/code&gt;&lt;/pre&gt;
&lt;p&gt;RestReponse&lt;/p&gt;
&lt;pre&gt;&lt;code&gt;@XmlAccessorType(XmlAccessType.FIELD)
@XmlRootElement(name="RestResponse")
@XmlSeeAlso({
        ErrorResponse.class,
        V6SUBNETREC.class,
        V4ADDRREC.class,
        V4SUBNETREC.class,
        LOCATIONREC.class,
        CONTACTREC.class,
})
public class RestResponse&amp;lt;T&amp;gt; extends SimpleRestResponse {
    @XmlElement
    private  T content;
    public T getContent() {
        return content;
    }
    public void setContent(T content) {
        this.content = content;
    }
}
&lt;/code&gt;&lt;/pre&gt;
&lt;p&gt;And my SimpleRestResponse class:&lt;/p&gt;
&lt;pre&gt;&lt;code&gt;public class SimpleRestResponse {
   private int code;
   private int httpStatusCode;
   public int getCode() {
       return code;
   }
   public void setCode(int code) {
      this.code = code;
   }
   @JsonIgnore
   public int getHttpStatusCode() {
      return httpStatusCode;
   }
   public void setHttpStatusCode(int httpStatusCode) {
      this.httpStatusCode = httpStatusCode;
   }
}
&lt;/code&gt;&lt;/pre&gt;
&lt;p&gt;When I request JSON format, I get:&lt;/p&gt;
&lt;pre&gt;&lt;code&gt;{"code":21,"content":{"error":"Subnet not found."}}
&lt;/code&gt;&lt;/pre&gt;
&lt;p&gt;But when I request XML format, there's an error:&lt;/p&gt;
&lt;pre&gt;&lt;code&gt;Could not marshal [ws.restful.model.RestResponse@56b97914]: null; nested exception is javax.xml.bind.MarshalException
org.springframework.http.converter.HttpMessageNotWritableException: Could not marshal [com.lucent.qip.nb.ws.restful.model.RestResponse@56b97914]: null; nested exception is javax.xml.bind.MarshalException
 - with linked exception:
[com.sun.istack.SAXException2: class com.lucent.qip.nb.ws.restful.model.ErrorResponse nor any of its super class is known to this context.
javax.xml.bind.JAXBException: class com.lucent.qip.nb.ws.restful.model.ErrorResponse nor any of its super class is known to this context.]
    org.springframework.http.converter.xml.Jaxb2RootElementHttpMessageConverter.writeToResult(Jaxb2RootElementHttpMessageConverter.java:184)
    org.springframework.http.converter.xml.AbstractXmlHttpMessageConverter.writeInternal(AbstractXmlHttpMessageConverter.java:66)
    org.springframework.http.converter.AbstractHttpMessageConverter.write(AbstractHttpMessageConverter.java:208)
    org.springframework.web.servlet.mvc.method.annotation.AbstractMessageConverterMethodProcessor.writeWithMessageConverters(AbstractMessageConverterMethodProcessor.java:161)
    org.springframework.web.servlet.mvc.method.annotation.AbstractMessageConverterMethodProcessor.writeWithMessageConverters(AbstractMessageConverterMethodProcessor.java:101)
    org.springframework.web.servlet.mvc.method.annotation.RequestResponseBodyMethodProcessor.handleReturnValue(RequestResponseBodyMethodProcessor.java:185)
    org.springframework.web.method.support.HandlerMethodReturnValueHandlerComposite.handleReturnValue(HandlerMethodReturnValueHandlerComposite.java:71)
    org.springframework.web.servlet.mvc.method.annotation.ServletInvocableHandlerMethod.invokeAndHandle(ServletInvocableHandlerMethod.java:126)
    org.springframework.web.servlet.mvc.method.annotation.RequestMappingHandlerAdapter.invokeHandleMethod(RequestMappingHandlerAdapter.java:776)
    org.springframework.web.servlet.mvc.method.annotation.RequestMappingHandlerAdapter.handleInternal(RequestMappingHandlerAdapter.java:705)
    org.springframework.web.servlet.mvc.method.AbstractHandlerMethodAdapter.handle(AbstractHandlerMethodAdapter.java:85)
    org.springframework.web.servlet.DispatcherServlet.doDispatch(DispatcherServlet.java:959)
    org.springframework.web.servlet.DispatcherServlet.doService(DispatcherServlet.java:893)
    org.springframework.web.servlet.FrameworkServlet.processRequest(FrameworkServlet.java:967)
    org.springframework.web.servlet.FrameworkServlet.doDelete(FrameworkServlet.java:891)
    javax.servlet.http.HttpServlet.service(HttpServlet.java:652)
    org.springframework.web.servlet.FrameworkServlet.service(FrameworkServlet.java:843)
    javax.servlet.http.HttpServlet.service(HttpServlet.java:727)
    org.apache.tomcat.websocket.server.WsFilter.doFilter(WsFilter.java:52)
    org.springframework.orm.hibernate4.support.OpenSessionInViewFilter.doFilterInternal(OpenSessionInViewFilter.java:151)
    org.springframework.web.filter.OncePerRequestFilter.doFilter(OncePerRequestFilter.java:107)
    com.lucent.qip.utils.filters.ResponseHeaderFilter.doFilter(ResponseHeaderFilter.java:60)
    org.springframework.security.web.FilterChainProxy$VirtualFilterChain.doFilter(FilterChainProxy.java:330)
    org.springframework.security.web.access.intercept.FilterSecurityInterceptor.invoke(FilterSecurityInterceptor.java:118)
    org.springframework.security.web.access.intercept.FilterSecurityInterceptor.doFilter(FilterSecurityInterceptor.java:84)
    org.springframework.security.web.FilterChainProxy$VirtualFilterChain.doFilter(FilterChainProxy.java:342)
    org.springframework.security.web.access.ExceptionTranslationFilter.doFilter(ExceptionTranslationFilter.java:113)
    org.springframework.security.web.FilterChainProxy$VirtualFilterChain.doFilter(FilterChainProxy.java:342)
    org.springframework.security.web.authentication.AnonymousAuthenticationFilter.doFilter(AnonymousAuthenticationFilter.java:113)
    org.springframework.security.web.FilterChainProxy$VirtualFilterChain.doFilter(FilterChainProxy.java:342)
    org.springframework.security.web.servletapi.SecurityContextHolderAwareRequestFilter.doFilter(SecurityContextHolderAwareRequestFilter.java:154)
    org.springframework.security.web.FilterChainProxy$VirtualFilterChain.doFilter(FilterChainProxy.java:342)
    com.lucent.qip.nb.ws.restful.security.AuthenticationTokenProcessingFilter.doFilter(AuthenticationTokenProcessingFilter.java:55)
    org.springframework.security.web.FilterChainProxy$VirtualFilterChain.doFilter(FilterChainProxy.java:342)
    org.springframework.security.web.authentication.logout.LogoutFilter.doFilter(LogoutFilter.java:110)
    org.springframework.security.web.FilterChainProxy$VirtualFilterChain.doFilter(FilterChainProxy.java:342)
    org.springframework.security.web.context.request.async.WebAsyncManagerIntegrationFilter.doFilterInternal(WebAsyncManagerIntegrationFilter.java:50)
    org.springframework.web.filter.OncePerRequestFilter.doFilter(OncePerRequestFilter.java:107)
    org.springframework.security.web.FilterChainProxy$VirtualFilterChain.doFilter(FilterChainProxy.java:342)
    org.springframework.security.web.context.SecurityContextPersistenceFilter.doFilter(SecurityContextPersistenceFilter.java:87)
    org.springframework.security.web.FilterChainProxy$VirtualFilterChain.doFilter(FilterChainProxy.java:342)
    org.springframework.security.web.FilterChainProxy.doFilterInternal(FilterChainProxy.java:192)
    org.springframework.security.web.FilterChainProxy.doFilter(FilterChainProxy.java:160)
    org.springframework.web.filter.DelegatingFilterProxy.invokeDelegate(DelegatingFilterProxy.java:344)
    org.springframework.web.filter.DelegatingFilterProxy.doFilter(DelegatingFilterProxy.java:261)
&lt;/code&gt;&lt;/pre&gt;
&lt;p&gt;I can't show my web.xml and applicationContext.xml
I only can provide rest-servlet.xml&lt;/p&gt;
&lt;pre&gt;&lt;code&gt;    &amp;lt;?xml version="1.0" encoding="UTF-8"?&amp;gt;
    &amp;lt;beans:beans xmlns="http://www.springframework.org/schema/mvc"
        xmlns:xsi="http://www.w3.org/2001/XMLSchema-instance" xmlns:beans="http://www.springframework.org/schema/beans"
        xmlns:context="http://www.springframework.org/schema/context"
        xsi:schemaLocation="http://www.springframework.org/schema/mvc http://www.springframework.org/schema/mvc/spring-mvc.xsd
            http://www.springframework.org/schema/beans http://www.springframework.org/schema/beans/spring-beans.xsd
            http://www.springframework.org/schema/context http://www.springframework.org/schema/context/spring-context.xsd"&amp;gt;
        &amp;lt;!-- Enables the Spring MVC @Controller programming model --&amp;gt;
        &amp;lt;annotation-driven content-negotiation-manager="contentNegotiationManager" /&amp;gt;
        &amp;lt;interceptors&amp;gt;
            &amp;lt;interceptor&amp;gt;
                &amp;lt;mapping path="/openstack" /&amp;gt;
                &amp;lt;beans:bean
                    class="com.lucent.qip.nb.ws.restful.controller.OpenStackController"&amp;gt;&amp;lt;/beans:bean&amp;gt;
            &amp;lt;/interceptor&amp;gt;
        &amp;lt;/interceptors&amp;gt;
        &amp;lt;!-- for processing requests with annotated controller methods and set Message 
            Convertors from the list of convertors --&amp;gt;
        &amp;lt;beans:bean
            class="org.springframework.web.servlet.mvc.method.annotation.RequestMappingHandlerAdapter"&amp;gt;
            &amp;lt;beans:property name="messageConverters"&amp;gt;
                &amp;lt;beans:list&amp;gt;
                    &amp;lt;beans:ref bean="jsonMessageConverter" /&amp;gt;
                    &amp;lt;beans:ref bean="xmlConverter" /&amp;gt;
                &amp;lt;/beans:list&amp;gt;
            &amp;lt;/beans:property&amp;gt;
        &amp;lt;/beans:bean&amp;gt;
        &amp;lt;!-- To convert JSON to Object and vice versa --&amp;gt;
        &amp;lt;beans:bean id="jsonMessageConverter"
            class="org.springframework.http.converter.json.MappingJackson2HttpMessageConverter" /&amp;gt;
        &amp;lt;!-- To convert XML to Object and vice versa --&amp;gt;
        &amp;lt;beans:bean id="xmlConverter"
            class="org.springframework.http.converter.xml.MarshallingHttpMessageConverter"&amp;gt;
            &amp;lt;beans:constructor-arg ref="jaxbMarshaller" /&amp;gt;
            &amp;lt;beans:property name="supportedMediaTypes" value="application/xml" /&amp;gt;
        &amp;lt;/beans:bean&amp;gt;
        &amp;lt;!-- JAXB Classes to be marshalled --&amp;gt;
        &amp;lt;beans:bean id="jaxbMarshaller"
            class="org.springframework.oxm.jaxb.Jaxb2Marshaller"&amp;gt;
            &amp;lt;beans:property name="packagesToScan"&amp;gt;
                &amp;lt;beans:list&amp;gt;
                    &amp;lt;beans:value&amp;gt;com.lucent.qip.nb.ws.restful.model&amp;lt;/beans:value&amp;gt;
                &amp;lt;/beans:list&amp;gt;
            &amp;lt;/beans:property&amp;gt;
        &amp;lt;/beans:bean&amp;gt;
        &amp;lt;beans:bean id="JacksonObjectMapper" class="com.fasterxml.jackson.databind.ObjectMapper" /&amp;gt;
        &amp;lt;beans:bean id="contentNegotiationManager"
            class="org.springframework.web.accept.ContentNegotiationManagerFactoryBean"&amp;gt;
            &amp;lt;beans:property name="favorPathExtension" value="true" /&amp;gt;
            &amp;lt;beans:property name="ignoreAcceptHeader" value="true" /&amp;gt;
            &amp;lt;beans:property name="defaultContentType" value="application/json" /&amp;gt;
            &amp;lt;beans:property name="useJaf" value="false" /&amp;gt;
            &amp;lt;beans:property name="mediaTypes"&amp;gt;
                &amp;lt;beans:map&amp;gt;
                    &amp;lt;beans:entry key="json" value="application/json" /&amp;gt;
                    &amp;lt;beans:entry key="xml" value="application/xml" /&amp;gt;
                &amp;lt;/beans:map&amp;gt;
            &amp;lt;/beans:property&amp;gt;
        &amp;lt;/beans:bean&amp;gt;
        &amp;lt;context:component-scan base-package="com.lucent.qip.nb.ws.restful.controller" /&amp;gt;
    &amp;lt;/beans:beans&amp;gt;
&lt;/code&gt;&lt;/pre&gt;
&lt;p&gt;I also added @XmlRootElement for all of the class V6SUBNETREC, V4ADDRREC, ErrorResponse,
V4SUBNETREC, LOCATIONREC, CONTACTREC but also not solve&lt;/p&gt;</t>
  </si>
  <si>
    <t>2015-12-04 04:55:35.007000+00:00</t>
  </si>
  <si>
    <t>2015-12-08 09:34:18.240000+00:00</t>
  </si>
  <si>
    <t>2015-12-07 03:52:18.360000+00:00</t>
  </si>
  <si>
    <t>java|xml|rest</t>
  </si>
  <si>
    <t>How do I setup a c++/cli program to handle arguments and piped in text like in find command</t>
  </si>
  <si>
    <t>&lt;p&gt;How do I properly setup my arguments if my program's name is Test.exe using the code below?  I'm thinking that I need to add arguments to check for | command, but I don't need to do this if I use the redirect command "&gt;".  So I think I need to use a Stream reader in c++ but am not 100% sure how to implement it for any number of lines piped in:&lt;/p&gt;
&lt;pre&gt;&lt;code&gt; using namespace System;   
 using namespace System::IO;
    int main(array&amp;lt;System::String ^&amp;gt; ^args)
    {
      // this doesn't work with piped in text
      Console::WriteLine(":::{0}:::", args[0]);
    }
&lt;/code&gt;&lt;/pre&gt;
&lt;p&gt;At the command prompt I type "test a" and hit enter.&lt;/p&gt;
&lt;pre&gt;&lt;code&gt;:::a:::
&lt;/code&gt;&lt;/pre&gt;
&lt;p&gt;&lt;br /&gt;&lt;/p&gt;
&lt;p&gt;At the command prompt I type "echo hello world | test "&lt;/p&gt;
&lt;pre&gt;&lt;code&gt;:::hello world:::
&lt;/code&gt;&lt;/pre&gt;
&lt;p&gt;&lt;br /&gt;&lt;/p&gt;
&lt;p&gt;An example of how this is implemented at the Windows Command prompt is with the find command.  I'm trying to implement this in my c++/cli program using Visual Studio 2012.   Example: "help find":&lt;/p&gt;
&lt;pre&gt;&lt;code&gt;If a path is not specified, FIND searches the text typed at the prompt
or piped from another command.
&lt;/code&gt;&lt;/pre&gt;</t>
  </si>
  <si>
    <t>2013-02-18 03:45:54.330000+00:00</t>
  </si>
  <si>
    <t>2013-02-18 04:22:38.780000+00:00</t>
  </si>
  <si>
    <t>command-line|visual-studio-2012|c++-cli</t>
  </si>
  <si>
    <t>Gradle 2.0.0-beta4 makes AndroidAnnotation doesn't work</t>
  </si>
  <si>
    <t>&lt;p&gt;With &lt;code&gt;'com.android.tools.build:gradle:1.5.0'&lt;/code&gt; and &lt;code&gt;'com.neenbedankt.gradle.plugins:android-apt:1.8'&lt;/code&gt;, AndroidAnnotation works well with processing the annotation. But after I update to &lt;code&gt;'com.android.tools.build:gradle:2.0.0-beta4'&lt;/code&gt; for instant run, it seems AndroidAnnotation cannot generate @EApplication. Is there any way to fix this?&lt;/p&gt;</t>
  </si>
  <si>
    <t>2016-02-16 04:37:01.987000+00:00</t>
  </si>
  <si>
    <t>2016-02-16 10:06:30.910000+00:00</t>
  </si>
  <si>
    <t>android-studio|android-gradle|android-annotations|android-apt</t>
  </si>
  <si>
    <t>How to get font size in list view and set bigger for a specific item programmatically</t>
  </si>
  <si>
    <t>&lt;p&gt;The size of a textview in a listview is 19SP. I want to set the first position item's font size bigger, e.g. 21SP. How can I do it programmatically?&lt;/p&gt;
&lt;p&gt;Thanks in advance!&lt;/p&gt;</t>
  </si>
  <si>
    <t>2017-08-14 13:29:34.070000+00:00</t>
  </si>
  <si>
    <t>2017-08-14 13:41:04.540000+00:00</t>
  </si>
  <si>
    <t>android|listview|font-size</t>
  </si>
  <si>
    <t>Reading file After a special character delimiter in matlab</t>
  </si>
  <si>
    <t>&lt;p&gt;I have a file in which sentences ends like ./.
I want to read the file in a cell array, one cell for every line. Could you please tell me how to do that using textscan.
Basically I want to know how to put the delimiter ./.&lt;/p&gt;</t>
  </si>
  <si>
    <t>2013-10-26 22:46:42.547000+00:00</t>
  </si>
  <si>
    <t>2013-10-27 01:42:49.350000+00:00</t>
  </si>
  <si>
    <t>2013-10-26 22:54:26.037000+00:00</t>
  </si>
  <si>
    <t>Alignment of text when column width is changed from GUI in winform application</t>
  </si>
  <si>
    <t>&lt;p&gt;I have developed a winform application. It has a listview with multiple columns having different texts. Initially, I have set the column width = -2 to take the size of longest text in the column.&lt;/p&gt;
&lt;p&gt;The issue is that sometime text overshoots the laptop screen and a horizontal scroll bar appeared in the list view.&lt;/p&gt;
&lt;p&gt;To fit all the columns in a screen, I manually modified the columns widths using column boundaries in the GUI. When I modify the column width, the column text starts disappearing from right. I want it to disappeared from left.&lt;/p&gt;
&lt;p&gt;I have searched goggle a lot but did not find the answer. &lt;/p&gt;
&lt;p&gt;Question might look weird or may be I have not explained it properly. Please let me know if more information is needed.&lt;/p&gt;
&lt;p&gt;Thanks in advance.&lt;/p&gt;</t>
  </si>
  <si>
    <t>2015-05-18 17:31:24.460000+00:00</t>
  </si>
  <si>
    <t>2015-05-18 17:44:19.083000+00:00</t>
  </si>
  <si>
    <t>2015-05-18 17:38:13.077000+00:00</t>
  </si>
  <si>
    <t>c#|winforms|visual-studio|listview</t>
  </si>
  <si>
    <t>'int' does not contain a definition for 'Text'</t>
  </si>
  <si>
    <t>&lt;p&gt;I know what a simple problem this is, but for the life of me I can't find the solution elsewhere. Here is my code: &lt;/p&gt;
&lt;pre&gt;&lt;code&gt;int txtAge = 20;
txtAge.Text = txtAge.ToString();
&lt;/code&gt;&lt;/pre&gt;
&lt;p&gt;The error occurs specifically for &lt;code&gt;.Text&lt;/code&gt;. The TextBox object and the variable are both named &lt;code&gt;txtAge&lt;/code&gt;. I know the reasonable thing to do is to give them different names, but this was done by my professor so I'm hesitant to change them.&lt;/p&gt;</t>
  </si>
  <si>
    <t>2018-05-03 21:13:40.007000+00:00</t>
  </si>
  <si>
    <t>2018-05-03 21:18:57.377000+00:00</t>
  </si>
  <si>
    <t>Regular expression to match everything that a word begins with</t>
  </si>
  <si>
    <t>&lt;p&gt;All is in the title. I am looking for the best regular expression to do so.&lt;/p&gt;
&lt;p&gt;As an example I could want, for a main word &lt;code&gt;John&lt;/code&gt;, to match &lt;code&gt;J&lt;/code&gt;, &lt;code&gt;Jo&lt;/code&gt;, &lt;code&gt;Joh&lt;/code&gt; and &lt;code&gt;John&lt;/code&gt;.&lt;/p&gt;
&lt;p&gt;One of my goals is to use it on month names such as &lt;code&gt;January&lt;/code&gt; in different languages and with or without a first capital letter. So using the brutal solution &lt;code&gt;(J|Jo|Joh|John)&lt;/code&gt; doesn't please me that much.&lt;/p&gt;
&lt;p&gt;By the way, I just want to check if there is a match or not, and I don't care about what substring the match gives me back (if &lt;code&gt;John&lt;/code&gt; raises &lt;code&gt;J&lt;/code&gt;, i'm fine).&lt;/p&gt;</t>
  </si>
  <si>
    <t>2016-05-19 12:40:04.187000+00:00</t>
  </si>
  <si>
    <t>2016-05-23 14:10:10.850000+00:00</t>
  </si>
  <si>
    <t>regex|python-2.7</t>
  </si>
  <si>
    <t>Apache2 redirect domain to internal page</t>
  </si>
  <si>
    <t>&lt;p&gt;I have two domains pointing to a site hosted by apache2 (a.com and b.com for example). The primary domain is a.com and the website can be accessed from this domain.&lt;/p&gt;
&lt;p&gt;However, the page a.com/test/ should redirect to b.com (not b.com/test/) to display the content from the server and this content should also be displayed if b.com is accessed directly.&lt;/p&gt;
&lt;p&gt;I thought that reverse proxies might be the way to go but haven't had any luck, I was wondering if this is possible to do within my .htaccess file (both domains are pointing to the server).&lt;/p&gt;</t>
  </si>
  <si>
    <t>2015-09-01 16:31:27.337000+00:00</t>
  </si>
  <si>
    <t>2015-09-01 17:49:44.560000+00:00</t>
  </si>
  <si>
    <t>apache|.htaccess|redirect|reverse-proxy|mod-proxy</t>
  </si>
  <si>
    <t>How do I modify the dependencies and rules of a GNU makefile target depending upon the platform (Linux vs. OS X)?</t>
  </si>
  <si>
    <t>&lt;p&gt;I have a (GNU) makefile with an all target that looks like this:&lt;/p&gt;
&lt;pre&gt;&lt;code&gt;.PHONY: all
all: $(unittest++_tests_exe) $(cmockery_tests_exe)
 @echo Running UnitTest++ tests...
 @./$(unittest++_tests_exe)
 @echo Running Cmockery tests...
 @./$(cmockery_tests_exe)
&lt;/code&gt;&lt;/pre&gt;
&lt;p&gt;The UnitTest++ tests run on both Linux and Mac OS X, and the Cmockery tests run only on Linux.&lt;/p&gt;
&lt;p&gt;How do I modify the dependencies and rules so that &lt;code&gt;make all&lt;/code&gt; only builds and runs &lt;code&gt;$(unittest++_tests_exe)&lt;/code&gt; on Mac OS X?&lt;/p&gt;</t>
  </si>
  <si>
    <t>2011-01-07 23:18:06.710000+00:00</t>
  </si>
  <si>
    <t>2011-01-08 21:02:33.340000+00:00</t>
  </si>
  <si>
    <t>makefile|conditional|gnu-make</t>
  </si>
  <si>
    <t>Why ignore is no use after set style is null?</t>
  </si>
  <si>
    <t>&lt;p&gt;I have a MenuItem, and items always use same style, the only one item use difference style.&lt;/p&gt;
&lt;p&gt;So, I set two style to same target type. Just see my xaml code:&lt;/p&gt;
&lt;pre&gt;&lt;code&gt;&amp;lt;Menu&amp;gt;
  &amp;lt;Menu.Resources&amp;gt;
      &amp;lt;Style TargetType="{x:Type MenuItem}"&amp;gt;
          &amp;lt;Setter Property="Command" Value="{Binding ActionCommand}"/&amp;gt;
          &amp;lt;Setter Property="CommandParameter" Value="{Binding RelativeSource={RelativeSource Self}, Path=Header}"/&amp;gt;
      &amp;lt;/Style&amp;gt;
      &amp;lt;!--Hierarchical MenuItmes--&amp;gt;
      &amp;lt;Style x:Key="MenuItemsCommand" TargetType="{x:Type MenuItem}"&amp;gt;
          &amp;lt;Setter Property="Command" Value="{Binding Command}" /&amp;gt;
      &amp;lt;/Style&amp;gt;
      &amp;lt;HierarchicalDataTemplate x:Key="ItemsTemplate"
                        DataType="{x:Type vm:MenuItemsViewModel}" 
                        ItemsSource="{Binding MenuItems}"&amp;gt;
          &amp;lt;TextBlock Text="{Binding Header}"/&amp;gt;
      &amp;lt;/HierarchicalDataTemplate&amp;gt;
  &amp;lt;/Menu.Resources&amp;gt;
  &amp;lt;MenuItem Header="Files"&amp;gt;
      &amp;lt;MenuItem Header="{Binding Open}" InputGestureText="Ctrl+O"/&amp;gt;
      &amp;lt;!--ignore default style--&amp;gt;
      &amp;lt;MenuItem Header="Open Recent file"
            Style="{x:Null}"  
            ItemsSource="{Binding RecentFiles}"
            ItemContainerStyle="{StaticResource MenuItemsCommand}"
            ItemTemplate="{StaticResource ItemsTemplate}"&amp;gt;
      &amp;lt;/MenuItem&amp;gt;
      &amp;lt;MenuItem Header="_Save" CommandParameter="{Binding Save}" InputGestureText="Ctrl+S"/&amp;gt;
  &amp;lt;/MenuItem&amp;gt;
&amp;lt;/Menu&amp;gt;
&lt;/code&gt;&lt;/pre&gt;
&lt;p&gt;The MenuItems always binding &lt;code&gt;ActionCommand&lt;/code&gt;. But someone is binding Command.&lt;/p&gt;
&lt;p&gt;So I want to ignore original style, set &lt;code&gt;Style="{x:Null}"&lt;/code&gt;. But I got binding error when I open this MeunItems.&lt;/p&gt;
&lt;pre&gt;&lt;code&gt;System.Windows.Data Error: 40 : BindingExpression path error: 'ActionCommand' property not found on 'object' ''OpenFileList' (HashCode=27335113)'. BindingExpression:Path=ActionCommand; DataItem='OpenFileList' (HashCode=27335113); target element is 'MenuItem' (Name=''); target property is 'Command' (type 'ICommand')
&lt;/code&gt;&lt;/pre&gt;
&lt;p&gt;The ignore is work? I have no idea to do something.&lt;/p&gt;</t>
  </si>
  <si>
    <t>2017-06-16 06:21:26.817000+00:00</t>
  </si>
  <si>
    <t>2017-06-16 12:09:59.043000+00:00</t>
  </si>
  <si>
    <t>Custom Mode Player2 error</t>
  </si>
  <si>
    <t>&lt;p&gt;On screeps custom mode player1 works fine, but when i switch to player 2, i get this error:&lt;/p&gt;
&lt;pre&gt;&lt;code&gt;cannot read property 'main' of undefined
&lt;/code&gt;&lt;/pre&gt;
&lt;p&gt;I also get this error when I add screeps.&lt;/p&gt;
&lt;pre&gt;&lt;code&gt;cannot read property role of undefined
&lt;/code&gt;&lt;/pre&gt;
&lt;p&gt;I use the role property to categorize my creeps and tell them what to do. I am unable to add a role to these new screeps. I think the reason for this is that they don't have any memory for me to add to. Why is this happening? Any suggestions?&lt;/p&gt;</t>
  </si>
  <si>
    <t>2015-03-07 16:57:47.043000+00:00</t>
  </si>
  <si>
    <t>2015-05-02 22:34:30.273000+00:00</t>
  </si>
  <si>
    <t>screeps</t>
  </si>
  <si>
    <t>Receive Image from pointer</t>
  </si>
  <si>
    <t>&lt;p&gt;I have a pointer in my parse. The pointer tells me who uploaded the images.  I am trying to retrieve the username and the profile picture of the uploader. To do that I have put        &lt;code&gt;query.includeKey("uploader")&lt;/code&gt; . Users are managed through the user class. and posts are managed in the posts class. To retrieve the images and names I have the below code.&lt;/p&gt;
&lt;pre&gt;&lt;code&gt;func collectionView(collectionView: UICollectionView, cellForItemAtIndexPath indexPath: NSIndexPath) -&amp;gt; UICollectionViewCell {
    let cell = collectionView.dequeueReusableCellWithReuseIdentifier("newview", forIndexPath: indexPath) as! NewCollectionViewCell
    let item = self.votes[indexPath.row]
    // Display "initial" flag image
    var initialThumbnail = UIImage(named: "question")
    cell.postsImageView.image = initialThumbnail
    if let pointer = item["uploader"] as? PFObject {
        cell.userName!.text = item["username"] as? String
    }
    if let profile = item["uploader"] as? PFObject {
    cell.profileImageView.loadInBackground({ (image:UIImage, error:NSError) -&amp;gt; Void in
        if error != nil{
            cell.profileImageView.image = image
        }
    })}
    if let votesValue = item["votes"] as? Int
    {
        cell.votesLabel?.text = "\(votesValue)"
    }
    // Fetch final flag image - if it exists
    if let value = item["imageFile"] as? PFFile {
        cell.postsImageView.file = value
        cell.postsImageView.loadInBackground({ (image: UIImage?, error: NSError?) -&amp;gt; Void in
            if error != nil {
                cell.postsImageView.image = image
            }
        })
    }
    return cell
}
&lt;/code&gt;&lt;/pre&gt;
&lt;p&gt;However errors are happening saying that loadinbackround can't be invoked with an argument list of type (UIImage, NSError)-&gt;void. The strange part is that the error is only for the first part where I try to retrieve the images for the user.  I am really stuck in this and want help. Is my pointer retrieving wrong? Thank you. &lt;/p&gt;
&lt;p&gt;UPDATE 2&lt;/p&gt;
&lt;pre&gt;&lt;code&gt;@IBOutlet weak var collectionView: UICollectionView!
override func viewDidLoad() {
    super.viewDidLoad()
    let query = PFQuery(className: "Posts")
    query.includeKey("pointName")
    query.findObjectsInBackgroundWithBlock{(question:[AnyObject]?,error:NSError?) -&amp;gt; Void in
        if error == nil
        {
            if let allQuestion = question as? [PFObject]
            {
                self.votes = allQuestion
                self.collectionView.reloadData()
            }
        }
    }
    // Wire up search bar delegate so that we can react to button selections
    // Resize size of collection view items in grid so that we achieve 3 boxes across
    loadCollectionViewData()
}
/*
==========================================================================================
Ensure data within the collection view is updated when ever it is displayed
==========================================================================================
*/
// Load data into the collectionView when the view appears
override func viewDidAppear(animated: Bool) {
    loadCollectionViewData()
}
/*
==========================================================================================
Fetch data from the Parse platform
==========================================================================================
*/
func loadCollectionViewData() {
    // Build a parse query object
}
/*
==========================================================================================
UICollectionView protocol required methods
==========================================================================================
*/
func numberOfSectionsInCollectionView(collectionView: UICollectionView) -&amp;gt; Int {
    return 1
}
func collectionView(collectionView: UICollectionView, numberOfItemsInSection section: Int) -&amp;gt; Int {
    return self.votes.count
}
func collectionView(collectionView: UICollectionView, cellForItemAtIndexPath indexPath: NSIndexPath) -&amp;gt; UICollectionViewCell {
    let cell = collectionView.dequeueReusableCellWithReuseIdentifier("newview", forIndexPath: indexPath) as! NewCollectionViewCell
    let item = self.votes[indexPath.row]
    // Display "initial" flag image
    var initialThumbnail = UIImage(named: "question")
    cell.postsImageView.image = initialThumbnail
    if let pointer = item["uploader"] as? PFObject {
        cell.userName!.text = item["username"] as? String
        print("username")
    }
    if let profile = item["uploader"] as? PFObject,
        profileImageFile = profile["profilePicture"] as? PFFile {
            cell.profileImageView.file = profileImageFile
            cell.profileImageView.loadInBackground { image, error in
                if error == nil {
                    cell.profileImageView.image = image
                }
            }
    }
    if let votesValue = item["votes"] as? Int
    {
        cell.votesLabel?.text = "\(votesValue)"
    }
    // Fetch final flag image - if it exists
    if let value = item["imageFile"] as? PFFile {
        println("Value \(value)") 
        cell.postsImageView.file = value
        cell.postsImageView.loadInBackground({ (image: UIImage?, error: NSError?) -&amp;gt; Void in
            if error != nil {
                cell.postsImageView.image = image
            }
        })
    }
    return cell
}
&lt;/code&gt;&lt;/pre&gt;
&lt;p&gt;In my post class it is like this &lt;a href="https://i.stack.imgur.com/1uVl8.png" rel="nofollow noreferrer"&gt;&lt;img src="https://i.stack.imgur.com/1uVl8.png" alt="enter image description here"&gt;&lt;/a&gt;
The users are managed in the user class. I want to get the profile image and username of the person who posted the image. 
In the user class I have all the user information. &lt;a href="https://i.stack.imgur.com/Z9aBs.png" rel="nofollow noreferrer"&gt;&lt;img src="https://i.stack.imgur.com/Z9aBs.png" alt="enter image description here"&gt;&lt;/a&gt;&lt;/p&gt;</t>
  </si>
  <si>
    <t>2015-08-05 06:45:41.750000+00:00</t>
  </si>
  <si>
    <t>2015-08-05 09:29:33.110000+00:00</t>
  </si>
  <si>
    <t>ios|swift|pointers|parse.com</t>
  </si>
  <si>
    <t>How to calculate the correct offset?</t>
  </si>
  <si>
    <t>&lt;p&gt;Beginning to learn about the php dateTime &amp;amp; dateTimezone objects. Assuming a server in US/Eastern and creating a time in another timezone, the goal is to convert and store the time (ie London) on the server (US/Eastern), in server time. Using this code:&lt;/p&gt;
&lt;pre&gt;&lt;code&gt;$runTime = '2013-04-10 07:45:00';
$serverTimezone = new DateTimeZone ( 'US/Eastern');
$checkinTimezone = new DateTimeZone ( 'Europe/London');
$checkinTime = new DateTime ( $runTime, $serverTimezone );
$offset = $serverTimezone -&amp;gt; getOffset ( $checkinTime );
echo "&amp;lt;br/&amp;gt;&amp;lt;pre&amp;gt;";
echo 'London: ' . date ( 'Y-m-d H:i', $checkinTime -&amp;gt; format ( 'U' ) ) . "&amp;lt;br/&amp;gt;";
echo "&amp;lt;br/&amp;gt;offset: " . $offset . "&amp;lt;br/&amp;gt;";
echo 'Local: ' . date ( 'Y-m-d H:i', $checkinTime -&amp;gt; format ( 'U' ) + $offset );
&lt;/code&gt;&lt;/pre&gt;
&lt;p&gt;-14400 is always returned, wether before or after today (Europe switched to DST earlier today). In an &lt;strong&gt;aha moment&lt;/strong&gt;, I discovered the documentation for getOffset says &lt;code&gt;Returns the timezone offset from GMT&lt;/code&gt;.&lt;/p&gt;
&lt;p&gt;Is there a simple way to convert that time to US/Eastern? Do I have to go into the getTransitions, find the day DST begins and do the calculation manually? This only matters on the first day of each spring/fall switch.&lt;/p&gt;</t>
  </si>
  <si>
    <t>2013-03-31 15:42:56.707000+00:00</t>
  </si>
  <si>
    <t>2013-04-02 16:09:47+00:00</t>
  </si>
  <si>
    <t>php|datetime|timezone</t>
  </si>
  <si>
    <t>How to popup my Notfy javascript toast inside PHP</t>
  </si>
  <si>
    <t>&lt;p&gt;Hello everyone? I hope someone will help me with this. Can anyone show me how can I popup my Notfy javascript toast? I want to popup it after I click my "Register" button. Thank you in advance. Btw, here is my code.&lt;/p&gt;
&lt;pre&gt;&lt;code&gt;&amp;lt;!DOCTYPE html&amp;gt;
&amp;lt;html&amp;gt;
&amp;lt;head&amp;gt;
    &amp;lt;title&amp;gt;Title&amp;lt;/title&amp;gt;
    &amp;lt;link rel="stylesheet" href="notyf/notyf.min.css"&amp;gt;
&amp;lt;/head&amp;gt;
&amp;lt;body&amp;gt;
    &amp;lt;form action="" method="POST"&amp;gt;
        &amp;lt;input type="text" name="user"/&amp;gt;
        &amp;lt;input type="text" name="pass"/&amp;gt;
        &amp;lt;button type="submit" onclick="myFunc()" name="submit"&amp;gt;Register&amp;lt;/button&amp;gt;
    &amp;lt;/form&amp;gt;
    &amp;lt;?php
        if (isset($_POST["submit"])) {
            if (!empty($_POST["user"]) &amp;amp;&amp;amp; !empty($_POST["pass"])) {
                $user = $_POST["user"];
                $pass = $_POST["pass"];
                $conn = new mysqli("localhost", "root", "") or die (mysqli_error());
                $db = mysqli_select_db($conn, "toast") or die ("DB Error!");
                $query = mysqli_query($conn, "SELECT * FROM user WHERE user='".$user."'");
                $numrows = mysqli_num_rows($query);
                if ($numrows == 0) {
                    $sql = "INSERT INTO user(user, pass) VALUES('$user', '$pass')";
                    $result = mysqli_query($conn, $sql);
                    if ($result) {
                        echo "&amp;lt;script src='notyf/notyf.min.js'&amp;gt;&amp;lt;/script&amp;gt;";
                        echo "&amp;lt;script&amp;gt;";
                        echo    "function myFunc() {";
                        echo        "var notyf = new Notyf();";
                        echo        "notyf.confirm('Success!');";
                        echo    "}";
                        echo "&amp;lt;/script&amp;gt;";
                    } else {
                        echo "Failure!";
                    }
                } else {
                    echo "Already exist! Please try again.";
                }
            }
        }
    ?&amp;gt;
&amp;lt;/body&amp;gt;
&amp;lt;/html&amp;gt;
&lt;/code&gt;&lt;/pre&gt;</t>
  </si>
  <si>
    <t>2017-11-28 15:58:08.743000+00:00</t>
  </si>
  <si>
    <t>2017-11-28 16:06:33.340000+00:00</t>
  </si>
  <si>
    <t>trouble-shooting my quicksort algorithm in java?</t>
  </si>
  <si>
    <t>&lt;p&gt;while trouble-shooting my method for &lt;code&gt;quicksort&lt;/code&gt; algorithm, this problem popped up;&lt;/p&gt;
&lt;p&gt;consider this simple example of printing an array elements individually:&lt;/p&gt;
&lt;pre&gt;&lt;code&gt;public static void print1(int[] arr, int start, int end){
        for (int k = start; k&amp;lt;end;k++){
            System.out.println(arr[k]);
        }
    }
    public static void print2(int[] arr, int start, int end){
        for (int k=start; k&amp;lt;=end;k++){
            System.out.println(arr[k]);
        }
    }
&lt;/code&gt;&lt;/pre&gt;
&lt;p&gt;In the main, if I call:&lt;/p&gt;
&lt;pre&gt;&lt;code&gt;public static void main(String[] args) {
        int[] data2 = new int[]{10,11,9,7,5};
       print1(data2,0,data2.length);
       System.out.println("___________");
       print2(data2,0,data2.length-1);
    }
&lt;/code&gt;&lt;/pre&gt;
&lt;p&gt;both prints the same content, which is well and good;
(Note, I pass &lt;code&gt;data2.length&lt;/code&gt; and &lt;code&gt;data2.length-1&lt;/code&gt; as arguments to my &lt;code&gt;print1&lt;/code&gt; and &lt;code&gt;print2&lt;/code&gt; methods and the &lt;code&gt;for-loop&lt;/code&gt; in each method changes accordingly)&lt;/p&gt;
&lt;p&gt;Now comes the problem with quicksort regime:
consider this code:&lt;/p&gt;
&lt;pre&gt;&lt;code&gt;public static void quickSort2(int[] arr, int i, int j){
        if (i&amp;lt;j){
            int part =partition(arr, i, j);
            quickSort2(arr, i, part-1);
            quickSort2(arr, part+1, j); 
        }
    }
public static int partition(int[] arr, int start, int end){
        int pivot = arr[start];
        int i = start;
        for (int j = start+1;j&amp;lt;=end;j++){ // ******
            if (arr[j]&amp;lt;pivot){
                    i++;
                    int temp=arr[i];
                    arr[i]=arr[j];
                    arr[j]=temp;
            }
        }
        arr[start]=arr[i];
        arr[i]=pivot;
        return i;
    }
&lt;/code&gt;&lt;/pre&gt;
&lt;p&gt;In the main;&lt;/p&gt;
&lt;pre&gt;&lt;code&gt;public static void main(String[] args) {
       //int[] data = new int[]{5,10,1,9,4,4,8,3,6,2,7,4};
        int[] data = new int[]{3,4,1,2};
        int[] data2 = new int[]{10,11,9,7,5};
       System.out.print("Unsorted array data ");
       display(data);
       System.out.print("\nUnsorted array data2 :");
       display(data2);
       quickSort2(data, 0, data.length-1);
       System.out.println("_____________");
       quickSort2(data2,0,data2.length-1);
       System.out.print("\nSorted array data: ");
       display(data);
       System.out.print("\nSorted array data2:");
       display(data2);
}
&lt;/code&gt;&lt;/pre&gt;
&lt;p&gt;works fine and good;
now If I change the call to &lt;code&gt;quickSort(data, 0, data.length)&lt;/code&gt; and change the &lt;code&gt;for-loop&lt;/code&gt; line (marked in the code with &lt;code&gt;*******&lt;/code&gt;) to &lt;code&gt;for (int j = start+1;j&amp;lt;end;j++)&lt;/code&gt;, I get entirely different result:
i.e: first two elements are not sorted, but rest rest of it is sorted. 
I get&lt;/p&gt;
&lt;pre&gt;&lt;code&gt;Sorted array data: [2, 1, 3, 4]
Sorted array data2:[5, 9, 7, 10, 11]
&lt;/code&gt;&lt;/pre&gt;
&lt;p&gt;I need some help&lt;/p&gt;</t>
  </si>
  <si>
    <t>2013-12-19 01:21:09.707000+00:00</t>
  </si>
  <si>
    <t>2013-12-19 07:59:25.673000+00:00</t>
  </si>
  <si>
    <t>2013-12-19 02:25:02.780000+00:00</t>
  </si>
  <si>
    <t>java|algorithm|for-loop|quicksort|indexoutofboundsexception</t>
  </si>
  <si>
    <t>How to dynamically populate NSOutlineView's columns?</t>
  </si>
  <si>
    <t>&lt;p&gt;I have an IBOutlet to an NSOutlineView and I want to remove the existing columns and 
add the new ones.&lt;/p&gt;
&lt;p&gt;I have tried this to add columns &lt;/p&gt;
&lt;pre&gt;&lt;code&gt;[outlineView setOutlineTableColumn:myNewCol];
&lt;/code&gt;&lt;/pre&gt;
&lt;p&gt;and&lt;/p&gt;
&lt;pre&gt;&lt;code&gt;[outlineView addTableColumn:myNewCol];
&lt;/code&gt;&lt;/pre&gt;
&lt;p&gt;with no luck.&lt;/p&gt;
&lt;p&gt;To remove I tried this:&lt;/p&gt;
&lt;pre&gt;&lt;code&gt;NSArray *existingColumns = [outlineView tableColumns];
for (NSTableColumn *col in existingColumns)
    [outlineView removeTableColumn:col];
&lt;/code&gt;&lt;/pre&gt;
&lt;p&gt;Any help?&lt;/p&gt;
&lt;p&gt;Thanks!&lt;/p&gt;</t>
  </si>
  <si>
    <t>2010-11-08 20:43:54.423000+00:00</t>
  </si>
  <si>
    <t>2010-11-09 01:17:56.430000+00:00</t>
  </si>
  <si>
    <t>2010-11-08 22:22:24.557000+00:00</t>
  </si>
  <si>
    <t>objective-c|cocoa|macos|nsoutlineview</t>
  </si>
  <si>
    <t>"Illegal polymorphic or qualified type" in Control.Lens</t>
  </si>
  <si>
    <t>&lt;p&gt;I'm working with &lt;code&gt;Control.Lens&lt;/code&gt;. The actual function I'm writing is rather complex, but for the purpose of this question, I've boiled it down to a minimal failing example:&lt;/p&gt;
&lt;pre&gt;&lt;code&gt;import Control.Lens    
exampleFunc :: Lens s t a b -&amp;gt; String
exampleFunc _ = "Example"
&lt;/code&gt;&lt;/pre&gt;
&lt;p&gt;This fails to compile, yielding the following error message:&lt;/p&gt;
&lt;pre&gt;&lt;code&gt;Illegal polymorphic or qualified type: Lens s t a b
Perhaps you intended to use -XRankNTypes or -XRank2Types
In the type signature for `exampleFunc':
  exampleFunc :: Lens s t a b -&amp;gt; String
&lt;/code&gt;&lt;/pre&gt;
&lt;p&gt;Why is this illegal? It seems awfully similar to the following, which &lt;em&gt;does&lt;/em&gt; compile:&lt;/p&gt;
&lt;pre&gt;&lt;code&gt;import Data.Maybe
exampleFunc' :: Maybe (s, t, a, b) -&amp;gt; String
exampleFunc' _ = "Example"
&lt;/code&gt;&lt;/pre&gt;
&lt;p&gt;So I'm assuming the difference lies in the definition of &lt;code&gt;Lens&lt;/code&gt;. But what about the &lt;code&gt;Lens&lt;/code&gt; type makes &lt;code&gt;exampleFunc&lt;/code&gt;'s type illegal? I have a sneaking suspicion it has to do with the &lt;code&gt;Functor&lt;/code&gt; qualification in the definition of &lt;code&gt;Lens&lt;/code&gt;, but I could be wrong. For reference, the &lt;a href="http://hackage.haskell.org/package/lens-1.2/docs/Control-Lens.html" rel="noreferrer"&gt;definition&lt;/a&gt; of &lt;code&gt;Lens&lt;/code&gt; is:&lt;/p&gt;
&lt;pre&gt;&lt;code&gt;type Lens s t a b = forall f. Functor f =&amp;gt; (a -&amp;gt; f b) -&amp;gt; s -&amp;gt; f t
&lt;/code&gt;&lt;/pre&gt;
&lt;p&gt;So, do I have to somehow satisfy the &lt;code&gt;Functor&lt;/code&gt; qualification in my definition of &lt;code&gt;exampleFunc&lt;/code&gt;? If so, how? I'm not seeing where in my type signature I have the opportunity to declare this constraint. Or maybe I'm on the wrong track, and my problem has nothing to do with the &lt;code&gt;Functor&lt;/code&gt; constraint.&lt;/p&gt;
&lt;p&gt;I've read all the Stack Overflow questions I could find regarding the "illegal polymorphic etc" error message. Perhaps this is my lack of familiarity with Haskell showing, but I can't see any of those questions being applicable to my current situation.&lt;/p&gt;
&lt;p&gt;Nor have I been able to find any documentation on what the error message means in general.&lt;/p&gt;</t>
  </si>
  <si>
    <t>2013-11-20 19:28:57.087000+00:00</t>
  </si>
  <si>
    <t>2013-12-06 20:58:57.703000+00:00</t>
  </si>
  <si>
    <t>haskell|lenses|lens</t>
  </si>
  <si>
    <t>Unit testing a method that takes a ResultSet as parameter</t>
  </si>
  <si>
    <t>&lt;p&gt;How does one go about unit testing an object that can't be instantiated? Because currently I have a method that converts a ResultSet to an object but I'm unsure if this violates any programming principles.&lt;/p&gt;
&lt;pre&gt;&lt;code&gt;public CItem convert(ResultSet rs) {
    CItem ci = new CItem ();
    try {
        ci.setHinumber(rs.getString("id"));
        ci.setHostname(rs.getString("sysname"));
        ci.setOs(rs.getString("zos"));
        ci.setTenant(rs.getString("customer_name"));
        //ci.setInstallation(rs.getField("installation_name"));
    } catch (SQLException e) {
        e.printStackTrace();
    }
    return ci;
}
&lt;/code&gt;&lt;/pre&gt;
&lt;p&gt;Do I need to look for a different way to approach this solely because it can't be unit tested? Or can I somehow fake a ResultSet object.&lt;/p&gt;
&lt;p&gt;Any help would be appreciated.&lt;/p&gt;</t>
  </si>
  <si>
    <t>2017-01-25 16:14:54.450000+00:00</t>
  </si>
  <si>
    <t>2017-01-28 20:01:57.567000+00:00</t>
  </si>
  <si>
    <t>java|unit-testing|junit|resultset</t>
  </si>
  <si>
    <t>Call a radio button that is not selected</t>
  </si>
  <si>
    <t>&lt;p&gt;I have a program/website. It has radio buttons in it and I am using VS 2015. I am using the code behind for aspx for the page_load. When a person select a radio button, I use Request["radiobuttonname"] to get the value that the user selected.&lt;/p&gt;
&lt;p&gt;My question is, how do I get the value of a radio button that is not selected. For example, I have a radio button for Yes, NO, I'D RATHER NOT TELL. So, when someone click YES, Request[] will call the selected one which is YES. But what if I also want to show that the user did not select NO or the one. &lt;/p&gt;
&lt;p&gt;This is the HTML&lt;/p&gt;
&lt;h3&gt;1)Are you undergraduate or graduate student? &lt;/h3&gt;
&lt;pre&gt;&lt;code&gt;        &amp;lt;input id="radio1" name="radioq1" type="radio" value="graduate" /&amp;gt;graduate
        &amp;lt;input id="radio2" name="radioq1" type="radio" value="undergraduate" /&amp;gt;undergraduate
&lt;/code&gt;&lt;/pre&gt;
&lt;p&gt;My code behind is&lt;/p&gt;
&lt;pre&gt;&lt;code&gt;info = "You selected &amp;lt;br /&amp;gt;=" + Request["radioq1"] + "&amp;lt;br /&amp;gt;"
            + "The other options you did not select is " + Request[];
&lt;/code&gt;&lt;/pre&gt;</t>
  </si>
  <si>
    <t>2016-09-20 04:24:17.310000+00:00</t>
  </si>
  <si>
    <t>2016-09-20 04:38:45.423000+00:00</t>
  </si>
  <si>
    <t>2016-09-20 04:35:31.107000+00:00</t>
  </si>
  <si>
    <t>html|code-behind</t>
  </si>
  <si>
    <t>Showing a timer in a window while a Process is running</t>
  </si>
  <si>
    <t>&lt;p&gt;So I'm currently executing a script through the following function:&lt;/p&gt;
&lt;pre&gt;&lt;code&gt;public static boolean executePythonScriptWithArgs(File file, String args) {
    Runnable r = new Runnable() {
        @Override
        public void run() {
            try {
                Process p = Runtime.getRuntime().exec("python3 " + file.getPath() + " " + args);
                BufferedReader stdInput = new BufferedReader(new
                        InputStreamReader(p.getInputStream()));
                // Read the output from the command
                String s;
                while ((s = stdInput.readLine()) != null) {
                    if(s.equals("success")) {
                        result = true;
                    }
                }
            } catch (IOException e) {
                e.printStackTrace();
            }
        }
    };
    ExecutorService executor = Executors.newCachedThreadPool();
    executor.submit(r);
    return result;
}
&lt;/code&gt;&lt;/pre&gt;
&lt;p&gt;In order to stop the GUI from freezing, I am creating a new &lt;code&gt;Runnable&lt;/code&gt; object and executing this to check if the result is true. I am changing the variable result using the following:&lt;/p&gt;
&lt;p&gt;&lt;code&gt;private static volatile boolean result = false;&lt;/code&gt;&lt;/p&gt;
&lt;p&gt;It is &lt;code&gt;volatile&lt;/code&gt; to be able to change the value during the runnable thread.&lt;/p&gt;
&lt;p&gt;However, this just runs in the background and I wish to open up a new window (maybe using &lt;code&gt;JOptionPane&lt;/code&gt; if its possible to do it like this) to just show a timer, and then close it when the success value is reached.&lt;/p&gt;
&lt;p&gt;How could I do this?&lt;/p&gt;
&lt;p&gt;&lt;strong&gt;EDIT:&lt;/strong&gt;&lt;/p&gt;
&lt;p&gt;The code that I am using (aside from the JFrame to hold the panel) is shown below:&lt;/p&gt;
&lt;p&gt;&lt;strong&gt;MyListener.java&lt;/strong&gt;&lt;/p&gt;
&lt;pre&gt;&lt;code&gt;public class MyListener implements ActionListener
{
    public static InputStream getScriptResource(String fileName) {
        ClassLoader classLoader = ClassLoader.getSystemClassLoader();
        InputStream is = classLoader.getResourceAsStream("scripts/" + fileName);
        return is;
    }
    public void actionPerformed(ActionEvent e) {
        if(e.getSource() == MyPanel.button) {
            String options = "";
            try {
                File tempFile = File.createTempFile("quick", ".py");
                tempFile.deleteOnExit();
                // Get your script and prepare OutputStream to tempFile
                // Try with resources, to close streams
                try (InputStream is = getScriptResource("quick.py"); FileOutputStream out = new FileOutputStream(tempFile)) {
                    // Copy InputStream to OutputStream.
                    IOUtils.copy(is, out);
                }
                boolean result = ScriptExecutor.executePythonScriptWithArgs(tempFile, options);
                if (result) {
                    JOptionPane.showMessageDialog(Client.INSTANCE, "Scan completed successfully!", "Info", JOptionPane.PLAIN_MESSAGE);
                }
            } catch (IOException ex) {
                ex.printStackTrace();
            }
        }
    }
}
&lt;/code&gt;&lt;/pre&gt;
&lt;p&gt;&lt;strong&gt;MyPanel.java&lt;/strong&gt;&lt;/p&gt;
&lt;pre&gt;&lt;code&gt;public class MyPanel extends JPanel
{
    public static JButton button;
    private ActionListener myListener;
    public MyPanel() {
        this.myListener = new MyListener();
        setLayout(new GridLayout(1,1));
        addComponents();
        setVisible(true);
    }
    private void addComponents() {
        button = new JButton("Run Script");
        button.addActionListener(myListener);
        add(button);
    }
}
&lt;/code&gt;&lt;/pre&gt;
&lt;p&gt;&lt;strong&gt;ScriptExecutor.java&lt;/strong&gt;&lt;/p&gt;
&lt;pre&gt;&lt;code&gt;public class ScriptExecutor
{
    private static volatile boolean result = false;
    public static boolean executePythonScriptWithArgs(File file, String args) {
        Runnable r = new Runnable() {
            @Override
            public void run() {
                try {
                    Process p = Runtime.getRuntime().exec("python3 " + file.getPath() + " " + args);
                    BufferedReader stdInput = new BufferedReader(new
                            InputStreamReader(p.getInputStream()));
                    // Read the output from the command
                    String s;
                    while ((s = stdInput.readLine()) != null) {
                        if(s.equals("success")) {
                            result = true;
                        }
                    }
                } catch (IOException e) {
                    e.printStackTrace();
                }
            }
        };
        ExecutorService executor = Executors.newCachedThreadPool();
        executor.submit(r);
        return result;
    }
}
&lt;/code&gt;&lt;/pre&gt;
&lt;p&gt;This code can be put into any jframe to be run - &lt;strong&gt;NOTE&lt;/strong&gt;: My environment uses Maven and the script would be found inside the resources folder.&lt;/p&gt;</t>
  </si>
  <si>
    <t>2018-04-07 13:42:14.163000+00:00</t>
  </si>
  <si>
    <t>2018-04-07 14:45:59.283000+00:00</t>
  </si>
  <si>
    <t>2018-04-07 13:58:59.693000+00:00</t>
  </si>
  <si>
    <t>Difference between configure and qmake</t>
  </si>
  <si>
    <t>&lt;p&gt;I am studying build script of QT libraries:&lt;/p&gt;
&lt;pre&gt;&lt;code&gt;@echo off
echo Setting up a MinGW/Qt only environment...
echo -- QTDIR set to E:\QT\4.8.4
echo -- PATH set to E:\QT\4.8.4\bin
echo -- Adding e:\MinGW\bin to PATH
echo -- Adding %SystemRoot%\System32 to PATH
echo -- QMAKESPEC set to win32-g++
set QTDIR=E:\QT\4.8.4
set PATH=E:\QT\4.8.4\bin
set PATH=%PATH%;e:\MinGW\bin
set PATH=%PATH%;%SystemRoot%\System32
set QMAKESPEC=win32-g++
if not "%1"=="compile_debug" goto END
cd %QTDIR%
echo This will configure and compile qt in debug.
echo The release libraries will not be recompiled.
pause
configure -plugin-sql-sqlite -plugin-sql-odbc -qt-libpng -qt-libjpeg
REM cd %QTDIR%\src
REM qmake
REM mingw32-make debug
:END
&lt;/code&gt;&lt;/pre&gt;
&lt;p&gt;To determine function of particular commands I have commented remaining parts of file. I noticed that configure.exe command traverses directory structure of QT source codes and creates makefiles for every project file *.pro it finds. From &lt;a href="http://qt-project.org/doc/qt-4.8/qmake-manual.html" rel="nofollow"&gt;documentation&lt;/a&gt; I remember that this should be task of qmake tool:&lt;/p&gt;
&lt;p&gt;&lt;code&gt;qmake automates the generation of Makefiles&lt;/code&gt;&lt;/p&gt;
&lt;p&gt;What's the difference between configure.exe and qmake.exe? Isn't qmake call in build script redundant? I am a bit confused.&lt;/p&gt;</t>
  </si>
  <si>
    <t>2013-03-30 18:55:06.347000+00:00</t>
  </si>
  <si>
    <t>2013-03-30 22:02:38.567000+00:00</t>
  </si>
  <si>
    <t>qt|build|configure|qmake</t>
  </si>
  <si>
    <t>CakePHP Paginatorgroup by / order by</t>
  </si>
  <si>
    <t>&lt;p&gt;Query:&lt;/p&gt;
&lt;pre&gt;&lt;code&gt;SELECT  * from Entlehnungen 
WHERE status = 'retour' 
GROUP BY proben_id 
ORDER BY proben_id DESC, id DESC 
&lt;/code&gt;&lt;/pre&gt;
&lt;p&gt;In cake I create following code&lt;/p&gt;
&lt;pre&gt;&lt;code&gt;unset($this-&amp;gt;request-&amp;gt;params['named']['sort']);
$this-&amp;gt;Paginator-&amp;gt;settings['Entlehnungen'] = array(
        'limit' =&amp;gt; 500,
        'order' =&amp;gt; array('Entlehnungen.proben_id' =&amp;gt; 'DESC',
                         'Entlehnungen.id' =&amp;gt; 'DESC'),
        'group' =&amp;gt; array('Entlehnungen.proben_id')
);
$entlehnungens = $this-&amp;gt;paginate(null, $conditions);
&lt;/code&gt;&lt;/pre&gt;
&lt;p&gt;The problem is, that it looks like that the &lt;code&gt;order by&lt;/code&gt; doesn't work.&lt;/p&gt;</t>
  </si>
  <si>
    <t>2015-03-02 12:57:51.323000+00:00</t>
  </si>
  <si>
    <t>2015-03-03 17:13:17.380000+00:00</t>
  </si>
  <si>
    <t>2015-03-02 15:51:23.923000+00:00</t>
  </si>
  <si>
    <t>mysql|cakephp-2.0</t>
  </si>
  <si>
    <t>Directory iterator and recursive directory iterator</t>
  </si>
  <si>
    <t>&lt;p&gt;I had to list all files and folders in a directory:&lt;/p&gt;
&lt;pre&gt;&lt;code&gt;            $images = array();
            $dirs   = array();
            $dir = new DirectoryIterator($upload_dir_real);
             foreach ($dir as $file) {
               if ($file-&amp;gt;isDot()) {
                    continue;
                }
                if ($file-&amp;gt;isDir()) {
                    // dir
                    $scanned_dirs[] = $file-&amp;gt;getPath();
                      continue;
                } else {
                    // file
                    //echo $file-&amp;gt;getFilename() . "&amp;lt;br&amp;gt;\n";//DEBUG
                    $realfile =  $file-&amp;gt;getFilename() . "&amp;lt;br&amp;gt;\n";
                    $realpath = $file-&amp;gt;getPathname();
                    echo realpath($realfile);//DEBUG
                    $file-&amp;gt;getFilename();
                    $images[] = realpath( $realpath );
                }
             }
&lt;/code&gt;&lt;/pre&gt;
&lt;p&gt;This works fine (no errors) but of course counted only the root, so I tried recursive:&lt;/p&gt;
&lt;pre&gt;&lt;code&gt;            $images = array();
            $dirs   = array();
$dir = new RecursiveDirectoryIterator($upload_dir_real);
             foreach ($dir as $file) {
               if ($file-&amp;gt;isDot()) {
                    continue;
                }
                if ($file-&amp;gt;isDir()) {
                    // dir
                    $scanned_dirs[] = $file-&amp;gt;getsubPath();
                      continue;
                } else {
                    // file
                    //echo $file-&amp;gt;getFilename() . "&amp;lt;br&amp;gt;\n"; //DEBUG
                    $realfile =  $file-&amp;gt;getsubFilename() . "&amp;lt;br&amp;gt;\n";
                    $realpath = $file-&amp;gt;getsubPathname();
                    echo realpath($realfile);//DEBUG
                    $file-&amp;gt;getFilename();
                    $images[] = realpath( $realpath );
                }
             }
&lt;/code&gt;&lt;/pre&gt;
&lt;p&gt;Basically, I changed the &lt;code&gt;getPath();&lt;/code&gt; with &lt;code&gt;getsubPath()&lt;/code&gt; (and equivalent). The problem is that it give me an error:&lt;/p&gt;
&lt;blockquote&gt;
  &lt;p&gt;&lt;code&gt;Fatal error: Call to undefined method SplFileInfo::isDot() in blah blah path&lt;/code&gt;&lt;/p&gt;
&lt;/blockquote&gt;
&lt;p&gt;so I searched a while and found this:&lt;/p&gt;
&lt;p&gt;&lt;a href="https://stackoverflow.com/questions/6337810/why-does-isdot-fail-on-me-php"&gt;Why does isDot() fail on me? (PHP)&lt;/a&gt;&lt;/p&gt;
&lt;p&gt;This is basically the same problem, but when I try, I get this error:&lt;/p&gt;
&lt;blockquote&gt;
  &lt;p&gt;&lt;code&gt;Fatal error: Class 'FilesystemIterator' not found in in blah blah path&lt;/code&gt;&lt;/p&gt;
&lt;/blockquote&gt;
&lt;p&gt;Questions:&lt;/p&gt;
&lt;p&gt;1 - why is the method described in the other accepted answer not working for me?
2 - in that same answer, what is the following code:&lt;/p&gt;
&lt;pre&gt;&lt;code&gt;new RecursiveIteratorIterator(
  new RecursiveDirectoryIterator(
    $pathToFolder,
    FilesystemIterator::KEY_AS_PATHNAME | FilesystemIterator::CURRENT_AS_SELF));
&lt;/code&gt;&lt;/pre&gt;
&lt;p&gt;This actually calls &lt;code&gt;RecursiveIteratorIterator&lt;/code&gt; twice? I mean, if it is recursive, it can not be recursive twice :-)&lt;/p&gt;
&lt;p&gt;2b - how come &lt;code&gt;FilesystemIterator&lt;/code&gt; is not found, even if the PHP manual states (to my understanding) that it is a part of what the recursive iterator is built upon?&lt;/p&gt;
&lt;p&gt;(Those questions are because I want to understand better, not to just copy and paste answers).&lt;/p&gt;
&lt;p&gt;3 - is there a better way to list all folders and files cross platform?&lt;/p&gt;</t>
  </si>
  <si>
    <t>2012-11-18 21:16:19.213000+00:00</t>
  </si>
  <si>
    <t>2013-12-30 20:28:27.950000+00:00</t>
  </si>
  <si>
    <t>2017-05-23 12:32:08.853000+00:00</t>
  </si>
  <si>
    <t>php|recursion|iterator</t>
  </si>
  <si>
    <t>WordPress: Set 'Featured image' as first ACF-gallery when saving post</t>
  </si>
  <si>
    <t>&lt;p&gt;I found this function &lt;a href="https://support.advancedcustomfields.com/forums/topic/display-1-gallery-picture-on-archive-page/" rel="nofollow noreferrer"&gt;here&lt;/a&gt;.
I'm using ACF pro.&lt;/p&gt;
&lt;p&gt;Update: I added variable according to comment below, this got rid of the error, however the function is still not working.&lt;/p&gt;
&lt;p&gt;&lt;strong&gt;functions.php:&lt;/strong&gt;&lt;/p&gt;
&lt;pre&gt;&lt;code&gt;add_action( 'save_post', 'set_featured_image_from_gallery' );
function set_featured_image_from_gallery() {
  $post = get_post(); //Edit according to comment below      
  $has_thumbnail = get_the_post_thumbnail($post-&amp;gt;ID);
  if ( !$has_thumbnail ) {
    $images = get_field('gallery', false, false);
    $image_id = $images[0];
    if ( $image_id ) {
      set_post_thumbnail( $post-&amp;gt;ID, $image_id );
    }
  }
}
&lt;/code&gt;&lt;/pre&gt;
&lt;p&gt;&lt;strong&gt;Error message when saving post (pressing "Update"-button):&lt;/strong&gt;&lt;/p&gt;
&lt;p&gt;Notice: Undefined variable: post in /Applications/MAMP/htdocs/pf-blank/wp/wp-content/themes/PF-Blank-theme/functions.php on line 600&lt;/p&gt;
&lt;p&gt;Notice: Trying to get property of non-object in /Applications/MAMP/htdocs/pf-blank/wp/wp-content/themes/PF-Blank-theme/functions.php on line 600&lt;/p&gt;
&lt;p&gt;Warning: Cannot modify header information - headers already sent by (output started at /Applications/MAMP/htdocs/pf-blank/wp/wp-content/themes/PF-Blank-theme/functions.php:600) in /Applications/MAMP/htdocs/pf-blank/wp/wp-admin/post.php on line 197&lt;/p&gt;
&lt;p&gt;Warning: Cannot modify header information - headers already sent by (output started at /Applications/MAMP/htdocs/pf-blank/wp/wp-content/themes/PF-Blank-theme/functions.php:600) in /Applications/MAMP/htdocs/pf-blank/wp/wp-includes/pluggable.php on line 1174&lt;/p&gt;</t>
  </si>
  <si>
    <t>2016-11-07 08:46:20.570000+00:00</t>
  </si>
  <si>
    <t>2016-11-07 13:29:14.320000+00:00</t>
  </si>
  <si>
    <t>2016-11-07 09:04:27.007000+00:00</t>
  </si>
  <si>
    <t>php|wordpress|advanced-custom-fields</t>
  </si>
  <si>
    <t>Direct3D ID3DXFont-&gt;DrawText Crash on Windows XP</t>
  </si>
  <si>
    <t>&lt;p&gt;I'm trying to load a font from a file and then use it in Direct3D, and it works perfectly on my Windows 7 machine, but if I try it on an XP SP2 machine, the first call to &lt;code&gt;DrawText&lt;/code&gt; will return 0 (meaning it failed), and the second time it tries will cause the program to crash.&lt;/p&gt;
&lt;p&gt;Are there some restrictions with imported fonts in Direct3D on Windows XP? Is there a way I can get some useful error code, since &lt;code&gt;DrawText&lt;/code&gt; returning 0 isn't very helpful on its own.&lt;/p&gt;
&lt;p&gt;For reference, here's my font importing code:&lt;/p&gt;
&lt;pre&gt;&lt;code&gt;if (AddFontResourceEx("ttfFiles/tf2Build.ttf", FR_PRIVATE, 0) == 0) {
    // Throw exception.
}
&lt;/code&gt;&lt;/pre&gt;
&lt;p&gt;And here's how I create the &lt;code&gt;ID3DXFont&lt;/code&gt; object (which also returns without a problem):&lt;/p&gt;
&lt;pre&gt;&lt;code&gt;HRESULT result = D3DXCreateFont(
    d3dDevice_,
    height,
    0, 
    isBolded ? FW_BOLD : FW_NORMAL,
    0,
     false,
    DEFAULT_CHARSET,
    OUT_DEFAULT_PRECIS,
    DEFAULT_QUALITY,
    FF_DONTCARE,
    name.c_str(),
    &amp;amp;d3dFont );
if ( FAILED( result ) ) {
    // Throw exception.
}
&lt;/code&gt;&lt;/pre&gt;
&lt;p&gt;&lt;strong&gt;Edit:&lt;/strong&gt; I managed to get it to occur under a debugger in XP, and here's the quite scary error that appears:&lt;/p&gt;
&lt;blockquote&gt;
  &lt;p&gt;An unhandled exception of type 'System.AccessViolationException' occured in DirectFont.exe
  Additional information: Attempted to read or write protected memory. This is often an indication that other memory is corrupt.&lt;/p&gt;
&lt;/blockquote&gt;
&lt;p&gt;And here is the stack trace:&lt;/p&gt;
&lt;blockquote&gt;
  &lt;p&gt;usp10.dll!ClientData::GetOtlTable()  + 0x35 bytes&lt;br&gt;
  usp10.dll!otlResourceMgr::getOtlTable()  + 0x7a bytes&lt;br&gt;
  usp10.dll!SubstituteOtlChars()  + 0x1af bytes&lt;br&gt;
  usp10.dll!OtlShape()  + 0x3c5 bytes&lt;br&gt;
  D3DX9_43.dll!D3DXCore::CFont::DrawTextAW()  + 0x5aa bytes 
  D3DX9_43.dll!D3DXCore::CFont::DrawTextA()  + 0x26 bytes   &lt;/p&gt;
&lt;/blockquote&gt;</t>
  </si>
  <si>
    <t>2011-07-19 02:02:26.090000+00:00</t>
  </si>
  <si>
    <t>2011-07-19 06:28:52.443000+00:00</t>
  </si>
  <si>
    <t>windows|fonts|directx</t>
  </si>
  <si>
    <t>java.lang.NullPointerException using okhttp3 android</t>
  </si>
  <si>
    <t>&lt;p&gt;I am using &lt;strong&gt;okhttp&lt;/strong&gt; for network requests and responses.I have searched alot on the web and also on &lt;strong&gt;github&lt;/strong&gt; about this issue but i did not get any clean solution, I don't know what is wrong in the code. I am getting &lt;strong&gt;NullPointerException&lt;/strong&gt; when i click on &lt;strong&gt;Btn_Proceed&lt;/strong&gt;. The code is provided and also the stacktrace. Thank you.&lt;/p&gt;
&lt;pre&gt;&lt;code&gt;07-28 02:11:18.407 16167-17029/com.donateblood.blooddonation E/AndroidRuntime: FATAL EXCEPTION: AsyncTask #1
Process: com.donateblood.blooddonation, PID: 16167
java.lang.RuntimeException: An error occured while executing doInBackground()
at android.os.AsyncTask$3.done(AsyncTask.java:300)
at java.util.concurrent.FutureTask.finishCompletion(FutureTask.java:355)
at java.util.concurrent.FutureTask.setException(FutureTask.java:222)
at java.util.concurrent.FutureTask.run(FutureTask.java:242)
at android.os.AsyncTask$SerialExecutor$1.run(AsyncTask.java:231)
at java.util.concurrent.ThreadPoolExecutor.runWorker(ThreadPoolExecutor.java:1112)
at java.util.concurrent.ThreadPoolExecutor$Worker.run(ThreadPoolExecutor.java:587)
at java.lang.Thread.run(Thread.java:864)
Caused by: java.lang.NullPointerException
at okhttp3.HttpUrl.canonicalize(HttpUrl.java:1853)
at okhttp3.FormBody$Builder.add(FormBody.java:110)
at com.donateblood.blooddonation.UploadImage$AddUserAsync.doInBackground(UploadImage.java:203)
at com.donateblood.blooddonation.UploadImage$AddUserAsync.doInBackground(UploadImage.java:173)
at android.os.AsyncTask$2.call(AsyncTask.java:288)
at java.util.concurrent.FutureTask.run(FutureTask.java:237)
at android.os.AsyncTask$SerialExecutor$1.run(AsyncTask.java:231) 
at java.util.concurrent.ThreadPoolExecutor.runWorker(ThreadPoolExecutor.java:1112) 
at java.util.concurrent.ThreadPoolExecutor$Worker.run(ThreadPoolExecutor.java:587) 
at java.lang.Thread.run(Thread.java:864)
&lt;/code&gt;&lt;/pre&gt;
&lt;pre class="lang-html prettyprint-override"&gt;&lt;code&gt;public class UploadImage extends AppCompatActivity {
    @InjectView(R.id.imageView) ImageView ImageUpload;
    @InjectView(R.id.upload) Button Btn_Upload;
    @InjectView(R.id.proceed) Button Btn_Proceed;
    EditText code;
    public ProgressDialog pDialog;
    public String bloodgroup,name,password,number,email,age,ID;
    public String encodedPhotoString=null;
    GPSTracker gps; public  Bitmap myimage=null;
    public JSONObject json =null;
    public double latitude;
    public double longitude;
    @Override
    public void onBackPressed() {
        super.onBackPressed();
        finish();
    }
    @Override
    protected void onCreate(Bundle savedInstanceState) {
        super.onCreate(savedInstanceState);
        try{
            setContentView(R.layout.uploadimage);
            ButterKnife.inject(this);
        }catch (OutOfMemoryError e){
            Toast.makeText(getBaseContext(), "Sorry,Something went wrong", Toast.LENGTH_SHORT).show();
        }
        code = (EditText) findViewById(R.id.code);
        myimage = CroppingActivity.finalImage;
        CheckImage();
        // Upload image ====================================
        Btn_Upload.setOnClickListener(new View.OnClickListener() {
            @Override
            public void onClick(View v) {
                Intent intent = new Intent(getApplicationContext(), CroppingActivity.class);
                startActivity(intent);
                UploadImage.this.finish();
            }
        });
        Btn_Proceed.setOnClickListener(new View.OnClickListener() {
            @Override
            public void onClick(View v) {
                if(code.length()==0){
                    Toast.makeText(getBaseContext(), "Enter verification code", Toast.LENGTH_LONG).show();
                }
                else {
                    Prcoess();
                }
            }
        });
    }
    public  void CheckImage(){
        if(myimage!=null){
            Uri uri = getImageUri(myimage);
            String url = getRealPathFromURI(uri);
            File file = new File(url);
            Glide.with(UploadImage.this).load(file).asBitmap().diskCacheStrategy( DiskCacheStrategy.NONE ).skipMemoryCache( true ).override(300,300)
                    .transform(new CenterCrop(UploadImage.this),new CustomCenterCrop(UploadImage.this)).into(ImageUpload);
        }else {
            encodedPhotoString= null;
        }
    }
    @Override
    public void onDestroy() {
        super.onDestroy();
        if (pDialog != null) {
            pDialog.dismiss();
            pDialog = null;
        }
    }
    public String getRealPathFromURI(Uri contentUri) {
        Cursor cursor = null;
        try {
            String[] proj = { MediaStore.Images.Media.DATA };
            cursor = UploadImage.this.getContentResolver().query(contentUri,  proj, null, null, null);
            int column_index = cursor.getColumnIndexOrThrow(MediaStore.Images.Media.DATA);
            cursor.moveToFirst();
            return cursor.getString(column_index);
        } finally {
            if (cursor != null) {
                cursor.close();
            }
        }
    }
    public Uri getImageUri( Bitmap inImage) {
        String path = MediaStore.Images.Media.insertImage(UploadImage.this.getContentResolver(), inImage, "Title", null);
        return Uri.parse(path);
    }
    // Processing and adding user to database from here ====================================
    public void Prcoess(){
        String userentered=code.getText().toString();
        String sentcode = SignupActivity.Code;
        setPhoto();
        if(userentered.equals(sentcode) &amp;amp;&amp;amp; encodedPhotoString!=null ){
            new AddUserAsync().execute();
        }
        else {
            Toast.makeText(getBaseContext(), "Oopps...Sorry...Upload Again", Toast.LENGTH_LONG).show();
        }
    }
    public void setPhoto() {
        // resize the image to store to database
        myimage=  getResizedBitmap(myimage,400,400);
        ByteArrayOutputStream stream = new ByteArrayOutputStream();
        myimage.compress(Bitmap.CompressFormat.JPEG, 100, stream);
        byte[] byte_arr = stream.toByteArray();
        encodedPhotoString = Base64.encodeToString(byte_arr, 0);
        Log.e("photo string ", encodedPhotoString);
    }
    public class AddUserAsync extends AsyncTask&amp;lt;Void,Void,Void&amp;gt; {
        JSONObject json = null;
        String fromServer = "";
        @Override
        protected void onPreExecute() {
            super.onPreExecute();
            pDialog = new ProgressDialog(UploadImage.this);
            pDialog.setMessage("Creating Account...");
            pDialog.setIndeterminate(false);
            pDialog.setCancelable(false);
            pDialog.show();
        }
        @Override
        protected Void doInBackground(Void... voids) {
            GetUserDetails();
            GenerateGCMID();
            email= email.trim().toLowerCase();
            //HashMap&amp;lt;String ,String&amp;gt; userDetails = new HashMap&amp;lt;&amp;gt;();
            latitude = GPSTracker.getLatitude();
            longitude =  GPSTracker.getLongitude();
            OkHttpClient client = new OkHttpClient.Builder()
                    .connectTimeout(50, TimeUnit.SECONDS)
                    .writeTimeout(50, TimeUnit.SECONDS)
                    .readTimeout(50, TimeUnit.SECONDS)
                    .build();
            FormBody.Builder formBuilder = new FormBody.Builder() // Null pointer exception is thrown here
                    .add("ID",ID)
                    .add("Name",name)
                    .add("email",email)
                    .add("password",password)
                    .add("age",age)
                    .add("number",number)
                    .add("bloodgroup",bloodgroup)
                    .add("lat",latitude+"")
                    .add("longi",longitude+"")
                    .add("image",encodedPhotoString);
            RequestBody formBody = formBuilder.build();
            Request request = new Request.Builder()
                    .url("http://faceblood.website/blood_app/Adduser.php")
                    .post(formBody)
                    .build();
            try {
                Response response = client.newCall(request).execute();
                String res = response.body().string();
                json = new JSONObject(res);
                fromServer = json.getString("added");
                Log.e("stringtest",json.getString("added"));
                // Do something with the response.
            } catch (IOException e) {
                Log.e("stringtest IO",e.toString());
                e.printStackTrace();
            } catch (JSONException e) {
                Log.e("stringtest JSON",e.toString());
                e.printStackTrace();
            }
            //json = new HttpCall().postForJSON("http://faceblood.website/blood_app/Adduser.php",userDetails);
            return null;
        }
        @Override
        protected void onPostExecute(Void aVoid) {
            super.onPostExecute(aVoid);
            pDialog.dismiss();
            Log.e("fromServer",fromServer);
            if(fromServer.equals("addeduser")){
                Toast.makeText(getBaseContext(), "Created Successfully", Toast.LENGTH_LONG).show();
                onSignupSuccess();
            }else {
                Toast.makeText(getBaseContext(), "Network problem. Click again", Toast.LENGTH_LONG).show();
            }
        }
    }
    public void GenerateGCMID(){
        GCMClientManager pushClientManager = new GCMClientManager(this, "921544902369");
        pushClientManager.registerIfNeeded(new GCMClientManager.RegistrationCompletedHandler() {
            @Override
            public void onSuccess(String registrationId, boolean isNewRegistration) {
                ID = registrationId;
                Log.e("reg",ID);
            }
            @Override
            public void onFailure(String ex) {
                super.onFailure(ex);
            }
        });
    }
    // Go to another activity on success ====================================
    public void onSignupSuccess() {
        // stop the service we got the latitude and longitude now
        myimage.recycle();
        myimage = null;
        ImageUpload.setImageResource(0);
        stopService(new Intent(this, GPSTracker.class));
        Intent intent = new Intent(getApplicationContext(), LoginActivity.class);
        startActivity(intent);
        finish();
    }
    // fetch user details ====================================
    public void GetUserDetails(){
        bloodgroup = SignupActivity.bloodgroup.toString();
        name = SignupActivity.name.toString();
        email = SignupActivity.email.toString();
        password = SignupActivity.password.toString();
        number = SignupActivity.number.toString();
        age = SignupActivity.age.toString();
    }
    // Resize the image ====================================
    public Bitmap getResizedBitmap(Bitmap bm, int newHeight, int newWidth)
    {
        int width = bm.getWidth();
        int height = bm.getHeight();
        float scaleWidth = ((float) newWidth) / width;
        float scaleHeight = ((float) newHeight) / height;
        // create a matrix for the manipulation
        Matrix matrix = new Matrix();
        // resize the bit map
        matrix.postScale(scaleWidth, scaleHeight);
        // recreate the new Bitmap
        Bitmap resizedBitmap = Bitmap.createBitmap(bm, 0, 0, width, height, matrix, false);
        return resizedBitmap;
    }
}
&lt;/code&gt;&lt;/pre&gt;</t>
  </si>
  <si>
    <t>2016-07-27 21:24:31.650000+00:00</t>
  </si>
  <si>
    <t>2017-08-24 20:28:15.927000+00:00</t>
  </si>
  <si>
    <t>2016-07-27 21:30:49.917000+00:00</t>
  </si>
  <si>
    <t>java|android|okhttp3</t>
  </si>
  <si>
    <t>Configure SSH for Git - cannot find id_rsa.pub after creating a key</t>
  </si>
  <si>
    <t>&lt;p&gt;I am configuring Git to be used with Assembla's remote repository, but I think the same workflow is used with any remote repository, so my question must have a simple generic answer.&lt;/p&gt;
&lt;p&gt;Following the docs:&lt;/p&gt;
&lt;blockquote&gt;
  &lt;p&gt;In Windows, the key pair will appear at C:\Users\name\.ssh by default. In Mac and Linux, it will be in ~/.ssh hidden directory.&lt;/p&gt;
&lt;/blockquote&gt;
&lt;p&gt;I am on Windows, so I looked in my user folder, no &lt;code&gt;.ssh&lt;/code&gt; folder found (notice I used &lt;code&gt;/ah&lt;/code&gt; to include hidden files):&lt;/p&gt;
&lt;pre&gt;&lt;code&gt;C:\Users\Victor&amp;gt;dir /ah
 Volume in drive C has no label.
 Volume Serial Number is XXXX-XXXX
 Directory of C:\Users\Victor
09/19/2014  06:20 PM    &amp;lt;DIR&amp;gt;          AppData
09/19/2014  06:20 PM    &amp;lt;JUNCTION&amp;gt;     Application Data [C:\Users\Victor\AppData
09/19/2014  06:20 PM    &amp;lt;JUNCTION&amp;gt;     Cookies [C:\Users\Victor\AppData\Roaming\
09/19/2014  06:20 PM    &amp;lt;JUNCTION&amp;gt;     Local Settings [C:\Users\Victor\AppData\L
09/19/2014  06:20 PM    &amp;lt;JUNCTION&amp;gt;     My Documents [C:\Users\Victor\Documents]
09/19/2014  06:20 PM    &amp;lt;JUNCTION&amp;gt;     NetHood [C:\Users\Victor\AppData\Roaming\
09/21/2014  06:39 PM           786,432 NTUSER.DAT
09/21/2014  06:39 PM           262,144 ntuser.dat.LOG1
09/19/2014  06:20 PM                 0 ntuser.dat.LOG2
09/19/2014  06:22 PM            65,536 NTUSER.DAT{xxxxxxxx-xxxx-xxxx-xxxx-xxxxxx
09/19/2014  06:22 PM           524,288 NTUSER.DAT{xxxxxxxx-xxxx-xxxx-xxxx-xxxxxx
09/19/2014  06:22 PM           524,288 NTUSER.DAT{xxxxxxxx-xxxx-xxxx-xxxx-xxxxxx
09/19/2014  06:20 PM                20 ntuser.ini
09/19/2014  06:20 PM    &amp;lt;JUNCTION&amp;gt;     PrintHood [C:\Users\Victor\AppData\Roamin
09/19/2014  06:20 PM    &amp;lt;JUNCTION&amp;gt;     Recent [C:\Users\Victor\AppData\Roaming\M
09/19/2014  06:20 PM    &amp;lt;JUNCTION&amp;gt;     SendTo [C:\Users\Victor\AppData\Roaming\M
09/19/2014  06:20 PM    &amp;lt;JUNCTION&amp;gt;     Start Menu [C:\Users\Victor\AppData\Roami
09/19/2014  06:20 PM    &amp;lt;JUNCTION&amp;gt;     Templates [C:\Users\Victor\AppData\Roamin
&lt;/code&gt;&lt;/pre&gt;
&lt;p&gt;When I tried to recreate the key, it says one already exists.&lt;/p&gt;
&lt;pre&gt;&lt;code&gt;C:\Program Files (x86)\Git\bin&amp;gt;ssh-keygen -t rsa -C "neolisk@gmail.com"
Generating public/private rsa key pair.
Enter file in which to save the key (//.ssh/id_rsa): neolisk
neolisk already exists.
Overwrite (y/n)? n
&lt;/code&gt;&lt;/pre&gt;
&lt;p&gt;So where is it then? As a side note, this whole concept of having to generate keys is new to me, as I am coming from SVN world, where authentication is transparent with no client side config needed except for entering user name and password. If there is an option to configure Git without keys, I would appreciate if you could share how to do it.&lt;/p&gt;
&lt;p&gt;This may not be relevant to my question, but to keep this in context of software development, I am using Visual Studio 2008 with &lt;a href="https://gitscc.codeplex.com/" rel="nofollow"&gt;Git Source Control provider from Codeplex&lt;/a&gt; and &lt;a href="https://code.google.com/p/gitextensions/" rel="nofollow"&gt;git extensions&lt;/a&gt;. I did not find a way to set this up inside the IDE, this is why I am playing with command line here. Local commits were working fine, this came up when I decided to link with remote. If there is a way to configure it within the IDE, please share your thoughts.&lt;/p&gt;</t>
  </si>
  <si>
    <t>2014-09-21 22:53:40.923000+00:00</t>
  </si>
  <si>
    <t>2014-09-23 23:27:05.520000+00:00</t>
  </si>
  <si>
    <t>git|visual-studio-2008|windows-7-x64|ssh-keys|git-extensions</t>
  </si>
  <si>
    <t>What's the difference between 'r+' and 'a+' when open file in python?</t>
  </si>
  <si>
    <t>&lt;blockquote&gt;
  &lt;p&gt;&lt;strong&gt;Possible Duplicate:&lt;/strong&gt;&lt;br&gt;
  &lt;a href="https://stackoverflow.com/questions/1466000/python-open-built-in-function-difference-between-modes-a-a-w-w-and-r"&gt;python open built-in function: difference between modes a, a+, w, w+, and r+?&lt;/a&gt;  &lt;/p&gt;
&lt;/blockquote&gt;
&lt;p&gt;I have try &lt;code&gt;r+&lt;/code&gt; and &lt;code&gt;a+&lt;/code&gt; to open file and read and write, but 'r+' and 'a+' are all append the str to the end of the file.&lt;/p&gt;
&lt;p&gt;So, what's the difference between &lt;code&gt;r+&lt;/code&gt; and &lt;code&gt;a+&lt;/code&gt; ?&lt;/p&gt;
&lt;hr&gt;
&lt;p&gt;Add:&lt;/p&gt;
&lt;p&gt;I have found the reason: &lt;/p&gt;
&lt;p&gt;I have read the file object and forgot to seek(0) to set the location to the begin&lt;/p&gt;</t>
  </si>
  <si>
    <t>2012-11-06 09:25:43.063000+00:00</t>
  </si>
  <si>
    <t>2013-04-28 13:11:08.023000+00:00</t>
  </si>
  <si>
    <t>2017-05-23 12:34:40.763000+00:00</t>
  </si>
  <si>
    <t>JQuery Mobile Icon Pack Squished on IPhone</t>
  </si>
  <si>
    <t>&lt;p&gt;There seems to be &lt;a href="https://github.com/commadelimited/jQuery-Mobile-Icon-Pack/issues/25" rel="nofollow"&gt;a current bug&lt;/a&gt; with JQueryMobile's FA Icon Pack where, if you roll a custom JQueryMobile theme then all of JQueryMobile's original icons &lt;a href="http://games.contraterrene.com/screenshots/custom_theme.png" rel="nofollow"&gt;appear squished&lt;/a&gt; when you view it on an actual iPhone. &lt;/p&gt;
&lt;p&gt;The suggested work around is to use FA Icon names instead of the original ones but this doesn't fix the problems with the listview and check box icons being squished.&lt;/p&gt;
&lt;p&gt;Because of JQuery Mobile's popularity, I'm hoping someone has come across this and threw a quick fix together.&lt;/p&gt;</t>
  </si>
  <si>
    <t>2013-01-04 16:14:12.807000+00:00</t>
  </si>
  <si>
    <t>2013-01-04 16:41:02.373000+00:00</t>
  </si>
  <si>
    <t>iphone|jquery-mobile|mobile-safari</t>
  </si>
  <si>
    <t>Exchange 2010 SP1 EWS creating all day event get 2 days span</t>
  </si>
  <si>
    <t>&lt;p&gt;I use this code to create all day event on Exchange 2010sp1:&lt;/p&gt;
&lt;pre&gt;&amp;lt;?xml version="1.0" encoding="utf-8"?&amp;gt;
&amp;lt;soap:Envelope xmlns:soap="http://schemas.xmlsoap.org/soap/envelope/" xmlns:t="http://schemas.microsoft.com/exchange/services/2006/types"&amp;gt;
    &amp;lt;soap:Header&amp;gt;
        &amp;lt;t:RequestServerVersion Version="Exchange2007_SP1"/&amp;gt;
    &amp;lt;/soap:Header&amp;gt;
    &amp;lt;soap:Body&amp;gt;
        &amp;lt;CreateItem xmlns="http://schemas.microsoft.com/exchange/services/2006/messages" xmlns:t="http://schemas.microsoft.com/exchange/services/2006/types" SendMeetingInvitations="SendToAllAndSaveCopy"&amp;gt;
            &amp;lt;SavedItemFolderId&amp;gt;
                &amp;lt;t:DistinguishedFolderId Id="calendar"/&amp;gt;
            &amp;lt;/SavedItemFolderId&amp;gt;
            &amp;lt;Items&amp;gt;
                &amp;lt;t:CalendarItem xmlns="http://schemas.microsoft.com/exchange/services/2006/types"&amp;gt;
                    &amp;lt;Subject&amp;gt;test event&amp;lt;/Subject&amp;gt;
                    &amp;lt;Body BodyType="Text"&amp;gt;my test event&amp;lt;/Body&amp;gt;
                    &amp;lt;ReminderIsSet&amp;gt;false&amp;lt;/ReminderIsSet&amp;gt;
                    &amp;lt;Start&amp;gt;2011-01-06T07:00:00Z&amp;lt;/Start&amp;gt;
                    &amp;lt;End&amp;gt;2011-01-06T08:00:00Z&amp;lt;/End&amp;gt;
                    &amp;lt;IsAllDayEvent&amp;gt;true&amp;lt;/IsAllDayEvent&amp;gt;
                    &amp;lt;Location&amp;gt;test location&amp;lt;/Location&amp;gt;
                    &amp;lt;t:MeetingTimeZone&amp;gt;
                        &amp;lt;t:BaseOffset&amp;gt;-PT2H&amp;lt;/t:BaseOffset&amp;gt;
                        &amp;lt;t:Standard&amp;gt;
                            &amp;lt;t:Offset&amp;gt;P0D&amp;lt;/t:Offset&amp;gt;
                            &amp;lt;t:RelativeYearlyRecurrence&amp;gt;
                                &amp;lt;t:DaysOfWeek&amp;gt;Sunday&amp;lt;/t:DaysOfWeek&amp;gt;
                                &amp;lt;t:DayOfWeekIndex&amp;gt;Second&amp;lt;/t:DayOfWeekIndex&amp;gt;
                                &amp;lt;t:Month&amp;gt;September&amp;lt;/t:Month&amp;gt;
                            &amp;lt;/t:RelativeYearlyRecurrence&amp;gt;
                            &amp;lt;t:Time&amp;gt;01:59:59&amp;lt;/t:Time&amp;gt;
                        &amp;lt;/t:Standard&amp;gt;
                        &amp;lt;t:Daylight&amp;gt;
                            &amp;lt;t:Offset&amp;gt;-PT1H&amp;lt;/t:Offset&amp;gt;
                            &amp;lt;t:RelativeYearlyRecurrence&amp;gt;
                                &amp;lt;t:DaysOfWeek&amp;gt;Friday&amp;lt;/t:DaysOfWeek&amp;gt;
                                &amp;lt;t:DayOfWeekIndex&amp;gt;First&amp;lt;/t:DayOfWeekIndex&amp;gt;
                                &amp;lt;t:Month&amp;gt;April&amp;lt;/t:Month&amp;gt;
                            &amp;lt;/t:RelativeYearlyRecurrence&amp;gt;
                            &amp;lt;t:Time&amp;gt;03:00:00&amp;lt;/t:Time&amp;gt;
                        &amp;lt;/t:Daylight&amp;gt;
                    &amp;lt;/t:MeetingTimeZone&amp;gt;
                &amp;lt;/t:CalendarItem&amp;gt;
            &amp;lt;/Items&amp;gt;
        &amp;lt;/CreateItem&amp;gt;
    &amp;lt;/soap:Body&amp;gt;
&amp;lt;/soap:Envelope&amp;gt;
&lt;/pre&gt;
&lt;p&gt;The meeting that get created spans over 2 days,
I checked the timezone and locale on the client and server machines and they are correct,
Using the same code one 2010 and 2007 works correctly.
This issue was verified on another separate environment.&lt;/p&gt;
&lt;p&gt;Any help or direction will be appreciated.&lt;/p&gt;
&lt;p&gt;Thanks,&lt;/p&gt;
&lt;p&gt;Eli&lt;/p&gt;</t>
  </si>
  <si>
    <t>2011-05-10 08:04:34.797000+00:00</t>
  </si>
  <si>
    <t>2012-12-13 01:22:54.330000+00:00</t>
  </si>
  <si>
    <t>2011-11-04 23:40:44.337000+00:00</t>
  </si>
  <si>
    <t>exchange-server|exchangewebservices</t>
  </si>
  <si>
    <t>dataframe to dictionary of list of tuples grouped by key</t>
  </si>
  <si>
    <t>&lt;p&gt;I have a dataframe df that has that looks as follows: &lt;/p&gt;
&lt;pre&gt;&lt;code&gt;        a    b    c    d
0       8    xx   17   1.0  
1       8    xy   19   1.0 
2       8    zz   13   0.0
3       9    tt   8    5.0
&lt;/code&gt;&lt;/pre&gt;
&lt;p&gt;I am trying to create a dictionary that has a key  with a list of tuples 
like the following: &lt;/p&gt;
&lt;pre&gt;&lt;code&gt;{8:[(17,1.0),(19,1.0),(13,0.0)], 9:[(8,5.0)]} 
&lt;/code&gt;&lt;/pre&gt;
&lt;p&gt;Here, the key comes from column a and the list of tuples are the column c and column d who have key as a. I am applying this on other datasets as well and have tried &lt;/p&gt;
&lt;pre&gt;&lt;code&gt;df_new = df.groupby(['a'])[['c','d']).apply(lambda x: [tuple(x) for x in x.values])
&lt;/code&gt;&lt;/pre&gt;
&lt;p&gt;However, I keep getting the error&lt;/p&gt;
&lt;pre&gt;&lt;code&gt;raise TypeError('Series.name must be a hashable type')
TypeError: Series.name must be a hashable type
&lt;/code&gt;&lt;/pre&gt;
&lt;p&gt;I have tried to remove ['a'] in the groupby and keep it as 'a' as follows:&lt;/p&gt;
&lt;pre&gt;&lt;code&gt;df_new = df.groupby('a')[['c','d']).apply(lambda x: [tuple(x) for x in x.values])
&lt;/code&gt;&lt;/pre&gt;
&lt;p&gt;But, I get the same following error: &lt;/p&gt;
&lt;pre&gt;&lt;code&gt;raise TypeError('Series.name must be a hashable type')
TypeError: Series.name must be a hashable type
&lt;/code&gt;&lt;/pre&gt;
&lt;p&gt;I don't want to make everything immutable in the original dataframe df. I want to keep it as is. &lt;/p&gt;
&lt;p&gt;Is there a way to accomplish this using pandas functionality? I really don't want to make lists and then zip some together by their index and create a dict out of that. &lt;/p&gt;</t>
  </si>
  <si>
    <t>2017-01-18 17:10:31.510000+00:00</t>
  </si>
  <si>
    <t>2017-08-16 15:17:17.610000+00:00</t>
  </si>
  <si>
    <t>python|pandas|dictionary|dataframe</t>
  </si>
  <si>
    <t>How to open new window in asp.net and disable the old one?</t>
  </si>
  <si>
    <t>&lt;p&gt;I have an asp.net web page with a link button on it. When I click the button I need a new web page in a new window to be opened. While the new page is open, the old one should not be active. When I close the new page I need to return a value to the old page. Can you tell me how can I do that?
Thank you very much in advance!&lt;/p&gt;</t>
  </si>
  <si>
    <t>2014-07-25 08:34:37.570000+00:00</t>
  </si>
  <si>
    <t>2014-07-25 08:43:49.883000+00:00</t>
  </si>
  <si>
    <t>c#|javascript|asp.net</t>
  </si>
  <si>
    <t>Google Play services are updating Error while building System Application for Marshamallow</t>
  </si>
  <si>
    <t>&lt;p&gt;I have been facing a problem in Google Maps fragment. I'm trying to build an App for a client who is Android Device manufacturer. The has to be a System application which is installed in /system/priv-app folder. &lt;/p&gt;
&lt;p&gt;Also my client needs to have all the Permissions by default like : READ_CALL_LOGS,
READ_SMS (Dangerous Permissions). For this I mentioned the following tag in the manifest. &lt;/p&gt;
&lt;pre&gt;&lt;code&gt;android:sharedUserId="android.uid.system"
&lt;/code&gt;&lt;/pre&gt;
&lt;p&gt;After building the application and signing it with the platform certificates of the Android AOSP Code , I successfully get all the permissions .
But when I Open the Google Maps Fragment in my application.
It doesn't loads Google Maps but shows the text :&lt;/p&gt;
&lt;blockquote&gt;
  &lt;p&gt;Google Play services are updating&lt;/p&gt;
&lt;/blockquote&gt;
&lt;p&gt;My Google play service Version is up to Date till 10.2.98.&lt;/p&gt;
&lt;p&gt;Also when i open Map Fragment in my application , i get the following logs:&lt;/p&gt;
&lt;p&gt;&lt;strong&gt;E/ChimeraCfgMgr: Failed to read module config: java.io.FileNotFoundException: /data/user/0/com.google.android.gms/app_chimera/current_config.pb: open failed: EACCES (Permission denied)&lt;/strong&gt;&lt;/p&gt;
&lt;p&gt;I further checked that current_config.pb is already there in the device at its
above mentioned place.&lt;/p&gt;</t>
  </si>
  <si>
    <t>2017-03-02 15:19:07.437000+00:00</t>
  </si>
  <si>
    <t>android|google-maps|google-play-services|google-maps-api-2</t>
  </si>
  <si>
    <t>CSS properties not loading in order</t>
  </si>
  <si>
    <t>&lt;p&gt;Are there any specific rules for things such as &lt;code&gt;input[type="submit"]&lt;/code&gt;?  I'm having trouble with the CSS properties being loaded in a seemingly incorrect order.&lt;/p&gt;
&lt;p&gt;On line 400 of my CSS style sheet I have the following:&lt;/p&gt;
&lt;pre&gt;&lt;code&gt;input[type="submit"] {
margin: 5px;
}
&lt;/code&gt;&lt;/pre&gt;
&lt;p&gt;This is the standard setting for Submit buttons.  However, I have a particular submit button that I'd like to style differently, which is on line 800 of my CSS style sheet and so I would have thought it would overwrite the previous style:&lt;/p&gt;
&lt;pre&gt;&lt;code&gt;.inputSubmit {
margin: 0;
margin-left: 5px;
font-size: 13px;
line-height: 18px;
vertical-align: middle;
color: #555555;
border: 1px solid #cccccc;
-webkit-border-radius: 3px;
-moz-border-radius: 3px;
border-radius: 3px;
}
&lt;/code&gt;&lt;/pre&gt;
&lt;p&gt;My HTML is as follows: &lt;/p&gt;
&lt;pre&gt;&lt;code&gt;&amp;lt;div style="position: absolute; bottom: 0; right: 0;"&amp;gt;
&amp;lt;form method="get" name="search"&amp;gt;
&amp;lt;input type="text" name="searchBox" class='inputText'&amp;gt;
&amp;lt;input type="submit" value="search" class='inputSubmit'&amp;gt;
&amp;lt;/form&amp;gt;
&amp;lt;/div&amp;gt;
&lt;/code&gt;&lt;/pre&gt;
&lt;p&gt;When the page loads, the Submit button loads all of the styles for &lt;code&gt;inputSubmit&lt;/code&gt; except the &lt;code&gt;margin&lt;/code&gt; settings, which when I inspect the element in Chrome I can see as being crossed out in favour of the earlier style.  This has thrown my understanding of CSS out of the window, because I thought it worked in order - and always has in every situation in the past.  &lt;/p&gt;
&lt;p&gt;For example, I can set &lt;code&gt;h6 {margin: 5px;}&lt;/code&gt; and &lt;code&gt;.h6Test {margin: 0px; }&lt;/code&gt; in that order, and all browsers still recognise the "class" was assigned afterwards and overwrite the default margin for any &lt;code&gt;&amp;lt;h6 class="h6Test"&amp;gt;&lt;/code&gt; tags.  &lt;/p&gt;
&lt;p&gt;I can force the styles to take effect applying &lt;code&gt;input[type="submit"].inputSubmit&lt;/code&gt;, so I have achieved the result I need, but I don't understand why I've had to do that.  This is what makes me think this is a "Special" type of property that for some reason operates outside of the boundaries of normal CSS.&lt;/p&gt;
&lt;p&gt;Can anyone shed any light on it please?&lt;/p&gt;</t>
  </si>
  <si>
    <t>2014-03-26 13:08:00.927000+00:00</t>
  </si>
  <si>
    <t>2014-03-26 14:22:27.277000+00:00</t>
  </si>
  <si>
    <t>css|forms|submit</t>
  </si>
  <si>
    <t>Opened collapse navbar not closing when clicking outside of navbar element</t>
  </si>
  <si>
    <t>&lt;p&gt;I would like to close opened collapse navbar when clicking outside of navbar element. I am not sure why my navbar is not closing, so I decided to show you my code. &lt;/p&gt;
&lt;p&gt;code: &lt;/p&gt;
&lt;pre&gt;&lt;code&gt; &amp;lt;nav class="navbar navbar-custom navbar-static-top"&amp;gt;
 &amp;lt;div class="container-fluid"&amp;gt;
      &amp;lt;!-- for mobile display --&amp;gt;
      &amp;lt;div class="navbar-header"&amp;gt;
       &amp;lt;button type="button" class="navbar-toggle collapsed" data-toggle="collapse" data-target="#head_menu" aria-expanded="false"&amp;gt;
         &amp;lt;span class="sr-only"&amp;gt;Toggle navigation&amp;lt;/span&amp;gt;
         &amp;lt;span class="icon-bar"&amp;gt;&amp;lt;/span&amp;gt;
         &amp;lt;span class="icon-bar"&amp;gt;&amp;lt;/span&amp;gt;
         &amp;lt;span class="icon-bar"&amp;gt;&amp;lt;/span&amp;gt;
         &amp;lt;span class="icon-bar"&amp;gt;&amp;lt;/span&amp;gt;
        &amp;lt;/button&amp;gt;
        &amp;lt;a class="navbar-brand"&amp;gt;Project Name&amp;lt;/a&amp;gt;
       &amp;lt;/div&amp;gt;
      &amp;lt;!-- collects the nav links, forms, and other content for toggling --&amp;gt;
      &amp;lt;div class="collapse navbar-collapse" id = "head_menu"&amp;gt;
        &amp;lt;ul class = "nav navbar-nav"&amp;gt;
             &amp;lt;li&amp;gt;&amp;lt;a href="#" data-toggle="collapse" data-target=".navbar-collapse.in"&amp;gt;&amp;lt;span class="glyphicon glyphicon-home"&amp;gt;&amp;lt;/span&amp;gt; Home&amp;lt;/a&amp;gt;&amp;lt;/li&amp;gt;
             &amp;lt;li&amp;gt; &amp;lt;a href = "#" data-toggle="collapse" data-target=".navbar-collapse.in"&amp;gt;About CMMS&amp;lt;/a&amp;gt;&amp;lt;/li&amp;gt;
             &amp;lt;li&amp;gt; &amp;lt;a href = "#" data-toggle="collapse" data-target=".navbar-collapse.in"&amp;gt;Services&amp;lt;/a&amp;gt;&amp;lt;/li&amp;gt;
             &amp;lt;li&amp;gt; &amp;lt;a href = "#" data-toggle="collapse" data-target=".navbar-collapse.in"&amp;gt;JPS&amp;lt;/a&amp;gt;&amp;lt;/li&amp;gt;
             &amp;lt;li&amp;gt; &amp;lt;a href="#" data-toggle="collapse" data-target=".navbar-collapse.in"&amp;gt;Contact&amp;lt;/a&amp;gt;&amp;lt;/li&amp;gt;
        &amp;lt;/ul&amp;gt; 
        &amp;lt;ul class ="nav navbar-nav navbar-right"&amp;gt;
             &amp;lt;li&amp;gt; &amp;lt;a href= "#" data-toggle="collapse" data-target=".navbar-collapse.in"&amp;gt;&amp;lt;span class="glyphicon glyphicon-log-in"&amp;gt;&amp;lt;/span&amp;gt; Login &amp;lt;/a&amp;gt; &amp;lt;/li&amp;gt;
             &amp;lt;img id="jps" src=""&amp;gt;
        &amp;lt;/ul&amp;gt;
     &amp;lt;/div&amp;gt;
   &amp;lt;/div&amp;gt;
  &amp;lt;/nav&amp;gt;
&lt;/code&gt;&lt;/pre&gt;
&lt;p&gt;I have tried to follow this &lt;a href="http://jsfiddle.net/52VtD/5718/" rel="nofollow"&gt;answer&lt;/a&gt; but it did not work..&lt;/p&gt;</t>
  </si>
  <si>
    <t>2016-03-04 02:34:28.397000+00:00</t>
  </si>
  <si>
    <t>2016-03-04 04:34:12.117000+00:00</t>
  </si>
  <si>
    <t>2016-03-04 02:56:59.333000+00:00</t>
  </si>
  <si>
    <t>twitter-bootstrap</t>
  </si>
  <si>
    <t>How to exclude unused parts of lodash from Marionette 3 app using Webpack 2</t>
  </si>
  <si>
    <t>&lt;p&gt;I have a dummy app with next dependencies&lt;/p&gt;
&lt;pre&gt;&lt;code&gt;"dependencies": {
  "backbone": "^1.3.3",
  "backbone.marionette": "^3.1.0",
  "jquery": "^3.1.1",
  "lodash": "^4.17.4"
},
"devDependencies": {
  "babel-core": "^6.22.1",
  "babel-loader": "^6.2.10",
  "babel-preset-env": "^1.1.8",
  "webpack": "^2.2"
}
&lt;/code&gt;&lt;/pre&gt;
&lt;p&gt;And a webpack.config.js with something like&lt;/p&gt;
&lt;pre&gt;&lt;code&gt;{
  entry: {
    app: './empty-file.js',
    vendor: ['backbone.marionette']
  },
  module: {
    rules: [
      {
        test: /\.(js)$/,
        use: 'babel-loader'
      }
    ]
  },
  resolve: {
    extensions: ['.js'],
    alias: {
      underscore: 'lodash'
    }
  },
  plugins: [
    new webpack.optimize.CommonsChunkPlugin('vendor')
  ],
&lt;/code&gt;&lt;/pre&gt;
&lt;p&gt;When I'm running webpack, I'm getting whole lodash lib in the bundle. It is huge, bigger than everything else combined. As I understand, it is Marionette who makes something like &lt;code&gt;import _ from 'lodash'&lt;/code&gt;. Is there a way to remove not needed parts of lodash? &lt;/p&gt;</t>
  </si>
  <si>
    <t>2017-02-12 18:56:54.503000+00:00</t>
  </si>
  <si>
    <t>2017-02-14 17:45:36.120000+00:00</t>
  </si>
  <si>
    <t>javascript|webpack|babeljs|marionette|lodash</t>
  </si>
  <si>
    <t>Trying to pass a table-valued parameter with 20 column(s) where the corresponding user-defined table type requires 21 column(s)</t>
  </si>
  <si>
    <t>&lt;p&gt;I get this error:&lt;/p&gt;
&lt;blockquote&gt;
  &lt;p&gt;Additional information: Trying to pass a table-valued parameter with 20 column(s) where the corresponding user-defined table type requires 21 column(s).&lt;/p&gt;
&lt;/blockquote&gt;
&lt;p&gt;Because I'm trying to read an Excel file with 20 columns and create a datatable, then pass the data from the datatable to SQL Server. But the table in SQL Server has 21 columns because the &lt;code&gt;ID&lt;/code&gt; is an auto-increment column. &lt;/p&gt;
&lt;p&gt;Any idea how to fix this?&lt;/p&gt;</t>
  </si>
  <si>
    <t>2018-05-07 03:14:25.250000+00:00</t>
  </si>
  <si>
    <t>2018-05-07 05:45:55.637000+00:00</t>
  </si>
  <si>
    <t>Laravel, ENV Variable from routes file</t>
  </si>
  <si>
    <t>&lt;p&gt;I try to access ENV variable from routes/web.php file, but it keep failing. The reason is I want to make special routes group for dashboard / client area. Here is my latest code;&lt;/p&gt;
&lt;pre&gt;&lt;code&gt;$dashboard = env('DASHBOARD_DOMAIN', 'localhost');
Route::group(['domain' =&amp;gt; 'dashboard.localhost.dev','middleware' =&amp;gt; 'auth'], function () {
    Route::get('/', 'DashboardController@index');
});
&lt;/code&gt;&lt;/pre&gt;
&lt;p&gt;Above code is work, but I don't want to hard code the domain value like that, because if I use this way I need to change them again everytime I upload my code to production server. But if I put $dashboard as domain value, it simply not work.&lt;/p&gt;</t>
  </si>
  <si>
    <t>2016-09-04 17:05:53.723000+00:00</t>
  </si>
  <si>
    <t>2016-11-16 01:17:37.303000+00:00</t>
  </si>
  <si>
    <t>BitmapFactory.decodeByteArray doesn't keep color information when pixel is fully transparent</t>
  </si>
  <si>
    <t>&lt;p&gt;I use the BitmapFactory.decodeByteArray to generate a Bitmap from a PNG image. Then I use Bitmap.getPixels to retrive all the pixel data. The problem is that when a pixel is set as fully transparent, all the color data seams to be discarded. 0x0000ff00 is being returned as 0x00000000. If I create an image from code which has transparent pixels I make a copy, render that to a canvas, use Canvas.drawColor(0xff000000, Mode.DST_ATOP) and then get all the correct color values with getPixels and then add that with the alpha values I got from the first getPixels call. I can't do that now since the color information seams to be gone.
Is there any way to make sure that the color information is stored when generating a Bitmap from a PNG file using the BitmapFactory?&lt;/p&gt;</t>
  </si>
  <si>
    <t>2010-11-15 16:01:50.633000+00:00</t>
  </si>
  <si>
    <t>2010-11-15 16:58:25.777000+00:00</t>
  </si>
  <si>
    <t>Highlight table row only when tabbing</t>
  </si>
  <si>
    <t>&lt;p&gt;I'd like to add highlighting when tabbing to a row in my table.  Issue I'm having is that the focusin function emcompasses both mouse click events and tab key.  I'd only like this to occur when tabbing.  Still new to jquery/js.  Suggestions please?&lt;/p&gt;
&lt;pre&gt;&lt;code&gt;    $( "tr" ).focusin( 
            function() { $(this).addClass("highlight"); } ).focusout( 
                    function() {$(this).removeClass("highlight");
    });
&lt;/code&gt;&lt;/pre&gt;</t>
  </si>
  <si>
    <t>2015-08-04 20:27:09.420000+00:00</t>
  </si>
  <si>
    <t>Same name class element</t>
  </si>
  <si>
    <t>&lt;p&gt;How do i change 2 class "myDiv" span name at the same time? Below script only work for the first "myDiv"&lt;/p&gt;
&lt;pre&gt;&lt;code&gt;&amp;lt;div class="myDIV"&amp;gt;
  &amp;lt;span&amp;gt;orginial name1&amp;lt;/span&amp;gt;
&amp;lt;/div&amp;gt;
&amp;lt;div class="myDIV"&amp;gt;
  &amp;lt;span&amp;gt;orginial name2&amp;lt;/span&amp;gt;
&amp;lt;/div&amp;gt;
&amp;lt;button onclick="myFunction()"&amp;gt;Try it&amp;lt;/button&amp;gt;
&amp;lt;script&amp;gt;
function myFunction() {
    var x = document.getElementsByClassName("myDIV");
    x[0].innerHTML = "&amp;lt;span&amp;gt;new name for all&amp;lt;/span&amp;gt;";
}
&amp;lt;/script&amp;gt;
&lt;/code&gt;&lt;/pre&gt;</t>
  </si>
  <si>
    <t>2016-08-24 10:51:06.140000+00:00</t>
  </si>
  <si>
    <t>2016-08-24 11:00:33.303000+00:00</t>
  </si>
  <si>
    <t>element</t>
  </si>
  <si>
    <t>Another function useful than Elbow in finding k-clusters</t>
  </si>
  <si>
    <t>&lt;p&gt;I try to find the appropriate k clusters for k-means method in Machine Learning. I used Elbow method, but it time consuming and high complexity. Can anyone tell me another method to replace it. Thanks so much &lt;/p&gt;</t>
  </si>
  <si>
    <t>2016-06-11 18:38:57.017000+00:00</t>
  </si>
  <si>
    <t>2016-06-11 21:18:47.247000+00:00</t>
  </si>
  <si>
    <t>machine-learning|data-mining|k-means</t>
  </si>
  <si>
    <t>Eclipse Luna Hangs in Java Debug</t>
  </si>
  <si>
    <t>&lt;p&gt;Did some research on this but can't find an answer for my set of circumstances. &lt;/p&gt;
&lt;p&gt;&lt;strong&gt;Problem:&lt;/strong&gt; I can't start a debug on any Java apps in Eclipse Luna. The progress window tells me that it's "Launching Main" and the progress bar extends to 85% where it hangs. At this point I am given the following beneath the progress bar "Launching: Finding free socket..." &lt;/p&gt;
&lt;p&gt;Here's my setup:&lt;/p&gt;
&lt;ul&gt;
&lt;li&gt;Eclipse Luna (clean install) &lt;/li&gt;
&lt;li&gt;Java is latest (1.7.0_65) &lt;/li&gt;
&lt;li&gt;Windows 7&lt;/li&gt;
&lt;li&gt;pinging both localhost and 127.0.0.1 return good connections&lt;/li&gt;
&lt;li&gt;Debug worked fine with old Juno install&lt;/li&gt;
&lt;li&gt;Project runs fine, behaves properly and returns data, but can't be debugged.&lt;/li&gt;
&lt;li&gt;Not running Avast&lt;/li&gt;
&lt;li&gt;I am running Norton (no previous interference with debug)&lt;/li&gt;
&lt;/ul&gt;
&lt;p&gt;Any ideas would be appreciated. I've can't figure out what the heck is wrong with it. I'm sure it's some new variable that Eclipse added that I've never heard of that has to be set, but it sure is frustrating. &lt;/p&gt;
&lt;p&gt;Thanks guys.&lt;/p&gt;</t>
  </si>
  <si>
    <t>2014-08-01 20:51:26.063000+00:00</t>
  </si>
  <si>
    <t>2016-04-07 09:44:13.927000+00:00</t>
  </si>
  <si>
    <t>java|eclipse|debugging|hang</t>
  </si>
  <si>
    <t>CertificateUnknown error when connecting to Heroku Postgres database</t>
  </si>
  <si>
    <t>&lt;p&gt;So I am in the middle of migrating from SQL Server to PostgreSQL, and I am building a temporary solution for the migration period to allow my ASP.NET app to connect to my Heroku Postgres database and make use of Entity Framework etc.&lt;/p&gt;
&lt;p&gt;So far I have managed to connect to the database from pgAdmin III for windows with no problems, but when connecting from ASP.NET app, I get this error:&lt;/p&gt;
&lt;blockquote&gt;
  &lt;p&gt;CertificateUnknown: Server certificate was not accepted. Chain status: A certificate chain processed, but terminated in a root certificate which is not trusted by the trust provider.
  . The specified hostname was not present in the certificate.&lt;/p&gt;
&lt;/blockquote&gt;
&lt;p&gt;I am still fairly new to heroku, but it does not make sense why I can connect from pgAdmin with the same settings as my ASP.NET app but it doesn't work in the app itself.&lt;/p&gt;
&lt;p&gt;Full stack trace:&lt;/p&gt;
&lt;blockquote&gt;
  &lt;p&gt;[ClientAlertException: CertificateUnknown: Server certificate was not accepted. Chain status: A certificate chain processed, but
  terminated in a root certificate which is not trusted by the trust
  provider. . The specified hostname was not present in the
  certificate.]&lt;br&gt;
  TlsClientStream.TlsClientStream.SendAlertFatal(AlertDescription
  description, String message) +44&lt;br&gt;
  TlsClientStream.TlsClientStream.ParseCertificateMessage(Byte[] buf,
  Int32&amp;amp; pos) +1359&lt;br&gt;
  TlsClientStream.TlsClientStream.TraverseHandshakeMessages() +415&lt;br&gt;
  TlsClientStream.TlsClientStream.GetInitialHandshakeMessages(Boolean
  allowApplicationData) +336&lt;br&gt;
  TlsClientStream.TlsClientStream.PerformInitialHandshake(String
  hostName, X509CertificateCollection clientCertificates,
  RemoteCertificateValidationCallback
  remoteCertificateValidationCallback, Boolean
  checkCertificateRevocation) +198&lt;/p&gt;
  &lt;p&gt;[IOException: TlsClientStream.ClientAlertException:
  CertificateUnknown: Server certificate was not accepted. Chain status:
  A certificate chain processed, but terminated in a root certificate
  which is not trusted by the trust provider. . The specified hostname
  was not present in the certificate.    at
  TlsClientStream.TlsClientStream.SendAlertFatal(AlertDescription
  description, String message)    at
  TlsClientStream.TlsClientStream.ParseCertificateMessage(Byte[] buf,
  Int32&amp;amp; pos)    at
  TlsClientStream.TlsClientStream.TraverseHandshakeMessages()    at
  TlsClientStream.TlsClientStream.GetInitialHandshakeMessages(Boolean
  allowApplicationData)    at
  TlsClientStream.TlsClientStream.PerformInitialHandshake(String
  hostName, X509CertificateCollection clientCertificates,
  RemoteCertificateValidationCallback
  remoteCertificateValidationCallback, Boolean
  checkCertificateRevocation)]&lt;br&gt;
  TlsClientStream.TlsClientStream.PerformInitialHandshake(String
  hostName, X509CertificateCollection clientCertificates,
  RemoteCertificateValidationCallback
  remoteCertificateValidationCallback, Boolean
  checkCertificateRevocation) +289&lt;br&gt;
  Npgsql.NpgsqlConnector.RawOpen(NpgsqlTimeout timeout) +1372&lt;br&gt;
  Npgsql.NpgsqlConnector.Open(NpgsqlTimeout timeout) +314&lt;br&gt;
  Npgsql.NpgsqlConnection.OpenInternal() +461&lt;br&gt;
  Npgsql.NpgsqlConnection.Open() +4&lt;br&gt;
  Npgsql.NpgsqlServices.UsingPostgresDBConnection(NpgsqlConnection
  connection, Action`1 action) +162&lt;br&gt;
  Npgsql.NpgsqlServices.GetDbProviderManifestToken(DbConnection
  connection) +99&lt;br&gt;
  System.Data.Entity.Core.Common.DbProviderServices.GetProviderManifestToken(DbConnection
  connection) +87&lt;/p&gt;
  &lt;p&gt;[ProviderIncompatibleException: The provider did not return a
  ProviderManifestToken string.]&lt;br&gt;
  System.Data.Entity.Core.Common.DbProviderServices.GetProviderManifestToken(DbConnection
  connection) +271&lt;br&gt;
  System.Data.Entity.Utilities.DbProviderServicesExtensions.GetProviderManifestTokenChecked(DbProviderServices
  providerServices, DbConnection connection) +27&lt;/p&gt;
  &lt;p&gt;[ProviderIncompatibleException: An error occurred accessing the
  database. This usually means that the connection to the database
  failed. Check that the connection string is correct and that the
  appropriate DbContext constructor is being used to specify it or find
  it in the application's config file. See
  &lt;a href="http://go.microsoft.com/fwlink/?LinkId=386386" rel="nofollow"&gt;http://go.microsoft.com/fwlink/?LinkId=386386&lt;/a&gt; for information on
  DbContext and connections. See the inner exception for details of the
  failure.]&lt;br&gt;
  System.Data.Entity.Utilities.DbProviderServicesExtensions.GetProviderManifestTokenChecked(DbProviderServices
  providerServices, DbConnection connection) +89&lt;br&gt;
  System.Data.Entity.Infrastructure.&amp;lt;&gt;c__DisplayClass1.b__0(Tuple&lt;code&gt;3
  k) +31&lt;br&gt;
  System.Collections.Concurrent.ConcurrentDictionary&lt;/code&gt;2.GetOrAdd(TKey
  key, Func&lt;code&gt;2 valueFactory) +62&lt;br&gt;
  System.Data.Entity.Infrastructure.DefaultManifestTokenResolver.ResolveManifestToken(DbConnection
  connection) +251&lt;br&gt;
  System.Data.Entity.Utilities.DbConnectionExtensions.GetProviderInfo(DbConnection
  connection, DbProviderManifest&amp;amp; providerManifest) +56&lt;br&gt;
  System.Data.Entity.DbModelBuilder.Build(DbConnection
  providerConnection) +43&lt;br&gt;
  System.Data.Entity.Internal.LazyInternalContext.CreateModel(LazyInternalContext
  internalContext) +62&lt;br&gt;
  System.Data.Entity.Internal.RetryLazy&lt;/code&gt;2.GetValue(TInput input) +123&lt;br&gt;
  System.Data.Entity.Internal.LazyInternalContext.InitializeContext()
  +627    System.Data.Entity.Internal.InternalContext.GetEntitySetAndBaseTypeForType(Type
  entityType) +18&lt;br&gt;
  System.Data.Entity.Internal.Linq.InternalSet&lt;code&gt;1.Initialize() +53&lt;br&gt;
  System.Data.Entity.Internal.Linq.InternalSet&lt;/code&gt;1.get_InternalContext()
  +15    System.Data.Entity.Infrastructure.DbQuery&lt;code&gt;1.System.Linq.IQueryable.get_Provider()
  +38    System.Linq.Queryable.Where(IQueryable&lt;/code&gt;1 source, Expression&lt;code&gt;1 predicate) +83&lt;br&gt;
  Saleboat.Logic.MeetingLogic.CheckMeetingFilter.OnActionExecuting(ActionExecutingContext
  filterContext) in C:\Users\Michael\Documents\Visual Studio
  2013\Projects\Saleboat\project-saleboat\Saleboat\Logic\MeetingLogic\CheckMeetingFilter.cs:22
  System.Web.Mvc.Async.AsyncInvocationWithFilters.InvokeActionMethodFilterAsynchronouslyRecursive(Int32
  filterIndex) +176&lt;br&gt;
  System.Web.Mvc.Async.AsyncInvocationWithFilters.InvokeActionMethodFilterAsynchronouslyRecursive(Int32
  filterIndex) +644&lt;br&gt;
  System.Web.Mvc.Async.&amp;lt;&amp;gt;c__DisplayClass33.&amp;lt;BeginInvokeActionMethodWithFilters&amp;gt;b__31(AsyncCallback
  asyncCallback, Object asyncState) +58&lt;br&gt;
  System.Web.Mvc.Async.WrappedAsyncResult&lt;/code&gt;1.CallBeginDelegate(AsyncCallback
  callback, Object callbackState) +14&lt;br&gt;
  System.Web.Mvc.Async.WrappedAsyncResultBase&lt;code&gt;1.Begin(AsyncCallback
  callback, Object state, Int32 timeout) +128&lt;br&gt;
  System.Web.Mvc.Async.AsyncControllerActionInvoker.BeginInvokeActionMethodWithFilters(ControllerContext
  controllerContext, IList&lt;/code&gt;1 filters, ActionDescriptor actionDescriptor,
  IDictionary&lt;code&gt;2 parameters, AsyncCallback callback, Object state) +197&lt;br&gt;
  System.Web.Mvc.Async.&amp;lt;&amp;gt;c__DisplayClass21.&amp;lt;BeginInvokeAction&amp;gt;b__19(AsyncCallback
  asyncCallback, Object asyncState) +743&lt;br&gt;
  System.Web.Mvc.Async.WrappedAsyncResult&lt;/code&gt;1.CallBeginDelegate(AsyncCallback
  callback, Object callbackState) +14&lt;br&gt;
  System.Web.Mvc.Async.WrappedAsyncResultBase&lt;code&gt;1.Begin(AsyncCallback
  callback, Object state, Int32 timeout) +128&lt;br&gt;
  System.Web.Mvc.Async.AsyncControllerActionInvoker.BeginInvokeAction(ControllerContext
  controllerContext, String actionName, AsyncCallback callback, Object
  state) +343&lt;br&gt;
  System.Web.Mvc.Controller.&amp;lt;BeginExecuteCore&amp;gt;b__1c(AsyncCallback
  asyncCallback, Object asyncState, ExecuteCoreState innerState) +25&lt;br&gt;
  System.Web.Mvc.Async.WrappedAsyncVoid&lt;/code&gt;1.CallBeginDelegate(AsyncCallback
  callback, Object callbackState) +30&lt;br&gt;
  System.Web.Mvc.Async.WrappedAsyncResultBase&lt;code&gt;1.Begin(AsyncCallback
  callback, Object state, Int32 timeout) +128&lt;br&gt;
  System.Web.Mvc.Controller.BeginExecuteCore(AsyncCallback callback,
  Object state) +465&lt;br&gt;
  System.Web.Mvc.Controller.&amp;lt;BeginExecute&amp;gt;b__14(AsyncCallback
  asyncCallback, Object callbackState, Controller controller) +18&lt;br&gt;
  System.Web.Mvc.Async.WrappedAsyncVoid&lt;/code&gt;1.CallBeginDelegate(AsyncCallback
  callback, Object callbackState) +20&lt;br&gt;
  System.Web.Mvc.Async.WrappedAsyncResultBase&lt;code&gt;1.Begin(AsyncCallback
  callback, Object state, Int32 timeout) +128&lt;br&gt;
  System.Web.Mvc.Controller.BeginExecute(RequestContext requestContext,
  AsyncCallback callback, Object state) +374&lt;br&gt;
  System.Web.Mvc.Controller.System.Web.Mvc.Async.IAsyncController.BeginExecute(RequestContext
  requestContext, AsyncCallback callback, Object state) +16&lt;br&gt;
  System.Web.Mvc.MvcHandler.&amp;lt;BeginProcessRequest&amp;gt;b__4(AsyncCallback
  asyncCallback, Object asyncState, ProcessRequestState innerState) +52 
  System.Web.Mvc.Async.WrappedAsyncVoid&lt;/code&gt;1.CallBeginDelegate(AsyncCallback
  callback, Object callbackState) +30&lt;br&gt;
  System.Web.Mvc.Async.WrappedAsyncResultBase`1.Begin(AsyncCallback
  callback, Object state, Int32 timeout) +128&lt;br&gt;
  System.Web.Mvc.MvcHandler.BeginProcessRequest(HttpContextBase
  httpContext, AsyncCallback callback, Object state) +384&lt;br&gt;
  System.Web.Mvc.MvcHandler.BeginProcessRequest(HttpContext httpContext,
  AsyncCallback callback, Object state) +48&lt;br&gt;
  System.Web.Mvc.MvcHandler.System.Web.IHttpAsyncHandler.BeginProcessRequest(HttpContext
  context, AsyncCallback cb, Object extraData) +16&lt;br&gt;
  System.Web.CallHandlerExecutionStep.System.Web.HttpApplication.IExecutionStep.Execute()
  +103    System.Web.HttpApplication.ExecuteStep(IExecutionStep step, Boolean&amp;amp; completedSynchronously) +155&lt;/p&gt;
&lt;/blockquote&gt;</t>
  </si>
  <si>
    <t>2016-06-23 15:40:46.883000+00:00</t>
  </si>
  <si>
    <t>2016-07-20 19:51:36.603000+00:00</t>
  </si>
  <si>
    <t>asp.net|postgresql|ssl|heroku|heroku-postgres</t>
  </si>
  <si>
    <t>How to integrate a public Tableau dashboard into a responsive web design theme?</t>
  </si>
  <si>
    <t>&lt;p&gt;I did some research on trying to find on how to integrate dashboards like tableau into a responsive web design sites. Couldn't find much help. &lt;/p&gt;
&lt;p&gt;This is my &lt;a href="https://public.tableau.com/profile/shiva.shinde#!/vizhome/Orzota/Story1" rel="nofollow"&gt;tableau dashboard&lt;/a&gt; on tableau public server. I have my javascript embed code working and ready of this public dashboard.&lt;/p&gt;
&lt;p&gt;I need to put this dashboard into a responsive design theme &lt;a href="https://startbootstrap.com/template-overviews/sb-admin-2/" rel="nofollow"&gt;SB Admin 2 - Free Bootstrap Admin Theme&lt;/a&gt; I am stuck, where do I start from? do I have to put/replace this in index.html, or any js files?&lt;/p&gt;
&lt;p&gt;This theme already has a dashboard, shall I remove it or replace it to put this tableau dashborad into it?&lt;/p&gt;</t>
  </si>
  <si>
    <t>2016-10-12 02:44:28.217000+00:00</t>
  </si>
  <si>
    <t>2016-10-12 15:36:37.957000+00:00</t>
  </si>
  <si>
    <t>2016-10-12 03:01:56.477000+00:00</t>
  </si>
  <si>
    <t>responsive-design|dashboard|responsive|tableau-server|tableau-public</t>
  </si>
  <si>
    <t>Google App Engine Cache Time</t>
  </si>
  <si>
    <t>&lt;p&gt;I read xml files off other servers via:&lt;/p&gt;
&lt;pre&gt;&lt;code&gt;urllib2.urlopen(url)
&lt;/code&gt;&lt;/pre&gt;
&lt;p&gt;Does Google App Engine load the url every time the page is requested or does it cache it for some time?&lt;/p&gt;
&lt;p&gt;How long does it store the result in the cache?&lt;/p&gt;</t>
  </si>
  <si>
    <t>2014-11-26 15:03:50.463000+00:00</t>
  </si>
  <si>
    <t>2014-11-26 16:48:28.443000+00:00</t>
  </si>
  <si>
    <t>2014-11-26 15:04:26.827000+00:00</t>
  </si>
  <si>
    <t>python|google-app-engine</t>
  </si>
  <si>
    <t>vb6 check to see if textbox is empty</t>
  </si>
  <si>
    <t>&lt;p&gt;There is a similar question to this but it is for C#,  &lt;a href="https://stackoverflow.com/questions/6156458/check-if-textbox-is-empty-and-return-messagebox"&gt;Check if TextBox is empty and return MessageBox?&lt;/a&gt;. &lt;/p&gt;
&lt;p&gt;There is another solution that check if textbox is empty &lt;a href="https://www.daniweb.com/software-development/visual-basic-4-5-6/threads/414651/checking-if-textbox-is-empty" rel="nofollow noreferrer"&gt;https://www.daniweb.com/software-development/visual-basic-4-5-6/threads/414651/checking-if-textbox-is-empty&lt;/a&gt;, but this works if you are going to check all the textbox in the form. I would like to check some textbox in the form if they are empty or not.&lt;/p&gt;
&lt;p&gt;I've written this code to check if textboxes are empty&lt;/p&gt;
&lt;pre&gt;&lt;code&gt;Private sub checkEmpty()
If text1.text = "" Or text2.text="" Then
blank = true
End If
End Sub
&lt;/code&gt;&lt;/pre&gt;
&lt;p&gt;Then added this code to my command button&lt;/p&gt;
&lt;pre&gt;&lt;code&gt;Private Sub command1_Click()
checkEmpty
If blank = true Then
Msgbox "a text box is empty"
Else
Msgbox "Text box has text"
End If
End Sub
&lt;/code&gt;&lt;/pre&gt;
&lt;p&gt;The problem when I start the program it gives the output &lt;code&gt;"Text box has text"&lt;/code&gt;  even if there are no text in the text boxes.&lt;/p&gt;
&lt;p&gt;What is wrong with this code?&lt;/p&gt;</t>
  </si>
  <si>
    <t>2015-03-28 14:37:16.630000+00:00</t>
  </si>
  <si>
    <t>2015-03-29 01:51:18.610000+00:00</t>
  </si>
  <si>
    <t>2017-05-23 12:06:26.943000+00:00</t>
  </si>
  <si>
    <t>textbox|vb6</t>
  </si>
  <si>
    <t>Using VIM for Python IDE in Windows?</t>
  </si>
  <si>
    <t>&lt;p&gt;I am turning to Python from .NET world. And Visual Studio was something a great tool i used.&lt;/p&gt;
&lt;p&gt;In python world we do have basic IDLE and another one is VIM. I have seen that a lot of developers have configured VIM to a great IDE. Using basic VIM in Windows 7 seems of less use.
So i want to moderate my VIM to a level which has file explorer, syntax highlighting, search, error highlighting etc. So that it gives feel of Visual Studio and more productive.&lt;/p&gt;
&lt;p&gt;But all hacks/tips available are for Linux/Ubuntu users mostly, which i may use later but as of now i need to make my VIM in Windows more productive, visual.&lt;/p&gt;
&lt;p&gt;Please Suggest some Tips/Hacks/Resources to look around for VIM configuration?&lt;/p&gt;
&lt;p&gt;Thanks&lt;/p&gt;</t>
  </si>
  <si>
    <t>2012-11-06 14:50:08.173000+00:00</t>
  </si>
  <si>
    <t>2014-03-10 04:51:44.747000+00:00</t>
  </si>
  <si>
    <t>python|django|windows|vim|ide</t>
  </si>
  <si>
    <t>typescript - namespaces not included on import</t>
  </si>
  <si>
    <t>&lt;p&gt;I have an &lt;code&gt;angular&lt;/code&gt; application, written in &lt;code&gt;typescript&lt;/code&gt; whose &lt;code&gt;config&lt;/code&gt; registration was just getting out of control, and huge - it took up about 3 pages.&lt;/p&gt;
&lt;p&gt;So I broke it up into multiple &lt;code&gt;config(fn)&lt;/code&gt; sections, and moved as much logic out of that page as I could and encapsulated specific behaviors into their own classes; it seemed like the smart way to go about cleaning it up.&lt;/p&gt;
&lt;p&gt;each of the new classes looks something like this;&lt;/p&gt;
&lt;pre&gt;&lt;code&gt;namespace config {
    export class http {
       constructor($httpProvider: ng.IHttpProvider){
           // $httpProvider configuration
       }
    }
}
&lt;/code&gt;&lt;/pre&gt;
&lt;p&gt;so back in my &lt;code&gt;main.ts&lt;/code&gt;, the file that creates my &lt;code&gt;module&lt;/code&gt; and registers everything, I import them over.&lt;/p&gt;
&lt;pre&gt;&lt;code&gt;import { http } from './config/http';
import { router } from ./config/router';
// etc.
&lt;/code&gt;&lt;/pre&gt;
&lt;p&gt;but the namespace doesn't seem to be a part of this. I cannot call them such as...&lt;/p&gt;
&lt;pre&gt;&lt;code&gt;config(config.http)
config(config.router)
// etc.
&lt;/code&gt;&lt;/pre&gt;
&lt;p&gt;I've had to instead give them new alias when bringing them in;&lt;/p&gt;
&lt;pre&gt;&lt;code&gt;import { http as configHttp } from './config/http';
import { router as configRouter } from './config/router';
// etc.
&lt;/code&gt;&lt;/pre&gt;
&lt;p&gt;Why is this? Is there anything I can do to keep the namespace definition intact and use the simpler method I was aiming for?&lt;/p&gt;</t>
  </si>
  <si>
    <t>2016-04-18 15:35:25.497000+00:00</t>
  </si>
  <si>
    <t>2016-04-18 15:49:35.817000+00:00</t>
  </si>
  <si>
    <t>Constraints on Type Parameter only elements which occur in an array of types</t>
  </si>
  <si>
    <t>&lt;p&gt;I have this code:&lt;/p&gt;
&lt;pre&gt;&lt;code&gt; Type[] typList = GetAllTypesFromAssembly(Assembly.LoadFile("aaaa.dddd.dll"));
&lt;/code&gt;&lt;/pre&gt;
&lt;p&gt;And this statement, which matches if my desired type will be in that list:&lt;/p&gt;
&lt;pre&gt;&lt;code&gt;typeList.Contains(typeof(T));
&lt;/code&gt;&lt;/pre&gt;
&lt;p&gt;Now I want change the constraints on my type parameter to something like this:&lt;/p&gt;
&lt;pre&gt;&lt;code&gt;public byte[] resultA&amp;lt;T&amp;gt;(string some, T myCustomGenericParameter) : where typeList.Contains(typeof(T));
&lt;/code&gt;&lt;/pre&gt;
&lt;p&gt;How to do it correctly ?&lt;/p&gt;</t>
  </si>
  <si>
    <t>2016-03-27 04:56:12.170000+00:00</t>
  </si>
  <si>
    <t>2016-03-27 08:17:00.130000+00:00</t>
  </si>
  <si>
    <t>c#|generics</t>
  </si>
  <si>
    <t>Default Save location of document in Cocoa document based application</t>
  </si>
  <si>
    <t>&lt;p&gt;I have created a Cocoa document based picture drawing application. I want that the default location of a new document created using my app in Save/Save As dialog should be in ~/Pictures/MyAppName/ directory.&lt;/p&gt;
&lt;p&gt;How can I achieve this?&lt;/p&gt;
&lt;p&gt;I tried more or less what Ole suggested below, but it doesn't work. Here is my implementation of prepareSavePanel. What am I doing wrong?&lt;/p&gt;
&lt;pre&gt;&lt;code&gt;- (BOOL)prepareSavePanel:(NSSavePanel *)savePanel
{
    if ([self fileURL] == nil) {
        //new, not saved yet
        [savePanel setExtensionHidden:NO];
        //set default save location        
        NSArray *paths = NSSearchPathForDirectoriesInDomains(NSPicturesDirectory, NSUserDomainMask, YES);
        if ([paths count] &amp;gt; 0) {
            NSString *userPicturesPath = [paths objectAtIndex:0];
            NSString *myDirPath = [userPicturesPath stringByAppendingPathComponent:@"MyAppName"];
            //create directory is it doesn't already exist
            NSFileManager *fileManager = [NSFileManager defaultManager];
            BOOL isDir;
            BOOL useMyAppDir = NO;
            if([fileManager fileExistsAtPath:myDirPath isDirectory:&amp;amp;isDir]){
                if (isDir) {
                    useMyAppDir = YES;
                }
            } else {
                //create the directory
                if([fileManager createDirectoryAtPath:myDirPath withIntermediateDirectories:YES attributes:nil error:nil]){
                    useMyAppDir = YES;
                }
            }
            if (useMyAppDir) {
                NSURL * myAppDirectoryURL = [NSURL URLWithString:myDirPath];
                [savePanel setDirectoryURL:myAppDirectoryURL];
            }
        }
    } else {
        [savePanel setExtensionHidden:[self fileNameExtensionWasHiddenInLastRunSavePanel]];
    }
    return YES;
}
&lt;/code&gt;&lt;/pre&gt;</t>
  </si>
  <si>
    <t>2011-04-20 11:18:15.920000+00:00</t>
  </si>
  <si>
    <t>2012-10-14 18:33:57.560000+00:00</t>
  </si>
  <si>
    <t>2011-04-20 12:53:35.420000+00:00</t>
  </si>
  <si>
    <t>cocoa|macos</t>
  </si>
  <si>
    <t>Azure sql database related exceptions</t>
  </si>
  <si>
    <t>&lt;p&gt;I have a database in azure which have standart s2 edition.In logs of my application I always see many exceptions such formats:&lt;/p&gt;
&lt;p&gt;1.&lt;/p&gt;
&lt;blockquote&gt;
  &lt;p&gt;System.Data.SqlClient.SqlException: The client was unable to establish a connection because of an error during connection initialization process before login. Possible causes include the following:  the client tried to connect to an unsupported version of SQL Server; the server was too busy to accept new connections; or there was a resource limitation (insufficient memory or maximum allowed connections) on the server. (provider: TCP Provider, error: 0 - An existing connection was forcibly closed by the remote host.) ---&gt; System.ComponentModel.Win32Exception: An existing connection was forcibly closed by the remote host&lt;/p&gt;
&lt;/blockquote&gt;
&lt;p&gt;2.&lt;/p&gt;
&lt;blockquote&gt;
  &lt;p&gt;System.Data.Entity.Core.EntityException: The underlying provider failed on Open. ---&gt; System.InvalidOperationException: Timeout expired.  The timeout period elapsed prior to obtaining a connection from the pool.  This may have occurred because all pooled connections were in use and max pool size was reached&lt;/p&gt;
&lt;/blockquote&gt;
&lt;p&gt;3&lt;/p&gt;
&lt;blockquote&gt;
  &lt;p&gt;System.Data.SqlClient.SqlException (0x80131904): The client was unable to establish a connection because of an error during connection initialization process before login. Possible causes include the following:  the client tried to connect to an unsupported version of SQL Server; the server was too busy to accept new connections; or there was a resource limitation (insufficient memory or maximum allowed connections) on the server. (provider: TCP Provider, error: 0 - An existing connection was forcibly closed by the remote host.) ---&gt; System.ComponentModel.Win32Exception (0x80004005): An existing connection was forcibly closed by the remote host.&lt;/p&gt;
&lt;/blockquote&gt;
&lt;p&gt;I use SqlAzureExecutionStrategy so this exceptions are thrown after some number of retries.&lt;/p&gt;
&lt;p&gt;I see different performance metrics on azure portla,but it seem they are ok.&lt;/p&gt;
&lt;p&gt;How can I identify the problem?&lt;/p&gt;</t>
  </si>
  <si>
    <t>2016-08-22 13:41:57.377000+00:00</t>
  </si>
  <si>
    <t>2016-08-31 00:32:53.537000+00:00</t>
  </si>
  <si>
    <t>c#|sql-server|azure|azure-sql-database</t>
  </si>
  <si>
    <t>Jackson not ignoring null values</t>
  </si>
  <si>
    <t>&lt;p&gt;Here is my object  &lt;/p&gt;
&lt;pre&gt;&lt;code&gt;public class TokenTO {
    private String clientId;
    private String clientSecret;
    private String authCode;
    private String authToken;
    ....
}
&lt;/code&gt;&lt;/pre&gt;
&lt;p&gt;and when I get the &lt;code&gt;JSON&lt;/code&gt; response I see  &lt;/p&gt;
&lt;pre&gt;&lt;code&gt;{"clientId":null,"clientSecret":null,"authCode":null,"authToken":"312301658396979836978200915715157679015:80bf41c2-bc97-492f-a65e-172bef9efb7c:922000000"} 
&lt;/code&gt;&lt;/pre&gt;
&lt;p&gt;My &lt;code&gt;JacksonContextResolver&lt;/code&gt; looks like  &lt;/p&gt;
&lt;pre&gt;&lt;code&gt;public JacksonContextResolver() {
        objectMapper = new ObjectMapper()
                .setSerializationInclusion(JsonSerialize.Inclusion.ALWAYS);
        final AnnotationIntrospector annotationIntrospector = new JaxbAnnotationIntrospector();
        objectMapper
                .enable(DeserializationConfig.Feature.READ_ENUMS_USING_TO_STRING)
                .setSerializationInclusion(JsonSerialize.Inclusion.NON_NULL)
                .setDeserializationConfig(objectMapper.getDeserializationConfig().withAnnotationIntrospector(annotationIntrospector))
                .setSerializationConfig(objectMapper.getSerializationConfig().withAnnotationIntrospector(annotationIntrospector));
    }  
&lt;/code&gt;&lt;/pre&gt;
&lt;p&gt;I tried answers in  &lt;a href="https://stackoverflow.com/questions/11757487/how-to-tell-jackson-to-ignore-a-field-during-serialization-if-its-value-is-null"&gt;How to tell Jackson to ignore a field during serialization if its value is null?&lt;/a&gt; and &lt;a href="https://stackoverflow.com/questions/16089651/jackson-ignore-empty-values-or-null"&gt;jackson ignore empty values (or null)&lt;/a&gt; but none of them work.  &lt;/p&gt;
&lt;p&gt;My &lt;code&gt;maven&lt;/code&gt; dependencies look like  &lt;/p&gt;
&lt;pre&gt;&lt;code&gt; &amp;lt;properties&amp;gt;
     &amp;lt;jaxrs-api.version&amp;gt;3.0.8.Final&amp;lt;/jaxrs-api.version&amp;gt;
     &amp;lt;maven-war-plugin.version&amp;gt;2.4&amp;lt;/maven-war-plugin.version&amp;gt;
     &amp;lt;resteasy-jaxrs.version&amp;gt;3.0.9.Final&amp;lt;/resteasy-jaxrs.version&amp;gt;
     &amp;lt;jackson.version&amp;gt;1.9.13&amp;lt;/jackson.version&amp;gt;
    &amp;lt;jaxrs-api.version&amp;gt;3.0.8.Final&amp;lt;/jaxrs-api.version&amp;gt;
 &amp;lt;/properties&amp;gt;
 &amp;lt;dependency&amp;gt;
    &amp;lt;groupId&amp;gt;org.codehaus.jackson&amp;lt;/groupId&amp;gt;
    &amp;lt;artifactId&amp;gt;jackson-mapper-asl&amp;lt;/artifactId&amp;gt;
    &amp;lt;version&amp;gt;${jackson.version}&amp;lt;/version&amp;gt;
&amp;lt;/dependency&amp;gt;
&amp;lt;dependency&amp;gt;
    &amp;lt;groupId&amp;gt;org.codehaus.jackson&amp;lt;/groupId&amp;gt;
    &amp;lt;artifactId&amp;gt;jackson-core-asl&amp;lt;/artifactId&amp;gt;
    &amp;lt;version&amp;gt;${jackson.version}&amp;lt;/version&amp;gt;
&amp;lt;/dependency&amp;gt;
&amp;lt;dependency&amp;gt;
    &amp;lt;groupId&amp;gt;org.codehaus.jackson&amp;lt;/groupId&amp;gt;
    &amp;lt;artifactId&amp;gt;jackson-xc&amp;lt;/artifactId&amp;gt;
    &amp;lt;version&amp;gt;${jackson.version}&amp;lt;/version&amp;gt;
&amp;lt;/dependency&amp;gt;
&lt;/code&gt;&lt;/pre&gt;
&lt;p&gt;&lt;strong&gt;Question&lt;/strong&gt;  &lt;/p&gt;
&lt;p&gt;How do I get rid of &lt;code&gt;null&lt;/code&gt; values in &lt;code&gt;JSON&lt;/code&gt;?&lt;/p&gt;</t>
  </si>
  <si>
    <t>2014-11-08 22:01:10.740000+00:00</t>
  </si>
  <si>
    <t>2014-11-09 06:24:26.363000+00:00</t>
  </si>
  <si>
    <t>java|json|maven|jackson|jax-rs</t>
  </si>
  <si>
    <t>Configure vim for current shell</t>
  </si>
  <si>
    <t>&lt;p&gt;I am unable to change my .vimrc because I am using a login that multiple people use. I would like to be able to set vim options for my current shell without changing vimrc. Either that or pass in arguments to vim when called. I am hoping to be able to set the following:&lt;/p&gt;
&lt;pre&gt;&lt;code&gt;    :set nu
    :set shiftwidth=4
    :set tabstop=4
    :set ai
    :set expandtab
&lt;/code&gt;&lt;/pre&gt;
&lt;p&gt;It's a long shot but any ideas would be greatly appreciated&lt;/p&gt;</t>
  </si>
  <si>
    <t>2016-04-06 16:48:25.153000+00:00</t>
  </si>
  <si>
    <t>2016-04-06 18:19:24.517000+00:00</t>
  </si>
  <si>
    <t>bash|vim</t>
  </si>
  <si>
    <t>Quickfix list, how to add and remove entries</t>
  </si>
  <si>
    <t>&lt;p&gt;In vim I ususally use the quickfix list as a type of todo list to fix errors or to refactor code. But I have a few problems in my workflow:&lt;/p&gt;
&lt;ul&gt;
&lt;li&gt;If I have to jump forward with &lt;code&gt;:cn&lt;/code&gt; multiple times to compare others parts of the code, finding the last edited entry with &lt;code&gt;:cp&lt;/code&gt; is difficult. &lt;code&gt;:cw&lt;/code&gt; helps, but on bigger lists, it gets difficult, too. Removing fixed entries would be helpful.&lt;/li&gt;
&lt;li&gt;On refactoring I encounter sometimes pieces of code I want to return later. Using global marks is ok, but adding the current position to the quickfix list would be more helpful.&lt;/li&gt;
&lt;/ul&gt;
&lt;p&gt;So I hoped to find a simple command with &lt;code&gt;:help quicktext&lt;/code&gt; to add a position to the quickfix list or to remove an already fixed entry. But all I could find is &lt;code&gt;:cbuffer&lt;/code&gt; or &lt;code&gt;:caddb&lt;/code&gt;. But on editing the buffer after &lt;code&gt;:cw&lt;/code&gt; I get a message, it is not modifiable. The help text offers the following solution (but I do not really want to write temporary files):&lt;/p&gt;
&lt;blockquote&gt;
  &lt;p&gt;Note: Making changes in the quickfix window has no effect on the list of
  errors.  'modifiable' is off to avoid making changes.  If you delete or insert
  lines anyway, the relation between the text and the error number is messed up.
  If you really want to do this, you could write the contents of the quickfix
  window to a file and use ":cfile" to have it parsed and used as the new error
  list.&lt;/p&gt;
&lt;/blockquote&gt;
&lt;p&gt;And maybe with &lt;code&gt;:cad&lt;/code&gt; one could add the current line? Or has anyone an alternative workflow in mind?&lt;/p&gt;</t>
  </si>
  <si>
    <t>2017-03-20 13:35:04.580000+00:00</t>
  </si>
  <si>
    <t>2018-08-22 07:58:22.047000+00:00</t>
  </si>
  <si>
    <t>Passing column in subquery is not working</t>
  </si>
  <si>
    <t>&lt;p&gt;Please take a look at my query &lt;/p&gt;
&lt;pre&gt;&lt;code&gt;SELECT ht_tutor.id
    ,(
        SELECT group_concate(days)
        FROM (
            SELECT fkTutorId
                ,days
                ,(
                    CASE 
                        WHEN endTime &amp;lt;= '14:00:00'
                            THEN '00:00:00'
                        WHEN TIMEDIFF(startTime, '14:00:00') &amp;lt; '00:00:00' &amp;amp;&amp;amp; TIMEDIFF('17:00:00', endTime) &amp;lt; '00:00:00'
                            THEN TIMEDIFF('17:00:00', '14:00:00')
                        ELSE '00:00:00'
                        END
                    ) AS intersect_time
            FROM ht_tutorAvailablity
            WHERE ht_tutorAvailablity.fkTutorId = ht_tutor.id
            ) AS avail_table
        ) AS days_avail
FROM ht_tutor 
LIMIT 0,10
&lt;/code&gt;&lt;/pre&gt;
&lt;blockquote&gt;
  &lt;p&gt;ERROR: #1054 - Unknown column 'ht_tutor.id' in 'where clause'&lt;/p&gt;
&lt;/blockquote&gt;
&lt;p&gt;How can I pass &lt;code&gt;ht_tutor.id&lt;/code&gt; their ?&lt;/p&gt;
&lt;p&gt;If I'm passing &lt;code&gt;tutor_id&lt;/code&gt; manually like &lt;code&gt;ht_tutorAvailablity.fkTutorId = "12"&lt;/code&gt; than it is working fine.&lt;/p&gt;</t>
  </si>
  <si>
    <t>2016-08-09 11:08:01.280000+00:00</t>
  </si>
  <si>
    <t>2016-08-09 11:43:42.487000+00:00</t>
  </si>
  <si>
    <t>2016-08-09 11:37:07.613000+00:00</t>
  </si>
  <si>
    <t>Getting the row of tableview</t>
  </si>
  <si>
    <t>&lt;p&gt;How can I get the &lt;code&gt;indexPath.row&lt;/code&gt; when a button is tapped? Here is the code I have now:&lt;/p&gt;
&lt;pre&gt;&lt;code&gt;let alert = SCLAlertView()
let txt = alert.addTextField("Quantity")
txt.keyboardType = UIKeyboardType.NumberPad
txt.text = "\(1)"
alert.addButton("Add to cart") {
    var sar:Cart!
    let indexPath = self.tableView?.indexPathForSelectedRow
    print("\(indexPath.row)")
}
&lt;/code&gt;&lt;/pre&gt;
&lt;p&gt;But it didn't work.&lt;/p&gt;</t>
  </si>
  <si>
    <t>2016-09-26 16:00:39.270000+00:00</t>
  </si>
  <si>
    <t>2016-09-26 16:03:32.970000+00:00</t>
  </si>
  <si>
    <t>How to change size of PaintCode produced object</t>
  </si>
  <si>
    <t>&lt;p&gt;I am a newbie, trying hard to make my first app. I would like to change the size of a (bezierpath) object(?) made by PaintCode by receiving a value from a UISlider. Can anyone help me what is wrong with my code below and how to make it work?&lt;/p&gt;
&lt;pre&gt;&lt;code&gt;int heightOfBubble = 120;
- (IBAction)widthOfBubble:(id)sender {
NSLog(@"slider value = %f", self.slider.value);
[slider addTarget:self action:@selector(drawRect:) forControlEvents:UIControlEventValueChanged];
}
- (void)drawRect:(CGRect)rect {
label.text = [NSString stringWithFormat:@"%f", self.slider.value];
NSLog(@"slider value = %f", self.slider.value);
[BubbleText10 drawBubbleButtonWithText2:@"��������� ��������� ������ ������������ ��� ������ ���������~~ ������ ������ ��������������� ���~��� ������ ������ ��������� ������~ ������������" number:12 numberOfWidth:widthOfBubble numberOfHeight:heightOfBubble condition: NO];
&lt;/code&gt;&lt;/pre&gt;
&lt;p&gt;And I got the following error;&lt;/p&gt;
&lt;pre&gt;&lt;code&gt;Mar 19 00:55:45  BubbleText03[44457] &amp;lt;Error&amp;gt;: CGContextRestoreGState: invalid context 0x0. Backtrace:
  &amp;lt;+[BubbleText10 drawBubbleButtonWithText2:number:numberOfWidth:numberOfHeight:condition:]+4941&amp;gt;
   &amp;lt;-[BubbleView drawRect:]+421&amp;gt;
    &amp;lt;-[UIApplication sendAction:to:from:forEvent:]+83&amp;gt;
     &amp;lt;-[UIControl sendAction:to:forEvent:]+67&amp;gt;
      &amp;lt;-[UIControl _sendActionsForEvents:withEvent:]+444&amp;gt;
       &amp;lt;-[UISlider endTrackingWithTouch:withEvent:]+255&amp;gt;
        &amp;lt;-[UIControl touchesEnded:withEvent:]+620&amp;gt;
         &amp;lt;-[UIWindow _sendTouchesForEvent:]+2747&amp;gt;
          &amp;lt;-[UIWindow sendEvent:]+4011&amp;gt;
           &amp;lt;-[UIApplication sendEvent:]+371&amp;gt;
            &amp;lt;__dispatchPreprocessedEventFromEventQueue+3248&amp;gt;
             &amp;lt;__handleEventQueue+4879&amp;gt;
              &amp;lt;__CFRUNLOOP_IS_CALLING_OUT_TO_A_SOURCE0_PERFORM_FUNCTION__+17&amp;gt;
               &amp;lt;__CFRunLoopDoSources0+556&amp;gt;
                &amp;lt;__CFRunLoopRun+918&amp;gt;
                 &amp;lt;CFRunLoopRunSpecific+420&amp;gt;
                  &amp;lt;GSEventRunModal+161&amp;gt;
                   &amp;lt;UIApplicationMain+159&amp;gt;
                    &amp;lt;main+111&amp;gt;
                     &amp;lt;start+1&amp;gt;
&lt;/code&gt;&lt;/pre&gt;
&lt;p&gt;Many thanks in advance. &lt;/p&gt;</t>
  </si>
  <si>
    <t>2017-03-18 16:25:23.037000+00:00</t>
  </si>
  <si>
    <t>2017-03-24 15:23:19.593000+00:00</t>
  </si>
  <si>
    <t>iphone|uislider|addtarget</t>
  </si>
  <si>
    <t>Android Gridview update only one Element from outside the ImageAdapter</t>
  </si>
  <si>
    <t>&lt;p&gt;I have a gridview using an image adapter for the elements,
it's implemented like in this example:
&lt;a href="http://developer.android.com/resources/tutorials/views/hello-gridview.html" rel="nofollow"&gt;http://developer.android.com/resources/tutorials/views/hello-gridview.html&lt;/a&gt;&lt;/p&gt;
&lt;p&gt;Additionally I added a click listener for each item in the getView method, which sends the clicked position to the main class (outside of ImageAdapter) using a handler.&lt;/p&gt;
&lt;p&gt;Now I want to update only the concerned imageView, but:&lt;/p&gt;
&lt;ul&gt;
&lt;li&gt;&lt;p&gt;I don't know how to get the imageView outside of the ImageAdapter class (send with the handler? It's not serializable - create a buffer in ImageAdapter and getter?)&lt;/p&gt;&lt;/li&gt;
&lt;li&gt;&lt;p&gt;I'm not sure which method to use to change the image.&lt;/p&gt;&lt;/li&gt;
&lt;/ul&gt;
&lt;p&gt;Currently I'm updating the whole grid each time:&lt;/p&gt;
&lt;pre&gt;&lt;code&gt;((ImageAdapter)gridview.getAdapter()).setImages(imageIds);
gridview.invalidate();
&lt;/code&gt;&lt;/pre&gt;
&lt;p&gt;ImageAdapter:&lt;/p&gt;
&lt;pre&gt;&lt;code&gt;public void setImages(int[] images) {
mImages = images;
notifyDataSetChanged();
}
&lt;/code&gt;&lt;/pre&gt;
&lt;p&gt;Thanks in advance&lt;/p&gt;</t>
  </si>
  <si>
    <t>2011-09-06 10:52:53.120000+00:00</t>
  </si>
  <si>
    <t>2013-06-23 03:34:34.773000+00:00</t>
  </si>
  <si>
    <t>android|gridview|imageview|baseadapter</t>
  </si>
  <si>
    <t>Unexpected GET request after POST on AJAX call to MVC Action</t>
  </si>
  <si>
    <t>&lt;p&gt;I have an action method that is invoked with POST method over AJAX. Method looks like this:&lt;/p&gt;
&lt;pre&gt;&lt;code&gt;[HttpPost]
public ActionResult Save(MyModel model)
{
    /// do something and save
    return new HttpStatusCodeResult(HttpStatusCode.OK);
}
&lt;/code&gt;&lt;/pre&gt;
&lt;p&gt;What happens is that after this method is call by the $.ajax, from unknown reason follow up GET request is made to same controller and same action. This call is not made anywhere and it's probably implemented either in browser or in ASP.NET MVC as Post/Redirect/Get pattern which I don't need in this case.&lt;/p&gt;
&lt;p&gt;Is there a way to disable this programmatically because GET counterpart of Save method is not implemented and server returns 404 with HTML contents in it.&lt;/p&gt;
&lt;p&gt;EDIT, this is the client-side AJAX script:&lt;/p&gt;
&lt;pre&gt;&lt;code&gt;function saveDonkey(donkey) {
    var jsonData = JSON.stringify(donkey);
    $.ajax({
        url: "/Donkey/Save",
        data: jsonData,
        contentType: "application/json",
        dataType: "json",
        type: "POST",
        success: function () {
            fetchPage(); /// This just issues GET request to another predefined method
        }
    });
}
&lt;/code&gt;&lt;/pre&gt;</t>
  </si>
  <si>
    <t>2012-12-20 15:31:49.223000+00:00</t>
  </si>
  <si>
    <t>2012-12-20 20:18:00.233000+00:00</t>
  </si>
  <si>
    <t>ajax|asp.net-mvc-3|http|jquery|asp.net-mvc-4</t>
  </si>
  <si>
    <t>Getting nice-looking widget sizing in MonoDevelop (Gtk#)</t>
  </si>
  <si>
    <t>&lt;p&gt;EDIT: &lt;a href="http://users.vialink.com.br/jcastro/GUIBlah.tgz" rel="nofollow noreferrer"&gt;Click here for the code&lt;/a&gt;.&lt;/p&gt;
&lt;p&gt;So I'm experimenting with interface building with MonoDevelop (version 2.4). I'm trying to get used to the Gtk concept of "containers within containers". I created a vbox with two... er... boxes, put a menu on the top box, and a table on the bottom one. I set the table to have two column and five rows. On the top four rows, I put a label in the left and an entry in the right. On the bottom right cell I put a button. It looks like this:&lt;/p&gt;
&lt;p&gt;&lt;img src="https://i.stack.imgur.com/RjowD.png" alt="GUIBlah Application"&gt;&lt;/p&gt;
&lt;p&gt;Here's the things I'm struggling with:&lt;/p&gt;
&lt;p&gt;1) How do I get the table's columns NOT to be of equal width? Amusingly, when I added just the labels, and hadn't added the entry boxes yet, the left column used up only the space needed for the labels. Now it's 50/50 and it won't budge.&lt;/p&gt;
&lt;p&gt;2) How do I get the labels to be right-aligned, so the final ":" in their texts gets nicely aligned and close to the entry boxes? I set the "Justify" property of the labels to "Right" and was seemingly ignored.&lt;/p&gt;
&lt;p&gt;3) The action code for the "Open" and "Close" actions under the "File" menu consist on displaying a modal message box with an OK button. But pressing the OK button doesn't dismiss the message box, only closing the message box window does. The code is:&lt;/p&gt;
&lt;pre&gt;&lt;code&gt;(new Gtk.MessageDialog(this, DialogFlags.Modal, MessageType.Info, ButtonsType.Ok,
                  "Open Action")).Show();
&lt;/code&gt;&lt;/pre&gt;</t>
  </si>
  <si>
    <t>2010-08-30 21:23:46.093000+00:00</t>
  </si>
  <si>
    <t>2010-08-31 17:47:33.487000+00:00</t>
  </si>
  <si>
    <t>c#|mono|monodevelop|gtk#|gui-designer</t>
  </si>
  <si>
    <t>Creating Compressed (Zipped) Folder using Delphi</t>
  </si>
  <si>
    <t>&lt;p&gt;Can I create Windows XP's Compressed (Zipped) Folder using Delphi?&lt;/p&gt;</t>
  </si>
  <si>
    <t>2009-07-04 18:23:59.330000+00:00</t>
  </si>
  <si>
    <t>2016-05-03 15:23:32.777000+00:00</t>
  </si>
  <si>
    <t>2009-07-04 19:13:36.970000+00:00</t>
  </si>
  <si>
    <t>Dealinger</t>
  </si>
  <si>
    <t>delphi|winapi|zip|winzip|compressed-folder</t>
  </si>
  <si>
    <t>Instruments leaks stopping after app starts</t>
  </si>
  <si>
    <t>&lt;p&gt;So I want use Leaks to find the leaks in my app. In Xcode, I go to "Product" and then hit "Profile". In Instruments I select Leaks and it starts.
My app is starting and Leaks is running. But just as soon as my app is finished starting and I can use it, Leaks stops.&lt;/p&gt;
&lt;p&gt;Is there anybody else with the same problem or maybe knows how to fix this?&lt;/p&gt;</t>
  </si>
  <si>
    <t>2011-06-15 12:39:46.753000+00:00</t>
  </si>
  <si>
    <t>2018-05-21 09:07:09.627000+00:00</t>
  </si>
  <si>
    <t>objective-c|xcode|ipad|instruments|memory-leaks</t>
  </si>
  <si>
    <t>A special variable for ansible roles installed?</t>
  </si>
  <si>
    <t>&lt;p&gt;Is there a variable or a method allowing one to list all the roles applied to a group of ansible hosts?
For example:&lt;/p&gt;
&lt;pre&gt;&lt;code&gt;- hosts: webservers
  gather_facts: true
  roles:
    - nginx
    - php-fpm
  tasks:
    - debug:
      msg: {{ item }} installed
      with_items: ansible_roles
&lt;/code&gt;&lt;/pre&gt;
&lt;p&gt;or perhaps another way to achieve this?&lt;/p&gt;</t>
  </si>
  <si>
    <t>2016-02-25 05:05:43.157000+00:00</t>
  </si>
  <si>
    <t>2016-03-02 08:14:42.117000+00:00</t>
  </si>
  <si>
    <t>ansible|ansible-2.x</t>
  </si>
  <si>
    <t>WordPress ShortTag Custom Variable</t>
  </si>
  <si>
    <t>&lt;p&gt;I like to have a whole website build in wordpress. All through the site there will be telephone number, address, some link here and there...&lt;/p&gt;
&lt;p&gt;I like to be able to defin variable shorttag in the admin panel somewhere, and be able to insert it in the WYSIWYG like that : &lt;/p&gt;
&lt;pre&gt;&lt;code&gt;you can contact us anytime [phone] or visit us here : [address]
&lt;/code&gt;&lt;/pre&gt;
&lt;p&gt;so changing addres or number is a snap !&lt;/p&gt;
&lt;p&gt;any idea, i got &lt;a href="http://wordpress.org/extend/plugins/custom-configs/screenshots/" rel="nofollow"&gt;http://wordpress.org/extend/plugins/custom-configs/screenshots/&lt;/a&gt; but need to insert in php not shorttag...&lt;/p&gt;</t>
  </si>
  <si>
    <t>2011-03-03 17:56:46.883000+00:00</t>
  </si>
  <si>
    <t>2013-03-31 17:07:11.507000+00:00</t>
  </si>
  <si>
    <t>wordpress|shortcode</t>
  </si>
  <si>
    <t>How to declare an enum inside a class in typescript?</t>
  </si>
  <si>
    <t>&lt;p&gt;I am able to declare an &lt;code&gt;enum&lt;/code&gt; inside a nested &lt;code&gt;namespace&lt;/code&gt;. But unable to do so inside a &lt;code&gt;class&lt;/code&gt;.&lt;/p&gt;
&lt;pre&gt;&lt;code&gt;namespace N {
  namespace NN {
    enum { ONE };  // OK
  }
}
namespace N {
  class C {
    public enum { ONE };  // Error: ';' expected
  }
}
&lt;/code&gt;&lt;/pre&gt;
&lt;p&gt;What is the correct syntax?&lt;/p&gt;</t>
  </si>
  <si>
    <t>2018-06-13 09:32:36.993000+00:00</t>
  </si>
  <si>
    <t>2018-06-13 09:40:29.673000+00:00</t>
  </si>
  <si>
    <t>typescript|syntax|enums|compiler-errors|namespaces</t>
  </si>
  <si>
    <t>Simple Tomcat cluster deployment</t>
  </si>
  <si>
    <t>&lt;p&gt;I have a Tomcat 7 web app that I need to deploy to a dev server and then a small cluster. I maintain it in Eclipse Kepler on Windows 7 64.&lt;/p&gt;
&lt;p&gt;The dev server is a standalone Linux VM with Nginx and Tomcat 7. &lt;/p&gt;
&lt;p&gt;The cluster is a pair of Linux VMs fronted by an Nginx load balancing proxy on another Linux VM. The Nginx server also has a Tomcat instance I use as a last staging step. i.e. I only run it for a test. &lt;/p&gt;
&lt;p&gt;The Nginx server serves all static assets and proxies the rest to the Tomcat servers (*.do, *.jsp, etc)&lt;/p&gt;
&lt;p&gt;So... All the servers have an identical directory structure directory with /var/webapps/app (tomcat), and /var/www/app (nginx). Nginx on the app servers allows me to test them in isolation.&lt;/p&gt;
&lt;p&gt;It's a lot of work. I am still taking each node offline, updating the files manually, and bringing it back up after testing. &lt;/p&gt;
&lt;p&gt;Is there an easier way? I don't want to just drop a war file on them as some of the files are different per server - e.g. web.xml is not identical.&lt;/p&gt;
&lt;p&gt;What am I missing?&lt;/p&gt;
&lt;p&gt;Thanks&lt;/p&gt;</t>
  </si>
  <si>
    <t>2014-06-12 23:16:21.360000+00:00</t>
  </si>
  <si>
    <t>2014-06-13 06:01:40.863000+00:00</t>
  </si>
  <si>
    <t>eclipse|tomcat|nginx</t>
  </si>
  <si>
    <t>What is "non-blocking" concurrency and how is it different than normal concurrency?</t>
  </si>
  <si>
    <t>&lt;ol&gt;
&lt;li&gt;What is "non-blocking" concurrency and how is it different than normal concurrency using threads?  Why don't we use non-blocking concurrency in all the scenarios where concurrency is required?  Is there overhead for using non-blocking concurrency?&lt;/li&gt;
&lt;li&gt;I have heard that non-blocking concurrency is available in Java. Are there any particular scenarios where we should use this feature?&lt;/li&gt;
&lt;li&gt;Is there a difference or advantage to using one of these methods with a collection?  What are the trade-offs?&lt;/li&gt;
&lt;/ol&gt;
&lt;p&gt;Example for Q3:&lt;/p&gt;
&lt;pre&gt;&lt;code&gt;class List   
{  
    private final ArrayList&amp;lt;String&amp;gt; list = new ArrayList&amp;lt;String&amp;gt;();
    void add(String newValue) 
    {
        synchronized (list)
        {
            list.add(newValue);
        }
    }
}  
&lt;/code&gt;&lt;/pre&gt;
&lt;p&gt;vs.&lt;/p&gt;
&lt;pre&gt;&lt;code&gt;private final ArrayList&amp;lt;String&amp;gt; list = Collections.synchronizedList(); 
&lt;/code&gt;&lt;/pre&gt;
&lt;p&gt;The questions are more from a learning/understanding point of view.  Thanks for attention.&lt;/p&gt;</t>
  </si>
  <si>
    <t>2010-05-13 03:14:35.233000+00:00</t>
  </si>
  <si>
    <t>2015-06-22 08:17:41.347000+00:00</t>
  </si>
  <si>
    <t>2012-06-29 18:09:30.080000+00:00</t>
  </si>
  <si>
    <t>java|concurrency</t>
  </si>
  <si>
    <t>SqlCommand object - set it and forget it?</t>
  </si>
  <si>
    <t>&lt;p&gt;I'm using SqlClient.SqlCommand object to run a few stored procs on my db.  Normally when I run these manually via Query Analyzer they take up to 15 minutes to complete.  &lt;/p&gt;
&lt;p&gt;So obviously when I run them using the SqlCommand object I get a SqlCommand timeout.  &lt;/p&gt;
&lt;p&gt;I know I could set the timeout property to a very high number, but I'm wondering if alternatively there's a way to just kickoff the procs and disconnect. I don't need a return value. &lt;/p&gt;
&lt;p&gt;Any suggestions?  I'm not interested in optimizing the processing time of each sp here, just trying to determine if there's a 'set it and forget it' option. &lt;/p&gt;
&lt;p&gt;Here's the content of the SqlCommand object:&lt;/p&gt;
&lt;pre&gt;&lt;code&gt;using (SqlCommand cmd = new SqlCommand(@"update tbl_SYS_DATE set RPT_DATE = @inputDate
                                                    exec sp_Get_Bp_Data1
                                                    exec sp_Get_Bp_Data2          
                                                    exec sp_Get_Bp_Data3
                                                    exec sp_channel_data1
                                                    exec sp_channel_data2
                                                    exec sp_channel_data3
                                                    ", con))
&lt;/code&gt;&lt;/pre&gt;</t>
  </si>
  <si>
    <t>2009-10-29 15:04:00.080000+00:00</t>
  </si>
  <si>
    <t>2009-10-29 15:12:20.737000+00:00</t>
  </si>
  <si>
    <t>2009-10-29 15:05:04.873000+00:00</t>
  </si>
  <si>
    <t>c#|sqlcommand</t>
  </si>
  <si>
    <t>SQL Server 2008 R2: Prepare dynamic temporary VIEW</t>
  </si>
  <si>
    <t>&lt;p&gt;&lt;strong&gt;Table's&lt;/strong&gt;:&lt;/p&gt;
&lt;pre&gt;&lt;code&gt;CREATE TABLE Test_01
(
    Cola VARCHAR(MAX),
    Colb VARCHAR(MAX)
);
INSERT INTO Test_01 VALUES(1,'A');
CREATE TABLE Test_02
(
    Cola VARCHAR(MAX),
    Colb VARCHAR(MAX)
);
INSERT INTO Test_02 VALUES(2,'B');
CREATE TABLE Test_03
(
    Cola VARCHAR(MAX),
    Colb VARCHAR(MAX)
);
INSERT INTO Test_01 VALUES(3,'C');
&lt;/code&gt;&lt;/pre&gt;
&lt;p&gt;&lt;strong&gt;View&lt;/strong&gt;:&lt;/p&gt;
&lt;pre&gt;&lt;code&gt;CREATE VIEW View_Test AS 
SELECT * FROM Test_01 UNION ALL 
SELECT * FROM Test_02 UNION ALL 
SELECT * FROM Test_03 UNION ALL;
&lt;/code&gt;&lt;/pre&gt;
&lt;p&gt;&lt;strong&gt;Records&lt;/strong&gt;:&lt;/p&gt;
&lt;pre&gt;&lt;code&gt;SELECT * FROM dbo.View_test
Cola        Colb
------------------
1       A
2       B
3       C
&lt;/code&gt;&lt;/pre&gt;
&lt;p&gt;&lt;strong&gt;Note&lt;/strong&gt;: Now I want to prepare a temporary view by passing &lt;code&gt;Cola&lt;/code&gt; values to the store procedure.&lt;/p&gt;
&lt;p&gt;&lt;strong&gt;Example&lt;/strong&gt;: If I pass Value &lt;code&gt;1&lt;/code&gt; to the stored procedure then it should prepare a temporary view
with the table &lt;code&gt;test_01&lt;/code&gt; because record &lt;code&gt;1&lt;/code&gt; belongs to table &lt;code&gt;test_01&lt;/code&gt;.&lt;/p&gt;
&lt;p&gt;If I pass Value &lt;code&gt;1,2,3&lt;/code&gt; to the stored procedure then it should prepare a temporary view
with the table's &lt;code&gt;test_01,test_02,test_03&lt;/code&gt; because record &lt;code&gt;1,2,3&lt;/code&gt; belongs to table &lt;code&gt;test_01,test_02,test_03&lt;/code&gt;.&lt;/p&gt;
&lt;p&gt;For above requirement I have written the following stored procedure:&lt;/p&gt;
&lt;p&gt;&lt;strong&gt;Stored Procedure&lt;/strong&gt;:&lt;/p&gt;
&lt;pre&gt;&lt;code&gt;ALTER PROCEDURE sp_Test_90
@Cola varchar(MAX)
AS
DECLARE @SQL VARCHAR(MAX)
DECLARE @Tab VARCHAR(MAX)
DECLARE @Query VARCHAR(MAX)
    DECLARE Cur CURSOR FAST_FORWARD FOR 
    SELECT TABLE_NAME FROM INFORMATION_SCHEMA.VIEW_TABLE_USAGE
    WHERE VIEW_NAME = 'View_Test'
    OPEN Cur 
    FETCH NEXT FROM Cur INTO @Tab
    WHILE(@@FETCH_STATUS=0)
    BEGIN
        IF OBJECT_ID('tempdb..#Temp') IS NOT NULL 
        BEGIN
                DROP TABLE #Temp
        END
        CREATE TABLE #Temp
        (
            ColaValues VARCHAR(MAX)
        );
        SET @SQL = 'INSERT INTO #Temp(ColaValues) SELECT DISTINCT Cola FROM ['+@Tab+'] WHERE Cola IN('''+REPLACE(@Cola,',',''',''')+''')';
        PRINT(@SQL);
        EXECUTE(@SQL);
        ----------------------
        /*Got Stuck HERE*/
        ----------------------
        IF (SELECT DISTINCT colavalues FROM #Temp)  IN(''''+REPLACE(@Cola,',',''',''')+'''')---IN (@Cola) -------GOT STUCK HERE
        BEGIN
            SET @SQL +='SELECT * FROM ['+@Tab+'] UNION ALL';
        END
        FETCH NEXT FROM Cur INTO @Tab
    END
    CLOSE Cur;
    DEALLOCATE Cur;
    SET @Query = 'WITH CTE
              AS
                          (
                              '+@SQL+'
              ) 
                          SELECT * FROM CTE';
    PRINT(@Query);
    EXECUTE(@Query);
GO
&lt;/code&gt;&lt;/pre&gt;
&lt;p&gt;But got stuck in the if condition to check whether Cola value present in the given parameter or not.&lt;/p&gt;</t>
  </si>
  <si>
    <t>2015-10-27 10:21:24.423000+00:00</t>
  </si>
  <si>
    <t>2015-10-27 10:51:57.507000+00:00</t>
  </si>
  <si>
    <t>sql|sql-server|stored-procedures|sql-server-2008-r2</t>
  </si>
  <si>
    <t>What's the actual page size for a 32-bit process running on WOW64?</t>
  </si>
  <si>
    <t>&lt;p&gt;I know the default page size of a 32-bit process running on 32-bit Windows is 4K, whereas that of a 64-bit process running on 64-bit Windows is 8K. However, what is the actual page size of a 32-bit process running on 64-bit Windows (i.e. WOW64) ? 4K? 8K?&lt;/p&gt;</t>
  </si>
  <si>
    <t>2013-02-11 09:42:30.037000+00:00</t>
  </si>
  <si>
    <t>2013-02-11 16:50:57.353000+00:00</t>
  </si>
  <si>
    <t>c|windows|winapi|memory-management|virtual-memory</t>
  </si>
  <si>
    <t>android app screen flashing at launch</t>
  </si>
  <si>
    <t>&lt;p&gt;Hi I have searched everywhere here and on Google, without getting a correct answer. So I post a new question:&lt;/p&gt;
&lt;p&gt;I have several Android Apps that were working perfectly with 1.6 up to 2.3...&lt;/p&gt;
&lt;p&gt;BUT now, with Android 4.0 (ICS), I have users reporting that the screen is flashing on the homepage when the application is launched and nothing can be done but "home" and Force Stop the App... (then. you can start the app again, and it eventually works... :O)&lt;/p&gt;
&lt;p&gt;I have tested the App on the emulator and on several devices including the Galaxy S 3 with Android 4.0.4 and I could never reproduce the issue !! :((
It seems that the issue is mostly on the HTC One...&lt;/p&gt;
&lt;p&gt;Here is the simple code of the activity&lt;/p&gt;
&lt;pre&gt;&lt;code&gt;public class WelcomePage extends Activity {
/** Called when the activity is first created. */
@Override
public void onCreate(Bundle savedInstanceState) {
    super.onCreate(savedInstanceState);
    Eula.show(this);
    //on lui associe le layout 
    setContentView(R.layout.main);
    //on r��cup��re tous les ��l��ments
    Button buttonGuide = (Button)findViewById(R.id.buttonOui);
    Button buttonHotel = (Button)findViewById(R.id.buttonNon);
    Button buttonMap = (Button)findViewById(R.id.buttonMapg);
    Button buttonMaps = (Button)findViewById(R.id.buttonMaps);
    Button buttonMapb = (Button)findViewById(R.id.buttonMapb);
    Button buttonTwitt = (Button)findViewById(R.id.buttonTwitt);
    Button buttonFaceb = (Button)findViewById(R.id.buttonFaceb);
    Button buttonGoogle = (Button)findViewById(R.id.buttonGoogle);
    Button buttonGeoloc = (Button)findViewById(R.id.buttonGeoloc);
    OnClickListener onClickLister = new OnClickListener() {
        public void onClick(View v){
            Intent intent;
            switch(v.getId()){
            //si on a cliqu�� sur le button Oui
            case R.id.buttonOui:
                Bundle objetbunble = new Bundle();
                objetbunble.putString("titre", "Phuket");
                String lurl;
                if (getString(R.string.lnguserlook).equals("en")) { lurl = "phuketen"; } else { lurl = "phuket"; }
                objetbunble.putString("url", lurl);
                intent = new Intent(WelcomePage.this, AfficheGuide.class);
                Toast.makeText(WelcomePage.this, getString(R.string.titguid)+" Phuket "+getString(R.string.titguid2), Toast.LENGTH_SHORT).show();
                ((MyApplication)getApplicationContext()).setIsPagehelp(false);  // pas Help en globale
                //On affecte �� l'Intent le Bundle que l'on a cr����
                intent.putExtras(objetbunble);
                startActivity(intent);
                break;
            case R.id.buttonNon:
              Toast.makeText(WelcomePage.this, getString(R.string.hotellist), Toast.LENGTH_SHORT).show();
                //On cr���� l'Intent qui va nous permettre d'afficher l'autre Activity
                intent = new Intent(WelcomePage.this, ListeDestinationAll.class);
                startActivity(intent);
                break;
            case R.id.buttonGeoloc:
                if (!(Extras.Internet.isOnline())){ 
                    AlertDialog.Builder builder = new AlertDialog.Builder(WelcomePage.this);
                    builder.setMessage(getString(R.string.txtoffline))
                           .setPositiveButton("Ok", new DialogInterface.OnClickListener() {
                               public void onClick(DialogInterface dialog, int id) {
                                    dialog.cancel();
                               }
                           }).create().show(); }        
                else {  Toast.makeText(WelcomePage.this, "Geolocalisation", Toast.LENGTH_SHORT).show();
                        intent = new Intent(WelcomePage.this, AfficheGeoloc.class);
                        startActivity(intent); 
                }
                break;
            case R.id.buttonMapg:
                Toast.makeText(getApplicationContext(), getString(R.string.map1), Toast.LENGTH_SHORT).show();
                if (!(Extras.Internet.isOnline())){ 
                    AlertDialog.Builder builder = new AlertDialog.Builder(WelcomePage.this);
                    builder.setMessage(getString(R.string.txtoffline))
                           .setPositiveButton("Ok", new DialogInterface.OnClickListener() {
                               public void onClick(DialogInterface dialog, int id) {
                                    dialog.cancel();
                               }
                           }).create().show(); }        
                else { 
                        Toast.makeText(WelcomePage.this, "Phuket", Toast.LENGTH_SHORT).show();
                        objetbunble = new Bundle();
                        //Cela fonctionne plus ou moins comme une HashMap, on entre une clef et sa valeur en face
                        objetbunble.putString("titre", "Phuket");
                        objetbunble.putString("url", "phuket&amp;amp;titre=Phuket");
                        intent = new Intent(WelcomePage.this, AfficheMaps.class);
                        //On affecte �� l'Intent le Bundle que l'on a cr����
                        intent.putExtras(objetbunble);
                        startActivity(intent); 
                }
                break;
            case R.id.buttonMaps:
                Toast.makeText(getApplicationContext(), getString(R.string.map2), Toast.LENGTH_SHORT).show();
                Bundle objetbunblemap = new Bundle();
                objetbunblemap.putString("titre", getString(R.string.map2));
                objetbunblemap.putString("url", "pic");
                final Intent intentm;
                intentm = new Intent(WelcomePage.this, ImageViewerJP.class); 
                intentm.putExtras(objetbunblemap);
                startActivity(intentm);
                break;
            case R.id.buttonMapb:
                if (!(Extras.Internet.isOnline())){ 
                    AlertDialog.Builder builder = new AlertDialog.Builder(WelcomePage.this);
                    builder.setMessage(getString(R.string.txtoffline))
                           .setPositiveButton("Ok", new DialogInterface.OnClickListener() {
                               public void onClick(DialogInterface dialog, int id) {
                                    dialog.cancel();
                               }
                           }).create().show(); }        
                else {  //On cr���� un objet Bundle, c'est ce qui va nous permetre d'envoyer des donn��es �� l'autre Activity
                    objetbunble = new Bundle();
                    objetbunble.putString("titre", getString(R.string.titevent3)+" Phuket");
                    objetbunble.putString("url", getString(R.string.urlevent2)+"phuket");
                    intent = new Intent(WelcomePage.this, AfficheEvents.class);
                    Toast.makeText(WelcomePage.this, getString(R.string.titevent3)+" Phuket", Toast.LENGTH_SHORT).show();
                    //On affecte �� l'Intent le Bundle que l'on a cr����
                    intent.putExtras(objetbunble);
                    startActivity(intent);
                }
                break;
            case R.id.buttonTwitt:
                if (!(Extras.Internet.isOnline())){ 
                    AlertDialog.Builder builder = new AlertDialog.Builder(WelcomePage.this);
                    builder.setMessage(getString(R.string.txtoffline))
                           .setPositiveButton("Ok", new DialogInterface.OnClickListener() {
                               public void onClick(DialogInterface dialog, int id) {
                                    dialog.cancel();
                               }
                           }).create().show(); }        
                else { Toast.makeText(WelcomePage.this, "Twitter", Toast.LENGTH_SHORT).show();
                    //On cr���� l'Intent qui va nous permettre d'afficher l'autre Activity
                    intent = new Intent(Intent.ACTION_VIEW);
                    intent.setData(Uri.parse("http://mobile.twitter.com/#!/ResaHotelThai"));
                    startActivity(intent);
                }
                break;
            case R.id.buttonGoogle:
                if (!(Extras.Internet.isOnline())){ 
                    AlertDialog.Builder builder = new AlertDialog.Builder(WelcomePage.this);
                    builder.setMessage(getString(R.string.txtoffline))
                           .setPositiveButton("Ok", new DialogInterface.OnClickListener() {
                               public void onClick(DialogInterface dialog, int id) {
                                    dialog.cancel();
                               }
                           }).create().show(); }        
                else { Toast.makeText(WelcomePage.this, "Google+", Toast.LENGTH_SHORT).show();
                    //On cr���� l'Intent qui va nous permettre d'afficher l'autre Activity
                    intent = new Intent(Intent.ACTION_VIEW);
                    intent.setData(Uri.parse("https://plus.google.com/114371498756127408275/posts"));
                    startActivity(intent);
                }
                break;
            case R.id.buttonFaceb:
                if (!(Extras.Internet.isOnline())){ 
                    AlertDialog.Builder builder = new AlertDialog.Builder(WelcomePage.this);
                    builder.setMessage(getString(R.string.txtoffline))
                           .setPositiveButton("Ok", new DialogInterface.OnClickListener() {
                               public void onClick(DialogInterface dialog, int id) {
                                    dialog.cancel();
                               }
                           }).create().show(); }        
                else { Toast.makeText(WelcomePage.this, "Facebook", Toast.LENGTH_SHORT).show();
                    //On cr���� l'Intent qui va nous permettre d'afficher l'autre Activity
                    intent = new Intent(Intent.ACTION_VIEW);
                    intent.setData(Uri.parse("http://m.facebook.com/ResaHotelThai"));
                    startActivity(intent);
                }
                break;
            }
        }
    };
    //on affecte aux Button l'��couteur d'��v��nement
    buttonGuide.setOnClickListener(onClickLister);
    buttonHotel.setOnClickListener(onClickLister); 
    buttonMap.setOnClickListener(onClickLister); 
    buttonMaps.setOnClickListener(onClickLister); 
    buttonMapb.setOnClickListener(onClickLister); 
    buttonTwitt.setOnClickListener(onClickLister); 
    buttonFaceb.setOnClickListener(onClickLister); 
    buttonGoogle.setOnClickListener(onClickLister);
    buttonGeoloc.setOnClickListener(onClickLister);
}
//M��thode qui se d��clenchera lorsque vous appuierez sur le bouton menu du t��l��phone
public boolean onCreateOptionsMenu(Menu menu) {
    //Cr��ation d'un MenuInflater qui va permettre d'instancier un Menu XML en un objet Menu
    MenuInflater inflater = getMenuInflater();
    //Instanciation du menu XML sp��cifier en un objet Menu
    inflater.inflate(R.layout.menu, menu);
    //Il n'est pas possible de modifier l'ic��ne d'ent��te du sous-menu via le fichier XML on le fait donc en JAVA
    menu.getItem(0).getSubMenu().setHeaderIcon(R.drawable.language);
    return true;
 }
//M��thode qui se d��clenchera au clic sur un item
public boolean onOptionsItemSelected(MenuItem item) {
      Intent intent;
     //On regarde quel item a ��t�� cliqu�� gr��ce �� son id et on d��clenche une action
     switch (item.getItemId()) {
        case R.id.option:
           Toast.makeText(WelcomePage.this, getString(R.string.language), Toast.LENGTH_SHORT).show();
           return true;
        case R.id.french:
            Locale locale = new Locale("fr"); 
            Locale.setDefault(locale);
            Configuration config = new Configuration();
            config.locale = locale;
            getBaseContext().getResources().updateConfiguration(config, getBaseContext().getResources().getDisplayMetrics());
            ((MyApplication)getApplicationContext()).setState("fr");    // passe langue en globale
            Toast.makeText(WelcomePage.this, "Fran��ais", Toast.LENGTH_SHORT).show();
            intent = new Intent(WelcomePage.this, WelcomePage.class);
            //On red��marre l'Activity
            startActivity(intent);
            finish();
            return true;
        case R.id.english:
            Locale locale2 = new Locale("en"); 
            Locale.setDefault(locale2);
            Configuration config2 = new Configuration();
            config2.locale = locale2;
            getBaseContext().getResources().updateConfiguration(config2, getBaseContext().getResources().getDisplayMetrics());
            ((MyApplication)getApplicationContext()).setState("en");    // passe langue en globale
            Toast.makeText(WelcomePage.this, "English", Toast.LENGTH_SHORT).show();
            intent = new Intent(WelcomePage.this, WelcomePage.class);
            //On red��marre l'Activity
            startActivity(intent);
            finish();
            return true;
       case R.id.about:
            // Assigne un Layout particulier a la dialogue Box
            LayoutInflater inflater = (LayoutInflater) WelcomePage.this.getSystemService(LAYOUT_INFLATER_SERVICE);
            View layout = inflater.inflate(R.layout.afficheabout,
                                           (ViewGroup) findViewById(R.id.layout_root));
            // Traitement du texte a afficher + linkify pour que le lien soit cliquable
            TextView text = (TextView) layout.findViewById(R.id.text);
            final SpannableString s = new SpannableString("Version 1.1.0\n\n\nwww.bloodico.com\n\nCopyright ��2011/2012\nBloodico Co Ltd");
            text.setText(s);
            Linkify.addLinks(text, Linkify.ALL);
            // Traitement de l'image a afficher a gauche
            ImageView image = (ImageView) layout.findViewById(R.id.image);
            image.setImageResource(R.drawable.sawadi);
            // Construction de la dialogbox
            AlertDialog.Builder adb = new AlertDialog.Builder(WelcomePage.this);
            adb.setView(layout);
            adb.setTitle("GuidePhuket");
            adb.setIcon(R.drawable.ic_launcher);
            //on indique que l'on veut le bouton ok �� notre boite de dialogue
            adb.setPositiveButton("Ok", null);
            adb.show();
           return true;
        case R.id.help:
           Toast.makeText(WelcomePage.this, getString(R.string.helptitle), Toast.LENGTH_SHORT).show();
            //On cr���� un objet Bundle, c'est ce qui va nous permetre d'envoyer des donn��es �� l'autre Activity
            Bundle objetbunble = new Bundle();
            //Cela fonctionne plus ou moins comme une HashMap, on entre une clef et sa valeur en face
            objetbunble.putString("titre", getString(R.string.helptitle));
            objetbunble.putString("url", getString(R.string.helpurl));
            intent = new Intent(WelcomePage.this, AfficheGuide.class);
            //On affecte �� l'Intent le Bundle que l'on a cr����
            intent.putExtras(objetbunble);
                startActivity(intent);
           return true;
        case R.id.morapp:
            Toast.makeText(WelcomePage.this, getString(R.string.morapp), Toast.LENGTH_SHORT).show();
           Intent marketIntent = new Intent(Intent.ACTION_VIEW).setData(Uri.parse("market://search?q=pub:Bloodico+Co+Ltd"));
           startActivity(marketIntent);
           return true;
      }
      return super.onOptionsItemSelected(item);
  }
&lt;/code&gt;&lt;/pre&gt;
&lt;p&gt;}&lt;/p&gt;
&lt;p&gt;And here is the Layout used&lt;/p&gt;
&lt;pre&gt;&lt;code&gt;&amp;lt;?xml version="1.0" encoding="UTF-8"?&amp;gt;
&amp;lt;LinearLayout xmlns:android="http://schemas.android.com/apk/res/android"
android:orientation="vertical"
android:layout_width="fill_parent"
android:layout_height="fill_parent"
android:gravity="center"
android:background="@drawable/fond"
&amp;gt;
  &amp;lt;ImageView  android:id="@+id/imageintro"
    android:layout_width="fill_parent"
    android:layout_height="wrap_content"
    android:src="@drawable/logocompanyfr"
    android:gravity="center_horizontal"
    android:contentDescription="@string/app_name"
    /&amp;gt;
        &amp;lt;LinearLayout
      xmlns:android="http://schemas.android.com/apk/res/android"
      android:layout_width="wrap_content"
      android:layout_height="wrap_content"
      android:orientation="horizontal"
      android:layout_marginTop="20dp"
      &amp;gt;
      &amp;lt;Button android:id="@+id/buttonOui"
        android:layout_width="fill_parent"
        android:layout_height="fill_parent"
        android:layout_marginRight="20dp"
        android:background="@drawable/titreguidebutton" /&amp;gt;
     &amp;lt;Button android:id="@+id/buttonNon"
        android:layout_width="fill_parent"
        android:layout_height="fill_parent"
        android:layout_marginRight="20dp"
        android:background="@drawable/titrehotelbutton" /&amp;gt;
      &amp;lt;Button android:id="@+id/buttonGeoloc"
        android:layout_width="fill_parent"
        android:layout_height="fill_parent"
        android:background="@drawable/titregeolocbutton" /&amp;gt;
    &amp;lt;/LinearLayout&amp;gt;
    &amp;lt;LinearLayout
      xmlns:android="http://schemas.android.com/apk/res/android"
      android:layout_width="wrap_content"
      android:layout_height="wrap_content"
      android:orientation="horizontal"
      android:paddingTop="5dp"
      &amp;gt;
     &amp;lt;Button android:id="@+id/buttonMapg"
        android:layout_width="fill_parent"
        android:layout_height="fill_parent"
        android:layout_marginRight="20dp"
        android:background="@drawable/titreinfobutton" /&amp;gt;
      &amp;lt;Button android:id="@+id/buttonMaps"
        android:layout_width="fill_parent"
        android:layout_height="fill_parent"
        android:layout_marginRight="20dp"
        android:background="@drawable/titremapsbutton" /&amp;gt;
      &amp;lt;Button android:id="@+id/buttonMapb"
        android:layout_width="fill_parent"
        android:layout_height="fill_parent"
        android:background="@drawable/titremapbbutton" /&amp;gt;
    &amp;lt;/LinearLayout&amp;gt;
    &amp;lt;LinearLayout
        xmlns:android="http://schemas.android.com/apk/res/android"
        android:layout_width="wrap_content"
        android:layout_height="wrap_content"
        android:layout_marginTop="100dp"
        android:orientation="horizontal" &amp;gt;
      &amp;lt;Button android:id="@+id/buttonFaceb"
        android:layout_width="fill_parent"
        android:layout_height="fill_parent"
        android:layout_marginRight="20dp"
        android:background="@drawable/titrefacebbutton" /&amp;gt;
      &amp;lt;Button android:id="@+id/buttonTwitt"
        android:layout_width="fill_parent"
        android:layout_height="fill_parent"
        android:layout_marginRight="20dp"
        android:background="@drawable/titretwittbutton" /&amp;gt;
      &amp;lt;Button android:id="@+id/buttonGoogle"
        android:layout_width="fill_parent"
        android:layout_height="fill_parent"
        android:background="@drawable/titregooglebutton" /&amp;gt;
    &amp;lt;/LinearLayout&amp;gt;
&amp;lt;/LinearLayout&amp;gt;
&lt;/code&gt;&lt;/pre&gt;
&lt;p&gt;And here is an excerpt of the manifest file&lt;/p&gt;
&lt;pre&gt;&lt;code&gt;&amp;lt;uses-sdk android:minSdkVersion="4" android:targetSdkVersion="8" /&amp;gt;
&amp;lt;uses-permission android:name="android.permission.INTERNET"/&amp;gt;
&amp;lt;uses-permission android:name="android.permission.ACCESS_COARSE_LOCATION" /&amp;gt;
&amp;lt;uses-permission android:name="android.permission.ACCESS_WIFI_STATE" /&amp;gt;
&amp;lt;supports-screens android:smallScreens="true" android:normalScreens="true" android:largeScreens="true" android:anyDensity="true" /&amp;gt;
&amp;lt;application android:icon="@drawable/ic_launcher" android:label="@string/app_name" android:name=".MyApplication" android:allowBackup="true" android:screenOrientation="portrait"&amp;gt;
    &amp;lt;activity android:name=".WelcomePage" 
              android:screenOrientation="portrait"                
              android:label="@string/app_name" android:icon="@drawable/ic_launcher" android:theme="@android:style/Theme.NoTitleBar"&amp;gt;
        &amp;lt;intent-filter&amp;gt;
            &amp;lt;action android:name="android.intent.action.MAIN" /&amp;gt;
            &amp;lt;category android:name="android.intent.category.LAUNCHER" /&amp;gt;
        &amp;lt;/intent-filter&amp;gt;
    &amp;lt;/activity&amp;gt;
&lt;/code&gt;&lt;/pre&gt;
&lt;p&gt;Any help would be grantly appreciated, as i have more and more users concerned and can not find a way where to search.&lt;/p&gt;</t>
  </si>
  <si>
    <t>2012-10-22 04:33:37.313000+00:00</t>
  </si>
  <si>
    <t>2013-01-20 14:56:16.373000+00:00</t>
  </si>
  <si>
    <t>android|screen|android-4.0-ice-cream-sandwich|launching-application</t>
  </si>
  <si>
    <t>How to get the content of a &lt;p&gt; tag with no id or class, based on the previous element using BeautifulSoup?</t>
  </si>
  <si>
    <t>&lt;p&gt;I am using BeautifulSoup to scrapping a web page.&lt;/p&gt;
&lt;p&gt;I am trying to get the content of a p tag that have no id or class but it is preceded by a span with a distinct class:&lt;/p&gt;
&lt;pre&gt;&lt;code&gt;&amp;lt;p&amp;gt; uninteresting content here...&amp;lt;/p&amp;gt;
&amp;lt;span class="description"&amp;gt;DESCRIPTION:&amp;lt;/span&amp;gt;
&amp;lt;p&amp;gt;Hi ! This is the content which I am interested in.&amp;lt;/p&amp;gt;
&amp;lt;p&amp;gt; another uninteresting content to be discarded.&amp;lt;/p&amp;gt;
&lt;/code&gt;&lt;/pre&gt;
&lt;p&gt;So, How do I get that p content, based on the span class="description" that comes before it ?&lt;/p&gt;
&lt;p&gt;thanks in advance,&lt;/p&gt;</t>
  </si>
  <si>
    <t>2017-06-08 01:48:19.797000+00:00</t>
  </si>
  <si>
    <t>2017-06-08 02:14:36.690000+00:00</t>
  </si>
  <si>
    <t>Pandas drop rows without NAs / keep rows with NAs</t>
  </si>
  <si>
    <t>&lt;p&gt;I have a dataframe with missing values in some cells. I want to keep the rows that have nulls in any column. This is the opposite of &lt;code&gt;pandas.DataFrame.dropna()&lt;/code&gt;. &lt;/p&gt;
&lt;pre&gt;&lt;code&gt;import pandas as pd
import numpy as np
df = pd.DataFrame({'a': [1,2], 'b': [np.nan, 4]})
df
   a    b
0  1  NaN
1  2  4.0
&lt;/code&gt;&lt;/pre&gt;
&lt;p&gt;desired result:&lt;/p&gt;
&lt;pre&gt;&lt;code&gt;   a    b
1  2  4.0
&lt;/code&gt;&lt;/pre&gt;
&lt;p&gt;I'd like to do it in the method-chaining style, so something like this would be ideal:&lt;/p&gt;
&lt;pre&gt;&lt;code&gt;df.loc[lambda x: ...]
df.keepna(how='any') # keepna() doesn't exist
&lt;/code&gt;&lt;/pre&gt;</t>
  </si>
  <si>
    <t>2018-04-08 20:35:43.550000+00:00</t>
  </si>
  <si>
    <t>2018-04-08 20:40:25.097000+00:00</t>
  </si>
  <si>
    <t>python|pandas|indexing</t>
  </si>
  <si>
    <t>Responsive Design Div Spacing</t>
  </si>
  <si>
    <t>&lt;p&gt;I've got a problem with div spacing in responsive design if you go to this url: &lt;a href="http://www.false-idolz.com/mobile.html" rel="nofollow"&gt;http://www.false-idolz.com/mobile.html&lt;/a&gt; you'll se how when you decrease to the maximum de window width the div spacing gets bigger instead of smaller... why does it happen? how do i fix it? Thanks!&lt;/p&gt;
&lt;pre&gt;&lt;code&gt;&amp;lt;table&amp;gt;
&amp;lt;div&amp;gt;
&amp;lt;tr&amp;gt;
&amp;lt;td&amp;gt;
......texto.........
&amp;lt;/td&amp;gt;
&amp;lt;/tr&amp;gt;
&amp;lt;/div&amp;gt;
&amp;lt;div&amp;gt;
&amp;lt;tr&amp;gt;
&amp;lt;td&amp;gt;
......texto.........
&amp;lt;/td&amp;gt;
&amp;lt;/tr&amp;gt;
&amp;lt;/div&amp;gt;
&amp;lt;/table&amp;gt; 
&lt;/code&gt;&lt;/pre&gt;
&lt;p&gt;This is the example of the code I am using everything works but spacing&lt;/p&gt;</t>
  </si>
  <si>
    <t>2015-06-27 20:25:13.707000+00:00</t>
  </si>
  <si>
    <t>2015-06-27 21:07:41.620000+00:00</t>
  </si>
  <si>
    <t>html|css|responsive-design|margin</t>
  </si>
  <si>
    <t>Can I create an app which does not follow apple restrictions if I am not going to release it?</t>
  </si>
  <si>
    <t>&lt;p&gt;I want to create an app that can be run in the background mode whenever a Bluetooth (LE) connection is available. This app also should generate local notifications on the background mode, which are based on what data the Bluetooth sends to it.
The problem is that the Bluetooth device must be MPi(made for iPhone) to make the app constantly get data from it. My BLE module is HM-10, which is not MPi.
Can I create an app that constantly connects to the Bluetooth LE and sends notifications if I am not going to release the app in AppStore
for now?
And if I decide the release, is there any ways to get around this problem?&lt;/p&gt;</t>
  </si>
  <si>
    <t>2018-11-13 09:05:31.233000+00:00</t>
  </si>
  <si>
    <t>2018-11-13 09:10:27.830000+00:00</t>
  </si>
  <si>
    <t>ios|notifications|app-store|bluetooth-lowenergy</t>
  </si>
  <si>
    <t>How to print the output of while loop in one line in python?</t>
  </si>
  <si>
    <t>&lt;p&gt;It is a program to take input from user and print that iput in one line.
when the user gives input 1,2,3,4
the output that is every number come out in different line.&lt;/p&gt;
&lt;p&gt;that is after each iteration of loop output comes in new line but i want output to be in single line.How can i do it?
but i want output
1 2 3 4 5 
how to get that output&lt;/p&gt;
&lt;pre&gt;&lt;code&gt;print("Program to print a 1d array")
array=[]
i=0
j=0
while(i&amp;lt;5):               ##whileloop1
    item=int(input())
    array.append(item)
    i=i+1
while(j&amp;lt;5):              ##whileloop2
    print(array[j])
    j=j+1
&lt;/code&gt;&lt;/pre&gt;</t>
  </si>
  <si>
    <t>2015-05-24 15:37:25.643000+00:00</t>
  </si>
  <si>
    <t>2015-05-24 16:14:40.263000+00:00</t>
  </si>
  <si>
    <t>python|python-3.x|while-loop</t>
  </si>
  <si>
    <t>How to trigger the "error" callback in JQuery AJAX call using in PHP</t>
  </si>
  <si>
    <t>&lt;p&gt;I have PHP code snippet the following:&lt;/p&gt;
&lt;pre&gt;&lt;code&gt;if (!($result = mysql_query($query, $link))) {
   die("Invalid SQL query: " . $query);
}
&lt;/code&gt;&lt;/pre&gt;
&lt;p&gt;And I have JQuery code snippet the following:&lt;/p&gt;
&lt;pre&gt;&lt;code&gt;$.ajax({
        url: "....search.php", 
        data: ...,
        async: false, //to trigger error alert
        success: function(xml) {
            ...
        },
        error: function(xml) {
            foundError = true;
        },
        dataType: "xml"
    });
if(foundError) {
        setProgress("Could not complete the search because an error was found", ProgressBar.ERROR);
}
&lt;/code&gt;&lt;/pre&gt;
&lt;p&gt;Is it possible to have the die call trigger JQuery error function callback? If not, how would I trigger it otherwise?&lt;/p&gt;</t>
  </si>
  <si>
    <t>2011-07-05 21:08:41.820000+00:00</t>
  </si>
  <si>
    <t>2011-07-05 21:17:16.350000+00:00</t>
  </si>
  <si>
    <t>php|jquery|error-handling</t>
  </si>
  <si>
    <t>Is Google Nearby available for desktop / laptop computers?</t>
  </si>
  <si>
    <t>&lt;p&gt;Being Wifi / Bluetooth and speakers available in most desktop / laptop devices I wonder if Google nearby could be used in Desktop or even web applications running locally and offline? (No internet connection but Wifi / BT / speakers enabled)&lt;/p&gt;
&lt;p&gt;Thanks!&lt;/p&gt;</t>
  </si>
  <si>
    <t>2016-09-06 13:40:25.757000+00:00</t>
  </si>
  <si>
    <t>2016-09-07 18:33:35.673000+00:00</t>
  </si>
  <si>
    <t>google-nearby</t>
  </si>
  <si>
    <t>How to get a PipelineComponent for IDTSComponentMetadata100</t>
  </si>
  <si>
    <t>&lt;p&gt;I'm writing a UI editor for an SSIS custom pipeline component.&lt;/p&gt;
&lt;p&gt;When BIDS invokes the editor, it passes a IDTSComponentMetadata100 instance to the editor. How do I get a reference to my (managed) PipelineComponent derived instance?&lt;/p&gt;</t>
  </si>
  <si>
    <t>2011-04-12 13:54:10.937000+00:00</t>
  </si>
  <si>
    <t>2013-03-20 07:21:21.713000+00:00</t>
  </si>
  <si>
    <t>Response.WriteFile &amp; Response.Redirect</t>
  </si>
  <si>
    <t>&lt;p&gt;I'm publishing a page URL 
eg mysite.com/disclaimer/someinfo
this page shows an agreement, and if the user clicks the agree button then a PDF file is streamed as an attachment.&lt;/p&gt;
&lt;p&gt;The purpose of this is the user can then share this URL but anyone else following the link must also read the agreement before downloading the file. The actual file does not have a URL but is held elsewhere on the server so the only way to download the file is if you click the "[Agree]" button.&lt;/p&gt;
&lt;p&gt;However - what I am finding difficult is that after clicking the button and starting the download I'd like the page to "go away". The page with the buttons stays on the screen. Ideally they'd be redirected back to the page they came from. I'm keen to not require javascript or cookies. The referrer is stored in the initial page load to a hidden field on the form.&lt;/p&gt;
&lt;p&gt;I've tried different approaches, attempting to write a 307 redirect in the header with the file brought up warnings to the user that their post data was being redirected. The code I have below only works in browsers that support meta refresh (eg Firefox; IE7 not Chrome/Safari) &lt;/p&gt;
&lt;p&gt;I can see the logic of why this doesn't work. There's one response to the browser and that is the file as expected. What would be the correct way to send them the file and then redirect the browser to another page. It feels from a users p.o.v. that this "Accept" page should disappear once they've clicked the button.&lt;/p&gt;
&lt;p&gt;I have:&lt;/p&gt;
&lt;pre&gt;&lt;code&gt;protected void Page_Load(object sender, EventArgs e)
    {
        if (Request.UrlReferrer != null &amp;amp; Request.UrlReferrer.ToString() != "")
        {
            Uri referrer = Request.UrlReferrer;
            if (!IsPostBack)
            { hfReferrer.Value = Request.UrlReferrer.ToString(); }
        }
    }
    protected void buttonAccept_Click(object sender, EventArgs e)
    {
        //stream file
        Node nodeCurrent = Node.GetCurrent();
        string fileName = nodeCurrent.GetProperty("documentFile").Value.ToString();
        System.IO.FileInfo file = new System.IO.FileInfo(fileName); 
        if (file.Exists) //set appropriate headers  
        {
            Response.Clear();
            if (hfReferrer.Value !="")
            {Response.AddHeader("Refresh", string.Format("3; URL={0}", hfReferrer.Value));}
            Response.AddHeader("Content-Disposition", "attachment; filename=" + file.Name);
            Response.AddHeader("Content-Length", file.Length.ToString());
            Response.ContentType = "application/pdf";
            // write file to browser
            Response.WriteFile(file.FullName);
            Response.End();
        }
&lt;/code&gt;&lt;/pre&gt;
&lt;p&gt;I'd prefer not to need to use javascript/pop-ups etc.
Presently the user just has to click a link to go to another page, but this doesn't feel quite right.&lt;/p&gt;
&lt;p&gt;Ideally I'd like to follow a good standard for this. But I am not sure where to look.&lt;/p&gt;</t>
  </si>
  <si>
    <t>2012-02-01 07:22:09.937000+00:00</t>
  </si>
  <si>
    <t>2012-08-17 14:41:45.310000+00:00</t>
  </si>
  <si>
    <t>asp.net|.net|http-headers</t>
  </si>
  <si>
    <t>ASP.NET MVC Dropdownlistfor is saving gender_id in place of gender_type</t>
  </si>
  <si>
    <t>&lt;p&gt;I have created controller and views from entity framework, I have modified one of my textboxes into dropdownlist and dropdownlist data is coming from a table named tbl_gender. Now when I save the data, gender_id is saved in place of gender_type. &lt;/p&gt;
&lt;p&gt;My create.cshtml is-&lt;/p&gt;
&lt;pre&gt;&lt;code&gt;&amp;lt;div class="form-group"&amp;gt;
    @Html.Label("Gender", htmlAttributes: new { @class = "control-label col-md-2" })
    &amp;lt;div class="col-md-10"&amp;gt;
        @Html.DropDownListFor(model=&amp;gt;model.author_gender, ViewBag.genderList as SelectList, "--select gender--", new  { @class = "form-control" })
        @Html.ValidationMessageFor(model =&amp;gt; model.author_gender, "", new { @class = "text-danger" })
    &amp;lt;/div&amp;gt;
&amp;lt;/div&amp;gt;
&lt;/code&gt;&lt;/pre&gt;
&lt;p&gt;and my controller is-&lt;/p&gt;
&lt;pre&gt;&lt;code&gt;public ActionResult Create([Bind(Include = "author_id,author_name,author_DOB,author_gender,author_mobile,author_email,author_image,author_create_date,author_created_by")] tbl_author tbl_author)
{
    if (ModelState.IsValid)
    {
        var getGender = db.tbl_gender.ToList();
        SelectList list = new SelectList(getGender, "gender_id", "gender_type", tbl_author.author_gender);
        ViewBag.genderList = list;
        db.tbl_author.Add(tbl_author);
        db.SaveChanges();
        return RedirectToAction("Index");
    }
    return View(tbl_author);
}
&lt;/code&gt;&lt;/pre&gt;
&lt;p&gt;&lt;a href="https://i.stack.imgur.com/EB760.png" rel="nofollow noreferrer"&gt;enter image description here&lt;/a&gt;&lt;/p&gt;
&lt;p&gt;it is saving &lt;code&gt;gender_id&lt;/code&gt; instead of &lt;code&gt;gender_type&lt;/code&gt; &lt;/p&gt;</t>
  </si>
  <si>
    <t>2017-08-07 11:24:18.770000+00:00</t>
  </si>
  <si>
    <t>2017-08-07 11:35:51.173000+00:00</t>
  </si>
  <si>
    <t>2017-08-07 11:26:25.900000+00:00</t>
  </si>
  <si>
    <t>Split string by repeating keyword</t>
  </si>
  <si>
    <t>&lt;p&gt;I have a repeating text file that is similar to this, which I am looking to break up into individual files based on the 'Tx' indicator .... Any thoughts on how I could achieve this?&lt;/p&gt;
&lt;pre&gt;&lt;code&gt;Tx1
some data 
some data
Tx2
some data 
some data
Tx3
some data 
some data
&lt;/code&gt;&lt;/pre&gt;</t>
  </si>
  <si>
    <t>2016-05-13 22:42:21.333000+00:00</t>
  </si>
  <si>
    <t>2016-05-14 00:27:03.470000+00:00</t>
  </si>
  <si>
    <t>developing office addin - Could not initialize application. Error 42</t>
  </si>
  <si>
    <t>&lt;p&gt;I have developed Office add-in (COM), I used WIX to deploy the add-in and it is working without any problem then the client asked to integrate a third party library(for license), to enable adding a license feature.  &lt;/p&gt;
&lt;p&gt;After integrated the license library(couple of dlls) and install it for testing. &lt;/p&gt;
&lt;p&gt;The installation works fine but when opening word or excel to use the add-in it work with some machines (they were single user as administrator) but with other machines (Cooperation or having multi-users) i got error and license code is not executed(it didn't show the popup for insertion the serial key). &lt;/p&gt;
&lt;p&gt;So the program show nothing as if the user declined to insert the serial key or use a trial version(in that case i show dialog "license invalid" and do not load my usercontrols to the task-pane). That's the error i got:&lt;/p&gt;
&lt;p&gt;&lt;img src="https://i.stack.imgur.com/6C5Zm.jpg" alt="Could not initialize application. Error 42"&gt;&lt;/p&gt;
&lt;p&gt;I found some articles suggest to put the DLLS in the system folders (System32 for 32 bit) and SystemWow64 for 64 bit. But then the add-in can't load the DLLS and this didn't solve the problem.&lt;/p&gt;
&lt;p&gt;So what could be the cause of this problem? security issues or error loading the required dll?&lt;/p&gt;
&lt;p&gt;&lt;strong&gt;EDIT&lt;/strong&gt;&lt;/p&gt;
&lt;p&gt;The third party library used for license is made by &lt;a href="https://www.softwarekey.com/" rel="nofollow noreferrer"&gt;softwarekey Instant PLUS&lt;/a&gt;&lt;/p&gt;</t>
  </si>
  <si>
    <t>2013-08-23 10:19:35.413000+00:00</t>
  </si>
  <si>
    <t>2013-08-23 15:40:14.027000+00:00</t>
  </si>
  <si>
    <t>2013-08-23 12:06:54.057000+00:00</t>
  </si>
  <si>
    <t>c#|wix|office-addins</t>
  </si>
  <si>
    <t>Obj-C using @selector on a static method from a static method in the same class?</t>
  </si>
  <si>
    <t>&lt;p&gt;I have two static methods/selectors in the same class, one passes the other as a callback to an external method. However, how I have it coded I get an error. This worked when both the methods were instance methods, and I've read it can work when the first method is an instance method using [self class]. However, I haven't found information when both are static, and I haven't got it to work.&lt;/p&gt;
&lt;pre&gt;&lt;code&gt;+(void)Validate {
    Callback *managerCallback = [[[Callback alloc] initWithTarget:self Action:@selector(Parse:)] autorelease];
    ...
}
+(void)Parse:(Callback *)managerCallback {
    ...
}
&lt;/code&gt;&lt;/pre&gt;
&lt;p&gt;Thanks!&lt;/p&gt;</t>
  </si>
  <si>
    <t>2011-02-20 01:47:36.143000+00:00</t>
  </si>
  <si>
    <t>2014-05-18 16:57:47.997000+00:00</t>
  </si>
  <si>
    <t>objective-c|static|callback|selector|static-methods</t>
  </si>
  <si>
    <t>Translucent system bars and content margin in KitKat</t>
  </si>
  <si>
    <t>&lt;p&gt;I'm trying to take advantage of the new KitKat translucent system bars, to get a full screen image in the background of my app.&lt;/p&gt;
&lt;p&gt;I'm having problems figuring out the right settings to get the behaviour I want. Right now I have a &lt;code&gt;ViewPager&lt;/code&gt; with three &lt;code&gt;Fragment&lt;/code&gt;s each one composed of a &lt;code&gt;RelativeLayout&lt;/code&gt; containing an &lt;code&gt;ImageView&lt;/code&gt; (for the background image) and a &lt;code&gt;TextView&lt;/code&gt; for the content.&lt;/p&gt;
&lt;p&gt;What I'm after is to have the content fit fully in the portion of the screen available for interactions, and the image to take the whole visible portion of the screen.&lt;/p&gt;
&lt;p&gt;If I just use &lt;code&gt;android:Theme.Holo.Light.NoActionBar.TranslucentDecor&lt;/code&gt; as my theme it looks fine in portrait, but the navigation bar overlaps the content in landscape (see the screenshots below).&lt;/p&gt;
&lt;p&gt;&lt;img src="https://i.stack.imgur.com/HBkFs.jpg" alt="First attempt - portrait. Looks good."&gt;&lt;img src="https://i.stack.imgur.com/DnziB.jpg" alt="First attempt - landscape. nav bar overlaps the content"&gt;&lt;/p&gt;
&lt;p&gt;Following &lt;a href="http://developer.android.com/about/versions/android-4.4.html" rel="nofollow noreferrer"&gt;the recommendation in the docs&lt;/a&gt;, I added &lt;code&gt;android:fitsSystemWindows = true&lt;/code&gt; to my theme, but that generates some weird artifacts (see below)
&lt;img src="https://i.stack.imgur.com/3n3LM.jpg" alt="Second attempt - portrait. Artifacts!!"&gt;
&lt;img src="https://i.stack.imgur.com/mHTJf.jpg" alt="Second attempt - landscape. Artifacts!!"&gt;&lt;/p&gt;
&lt;p&gt;How can I make it behave like in the second example, but look good, without the visual artifacts?&lt;/p&gt;</t>
  </si>
  <si>
    <t>2013-12-26 07:35:44.523000+00:00</t>
  </si>
  <si>
    <t>2014-07-30 00:08:12.023000+00:00</t>
  </si>
  <si>
    <t>2013-12-26 08:39:44.693000+00:00</t>
  </si>
  <si>
    <t>android|android-layout|user-interface|android-4.4-kitkat</t>
  </si>
  <si>
    <t>Saving var using JavaScript and redirecting to URL</t>
  </si>
  <si>
    <t>&lt;p&gt;I have a very simple web form containing two input fields and a submit button.&lt;/p&gt;
&lt;p&gt;What I would like to do is save the two strings inserted and redirect to my other HTML file (which is in the same folder). &lt;/p&gt;
&lt;p&gt;HTML:&lt;/p&gt;
&lt;pre&gt;&lt;code&gt;&amp;lt;!DOCTYPE html&amp;gt;
&amp;lt;html&amp;gt;
&amp;lt;title&amp;gt;Players enter&amp;lt;/title&amp;gt;
&amp;lt;head&amp;gt;
&amp;lt;script type="text/javascript" src="ticTac.js"&amp;gt;&amp;lt;/script&amp;gt; 
&amp;lt;link rel="stylesheet" type="text/css" href=styleSheet.css&amp;gt;&amp;lt;/link&amp;gt;
&amp;lt;/head&amp;gt;
&amp;lt;body&amp;gt;
 &amp;lt;form &amp;gt;
      player one name: &amp;lt;input type="text" id="firstname"&amp;gt;&amp;lt;br&amp;gt;
      player two name: &amp;lt;input type="text" id="secondname"&amp;gt;&amp;lt;br&amp;gt;
      &amp;lt;input type="submit" onclick="checkNames();"/&amp;gt;
&amp;lt;/form&amp;gt;
&amp;lt;/body&amp;gt;
&amp;lt;/html&amp;gt;
&lt;/code&gt;&lt;/pre&gt;
&lt;p&gt;JavaScript:&lt;/p&gt;
&lt;pre&gt;&lt;code&gt;function checkNames(){
    var nameOne = document.getElementById("firstname").value;
    var nameTwo = document.getElementById("secondname").value;
    //window.location.href = 'C:\Users\x\Desktop\hw3\tic\Game.html';
    //window.location.replace("C:\Users\x\Desktop\hw3\tic\Game.html");
    window.location.assign("C:\Users\x\Desktop\hw3\tic\Game.html");
}
&lt;/code&gt;&lt;/pre&gt;
&lt;p&gt;I have commented the two other options I tried which also do not work.&lt;/p&gt;</t>
  </si>
  <si>
    <t>2015-10-11 16:29:53.920000+00:00</t>
  </si>
  <si>
    <t>2015-10-11 17:45:25.730000+00:00</t>
  </si>
  <si>
    <t>javascript|html|function</t>
  </si>
  <si>
    <t>Error building tesseract for android</t>
  </si>
  <si>
    <t>&lt;p&gt;Im trying to use Tesseract on Google Glass, but I havent been able to build my project.
I built Tesseract using the following:&lt;/p&gt;
&lt;pre&gt;&lt;code&gt;$ git clone https://github.com/rmtheis/tess-two
$ cd tess-two/tess-two
$ ndk-build
$ android update project --path . --target android-19
$ ant release
&lt;/code&gt;&lt;/pre&gt;
&lt;p&gt;Afterwards, I imported the module from Android Studio, and added a dependency to that module from the module in which I'm building the app. If I build the tesstwo module from Android Studio the build is finished successfully.&lt;/p&gt;
&lt;p&gt;However, when I try to build my app��s module, I get the following error:&lt;/p&gt;
&lt;pre&gt;&lt;code&gt;Information:Gradle tasks [:app:compileDebugJava, :tesstwo:compileDebugJava]
:app:preBuild
:app:preDebugBuild
:app:checkDebugManifest
:app:preReleaseBuild
:tesstwo:compileLint
:tesstwo:copyReleaseLint UP-TO-DATE
:tesstwo:mergeReleaseProguardFiles UP-TO-DATE
:tesstwo:preBuild
:tesstwo:preReleaseBuild
:tesstwo:checkReleaseManifest
:tesstwo:prepareReleaseDependencies
:tesstwo:compileReleaseAidl UP-TO-DATE
:tesstwo:compileReleaseRenderscript UP-TO-DATE
:tesstwo:generateReleaseBuildConfig UP-TO-DATE
:tesstwo:generateReleaseAssets UP-TO-DATE
:tesstwo:mergeReleaseAssets UP-TO-DATE
:tesstwo:generateReleaseResValues UP-TO-DATE
:tesstwo:generateReleaseResources UP-TO-DATE
:tesstwo:packageReleaseResources UP-TO-DATE
:tesstwo:processReleaseManifest UP-TO-DATE
:tesstwo:processReleaseResources UP-TO-DATE
:tesstwo:generateReleaseSources UP-TO-DATE
:tesstwo:compileReleaseJava UP-TO-DATE
:tesstwo:processReleaseJavaRes UP-TO-DATE
:tesstwo:packageReleaseJar UP-TO-DATE
:tesstwo:compileReleaseNdk
/home/mateo/repos/POC7_OCR/tesstwo/src/main/jni/com_googlecode_tesseract_android/pageiterator.cpp:19:26: fatal error: pageiterator.h: No such file or directory
 #include "pageiterator.h"
                      ^
compilation terminated.
&lt;/code&gt;&lt;/pre&gt;
&lt;p&gt;The file pageiterator.h is indeed there, and permissions are given. I think the problem might be in how NDK is looking for the files it should be building, but I've never used it before and cant seem to get where the problem might be.&lt;/p&gt;
&lt;p&gt;Thanks!&lt;/p&gt;</t>
  </si>
  <si>
    <t>2014-10-29 00:20:10.907000+00:00</t>
  </si>
  <si>
    <t>2014-11-03 20:37:58.397000+00:00</t>
  </si>
  <si>
    <t>android|android-ndk|tesseract</t>
  </si>
  <si>
    <t>HIVE: CREATE TABLE AS SELECT command cannot specify the list of columns for the target table</t>
  </si>
  <si>
    <t>&lt;p&gt;How can I make this work?&lt;/p&gt;
&lt;pre&gt;&lt;code&gt;  hive&amp;gt; desc temp;
  OK
  a                     int                                         
  b                     int                                         
  Time taken: 0.077 seconds, Fetched: 2 row(s)
&lt;/code&gt;&lt;/pre&gt;
&lt;p&gt;I want to create t2 HIVE table with column names c and d but getting below error.&lt;/p&gt;
&lt;pre&gt;&lt;code&gt;  hive&amp;gt; create table t2(c int,d int) as select a,b from temp;
  FAILED: SemanticException [Error 10065]: CREATE TABLE AS SELECT command         cannot specify the list of columns for the target table
&lt;/code&gt;&lt;/pre&gt;</t>
  </si>
  <si>
    <t>2017-04-03 07:30:26.623000+00:00</t>
  </si>
  <si>
    <t>2018-06-16 01:14:11.230000+00:00</t>
  </si>
  <si>
    <t>user6249495</t>
  </si>
  <si>
    <t>hadoop|hive</t>
  </si>
  <si>
    <t>Using XML annotations</t>
  </si>
  <si>
    <t>&lt;p&gt;I have (inherited) an application that is configured by XML file.  When the application starts it instantiates its configuration from the file with a bunch of annotated objects.&lt;/p&gt;
&lt;p&gt;So I have a script...&lt;/p&gt;
&lt;pre&gt;&lt;code&gt;@XmlRootElement(name = "script")
@XmlAccessorType(XmlAccessType.NONE)
public class Script {...
&lt;/code&gt;&lt;/pre&gt;
&lt;p&gt;which has fields...&lt;/p&gt;
&lt;pre&gt;&lt;code&gt;@XmlElementWrapper(name = "fields", required = true)
@XmlElementRef(type = Field.class)
private List&amp;lt;Field&amp;gt; fields;
&lt;/code&gt;&lt;/pre&gt;
&lt;p&gt;etc.&lt;/p&gt;
&lt;p&gt;Which is all very nice and lovely.  Now, writing the XML configuration files by hand is tedious and error-prone, so I'm thinking about writing some kind of GUI to do it.  This GUI would need to know the permitted structure so it can offer the right types of objects within the right types of objects.  All of that information is embedded within these configuration objects, and it would be wrong to have to duplicate all of this information for the GUI to know what to do.&lt;/p&gt;
&lt;p&gt;So, extracting the information from the annotations seems like the Right thing to do.  Anyone know where to begin with something like that?  Ideally, given it includes things like &lt;code&gt;@XmlSeeAlso({...})&lt;/code&gt; then it would be nice to be able to ask &lt;code&gt;javax.xml&lt;/code&gt; for the information, because it might understand all its own annotations already, otherwise I'll have to encode an understanding of those in my own code.  I have no idea how feasible that is or how much I'll have to do myself.&lt;/p&gt;
&lt;p&gt;Very happy to examine alternative approaches too, if anyone has any experience of something like this.&lt;/p&gt;</t>
  </si>
  <si>
    <t>2011-01-26 10:12:39.993000+00:00</t>
  </si>
  <si>
    <t>2011-01-26 14:29:05.263000+00:00</t>
  </si>
  <si>
    <t>java|xml|annotations|jaxb|configuration-files</t>
  </si>
  <si>
    <t>Android ListView is not showing anything?</t>
  </si>
  <si>
    <t>&lt;pre&gt;&lt;code&gt;public class EpisodeScreen extends Activity implements   OnClickListener,OnItemClickListener,IServerResponse {
private String image;
private String episodediscription;
private String video;
private ListView episodelist=null;
private ArrayList&amp;lt;Object&amp;gt; _EpisodeList=new ArrayList&amp;lt;Object&amp;gt;();
private EpisodeAdapter mAdapter=null;
@Override
protected void onCreate(Bundle savedInstanceState) {
    // TODO Auto-generated method stub
    super.onCreate(savedInstanceState);
    setContentView(R.layout.episode_list);
    episodelist=(ListView)findViewById(R.id.listview1);
    episodelist.setOnItemClickListener(this);
}
@Override
public void onClick(View v) {
    // TODO Auto-generated method stub
    switch (v.getId()) {
    case R.id.play:
        Log.i("click","sucess");
        break;
    default:
        break;
    }
}
@Override
protected void onResume() {
    // TODO Auto-generated method stub
    super.onResume();
    getEpisode();
}
public void getEpisode() {
    if (NetworkAvailablity.checkNetworkStatus(EpisodeScreen.this)) {
        ArrayList&amp;lt;NameValuePair&amp;gt; requestParaList = new ArrayList&amp;lt;NameValuePair&amp;gt;();
        requestParaList.add(new BasicNameValuePair("issue_id","1"));
        WebServiceCommunicator.getInstance().registerForServerResponse(
                (IServerResponse) EpisodeScreen.this);
        WebServiceCommunicator.getInstance().callGetAppWebService(
                Constant.showDialog, this, WebServiceConstants.getMethodUrl(WebServiceConstants.METHOD_NAME_GET_EPISODE_DETAILS),
                EpisodeScreen.this, Constant.PID_EPISODE, false,
                requestParaList);
    } else {
        Constant.showAlertDialog(Constant.errorTitle,
                Constant.MSG_CHECK_INTERNET_SETTING,
                EpisodeScreen.this, false);
    }
}
@Override
public void serverResponse(String response, int processid) {
    // TODO Auto-generated method stub
    Message msg = new Message();
    msg.obj = response;
    msg.arg1 = processid;
    _handler.sendMessage(msg);
}
private Handler _handler = new Handler() {
    public void handleMessage(Message msg) {
        String respons=msg.obj.toString();
        switch (msg.arg1) {
        case Constant.PID_EPISODE:
            if(respons!=null ){
                try{
                    JSONObject jsonObj=new JSONObject(respons);
                    JSONArray jArray=jsonObj.optJSONArray("Episode Detail");    
                    if(jArray!=null){
                        for(int i =0;i&amp;lt;jArray.length();i++){
                            JSONObject jsonObject=jArray.getJSONObject(i);
                            episodebean bean=new episodebean();
                            bean.setEpisode_image(jsonObject.getString("Episode-image"));
                            bean.setEpisode_discription(jsonObject.getString("Episode-description"));
                            bean.setEpisode_video(jsonObject.getString("Episode-video"));
                            _EpisodeList.add(bean);
                        }
                        mAdapter=new EpisodeAdapter(EpisodeScreen.this, _EpisodeList);
                        episodelist.setAdapter(mAdapter);
                        /**/
                        /*if(_EpisodeList.size()!=0){
                                mAdapter=new EpisodeAdapter(EpisodeScreen.this, _EpisodeList);
                                episodelist.setAdapter(mAdapter);
                            }*/
                    }
                }
                catch (JSONException e) {
                }
            }
            break;
        default:
            break;
        }
    }
};
@Override
public void onItemClick(AdapterView&amp;lt;?&amp;gt; arg0, View arg1, int arg2, long arg3) {
    // TODO Auto-generated method stub
    Toast.makeText(getApplicationContext(), "ok........", Toast.LENGTH_LONG).show();
}
   }
&lt;/code&gt;&lt;/pre&gt;
&lt;p&gt;here is adapter&lt;/p&gt;
&lt;pre&gt;&lt;code&gt;   public class EpisodeAdapter extends BaseAdapter {
private LayoutInflater _mInflater = null;
private ArrayList&amp;lt;Object&amp;gt; _EpisodeList=null;
private Context ctx = null;
private UserImageLoaderWithCache imageLoader=null;
public EpisodeAdapter(Context context,
        ArrayList&amp;lt;Object&amp;gt; _episodeList) {
    // TODO Auto-generated constructor stub
    this.ctx = context;
    this._EpisodeList = _episodeList;
    imageLoader=new UserImageLoaderWithCache(context);
}
@Override
public int getCount() {
    // TODO Auto-generated method stub
    return _EpisodeList.size();
}
@Override
public Object getItem(int position) {
    // TODO Auto-generated method stub
    return _EpisodeList.get(position);
}
@Override
public long getItemId(int position) {
    // TODO Auto-generated method stub
    return 0;
}
static class ViewHolder {
    public TextView txtViewTitle;
    public ImageView pic;
    public TextView tvurl;
}
@Override
public View getView(int position, View convertView, ViewGroup parent) {
    final ViewHolder holder;
    if (convertView == null) {
        holder = new ViewHolder();
        LayoutInflater linf = (LayoutInflater) ctx
                .getSystemService(Context.LAYOUT_INFLATER_SERVICE);
        convertView = linf.inflate(R.layout.episode_screen, null);
        // view.imgViewFlag.setScaleType(ImageView.ScaleType.CENTER_CROP);
        holder.txtViewTitle = (TextView) convertView.findViewById(R.id.tv_episode);
        holder.tvurl=(TextView)convertView.findViewById(R.id.tv_url);
        holder.pic = (ImageView) convertView.findViewById(R.id.iv_episode);
        convertView.setTag(holder);
    } else {
        holder = (ViewHolder) convertView.getTag();
    }
    final episodebean bean=(episodebean)_EpisodeList.get(position);
    holder.txtViewTitle.setText(bean.getEpisode_discription());
    holder.tvurl.setText(bean.getEpisode_video());
    imageLoader.display(bean.getEpisode_image(), holder.pic, R.drawable.ic_launcher);
    return convertView;
}}
&lt;/code&gt;&lt;/pre&gt;
&lt;p&gt;I am using ListView in which I have to show data, which is coming from server. My ListView is not showing anything while response is coming (although it is showing in logcat) What do I do? Please help.&lt;/p&gt;
&lt;p&gt;Thank you.&lt;/p&gt;</t>
  </si>
  <si>
    <t>2014-01-20 07:37:42.867000+00:00</t>
  </si>
  <si>
    <t>2014-01-20 10:06:21.237000+00:00</t>
  </si>
  <si>
    <t>2014-01-20 07:41:54.887000+00:00</t>
  </si>
  <si>
    <t>JavaFX - How to synchronize CustomTab (extending Tab) and TabPane</t>
  </si>
  <si>
    <t>&lt;p&gt;I am developing an IDE. I created a &lt;code&gt;CustomTab.java&lt;/code&gt; class by extending the default JavaFX &lt;code&gt;Tab&lt;/code&gt;. I wanted to add a color transition animation, but I ran into a problem. The method in &lt;code&gt;TabPane&lt;/code&gt; named &lt;code&gt;getTabs()&lt;/code&gt;, which returns &lt;code&gt;ObservableList&amp;lt;Tab&amp;gt;&lt;/code&gt;, is final. This means I can't override it to return &lt;code&gt;ObservableList&amp;lt;CustomTab&amp;gt;&lt;/code&gt;. It seems that constructions like this: &lt;/p&gt;
&lt;pre&gt;&lt;code&gt;for (Tab tab : tabPane.getTabs()) {
    ((CustomTab) tab).stopFlash();
}
&lt;/code&gt;&lt;/pre&gt;
&lt;p&gt;used in &lt;code&gt;Controller.java&lt;/code&gt; are neck breaking and wrong.
What is the right way to do this?&lt;/p&gt;</t>
  </si>
  <si>
    <t>2015-06-21 17:19:12.507000+00:00</t>
  </si>
  <si>
    <t>2016-05-18 13:38:00.117000+00:00</t>
  </si>
  <si>
    <t>2015-06-21 17:22:41.610000+00:00</t>
  </si>
  <si>
    <t>java|javafx|tabs|synchronization|tabpanel</t>
  </si>
  <si>
    <t>Implementing your own MVVM vs. using an MVVM framework?</t>
  </si>
  <si>
    <t>&lt;p&gt;I have just started learning .net, wpf, wcf, and mvvm, and my question is:&lt;/p&gt;
&lt;p&gt;Is it better to implement own MVVM or use an MVVM framework like MVVM Light toolkit, Prism(it is too advanced and has unity framework(not sure how it helps in development))?&lt;/p&gt;</t>
  </si>
  <si>
    <t>2010-12-10 16:33:32.190000+00:00</t>
  </si>
  <si>
    <t>2018-04-16 22:12:49.677000+00:00</t>
  </si>
  <si>
    <t>.net|wpf|mvvm</t>
  </si>
  <si>
    <t>Converting dates from different centuries</t>
  </si>
  <si>
    <t>&lt;p&gt;I have staging table which contains date as string with format 'mm/dd/yy'. I have Oracle 11g procedure to convert the string to date format before loading into main table. I'm using &lt;code&gt;to_date('03/20/34','mm/dd/rr')&lt;/code&gt; to convert into date format which is giving wrong output as 03/20/2034 whereas the correct date is 03/20/1934. Please help me out to get the correct output where my table contains dates from both centuries.&lt;/p&gt;</t>
  </si>
  <si>
    <t>2017-06-13 06:48:36.240000+00:00</t>
  </si>
  <si>
    <t>2017-06-13 07:53:47.797000+00:00</t>
  </si>
  <si>
    <t>2017-06-13 07:19:19.930000+00:00</t>
  </si>
  <si>
    <t>oracle|date|oracle11g</t>
  </si>
  <si>
    <t>cannot get exact the same string as reading a txt file in Python</t>
  </si>
  <si>
    <t>&lt;p&gt;the format of my .txt file looks like this:&lt;/p&gt;
&lt;pre&gt;&lt;code&gt;a
abc
apple
hello
&lt;/code&gt;&lt;/pre&gt;
&lt;p&gt;I am using this code to read them as string:&lt;/p&gt;
&lt;pre&gt;&lt;code&gt;with open("wordsEn.txt") as infile:
    for line in infile:
        print(i)
&lt;/code&gt;&lt;/pre&gt;
&lt;p&gt;My output is something like this where there is an additional line after each string. What went wrong there? How can I remove them? also the length of every string is not right.. where the first string 'a' 's legth is 2&lt;/p&gt;
&lt;pre&gt;&lt;code&gt;a
abc
apple
hello
&lt;/code&gt;&lt;/pre&gt;</t>
  </si>
  <si>
    <t>2017-09-02 19:31:15.303000+00:00</t>
  </si>
  <si>
    <t>2017-09-02 19:32:32.327000+00:00</t>
  </si>
  <si>
    <t>XML schema, why xs:group can't be child of xs:all?</t>
  </si>
  <si>
    <t>&lt;p&gt;According to &lt;a href="https://msdn.microsoft.com/en-us/library/ms256093(v=vs.110).aspx" rel="nofollow"&gt;this page&lt;/a&gt; (and my practice), &lt;code&gt;xs:group&lt;/code&gt; element cannot be child of &lt;code&gt;xs:all&lt;/code&gt;.
So something like &lt;/p&gt;
&lt;pre&gt;&lt;code&gt;&amp;lt;xs:group name="g"&amp;gt;
    &amp;lt;xs:element name="first" type="xs:string"/&amp;gt;
    &amp;lt;xs:element name="last" type="xs:string"/&amp;gt;
&amp;lt;/xs:group&amp;gt;
&amp;lt;xs:all&amp;gt;
    &amp;lt;xs:group ref="g" minOccurs="0" maxOccurs="1"/&amp;gt;
    &amp;lt;xs:element name="id" type="xs:string"/&amp;gt;
&amp;lt;/xs:all&amp;gt;
&lt;/code&gt;&lt;/pre&gt;
&lt;p&gt;is not valid because group cannot be inside &lt;code&gt;xs:all&lt;/code&gt;. But I want to define a schema, in which two elements (&lt;code&gt;first&lt;/code&gt; and &lt;code&gt;last&lt;/code&gt; in above example) both exist or neither of them exists, so I make them into a group. Then I want to make the group part of &lt;code&gt;xs:all&lt;/code&gt; because the group can appear with other elements (for example, id element above) in any order. In other words, I want to have several elements are optional as a whole group. Without &lt;code&gt;xs:group&lt;/code&gt; being able to be child of &lt;code&gt;xs:all&lt;/code&gt;, how can I achieve this?&lt;/p&gt;</t>
  </si>
  <si>
    <t>2015-11-13 17:32:19.440000+00:00</t>
  </si>
  <si>
    <t>2015-11-13 18:49:16.350000+00:00</t>
  </si>
  <si>
    <t>xml|xslt|xsd</t>
  </si>
  <si>
    <t>Not able to add any subviews (buttons, labels) programatically using XCode 7.0 with Objective C</t>
  </si>
  <si>
    <t>&lt;pre&gt;&lt;code&gt;UIButton *btn = [UIButton buttonWithType:UIButtonTypeCustom];
[btn setTitle:@"Test Title" forState:UIControlStateNormal];
[btn sizeToFit];
[self.view addSubview:btn];
&lt;/code&gt;&lt;/pre&gt;
&lt;p&gt;After the app I didn't see the button on View&lt;/p&gt;</t>
  </si>
  <si>
    <t>2015-10-23 11:15:20.620000+00:00</t>
  </si>
  <si>
    <t>2015-10-23 11:25:52.237000+00:00</t>
  </si>
  <si>
    <t>objective-c|ios9|xcode7</t>
  </si>
  <si>
    <t>how to transpose row to column using Spark-SQL?</t>
  </si>
  <si>
    <t>&lt;p&gt;I have following data in my table t1&lt;/p&gt;
&lt;pre&gt;&lt;code&gt;col1    | col2   |
sess-1  | read   |
sess-1  | meet   |
sess-1  | walk   |
sess-2  | watch  |
sess-2  | sleep  |
sess-2  | run    |
sess-2  | drive  |
&lt;/code&gt;&lt;/pre&gt;
&lt;p&gt;expected output:&lt;/p&gt;
&lt;pre&gt;&lt;code&gt;col1   | col2                  |
sess-1 | read,meet,walk        |
sess-2 | watch,sleep,run,drive |
&lt;/code&gt;&lt;/pre&gt;
&lt;p&gt;I am using Spark 1.4.0&lt;/p&gt;</t>
  </si>
  <si>
    <t>2015-06-22 14:18:47.790000+00:00</t>
  </si>
  <si>
    <t>2015-09-07 16:37:26.450000+00:00</t>
  </si>
  <si>
    <t>issue saving R plot with transparent background</t>
  </si>
  <si>
    <t>&lt;p&gt;I am trying to save a r plot with transparent background with png format. I have followed few recommended method in stackoverflow but every time I am still getting the white background. My test date is as follows: &lt;/p&gt;
&lt;pre&gt;&lt;code&gt;structure(list(wd = c(7.5, 22.5, 37.5, 52.5, 67.5, 82.5, 97.5, 
112.5, 127.5, 142.5, 157.5, 172.5, 187.5, 202.5, 217.5, 232.5, 
247.5, 262.5, 277.5, 292.5, 307.5, 322.5, 337.5, 352.5), MP1 = c(17.6, 
21, 20.5, 26.5, 32.7, 38.3, 40.7, 41.8, 41.6, 44.4, 52.4, 62.5, 
70.7, 74.4, 71.1, 66.9, 66.9, 69.4, 69.4, 67.4, 63.4, 55.9, 43.9, 
33.9)), .Names = c("wd", "MP1"), class = "data.frame", row.names = c(NA, 
-24L))
&lt;/code&gt;&lt;/pre&gt;
&lt;p&gt;I tried two methods but both fail to remove the background. &lt;/p&gt;
&lt;p&gt;method 1:&lt;/p&gt;
&lt;pre&gt;&lt;code&gt;library(ggplot2)
library(cairo)
ggplot(dat, aes(wd, MP1)) +
  coord_polar( start = 0, direction = 1) +
  xlab("")+
  ylab("")+
  scale_x_continuous(limits = c(0, 360), expand = c(0, 0), breaks = seq(0, 360-1, by = 90), labels=c("North", "East","South", "West")) +
  geom_vline(xintercept = seq(0, 360-1, by = 15), colour = "grey90", size = 0.2) +
  geom_bar(width=15, stat='identity', fill= "cyan", colour= "white") +
  theme_bw() +
  theme(panel.border = element_blank(),
        legend.key = element_blank(),
        axis.ticks = element_blank(),
        axis.text.y = element_blank(),
        axis.text.x = element_blank(),
        panel.grid = element_blank())
Cairo(width = 640, height = 480, file="test.png", type="png", 
      bg = "transparent")
dev.off()
&lt;/code&gt;&lt;/pre&gt;
&lt;p&gt;method 2:&lt;/p&gt;
&lt;pre&gt;&lt;code&gt;png("test.png", width = 4 * 800,
    height = 4 * 800, res = 600)
ggplot(dat, aes(wd, MP1)) +
  coord_polar( start = 0, direction = 1) +
  xlab("")+
  ylab("")+
  scale_x_continuous(limits = c(0, 360), expand = c(0, 0), breaks = seq(0, 360-1, by = 90), labels=c("North", "East","South", "West")) +
  geom_vline(xintercept = seq(0, 360-1, by = 15), colour = "grey90", size = 0.2) +
  geom_bar(width=15, stat='identity', fill= "cyan", colour= "white") +
  theme_bw() +
  theme(panel.border = element_blank(),
        legend.key = element_blank(),
        axis.ticks = element_blank(),
        axis.text.y = element_blank(),
        axis.text.x = element_blank(),
        panel.grid = element_blank(),
       plot.background = element_rect(fill = NULL,colour = NA))
dev.off()
&lt;/code&gt;&lt;/pre&gt;
&lt;p&gt;Unfortunately neither method gives me a transparent background and still show a white background if I add to a ArcGIS or Microsoft word document. &lt;/p&gt;
&lt;p&gt;I would really appreciate any advise to what possibly I am doing wrong as I am not getting any error messages but just not getting the transparent background. Many thanks in advance&lt;/p&gt;</t>
  </si>
  <si>
    <t>2015-07-21 22:04:21.250000+00:00</t>
  </si>
  <si>
    <t>2016-10-21 09:47:43.367000+00:00</t>
  </si>
  <si>
    <t>r|plot|ggplot2|cairo</t>
  </si>
  <si>
    <t>Google Charts - Table has no columns when it has columns</t>
  </si>
  <si>
    <t>&lt;p&gt;I'm attempting to create a Google Charts Line Chart. The Json I'm returning from a C# MVC controller method looks as follows:&lt;/p&gt;
&lt;p&gt;&lt;a href="https://i.stack.imgur.com/fTHZA.png" rel="nofollow noreferrer"&gt;&lt;img src="https://i.stack.imgur.com/fTHZA.png" alt="enter image description here"&gt;&lt;/a&gt;&lt;/p&gt;
&lt;p&gt;My JS code looks as follows:&lt;/p&gt;
&lt;pre&gt;&lt;code&gt;function drawChart() {
    var jsonData = $.ajax({
        url: "/Misc/GetWeeklySalesData/",
        dataType: "json",
        async: false
    }).responseText;
    // Create our data table out of JSON data loaded from server.
    var data = new google.visualization.DataTable(jsonData);
    alert(data);
    // Instantiate and draw our chart, passing in some options.
    var chart = new google.visualization.LineChart(document.getElementById('chartDiv'));
    chart.draw(data, { width: 400, height: 240 });
&lt;/code&gt;&lt;/pre&gt;
&lt;p&gt;I'm getting the message 'Table has no columns' when clearly it does.&lt;/p&gt;</t>
  </si>
  <si>
    <t>2017-03-25 20:57:11.050000+00:00</t>
  </si>
  <si>
    <t>2018-04-01 08:50:25.953000+00:00</t>
  </si>
  <si>
    <t>google-visualization</t>
  </si>
  <si>
    <t>Xcode provisioning profile</t>
  </si>
  <si>
    <t>&lt;p&gt;Is there any way to test in code about which certificate is using? (Development provisioning profile or distribution profile?) &lt;/p&gt;</t>
  </si>
  <si>
    <t>2012-07-12 17:18:28.827000+00:00</t>
  </si>
  <si>
    <t>2012-07-12 21:53:49.687000+00:00</t>
  </si>
  <si>
    <t>iphone|xcode</t>
  </si>
  <si>
    <t>Get microphone input and read data</t>
  </si>
  <si>
    <t>&lt;p&gt;I have a square reader which has audio output that I'm trying to read via the web browser. I'm using &lt;code&gt;getUserMedia&lt;/code&gt; to get the audio stream from the microphone, and the web audio API to get the data. My problem is that all the tutorials I've found mention using the data stream to show visuals for the audio stream. In my implementation, I need to be able to differentiate card-swipe sound with the background noise.&lt;/p&gt;
&lt;p&gt;I have a couple basic questions:&lt;/p&gt;
&lt;ol&gt;
&lt;li&gt;What is FFT size? I know it's &lt;strong&gt;F&lt;/strong&gt;ast &lt;strong&gt;F&lt;/strong&gt;ourier &lt;strong&gt;T&lt;/strong&gt;ransform, but I don't know how or if it pertains to what I'm doing.&lt;/li&gt;
&lt;li&gt;I understand buffer size but how do I know how big my buffer should be?&lt;/li&gt;
&lt;li&gt;I've seen multiple things regarding left and right audio. I would assume the square reader would only have one channel for simplicity's sake, would this be correct?&lt;/li&gt;
&lt;/ol&gt;
&lt;p&gt;And finally, the most important question, how do I combine it all together to make it so I read the frame that contains the square swipe data? I have this resource but I'm not getting data as 1s and 0s from the frequency or time data values of the stream analyser.&lt;/p&gt;
&lt;p&gt;&lt;a href="http://www.instructables.com/id/Read-any-magnetic-strip-card-with-a-Square-reader-/?ALLSTEPS#attachments" rel="nofollow" title="Instructables: read from Square"&gt;This link&lt;/a&gt; has more information about what needs to be done, but I can't do it until I get the data as bytes.&lt;/p&gt;</t>
  </si>
  <si>
    <t>2015-12-08 20:34:08.043000+00:00</t>
  </si>
  <si>
    <t>2015-12-08 22:37:14.193000+00:00</t>
  </si>
  <si>
    <t>html5|audio|html5-audio|web-audio|getusermedia</t>
  </si>
  <si>
    <t>Interesting operator '===' in Kotlin</t>
  </si>
  <si>
    <t>&lt;p&gt;What operator '===' do in Kotlin? How does it work? Can we check reference equality?&lt;/p&gt;
&lt;pre&gt;&lt;code&gt;val a: Int = 10000
print(a === a) // Prints 'true'
val boxedA: Int? = a
val anotherBoxedA: Int? = a
print(boxedA === anotherBoxedA) // !!!Prints 'false'!!!
&lt;/code&gt;&lt;/pre&gt;
&lt;p&gt;but in case:&lt;/p&gt;
&lt;pre&gt;&lt;code&gt;var a : Int = 1000
var b : Int = 1000
println(a === b) // print 'true' !!!
&lt;/code&gt;&lt;/pre&gt;
&lt;p&gt;val &lt;code&gt;a: Int = 1000&lt;/code&gt; and &lt;code&gt;val b: Int = 1000&lt;/code&gt; is not in range &lt;code&gt;-128..127&lt;/code&gt;, but still &lt;code&gt;===&lt;/code&gt; is true or compiler in some cases understand that it can be taken one value?&lt;/p&gt;</t>
  </si>
  <si>
    <t>2016-02-27 13:14:09.500000+00:00</t>
  </si>
  <si>
    <t>2016-03-01 14:15:02.827000+00:00</t>
  </si>
  <si>
    <t>syntax|kotlin</t>
  </si>
  <si>
    <t>Pass parameter to an awk script file</t>
  </si>
  <si>
    <t>&lt;p&gt;If I want to pass a parameter to an awk script file, how can I do that ?&lt;/p&gt;
&lt;pre&gt;&lt;code&gt;#!/usr/bin/awk -f
{print $1}
&lt;/code&gt;&lt;/pre&gt;
&lt;p&gt;Here I want to print the first argument passed to the script from the shell, like:&lt;/p&gt;
&lt;pre&gt;&lt;code&gt;bash-prompt&amp;gt; echo "test" | ./myawkscript.awk hello
bash-prompt&amp;gt; hello
&lt;/code&gt;&lt;/pre&gt;</t>
  </si>
  <si>
    <t>2013-04-12 11:10:53.677000+00:00</t>
  </si>
  <si>
    <t>2018-07-10 11:45:49.677000+00:00</t>
  </si>
  <si>
    <t>2014-03-15 18:25:53.663000+00:00</t>
  </si>
  <si>
    <t>linux|unix|awk</t>
  </si>
  <si>
    <t>Inverting a matrix of any size</t>
  </si>
  <si>
    <t>&lt;p&gt;I'm using the &lt;a href="http://gnu.org/software/gsl" rel="nofollow"&gt;GNU Scientific Library&lt;/a&gt; in implementing a calculator which needs to be able to raise matrices to powers. Unfortunately, there doesn't seem to be such a function available in the GSL for even multiplying matrices (the &lt;code&gt;gsl_matrix_mul_elements()&lt;/code&gt; function only multiplies using the addition process), and by extension, no raising to powers.&lt;/p&gt;
&lt;p&gt;I want to be able to raise to negative powers, which requires the ability to take the inverse. From my searching around, I have not been able to find any sound code for calculating the inverses of arbitrary matrices (only ones with defined dimensions), and the guides I found for doing it by hand use clever "on-paper tricks" that don't really work in code.&lt;/p&gt;
&lt;p&gt;Is there a common algorithm that can be used to compute the inverse of a matrix of any size (failing of course when the inverse cannot be calculated)?&lt;/p&gt;</t>
  </si>
  <si>
    <t>2015-05-31 15:53:37.340000+00:00</t>
  </si>
  <si>
    <t>2015-06-02 13:50:18.110000+00:00</t>
  </si>
  <si>
    <t>c|matrix|inverse|exponent|matrix-inverse</t>
  </si>
  <si>
    <t>constness of returned object(s) from a const member function</t>
  </si>
  <si>
    <t>&lt;p&gt;What is a good rule of thumb as to whether or not the return value of a const member function should be const or not? Here's what I tend to do, but I struggle with
ambiguous scenarios.&lt;/p&gt;
&lt;pre&gt;&lt;code&gt;class foo
{
    public:
        // if the returned object is conceptually
        // (and therefore usually literally but not even necessarily) 
        // owned by *this*,
        // then a const ptr should be returned
        const ownedByFoo *getOwnedByFoo() const { return m_ownedByFoo; }
        ownedByFoo *getOwnedByFoo() { return m_ownedByFoo; }
        // what's a poor boy to do here?
        // veryRelatedToFoo might be a conceptual contemporary or parent
        // of Foo. Note naming the function "find..." instead of "get.."
        // since *get* implies the object holds it as a data member but
        // that may not even be the case here. There could be a
        // standalone container that associates foo and veryRelatedToFoo.
        // Should constness be symmetrical here?
        const veryRelatedToFoo *findVeryRelatedToFoo() const;
        veryRelatedToFoo *findVeryRelatedToFoo();
        // If the returned object is only (conceptually)
        // peripherally related to *this*, 
        // the returned object probably shoudn't be const, even if
        // foo happens to have one of these as a direct data member,
        // since we don't want to give away the implementation details of
        // Foo and it may hold peripherallyRelatedToFoo simply for performance
        // reasons, etc.
        peripherallyRelatedToFoo *findPeripherallyRelatedToFoo() const
    ...
};
&lt;/code&gt;&lt;/pre&gt;
&lt;p&gt;One additional note is that once you have asymmetrical constness, you could
ask const object A to return object B, then ask object B to return object A, and
then you've managed to bypass the intended constness of object A.&lt;/p&gt;</t>
  </si>
  <si>
    <t>2009-05-22 19:04:28.983000+00:00</t>
  </si>
  <si>
    <t>2009-05-23 00:40:47.713000+00:00</t>
  </si>
  <si>
    <t>How to format this query in RavenDB</t>
  </si>
  <si>
    <t>&lt;p&gt;Given a document that looks like this:&lt;/p&gt;
&lt;pre&gt;&lt;code&gt;public class Post {
    public string Title { get; set; }
    public List&amp;lt;string&amp;gt; Tags {get; set;}
}
&lt;/code&gt;&lt;/pre&gt;
&lt;p&gt;How do you create this linq query for the RavenDB linq provider.&lt;/p&gt;
&lt;pre&gt;&lt;code&gt;from post in Posts
where post.Tags.Contains(someTag)
select post
&lt;/code&gt;&lt;/pre&gt;</t>
  </si>
  <si>
    <t>2012-02-26 17:47:39.790000+00:00</t>
  </si>
  <si>
    <t>2012-02-26 18:18:15.133000+00:00</t>
  </si>
  <si>
    <t>linq|ravendb</t>
  </si>
  <si>
    <t>node.js - How to extract a substring between 2 slashes?</t>
  </si>
  <si>
    <t>&lt;p&gt;I need to extract the domain name from a string which is like "&lt;a href="http://www.domain.com/bla324" rel="nofollow"&gt;http://www.domain.com/bla324&lt;/a&gt;". The result should be "www.domain.com".&lt;/p&gt;
&lt;p&gt;Any ideas on this?&lt;/p&gt;</t>
  </si>
  <si>
    <t>2014-08-11 10:05:13.430000+00:00</t>
  </si>
  <si>
    <t>2014-08-11 10:44:36.323000+00:00</t>
  </si>
  <si>
    <t>2014-08-11 10:08:58.870000+00:00</t>
  </si>
  <si>
    <t>Storage Performance</t>
  </si>
  <si>
    <t>&lt;p&gt;I want to enable users to upload images &amp;amp; videos to a website. 
Question is now, shall I just drop all the files in one folder or make a folder e.g. for each user?
(Of course it would be easier to find)&lt;/p&gt;
&lt;p&gt;Does it make a difference in the performance?
Is it any difference in the access rate?&lt;/p&gt;
&lt;p&gt;thanks&lt;/p&gt;</t>
  </si>
  <si>
    <t>2011-08-08 10:00:34.740000+00:00</t>
  </si>
  <si>
    <t>2011-08-08 10:10:48.713000+00:00</t>
  </si>
  <si>
    <t>php|performance|storage|debian</t>
  </si>
  <si>
    <t>Jmeter Http proxy server throws java.net.URISyntaxException: Illegal character in query at index error</t>
  </si>
  <si>
    <t>&lt;p&gt;I am trying to record my web client-server communication using Jmeter. After the Jmeter and browser are configured for recording the application. When a post request is made from client to server, the following error happens. Any idea how to encode the URL which is being recorded?&lt;/p&gt;
&lt;pre&gt;&lt;code&gt;java.net.URISyntaxException: Illegal character in query at index 238: http://localhost:8080/updateBoxCorrectionInstantly?examKey=16-17-%3ECBSE-%3ETERM%20I-%3ESA1-%3EVI-%3EScience-%3EA&amp;amp;studentName=AMOGH%20YOGESH%20KALE&amp;amp;studentRollno=3&amp;amp;studentND=-1&amp;amp;sheetName=cb8e806b32e9d670698655e0d2da10e3_img001210.jpg&amp;amp;box={%22$center%22:%22(66.0,%202253.0)%22,%22$conf%22:%22H%22,%22$corrected%22:true,%22$isAdminCorrected%22:true,%22$correction%22:%22-%22,%22$isDrawn%22:false,%22coords%22:[36,2214,96,2292],%22isTitle%22:false,%22pos%22:%22-%22,%22pred%22:%22-%22,%22boxTypeId%22:0,%22score%22:1}
at java.net.URI$Parser.fail(URI.java:2829)
at java.net.URI$Parser.checkChars(URI.java:3002)
at java.net.URI$Parser.parseHierarchical(URI.java:3092)
at java.net.URI$Parser.parse(URI.java:3034)
at java.net.URI.&amp;lt;init&amp;gt;(URI.java:595)
at java.net.URL.toURI(URL.java:949)
at org.apache.jmeter.protocol.http.sampler.HTTPHC4Impl.sample(HTTPHC4Impl.java:232)
at org.apache.jmeter.protocol.http.sampler.HTTPSamplerProxy.sample(HTTPSamplerProxy.java:62)
at org.apache.jmeter.protocol.http.sampler.HTTPSamplerBase.sample(HTTPSamplerBase.java:1075)
at org.apache.jmeter.protocol.http.proxy.Proxy.run(Proxy.java:212)
&lt;/code&gt;&lt;/pre&gt;</t>
  </si>
  <si>
    <t>2017-01-26 13:43:05.940000+00:00</t>
  </si>
  <si>
    <t>2017-02-08 17:38:19.257000+00:00</t>
  </si>
  <si>
    <t>java|jmeter|urlencode|put</t>
  </si>
  <si>
    <t>Java string comparison with regex difference?</t>
  </si>
  <si>
    <t>&lt;p&gt;I'm working on comparing a large number of strings (log entries) for verifying that some system results have not changed.  My first attempt was direct enough, just using an .equals() comparison. If the .equals() failed.&lt;/p&gt;
&lt;p&gt;This works only as long as my system results are recorded the same day. Part of the data includes accessed time stamps. I don't mind if the accessed dates are different, it is the rest of the payload I'm concerned about.&lt;/p&gt;
&lt;p&gt;As an example from a small part of the strings I'm comparing:&lt;/p&gt;
&lt;pre&gt;&lt;code&gt;...3X68 : accessed 14 Oct 2014 : from quo... 
...3X68 : accessed 16 Oct 2014 : from quo...  
&lt;/code&gt;&lt;/pre&gt;
&lt;p&gt;The strings have multiple cases of the "accessed dd MMM yyyy" tags that I want to ignore, usually around 5-10 but in some cases the data can be several hundred kilobytes with several hundred blocks, each with a copy of the accessed stamp.  (Yes, removing the redundancy is on the list.)&lt;/p&gt;
&lt;p&gt;I've tried several attempts at mismatching with the regex "accessed \d\d ... \d\d\d\d", but since the substrings may appear multiple times, I'm ending up writing the regex tests with several numbers of those searches, but since it may appear potentially a hundred or more times, that is quickly impractical.&lt;/p&gt;
&lt;p&gt;What are some better ways to run this kind of string compare with exception?  Either directly, or by leveraging a library?&lt;/p&gt;</t>
  </si>
  <si>
    <t>2014-10-16 20:45:46.087000+00:00</t>
  </si>
  <si>
    <t>2014-10-17 13:15:00.607000+00:00</t>
  </si>
  <si>
    <t>java|regex|string|comparison</t>
  </si>
  <si>
    <t>sklearn svm area under ROC less than 0.5 for training data</t>
  </si>
  <si>
    <t>&lt;p&gt;I am using sklearn v 0.13.1 svm in order to try and solve a binary classification problem. I use kfold cross validation and compute the area under the roc curve (roc_auc) to test the quality of my model. However, for some folds the roc_auc is less than 0.5, even for the training data. Shouldn't that be impossible? Shouldn't it always be possible for the algorithm to at least reach 0.5 on the data it is being trained on?&lt;/p&gt;
&lt;p&gt;Here's my code:&lt;/p&gt;
&lt;pre&gt;&lt;code&gt;classifier = svm.SVC(kernel='poly', degree=3, probability=True, max_iter=100000)
kf = cross_validation.KFold(len(myData), n_folds=3, indices=False)
for train, test in kf:
    Fit = classifier.fit(myData[train], classVector[train])
    probas_ = Fit.predict_proba(myData[test])
    fpr, tpr, thresholds = roc_curve(classVector[test], probas_[:,1])
    roc_auc = auc(fpr, tpr)
    probas_ = Fit.predict_proba(myData[train])
    fpr2, tpr2, thresholds2 = roc_curve(classVector[train], probas_[:,1])
    roc_auc2 = auc(fpr2, tpr2)
    print "Training auc: ", roc_auc2, " Testing auc: ", roc_auc
&lt;/code&gt;&lt;/pre&gt;
&lt;p&gt;The output looks like this:&lt;/p&gt;
&lt;pre&gt;&lt;code&gt;    Training auc: 0.423920939062  Testing auc: 0.388436883629
    Training auc: 0.525472613736  Testing auc: 0.565581854043
    Training auc: 0.470917930528  Testing auc: 0.259344660194
&lt;/code&gt;&lt;/pre&gt;
&lt;p&gt;Is the results of an area under the curve less than 0.5 meaningful? In principle, if both the train and test values are &amp;lt;0.5 I could just invert the prediction for every point, but I am worried somthing is going wrong. I thought that even if I gave it completely random data, the algorithm should reach 0.5 on the training data?&lt;/p&gt;</t>
  </si>
  <si>
    <t>2014-02-05 20:20:32.127000+00:00</t>
  </si>
  <si>
    <t>2014-02-06 07:49:10.720000+00:00</t>
  </si>
  <si>
    <t>python|svm|scikit-learn|roc</t>
  </si>
  <si>
    <t>99 Bottles of Beer on the Wall</t>
  </si>
  <si>
    <t>&lt;p&gt;I am a beginner to Python. I have a school project on making a program that can produce the song "99 Bottles of Beer on the Wall"&lt;/p&gt;
&lt;p&gt;I would like to ask how do I make it show an error statement when I input a non integer value (a string, for example).&lt;/p&gt;
&lt;p&gt;And also how can I avoid this error���&lt;/p&gt;
&lt;pre&gt;&lt;code&gt;Traceback (most recent call last):
  File "C:\Users\skyfi\Desktop\Intro to Com. Prog. Notes\Chapter 11\zheng_tianyu_assignment4_part1.py", line 42, in &amp;lt;module&amp;gt;
    solution.song()
  File "C:\Users\skyfi\Desktop\Intro to Com. Prog. Notes\Chapter 11\zheng_tianyu_assignment4_part1.py", line 9, in song
    while int(i) &amp;gt; 0:
ValueError: invalid literal for int() with base 10: 'no more'
&lt;/code&gt;&lt;/pre&gt;
&lt;p&gt;Thank you for any help���&lt;/p&gt;
&lt;pre&gt;&lt;code&gt;    def __init__(self):
        self.num = input("Input number of beer: ")
    def song(self):
        i = int(self.num)
        if i == 0:
            print("No more beers on the wall.")
        while int(i) &amp;gt; 0:
            for i in range(i, 0, -1):
                bottle = "bottles"
                if i == 1:
                    bottle = "bottle"
                if i &amp;gt;= 0:
                    print("{0} {1} of beer on the wall, {0} {1} of beer.".format(i, bottle))
                    i = i - 1
                if i == 1:
                    bottle = "bottle"
                if i == 0:
                    i = str(i)
                    i = "no more"
                    bottle = "bottles"
                print("Take one down, pass it around, {0} {1} of beer on the wall.".format(i, bottle))
                print(" ")
        if i &amp;lt; 0:
            print("Invalid input!")
solution = Assignment4Part1()
solution.song()
&lt;/code&gt;&lt;/pre&gt;</t>
  </si>
  <si>
    <t>2016-06-07 03:24:38.173000+00:00</t>
  </si>
  <si>
    <t>2016-06-07 05:01:02.773000+00:00</t>
  </si>
  <si>
    <t>python-3.x|syntax-error</t>
  </si>
  <si>
    <t>How to pass in variable for color in Java?</t>
  </si>
  <si>
    <t>&lt;p&gt;I have a very basic java Swing window. I have an inner class ActionAndMouseListener which is listening for mouse clicks and such in a JFrame construction which has a large panel that changes colors depending on which of the three available buttons are pressed (red, blue, and yellow). The buttons are blank panels containing simply labels that read the name of which color they represent. I want this method inside the inner class to listen for mouse clicks and change the color of the panel when the button is pressed. I am trying to create a single method that will work for all three buttons. So far I have this:&lt;/p&gt;
&lt;pre&gt;&lt;code&gt;public void actionPerformed(ActionEvent event)
        {
            Object obj = event.getSource();
            JButton myButt = null;
            String buttonText = "";
            if (obj instanceof JButton)
            {
                myButt = (JButton)obj;
            }
            if (myButt != null)
            {
                buttonText = myButt.getText();
            }
            panel.setBackground(Color.(buttonText));
&lt;/code&gt;&lt;/pre&gt;
&lt;p&gt;I know that passing buttonText as the Color variable is not going to work as it is currently. What do I need to change to make this work? Is there a better way to go about this?&lt;/p&gt;</t>
  </si>
  <si>
    <t>2015-10-13 14:32:10.030000+00:00</t>
  </si>
  <si>
    <t>2015-10-13 18:33:01.770000+00:00</t>
  </si>
  <si>
    <t>2015-10-13 14:40:01.423000+00:00</t>
  </si>
  <si>
    <t>java|swing|actionlistener</t>
  </si>
  <si>
    <t>VBA: Running Workbook_BeforeClose from general module and not ThisWorkbook of Active Workbook</t>
  </si>
  <si>
    <t>&lt;p&gt;So I have a macro I wrote that I want to run on close of the workbook. &lt;/p&gt;
&lt;p&gt;Unfortunately, the only way to apparently do this is to place the macro in the &lt;code&gt;ThisWorkbook&lt;/code&gt; module of the actual file as opposed to having it sit in the &lt;code&gt;PERSONAL.XLSB&lt;/code&gt;. &lt;/p&gt;
&lt;p&gt;This is not desirable for a few reasons:&lt;/p&gt;
&lt;ol&gt;
&lt;li&gt;&lt;p&gt;The macro would have to be put into every workbook it needs to be run on--I have hundreds.&lt;/p&gt;&lt;/li&gt;
&lt;li&gt;&lt;p&gt;The workbooks would need to be saved as macro enabled which, in my experience, many email servers won't accept emails with macro enabled workbooks attached.&lt;/p&gt;&lt;/li&gt;
&lt;/ol&gt;
&lt;p&gt;So ideally I would like to be able to run the macro from the &lt;code&gt;PERSONAL.XLSB&lt;/code&gt; in just a general module.&lt;/p&gt;
&lt;p&gt;Any suggestions about how this might be possible?&lt;/p&gt;
&lt;p&gt;&lt;strong&gt;EDIT:&lt;/strong&gt;&lt;/p&gt;
&lt;p&gt;Per instructions at:&lt;/p&gt;
&lt;p&gt;&lt;a href="http://www.cpearson.com/excel/AppEvent.aspx" rel="nofollow noreferrer"&gt;http://www.cpearson.com/excel/AppEvent.aspx&lt;/a&gt;&lt;/p&gt;
&lt;p&gt;&lt;code&gt;PERSONAL.XLSB&lt;/code&gt;&lt;/p&gt;
&lt;p&gt;&lt;code&gt;CExcelEvents class module&lt;/code&gt;&lt;/p&gt;
&lt;pre&gt;&lt;code&gt;Private WithEvents App As Application
Private Sub Class_Initialize()
    Set App = Application
End Sub
Private Sub App_WorkbookOpen(ByVal Wb As Workbook)
    MsgBox "New Workbook: " &amp;amp; Wb.Name
End Sub
&lt;/code&gt;&lt;/pre&gt;
&lt;p&gt;&lt;code&gt;PERSONAL.XLSB&lt;/code&gt;&lt;/p&gt;
&lt;p&gt;&lt;code&gt;ThisWorkbook&lt;/code&gt;&lt;/p&gt;
&lt;pre&gt;&lt;code&gt;Private XLApp As CExcelEvents
Private Sub Workbook_Open()
    Set XLApp = New CExcelEvents
End Sub
&lt;/code&gt;&lt;/pre&gt;
&lt;p&gt;&lt;s&gt;Doesn't work if you try to open a different workbook. If you click on &lt;code&gt;PERSONAL.XLSB&lt;/code&gt; in recent documents it will trigger the message.&lt;/p&gt;
&lt;p&gt;Move this into another &lt;code&gt;ThisWorkbook&lt;/code&gt; object for a specific workbook and it still only works on that workbook:&lt;/p&gt;
&lt;pre&gt;&lt;code&gt;Private XLApp As CExcelEvents
Private Sub Workbook_Open()
    Set XLApp = New CExcelEvents
End Sub
&lt;/code&gt;&lt;/pre&gt;
&lt;p&gt;So even though the class module is in &lt;code&gt;PERSONAL.XLSB&lt;/code&gt;, it appears you still have to put the above into the workbook you want it to run on it, which I think I would still require saving it as an &lt;code&gt;.XLSM&lt;/code&gt; and would run into email filter issues.&lt;/s&gt;&lt;/p&gt;
&lt;p&gt;For some reason this did start working with everything in &lt;code&gt;PERSONAL.XLSB&lt;/code&gt; although I didn't change anything. Exciting, but would like to know why.&lt;/p&gt;
&lt;p&gt;However, now that I am trying to change the example to actually work how I need it with &lt;code&gt;BeforeClose&lt;/code&gt;. So I updated to the following:&lt;/p&gt;
&lt;p&gt;&lt;code&gt;PERSONAL.XLSB&lt;/code&gt;&lt;/p&gt;
&lt;p&gt;&lt;code&gt;CExcelEvents class module&lt;/code&gt;&lt;/p&gt;
&lt;pre&gt;&lt;code&gt;Private WithEvents App As Application
Private Sub Class_Initialize()
    Set App = Application
End Sub
Private Sub App_WorkbookBeforeClose(ByVal Wb As Workbook, Cancel As Boolean)
    MsgBox "Closing the workbook."
End Sub
&lt;/code&gt;&lt;/pre&gt;
&lt;p&gt;&lt;code&gt;PERSONAL.XLSB&lt;/code&gt;&lt;/p&gt;
&lt;p&gt;&lt;code&gt;ThisWorkbook&lt;/code&gt;&lt;/p&gt;
&lt;pre&gt;&lt;code&gt;Private XLApp As CExcelEvents
Private Sub Workbook_BeforeClose(Cancel As Boolean)
    Set XLApp = New CExcelEvents
End Sub
&lt;/code&gt;&lt;/pre&gt;
&lt;p&gt;Back to what happened yesterday... will only trigger when you go to close &lt;code&gt;PERSONAL.XLSB&lt;/code&gt;. One would think that since the &lt;code&gt;PERSONAL.XLSB&lt;/code&gt; opens with all workbooks, it would trigger regardless, but it isn't. Again, saving in the &lt;code&gt;ThisWorkbook&lt;/code&gt; object of the target workbook works, but isn't a solution due to having to save as an &lt;code&gt;.XLSM&lt;/code&gt; and email filters.&lt;/p&gt;</t>
  </si>
  <si>
    <t>2017-04-06 20:46:26.557000+00:00</t>
  </si>
  <si>
    <t>2017-04-07 23:01:03.333000+00:00</t>
  </si>
  <si>
    <t>WiFi-Direct : How to Connect and interact with peers programmatically without user intervention?</t>
  </si>
  <si>
    <t>&lt;p&gt;We are trying to build an app where we need the WiFi direct application to check for Peers automatically and connect without any user intervention? I saw that we do have a Demo version in developers.android with a Demo but it has with Activity from user to check and connect.&lt;/p&gt;
&lt;p&gt;Any help on how to do this/direction is appreciated.&lt;/p&gt;
&lt;p&gt;Thanks.&lt;/p&gt;</t>
  </si>
  <si>
    <t>2012-03-26 16:36:33.407000+00:00</t>
  </si>
  <si>
    <t>2016-06-16 12:31:50.160000+00:00</t>
  </si>
  <si>
    <t>2012-10-01 12:56:37.013000+00:00</t>
  </si>
  <si>
    <t>android|wifi|android-wifi|wifi-direct</t>
  </si>
  <si>
    <t>Woocommerce Variations Displayed on Archive Pages</t>
  </si>
  <si>
    <t>&lt;p&gt;I've got some code working perfectly on my single product pages. For some reason, it will not function the same in archive/list view.&lt;/p&gt;
&lt;p&gt;First, I used a plugin to make the variations radio buttons instead of the dropdown. Then I modified that and made it display the price of each variation. Like I said, works great on product page.&lt;/p&gt;
&lt;p&gt;I'm new at this google and compile until my eyes bleed and eventually it works. No such luck this time. &lt;/p&gt;
&lt;p&gt;Here is the product page: &lt;a href="http://pchdelivery.com/product/star-wars-kush/" rel="nofollow noreferrer"&gt;http://pchdelivery.com/product/star-wars-kush/&lt;/a&gt;
Here is archive: &lt;a href="http://pchdelivery.com/menu/" rel="nofollow noreferrer"&gt;http://pchdelivery.com/menu/&lt;/a&gt;&lt;/p&gt;
&lt;p&gt;I don't need any of the cart functionality, only to display the variations and respective price with each product in categories.&lt;/p&gt;
&lt;p&gt;Thanks in advance&lt;/p&gt;</t>
  </si>
  <si>
    <t>2017-03-31 10:08:40.053000+00:00</t>
  </si>
  <si>
    <t>2017-03-31 10:27:16.917000+00:00</t>
  </si>
  <si>
    <t>"Incorrect link" in episerver 7 when doing project as MVC</t>
  </si>
  <si>
    <t>&lt;p&gt;I've just created a new EpiServer 7 MVC project and created my first pagetype and page, the start page. In admin mode I can see the start page and if I single step in the start page controller I can see that "currentPage" has values. &lt;/p&gt;
&lt;p&gt;BUT if I go to the page in the normal mode (not in edit in admin) I just get the "Incorrect link". If I single step I also see that "currentPage" is null in the controller. I thinks it's weird that EpiServer succeds in calling the right controller and action and then not being able to render it (it finds the view as well). I have no clue what's going on. I can't see any differences from how I've set up previous sites that works.&lt;/p&gt;
&lt;p&gt;The exception is &lt;/p&gt;
&lt;pre&gt;&lt;code&gt;Exception details: 
HttpException: Not Found
Http status: 
404 NotFound
&lt;/code&gt;&lt;/pre&gt;
&lt;p&gt;If I create a project with webforms (no MVC) it works but it is when I merge a MVC project into the EPI-project this happens.&lt;/p&gt;
&lt;p&gt;I have no clue what's wrong so thank you for answers!&lt;/p&gt;</t>
  </si>
  <si>
    <t>2013-08-12 15:57:48.323000+00:00</t>
  </si>
  <si>
    <t>2013-09-11 11:19:04.983000+00:00</t>
  </si>
  <si>
    <t>2013-08-16 01:02:06.003000+00:00</t>
  </si>
  <si>
    <t>asp.net-mvc|webforms|episerver-7</t>
  </si>
  <si>
    <t>Cannot resolve symbol 'DateTime'</t>
  </si>
  <si>
    <t>&lt;p&gt;I'm trying to use DateTime for the first time.&lt;/p&gt;
&lt;p&gt;I'm working with Java on IntelliJ.&lt;/p&gt;
&lt;p&gt;I've tried writing:&lt;/p&gt;
&lt;pre&gt;&lt;code&gt;DateTime dt = new DateTime();
&lt;/code&gt;&lt;/pre&gt;
&lt;p&gt;but I get a "Cannot resolve symbol DateTime" error.&lt;/p&gt;
&lt;p&gt;What should I do?&lt;/p&gt;</t>
  </si>
  <si>
    <t>2015-11-17 06:24:54.273000+00:00</t>
  </si>
  <si>
    <t>2015-11-17 06:54:03.500000+00:00</t>
  </si>
  <si>
    <t>2015-11-17 06:45:11.477000+00:00</t>
  </si>
  <si>
    <t>java|datetime|intellij-idea</t>
  </si>
  <si>
    <t>Avoid passing undefined for optional parameters</t>
  </si>
  <si>
    <t>&lt;p&gt;If I have a constructor that has &lt;code&gt;n&lt;/code&gt; optional parameters and I want to pass a value for only the &lt;em&gt;last&lt;/em&gt; optional parameter, I have to pass &lt;code&gt;undefined&lt;/code&gt; &lt;code&gt;n-1&lt;/code&gt; times.&lt;/p&gt;
&lt;p&gt;For example:&lt;/p&gt;
&lt;pre&gt;&lt;code&gt;class House() {
    constructor(door?, roof?, windows?) { }
}
&lt;/code&gt;&lt;/pre&gt;
&lt;p&gt;If I want to instantiate a new &lt;code&gt;House&lt;/code&gt; that doesn't have a &lt;code&gt;door&lt;/code&gt; or a &lt;code&gt;roof&lt;/code&gt; but does have &lt;code&gt;windows&lt;/code&gt;, I have to pass &lt;code&gt;undefined&lt;/code&gt; twice to the constructor:&lt;/p&gt;
&lt;pre&gt;&lt;code&gt;let myHouse = new House(undefined, undefined, new Windows());
&lt;/code&gt;&lt;/pre&gt;
&lt;p&gt;C# has &lt;a href="https://docs.microsoft.com/en-us/dotnet/csharp/programming-guide/classes-and-structs/named-and-optional-arguments" rel="nofollow noreferrer"&gt;named parameters&lt;/a&gt;, which would be ideal here. &lt;/p&gt;
&lt;p&gt;How can I avoid passing &lt;code&gt;undefined&lt;/code&gt; &lt;code&gt;n-1&lt;/code&gt; times in this scenario?&lt;/p&gt;</t>
  </si>
  <si>
    <t>2017-07-31 12:45:23.673000+00:00</t>
  </si>
  <si>
    <t>2017-07-31 12:59:20.543000+00:00</t>
  </si>
  <si>
    <t>typescript|parameters|undefined</t>
  </si>
  <si>
    <t>Axis2 2-way ssl handshake URL Filter</t>
  </si>
  <si>
    <t>&lt;p&gt;This is the setup I have &lt;/p&gt;
&lt;pre&gt;&lt;code&gt;    Axis 2
    Java 6
    Websphere 7
&lt;/code&gt;&lt;/pre&gt;
&lt;p&gt;After lot of issues made axis 2 work in Websphere 7 Now I need to implement two Way SSL handshake
Seems like I need to implement my own SSLProtocol Factory for apache httpclient.&lt;/p&gt;
&lt;p&gt;But the catch here is .I need the ssl cert check only for a service deployed in it. There are totally two services.And I need the SSL check for only one service. &lt;/p&gt;
&lt;pre&gt;&lt;code&gt;    Is there some url filter I can implement so That I can make sure the ssl 
    works for only the service I intend to not for the whole Project
&lt;/code&gt;&lt;/pre&gt;
&lt;p&gt;Can anybody help me. been struggling with this issue for Weeks.&lt;/p&gt;</t>
  </si>
  <si>
    <t>2013-04-25 09:26:31.973000+00:00</t>
  </si>
  <si>
    <t>2013-04-25 15:59:44.877000+00:00</t>
  </si>
  <si>
    <t>java|web-services|websphere|axis2</t>
  </si>
  <si>
    <t>OpenGl texture questions</t>
  </si>
  <si>
    <t>&lt;p&gt;&lt;strong&gt;Texturing headache...&lt;/strong&gt;&lt;/p&gt;
&lt;p&gt;I can't understand where i go wrong here. My problem is that the texture is not aligned. The image on the left is the OpenGl textured quad, and the right is the original. Notice how the columns are offset in the textured quad.&lt;/p&gt;
&lt;p&gt;&lt;img src="https://i.stack.imgur.com/5vJNN.jpg" alt="Mis-aligned texture" title="Mis-aligned texture"&gt;&lt;/p&gt;
&lt;p&gt;I don't know if i am not loading the texture properly, or make a mistake during uploading it to videomemory, or simply use the wrong texCoords...&lt;/p&gt;
&lt;p&gt;The image is a bmp (R8 G8 B8 A8) and the mistake lies somewhere in here:&lt;/p&gt;
&lt;p&gt;(Loading of bitmap and uploading of texture)&lt;/p&gt;
&lt;pre&gt;&lt;code&gt;        Bitmap fontBmp = new Bitmap("font2.bmp");
        MemoryStream ms = new MemoryStream();
        fontBmp.Save(ms, ImageFormat.Bmp);
        int imageWidth = fontBmp.Width;
        int imageHeight = fontBmp.Height;
        byte[] fontBytes = ms.GetBuffer();
        fontBmp.Dispose();
        ms.Dispose();
        Gl.glBindTexture(Gl.GL_TEXTURE_2D, (int)TexId.font);
        Gl.glPixelStorei(Gl.GL_UNPACK_ALIGNMENT, 1);
        Gl.glTexParameteri(Gl.GL_TEXTURE_2D, Gl.GL_TEXTURE_WRAP_S, Gl.GL_CLAMP_TO_EDGE);
        Gl.glTexParameteri(Gl.GL_TEXTURE_2D, Gl.GL_TEXTURE_WRAP_T, Gl.GL_CLAMP_TO_EDGE);
        Gl.glTexParameteri(Gl.GL_TEXTURE_2D, Gl.GL_TEXTURE_MAG_FILTER, Gl.GL_NEAREST);
        Gl.glTexParameteri(Gl.GL_TEXTURE_2D, Gl.GL_TEXTURE_MIN_FILTER, Gl.GL_NEAREST);
        Gl.glTexEnvf(Gl.GL_TEXTURE_ENV, Gl.GL_TEXTURE_ENV_MODE, Gl.GL_MODULATE); // Try GL_DECAL...
        Gl.glTexImage2D(Gl.GL_TEXTURE_2D, 0, Gl.GL_RGBA, imageWidth, imageHeight, 0, Gl.GL_RGBA, Gl.GL_UNSIGNED_BYTE, fontBytes);
&lt;/code&gt;&lt;/pre&gt;
&lt;p&gt;(The quad...)&lt;/p&gt;
&lt;pre&gt;&lt;code&gt;        Gl.glTexCoord2f(0f + (0.5f / 128f), (127f / 128f) + (0.5f / 128f));
        Gl.glVertex2i(50, 50);
        Gl.glTexCoord2f(0f + (0.5f / 128f), 0f + (0.5f / 128f)); 
        Gl.glVertex2i(50, this.Height - 50);
        Gl.glTexCoord2f((127f / 128f) + (0.5f / 128f), 0f + (0.5f / 128f)); 
        Gl.glVertex2i(this.Width - 50, this.Height - 50);
        Gl.glTexCoord2f((127f / 128f) + (0.5f / 128f), (127f / 128f) + (0.5f / 128f)); 
        Gl.glVertex2i(this.Width - 50, 50);
&lt;/code&gt;&lt;/pre&gt;
&lt;p&gt;Does anyone spot anything causing this?&lt;/p&gt;</t>
  </si>
  <si>
    <t>2011-07-04 21:07:31.427000+00:00</t>
  </si>
  <si>
    <t>2011-07-04 21:39:51.123000+00:00</t>
  </si>
  <si>
    <t>c#|opengl|textures</t>
  </si>
  <si>
    <t>line 3 divs on one line</t>
  </si>
  <si>
    <t>&lt;p&gt;I am trying to get a &lt;a href="/questions/tagged/mailchimp" class="post-tag" title="show questions tagged &amp;#39;mailchimp&amp;#39;" rel="tag"&gt;mailchimp&lt;/a&gt; signup form to be on the same line instead of the default 3 lines.&lt;/p&gt;
&lt;p&gt;I have tried to add display: inline-block; which made no difference and I have also tried to put a container around the divs but that didn't make a difference.&lt;/p&gt;
&lt;p&gt;I do not have much experience of css but I do understand it.  I was wondering if someone with a little more experience may be able to help.&lt;/p&gt;
&lt;pre&gt;&lt;code&gt;    &amp;lt;!-- Begin MailChimp Signup Form --&amp;gt;
&amp;lt;div id="mc_embed_signup"&amp;gt;
&amp;lt;form action="//digital-realms.us12.list-manage.com/subscribe/post?u=b3dcff09f16684d5f73852c78&amp;amp;amp;id=af1750ad39" method="post" id="mc-embedded-subscribe-form" name="mc-embedded-subscribe-form" class="validate" target="_blank" novalidate&amp;gt;
    &amp;lt;div id="mc_embed_signup_scroll"&amp;gt;
&amp;lt;div&amp;gt;Sign up to free e-Mail alerts for the latest news, offers &amp;amp; more: &amp;lt;/div&amp;gt;
&amp;lt;div class="mc-field-group"&amp;gt;
    &amp;lt;input type="email" value="" name="EMAIL" class="required email" id="mce-EMAIL"&amp;gt;
&amp;lt;/div&amp;gt;
    &amp;lt;div id="mce-responses" class="clear"&amp;gt;
        &amp;lt;div class="response" id="mce-error-response" style="display:none"&amp;gt;&amp;lt;/div&amp;gt;
        &amp;lt;div class="response" id="mce-success-response" style="display:none"&amp;gt;&amp;lt;/div&amp;gt;
    &amp;lt;/div&amp;gt;    &amp;lt;!-- real people should not fill this in and expect good things - do not remove this or risk form bot signups--&amp;gt;
    &amp;lt;div style="position: absolute; left: -5000px;"&amp;gt;&amp;lt;input type="text" name="b_b3dcff09f16684d5f73852c78_af1750ad39" tabindex="-1" value=""&amp;gt;&amp;lt;/div&amp;gt;
    &amp;lt;div class="clear opt-in" "&amp;gt;&amp;lt;input type="submit" value="Sign Up" name="subscribe" id="mc-embedded-subscribe" class="button"&amp;gt;&amp;lt;/div&amp;gt;
    &amp;lt;/div&amp;gt;
&amp;lt;/form&amp;gt;
&amp;lt;/div&amp;gt;
&amp;lt;!--End mc_embed_signup--&amp;gt;
&lt;/code&gt;&lt;/pre&gt;
&lt;p&gt;Thank you.&lt;/p&gt;
&lt;p&gt;ps: The code came from MailChimp and they set the classes so I do not have any css of my own to include.&lt;/p&gt;</t>
  </si>
  <si>
    <t>2015-11-05 12:26:35.927000+00:00</t>
  </si>
  <si>
    <t>2015-11-12 19:58:16.227000+00:00</t>
  </si>
  <si>
    <t>html|css|html-email|mailchimp</t>
  </si>
  <si>
    <t>Check from xcode what accounts have root privileges</t>
  </si>
  <si>
    <t>&lt;p&gt;I'm getting the list of accounts from OSX background process (aka daemon) with help of &lt;code&gt;CBIdentity&lt;/code&gt;. However, there seems to be no information whenever or not each &lt;code&gt;CBIdentity&lt;/code&gt; has admin rights. Maybe someone knows how to get this info?&lt;/p&gt;</t>
  </si>
  <si>
    <t>2017-06-14 08:50:42.580000+00:00</t>
  </si>
  <si>
    <t>2017-06-14 09:54:31.893000+00:00</t>
  </si>
  <si>
    <t>xcode|macos</t>
  </si>
  <si>
    <t>Error callback without any error</t>
  </si>
  <si>
    <t>&lt;p&gt;I'm executing the following in my JS.&lt;/p&gt;
&lt;pre&gt;&lt;code&gt;var url = ...;
$.ajax({
  url: url,
  error: function(p1, p2) { alert(p2); }
});
&lt;/code&gt;&lt;/pre&gt;
&lt;p&gt;I get the text &lt;em&gt;error&lt;/em&gt; but when I check the console of FF, it lists the call to the address specified as &lt;em&gt;200 OK&lt;/em&gt;. It appears that I &lt;strong&gt;do&lt;/strong&gt; get an error, because &lt;em&gt;success&lt;/em&gt; isn't called though.&lt;/p&gt;
&lt;ol&gt;
&lt;li&gt;How is it possible?&lt;/li&gt;
&lt;li&gt;Where can I check the message of the error (I see &lt;em&gt;state()&lt;/em&gt; says &lt;em&gt;rejected&lt;/em&gt;)?&lt;/li&gt;
&lt;/ol&gt;</t>
  </si>
  <si>
    <t>2013-10-31 14:31:45.407000+00:00</t>
  </si>
  <si>
    <t>2013-10-31 14:41:58.550000+00:00</t>
  </si>
  <si>
    <t>won't read my file in C++ in the login</t>
  </si>
  <si>
    <t>&lt;p&gt;it does write in my file but it seems like it won't read any. it keeps saying "incorrect username or password" , can anyone see the error??? this is the code that i have made, ios::app is for append right&gt; is something like that needed in ifstream as well???  i really don;t know what else to say. i have been trying to get this work the whole day today.&lt;/p&gt;
&lt;pre&gt;&lt;code&gt;#include&amp;lt;iostream&amp;gt;
#include&amp;lt;fstream&amp;gt;
#include&amp;lt;string&amp;gt;
using namespace std;
int main()
{
  int command; string name,password,inName, inPassword,regName,regPassword;
 while(1)
 {
    cout&amp;lt;&amp;lt; " 1. REGISTER \n 2. LOGIN \n 3. EXIT" &amp;lt;&amp;lt;"\n\n";
    cout&amp;lt;&amp;lt; "ENTER YOUR COMMAND NUMBER: \n";
    cin&amp;gt;&amp;gt;command;
    if (command==3)
    {
        return 1;
    }
    if (command == 1)
    {
        ofstream g("Registration.txt", fstream::app);
        if (!g.is_open())
        {
            cout&amp;lt;&amp;lt; "no such file exists \n";
            return 0;
        }
        cout&amp;lt;&amp;lt; "\n\n\n Enter new username: ";
        cin&amp;gt;&amp;gt; regName;
        cout&amp;lt;&amp;lt; "\n New Password: ";
        cin&amp;gt;&amp;gt; regPassword;
        g&amp;lt;&amp;lt;regName; g&amp;lt;&amp;lt;"\n";
        g&amp;lt;&amp;lt; regPassword;
        g.close();
    }
    if (command == 2)
    {
        ifstream f("Registration.txt");
        if (!f.is_open())
        {
            cout&amp;lt;&amp;lt; "could not open file \n";
            return 0;
        }
        getline(f,name,'\n');
        getline(f,password,'\n');
        f.close();
        while (1)
        {
            cout&amp;lt;&amp;lt; "\n\n\n"&amp;lt;&amp;lt; "Enter username: ";
            cin&amp;gt;&amp;gt;inName;
            cout&amp;lt;&amp;lt; "Enter password: ";
            cin&amp;gt;&amp;gt; inPassword;
            if (inName==name &amp;amp;&amp;amp; inPassword== password)
            {
                cout &amp;lt;&amp;lt; "\n\n\nLOGIN SUCCESSFUL! \n\n\n Welcome!"&amp;lt;&amp;lt; inName;
                break;
            }
            cout&amp;lt;&amp;lt; "INCORRECT USERNAME OR PASSWORD";
        }
        }
    }
  return 1;
 }
&lt;/code&gt;&lt;/pre&gt;</t>
  </si>
  <si>
    <t>2018-05-15 15:00:42.670000+00:00</t>
  </si>
  <si>
    <t>2018-05-15 15:04:41.937000+00:00</t>
  </si>
  <si>
    <t>c++|codeblocks</t>
  </si>
  <si>
    <t>Mysql: Accessing information_schema crashes the mysql service</t>
  </si>
  <si>
    <t>&lt;p&gt;i have Windows 7 64bit with Mysql 5.5.28 installed and when i try to access  information_schema tables via php mysql query the entire mysql.exe service crashes and i have to restart it.&lt;/p&gt;
&lt;p&gt;I tried to access the information_schema via  Phpmyadmin, to make sure I'm not doing something wrong in my query but it crashes as well.&lt;/p&gt;
&lt;p&gt;I tried to run repair command on the information_schema db, but it did not helped.&lt;/p&gt;
&lt;p&gt;I have no idea what could be wrong with it. I did not changed any values there, i only access information_schema to read auto_increment values for my tables, but thats it.&lt;/p&gt;
&lt;p&gt;Any advice appreciated, thanks.&lt;/p&gt;</t>
  </si>
  <si>
    <t>2013-03-22 10:06:59.137000+00:00</t>
  </si>
  <si>
    <t>php|mysql|windows|crash|information-schema</t>
  </si>
  <si>
    <t>Write Background service in Android</t>
  </si>
  <si>
    <t>&lt;p&gt;My android app has requirement to schedule a task at certain time. It could be daily, weekly, monthly, etc. So while inserting input data, if user selects "daily". There will be back ground service, which will insert same data daily. &lt;/p&gt;
&lt;p&gt;I tried to create Service and corresponding receiver class, however it looks like service doesn't run automatically. Can someone tell me what is missing?&lt;/p&gt;
&lt;p&gt;Receiver classes   &lt;/p&gt;
&lt;pre&gt;&lt;code&gt;     public class MyScheduleReceiver extends BroadcastReceiver {
      // Restart service every 30 seconds
      private static final long REPEAT_TIME = 1000 * 30;
      @Override
      public void onReceive(Context context, Intent intent) {
        AlarmManager service = (AlarmManager) context
            .getSystemService(Context.ALARM_SERVICE);
        Intent i = new Intent(context, MyStartServiceReceiver.class);
        PendingIntent pending = PendingIntent.getBroadcast(context, 0, i,
            PendingIntent.FLAG_CANCEL_CURRENT);
        Calendar cal = Calendar.getInstance();
        // Start 30 seconds after boot completed
        cal.add(Calendar.SECOND, 30);
        //
        // Fetch every 30 seconds
        // InexactRepeating allows Android to optimize the energy consumption
        service.setInexactRepeating(AlarmManager.RTC_WAKEUP,
            cal.getTimeInMillis(), REPEAT_TIME, pending);
        // service.setRepeating(AlarmManager.RTC_WAKEUP, cal.getTimeInMillis(),
        // REPEAT_TIME, pending);
        Toast.makeText(context, "Receving", Toast.LENGTH_SHORT).show();
      }
   public class MyStartServiceReceiver extends BroadcastReceiver {
      @Override
      public void onReceive(Context context, Intent intent) {
        Intent service = new Intent(context, LocalWordService.class);
        context.startService(service);
      }
    } 
&lt;/code&gt;&lt;/pre&gt;
&lt;p&gt;Android Menifest.xml&lt;/p&gt;
&lt;pre&gt;&lt;code&gt;   &amp;lt;service
    android:name=".LocalWordService"
    android:label="LocalWordService" &amp;gt;
    &amp;lt;/service&amp;gt;
    &amp;lt;receiver android:name="MyScheduleReceiver" &amp;gt;
    &amp;lt;intent-filter&amp;gt;
        &amp;lt;action android:name="android.intent.action.BOOT_COMPLETED" /&amp;gt;
    &amp;lt;/intent-filter&amp;gt;
&amp;lt;/receiver&amp;gt;
&amp;lt;receiver android:name="MyStartServiceReceiver" &amp;gt;
&amp;lt;/receiver&amp;gt;
&lt;/code&gt;&lt;/pre&gt;
&lt;p&gt;Now when i start application, i call one activity class which basically call the service using below code...but nothing is happening after every 30 seconds.&lt;/p&gt;
&lt;pre&gt;&lt;code&gt;   Intent mServiceIntent = new Intent(this, LocalWordService.class);
        startService(mServiceIntent);
&lt;/code&gt;&lt;/pre&gt;
&lt;p&gt;Service class&lt;/p&gt;
&lt;pre&gt;&lt;code&gt;    public class LocalWordService extends Service {
private final IBinder mBinder = new MyBinder();
private ArrayList&amp;lt;String&amp;gt; list = new ArrayList&amp;lt;String&amp;gt;();
@Override
public void onCreate() {
    // TODO Auto-generated method stub
    super.onCreate();
}
@Override
public int onStartCommand(Intent intent, int flags, int startId) {
    Toast.makeText(this, "Starting", Toast.LENGTH_SHORT).show();
    Random random = new Random();
    if (random.nextBoolean()) {
        list.add("Linux");
    }
    if (random.nextBoolean()) {
        list.add("Android");
    }
    if (random.nextBoolean()) {
        list.add("iPhone");
    }
    if (random.nextBoolean()) {
        list.add("Windows7");
    }
    if (list.size() &amp;gt;= 20) {
        list.remove(0);
    }
    return Service.START_NOT_STICKY;
    }
  @Override
  public IBinder onBind(Intent arg0) {
    return mBinder;
  }
  public class MyBinder extends Binder {
    LocalWordService getService() {
        return LocalWordService.this;
    }
}
public List&amp;lt;String&amp;gt; getWordList() {
    return list;
}
   }
&lt;/code&gt;&lt;/pre&gt;
&lt;p&gt;Please advice, what is missing?&lt;/p&gt;</t>
  </si>
  <si>
    <t>2013-02-21 19:07:14.943000+00:00</t>
  </si>
  <si>
    <t>2014-10-28 16:07:27.587000+00:00</t>
  </si>
  <si>
    <t>2013-02-21 19:26:13.920000+00:00</t>
  </si>
  <si>
    <t>android|service|background</t>
  </si>
  <si>
    <t>Json .Net Deserialize</t>
  </si>
  <si>
    <t>&lt;p&gt;i need little help. I have type film which has some attributes. And i have list of this film(List). When i serialize it and save to file, i am unable to load and deserialize it(some type of Xaml error).
Here is json saved in file:&lt;/p&gt;
&lt;pre&gt;&lt;code&gt;[
    {
        "cesta": "C:\\Users\\Kenny\\Videos\\[Glitch Hop or 110BPM]   Rogue   Night After Night [Monstercat Release].wmv",
        "jmeno": "Test",
        "serie": "0",
        "hodnoceni": "",
        "herci": "",
        "rok": 0,
        "dil": 0,
        "obrazek": "file:///C:/Users/Kenny/Pictures/Pozadi��/1.jpg"
    },
    {
        "cesta": "C:\\Users\\Kenny\\Videos\\[EDM]   Laszlo x WRLD   You  Me [Monstercat Release].mp4",
        "jmeno": "Test2",
        "serie": "0",
        "hodnoceni": "",
        "herci": "",
        "rok": 0,
        "dil": 0,
        "obrazek": "file:///C:/Users/Kenny/Pictures/Pozadi/1.jpg"
    }
]
&lt;/code&gt;&lt;/pre&gt;
&lt;p&gt;And here is code to deserialize it:&lt;/p&gt;
&lt;pre&gt;&lt;code&gt;List&amp;lt;Film&amp;gt; temp = JsonConvert.DeserializeObject&amp;lt;List&amp;lt;Film&amp;gt;&amp;gt;(json, new FilmConverter());
&lt;/code&gt;&lt;/pre&gt;
&lt;p&gt;Thanks for help.&lt;/p&gt;</t>
  </si>
  <si>
    <t>2015-02-07 15:14:25+00:00</t>
  </si>
  <si>
    <t>2015-02-08 19:43:13.440000+00:00</t>
  </si>
  <si>
    <t>c#|.net|json|serialization|json.net</t>
  </si>
  <si>
    <t>Trouble setting directory permissions</t>
  </si>
  <si>
    <t>&lt;p&gt;I'm struggling to find the right combination for setting permissions on a directory such that the group owner can read, write, and execute and everyone else has no permissions (i.e., can't see or access).&lt;/p&gt;
&lt;p&gt;What's the right combination?&lt;/p&gt;
&lt;p&gt;My current permissions are as follows:&lt;/p&gt;
&lt;p&gt;&lt;code&gt;drwxrwx--- 4 apache ec2andapache 4096 Aug 18 17:40 /var/www/html/import&lt;/code&gt;&lt;/p&gt;</t>
  </si>
  <si>
    <t>2015-08-18 18:53:46.907000+00:00</t>
  </si>
  <si>
    <t>2015-08-19 17:00:21.330000+00:00</t>
  </si>
  <si>
    <t>apache</t>
  </si>
  <si>
    <t>Error with Kendo for ASP MVC doesn't work</t>
  </si>
  <si>
    <t>&lt;p&gt;I upgraded kendo UI 2014 to Kendo 2014.1.528 with MVC 3.Added kendo.Mvc dll to the all the projects and added kendo.web.min.js, kendo.aspnetmvc.min.js and style sheets. when ran the application no data is loaded into the grids, none of the exisiting functionality works. what are the other areas to check ? Do i need to upgrade all the other jquery files required for kendo UI.
using below jquery files&lt;/p&gt;
&lt;pre&gt;&lt;code&gt;&amp;lt;script src="@Url.Content("~/Scripts/json2.js")"&amp;gt;&amp;lt;/script&amp;gt;
&amp;lt;script src="@Url.Content("~/Scripts/jquery.ba-postmessage.min.js")"&amp;gt;&amp;lt;/script&amp;gt;
&amp;lt;script src="@Url.Content("~/Scripts/knockout-2.0.0.js")"&amp;gt;&amp;lt;/script&amp;gt;
&amp;lt;script src="@Url.Content("~/Scripts/knockout.mapping.js")"&amp;gt;&amp;lt;/script&amp;gt;
&amp;lt;script src="@Url.Content("~/Scripts/jquery.ba-postmessage.min.js")"&amp;gt;&amp;lt;/script&amp;gt;
&amp;lt;script src="@Url.Content("~/Scripts/jquery.blockUI.js")"&amp;gt;&amp;lt;/script&amp;gt;
&amp;lt;script src="@Url.Content("~/Scripts/jquery.alerts.js")"&amp;gt;&amp;lt;/script&amp;gt;
&amp;lt;script src="@Url.Content("~/Scripts/jquery.treeview.js")"&amp;gt;&amp;lt;/script&amp;gt;
&amp;lt;script src="@Url.Content("~/Scripts/jquery.cookie.js")"&amp;gt;&amp;lt;/script&amp;gt;
&amp;lt;script src="@Url.Content("~/Scripts/jquery.multiselect.min.js")"&amp;gt;&amp;lt;/script&amp;gt;
&amp;lt;script src="@Url.Content("~/Scripts/jquery.unobtrusive-ajax.js")"&amp;gt;&amp;lt;/script&amp;gt;
&amp;lt;script src="@Url.Content("~/Scripts/jquery.validate.min.js")"&amp;gt;&amp;lt;/script&amp;gt;
&amp;lt;script src="@Url.Content("~/Scripts/jquery.validate.unobtrusive.min.js")"&amp;gt;&amp;lt;/script&amp;gt;
&lt;/code&gt;&lt;/pre&gt;
&lt;p&gt;If this is the issue, how do i upgrade the Jquery files, is there any Nuget package to upgrade.&lt;/p&gt;</t>
  </si>
  <si>
    <t>2014-05-30 21:24:35.697000+00:00</t>
  </si>
  <si>
    <t>2014-05-30 22:36:59.973000+00:00</t>
  </si>
  <si>
    <t>jquery|asp.net-mvc-3|kendo-ui</t>
  </si>
  <si>
    <t>Mongoose typing issue with typescript</t>
  </si>
  <si>
    <t>&lt;p&gt;I am building an app using mongoose and typescript. Here is a simple model I have made: &lt;/p&gt;
&lt;pre&gt;&lt;code&gt;import * as callbackMongoose from 'mongoose';
var mongoose = callbackMongoose;
mongoose.Promise = global.Promise;
const Schema = mongoose.Schema;
var userSchema = new Schema({
    username: String,
    email: String,
    hash: String
});
export default mongoose.model('User', userSchema);
&lt;/code&gt;&lt;/pre&gt;
&lt;p&gt;It works well but I need to cast each document to any before accessing properties. I read a guide that said I could do this: &lt;/p&gt;
&lt;pre&gt;&lt;code&gt;interface IUser extends mongoose.Document {
  username: String;
  email: String;
  hash: String;
}
export default mongoose.model&amp;lt;IUser&amp;gt;('User', userSchema);
&lt;/code&gt;&lt;/pre&gt;
&lt;p&gt;My problem is that the type mongoose doesn't seem to have the property &lt;code&gt;Document&lt;/code&gt;. It also doesn't have the property &lt;code&gt;ObjectId&lt;/code&gt;. When I cast mongoose to any and use these members it works just fine. It seems to be a typing issue. &lt;/p&gt;
&lt;p&gt;I installed the mongoose typing like so:&lt;/p&gt;
&lt;pre&gt;&lt;code&gt;npm install @types/mongoose --save
&lt;/code&gt;&lt;/pre&gt;
&lt;p&gt;The typings do work for Schema and they are good for all of the other libraries I use. Is something wrong with these type definitions? Am I doing something wrong?&lt;/p&gt;</t>
  </si>
  <si>
    <t>2016-11-27 19:12:06.430000+00:00</t>
  </si>
  <si>
    <t>2016-11-28 16:15:41.440000+00:00</t>
  </si>
  <si>
    <t>node.js|typescript|mongoose|definitelytyped</t>
  </si>
  <si>
    <t>When an exception is thrown and bubble up where a solution is found, how can we send the control back to where the exception was thrown?</t>
  </si>
  <si>
    <t>&lt;p&gt;For concreteness, I present some code, in which what I want, I know, is not possible.  I am looking for another way to get the same.   &lt;/p&gt;
&lt;pre&gt;&lt;code&gt;&amp;lt;?php
  error_reporting(E_ALL | E_STRICT); 
  function exception_error_handler($errno, $errstr, $errfile, $errline ) {
    throw new ErrorException($errstr, 0, $errno, $errfile, $errline);
    // When $errno is a notice, we would like a way for the execution to continue here. Since it is only a notice, eventually it could go back to where the notice was triggered. 
  }
  set_error_handler("exception_error_handler");
  Class TopLevelManagement {
    private $genericInfo = "Very important to add in notices"; 
    function highleveljob() {
      try{
        // In practice, the following statements could occur below in the execution tree, after a few other function calls. 
        $specific = new SpecificAndEncapsulated();
        $specific-&amp;gt;specificjob();
      }
      catch (ErrorException $e) {
        $message = $e-&amp;gt;getMessage() . $this-&amp;gt;genericInfo; 
        mail($admin_email, "Consider the generic info and recover from this situation", $message); 
        // Here we would like the execution to continue where the exception was thrown. In the real world, this would be like "thank you error handler for SpecificAndEncapsulated::specificjob, we have taken care of the issue with the help of our larger perspective.". 
      }   
    } 
  }
  Class SpecificAndEncapsulated {
    function specificjob() {
      // Some processing
      if($unexpected == true) trigger_error('Here is how little I know, as I should', E_USER_NOTICE);
      // Continue as expected after a notice.
    }
  }
?&amp;gt;
&lt;/code&gt;&lt;/pre&gt;
&lt;p&gt;Of course, one solution is to pass &lt;code&gt;$genericInfo&lt;/code&gt; as a parameter or as a global variable to &lt;code&gt;SpecificAndEncapsulated::justdomyjob&lt;/code&gt; and let the error_handler take care of the issue without bubbling up any exception. However, this solution is not natural. There are other ways to systematically  pass the variable &lt;code&gt;$genericInfo&lt;/code&gt;  to &lt;code&gt;SpecificAndEncapsulated&lt;/code&gt;, but the issue will be the same.  There should be no need to systematically pass the $genericInfo value, because it is not something that should concern &lt;code&gt;SpecificAndEncapsulated&lt;/code&gt;, not even when an exception occurs, even less systematically at every call.   A communication back to the issuer of the exception saying "thanks, now continue", after a notice has been managed at an higher level, is natural. Is there a support for this type of E_NOTICE or E_USER_NOTICE management? &lt;/p&gt;</t>
  </si>
  <si>
    <t>2015-02-09 18:24:26.273000+00:00</t>
  </si>
  <si>
    <t>2015-02-09 18:45:21.503000+00:00</t>
  </si>
  <si>
    <t>2015-02-09 18:42:57.613000+00:00</t>
  </si>
  <si>
    <t>user2066805</t>
  </si>
  <si>
    <t>php|exception|e-notices</t>
  </si>
  <si>
    <t>How to check a dataset belongs to another dataset</t>
  </si>
  <si>
    <t>&lt;p&gt;I have one dataset which contains Student Fee Structure of a single FeeID as mentioned below:    &lt;/p&gt;
&lt;pre&gt;&lt;code&gt;        FeeID   Amount    FeeItem             Type
      *---------------------------------------------*
        10      7500      Admission Fee        T
        10      900       Annual Fee           T
        10      150       Application Fee      T
        10      850       Boy's Uniform        T
        10      50        Computer Fee         R
&lt;/code&gt;&lt;/pre&gt;
&lt;p&gt;For example I have another dataset having following data:&lt;/p&gt;
&lt;pre&gt;&lt;code&gt;        FeeID   Amount    FeeItem             Type
      *---------------------------------------------*
        9       8500      Admission Fee        T
        9       950       Annual Fee           T
        9       150       Application Fee      T
        9       850       Boy's Uniform        T
        9       50        Computer Fee         R
        11      7500      Admission Fee        T
        11      900       Annual Fee           T
        11      150       Application Fee      T
        11      850       Boy's Uniform        T
        11      50        Computer Fee         R
&lt;/code&gt;&lt;/pre&gt;
&lt;p&gt;I want to check whether the set comprising of last three columns belongs to another dataset that contains data of all Fee Structures where FeeID may vary. Actual I want to retrieve matching FeeID having same Fee Structure. &lt;/p&gt;
&lt;p&gt;In the above example if I search for the first one in the second it will return &lt;strong&gt;True&lt;/strong&gt; and matching FeeID will be &lt;strong&gt;11&lt;/strong&gt;.&lt;/p&gt;</t>
  </si>
  <si>
    <t>2012-09-04 14:07:11.313000+00:00</t>
  </si>
  <si>
    <t>2012-09-05 08:22:19.963000+00:00</t>
  </si>
  <si>
    <t>2012-09-04 16:32:25.277000+00:00</t>
  </si>
  <si>
    <t>c#|.net|sql</t>
  </si>
  <si>
    <t>how to fix this error below stating that this is not a function</t>
  </si>
  <si>
    <t>&lt;p&gt;I am getting an &lt;code&gt;$("&amp;lt;div/&amp;gt;").text(value).html is not a function is not a function&lt;/code&gt; error in the code below:&lt;/p&gt;
&lt;pre&gt;&lt;code&gt;function htmlEncode(value) { 
    return $('&amp;lt;div/&amp;gt;').text(value).html(); 
}
function startImageUpload(imageuploadform, imagefilename){
    $('.imagef1_cancel').eq(window.lastUploadImageIndex).html(
        '&amp;lt;div&amp;gt;' + 
        htmlEncode(imagefilename) + 
        '&amp;lt;button type="button" class="imageCancel" cancel_image_file_name="' + 
        imagefilename + 
        '"&amp;gt;CANCEL&amp;lt;/button&amp;gt;&amp;lt;br/&amp;gt;&amp;lt;hr/&amp;gt;&amp;lt;/div&amp;gt;'
    );
    $('.imagef1_cancel').eq(window.lastUploadImageIndex)
        .find(".imageCancel")
        .on("click", function(event) {
            var cancel_image_file_name = $(this).attr('cancel_image_file_name');
            console.log(cancel_image_file_name) 
            jQuery.ajax("cancelimage.php?imagefilename=" + cancel_image_file_name)
            return stopImageUpload(2, cancel_image_file_name);
    });       
    return true;
}
&lt;/code&gt;&lt;/pre&gt;
&lt;p&gt;But what I don't get iis that it works in with the code below which is very similar.&lt;/p&gt;
&lt;pre&gt;&lt;code&gt;function htmlEncode(value) { 
    return $('&amp;lt;div/&amp;gt;').text(value).html(); 
}
function stopImageUpload(success, imagefilename) {
    imagecounter++;
    $('.listImage').eq(window.lastUploadImageIndex).append(
        '&amp;lt;div&amp;gt;' + 
        htmlEncode(imagefilename) +
        '&amp;lt;button type="button" class="deletefileimage" image_file_name="' +
        imagefilename + 
        '"&amp;gt;Remove&amp;lt;/button&amp;gt;&amp;lt;br/&amp;gt;&amp;lt;hr/&amp;gt;&amp;lt;/div&amp;gt;'
    ); 
    var _imagecounter = imagecounter;
    $('.listImage').eq(window.lastUploadImageIndex)
        .find(".deletefileimage")
        .on("click", function(event) {
            var image_file_name = $(this).attr('image_file_name');
            jQuery.ajax("deleteimage.php?imagefilename=" + image_file_name)
                .done(function(data) {
                    $(".imagemsg" + _imagecounter).html(data);
                }
            );
            $(this).parent().remove();
        }
    );    
    return true;   
}
&lt;/code&gt;&lt;/pre&gt;
&lt;p&gt;Why is this and how can the error be fixed?&lt;/p&gt;</t>
  </si>
  <si>
    <t>2012-05-15 00:38:44.973000+00:00</t>
  </si>
  <si>
    <t>2012-05-15 02:19:35.580000+00:00</t>
  </si>
  <si>
    <t>2012-05-15 01:34:32.293000+00:00</t>
  </si>
  <si>
    <t>Autoresize Custom UIAlertView</t>
  </si>
  <si>
    <t>&lt;p&gt;I made a custom UIAlertView, who look like this&lt;/p&gt;
&lt;p&gt;&lt;a href="http://www.odlgs.com/customAlertBefore.jpg" rel="nofollow"&gt;http://www.odlgs.com/customAlertBefore.jpg&lt;/a&gt;&lt;/p&gt;
&lt;p&gt;The problem  is that when I rotate to another interface orientation the alert change it's size and looks like this:&lt;/p&gt;
&lt;p&gt;&lt;a href="http://www.odlgs.com/customAlertAfter.jpg" rel="nofollow"&gt;http://www.odlgs.com/customAlertAfter.jpg&lt;/a&gt;&lt;/p&gt;
&lt;p&gt;I made a NSNotification that allows me to resize controls when I switch to another interface orientation, but doesn't work with my UIAlertView, and the autoresizingMask property do not works too, anyone that have experience the same problem or has some idea? here is the code:&lt;/p&gt;
&lt;pre&gt;&lt;code&gt;/*** THIS IS THE CLASS OF MY CUSTOM ALERTVIEW ***/
#import "AlertTableViewController.h"
#import "Theme.h"
@implementation AlertTableViewController
@synthesize  textField, caller, context, data;
-(id)initWithCaller:(id)_caller data:(NSArray*)_data title:(NSString*)_title andContext:(id)_context{
    NSMutableString *messageString = [NSMutableString stringWithString:@"\n"];
    tableHeight = 0;
    if([_data count] != 0){
        for(int i = 0; i &amp;lt; [_data count]; i++){
            //[messageString appendString:@"\n\n"];
            //tableHeight += 53;
            tableHeight = 150;
        }
    }else{
        //messageString = @"\n\n\n\n\n\n\n\n\n\n";
        tableHeight = 207;
    }
    if(self = [super initWithTitle:_title message:messageString delegate:self cancelButtonTitle:nil otherButtonTitles:nil]){
        self.caller = _caller;
        self.context = _context;
        self.data = _data;
        [self prepare];
    }
    return self;
}
- (void)alertView:(UIAlertView *)alertView clickedButtonAtIndex:(NSInteger)buttonIndex{
    [self.caller didSelectRowAtIndex:-1 withContext:self.context];
}
-(void)show{
    self.hidden = YES;
    [NSTimer scheduledTimerWithTimeInterval:0.5 target:self selector:@selector(myTimer:) userInfo:nil repeats:NO];
    [super show];
}
-(void)myTimer:(NSTimer*)_timer{
    self.hidden = NO;
    [myTableView flashScrollIndicators];
}
//HERE I ADD THE CONTROLS TO MY CUSTOM ALERTVIEW
-(void)prepare{
    self.autoresizingMask = UIViewAutoresizingFlexibleHeight;
    textField = [[UITextField alloc] initWithFrame:CGRectMake(11, 50, 261, 30)];
    textField.backgroundColor = [UIColor whiteColor];
    textField.delegate = self;
    myTableView = [[UITableView alloc] initWithFrame:CGRectMake(11, 115, 261, tableHeight) style:UITableViewStylePlain];
    myTableView.scrollEnabled = NO;
    myTableView.delegate = self;
    myTableView.dataSource = self;
    UILabel *sourcesTitle = [[UILabel alloc] initWithFrame:CGRectMake(11, 90, 261, 20)];
    sourcesTitle.text = @"Source";
    sourcesTitle.textColor = [UIColor whiteColor];
    sourcesTitle.backgroundColor = [UIColor clearColor];
    sourcesTitle.font  = [UIFont fontWithName:kLKTtFONT_NAME size:kLKTtFONT_LABEL_SIZE_17];
    UIButton *ok = [UIButton buttonWithType:UIButtonTypeRoundedRect];
    ok.frame = CGRectMake(11, 280, 120, 30);
    [ok setTitle:@"Ok" forState:UIControlStateNormal];
    [ok addTarget:self action:@selector(saveNetwork) forControlEvents:UIControlEventTouchDown];
    UIButton *cancel = [UIButton buttonWithType:UIButtonTypeRoundedRect];
    cancel.frame = CGRectMake(150, 280, 120, 30);
    [cancel setTitle:@"Cancel" forState:UIControlStateNormal];
    [cancel addTarget:self action:@selector(cancel) forControlEvents:UIControlEventTouchDown];
    [self addSubview:sourcesTitle];
    [self addSubview:ok];
    [self addSubview:cancel];
    [self addSubview:myTableView];
    [self addSubview:textField];
    [textField becomeFirstResponder];
    UIImageView *imgView = [[[UIImageView alloc] initWithFrame:CGRectMake(11, 50, 261, 4)] autorelease];
    imgView.image = [UIImage imageNamed:@"top.png"];
    [self addSubview:imgView];
    imgView = [[[UIImageView alloc] initWithFrame:CGRectMake(11, tableHeight+46, 261, 4)] autorelease];
    imgView.image = [UIImage imageNamed:@"bottom.png"];
    [self addSubview:imgView];
    CGAffineTransform myTransform = CGAffineTransformMakeTranslation(0.0, 10);
    [self setTransform:myTransform];
}
-(void)saveNetwork{
    CreateNetworkCommunication *communication = [[CreateNetworkCommunication alloc] init];
    communication.sourceId = [[[data objectAtIndex:selectedSource] valueForKey:@"Id"] integerValue];
    communication.name = textField.text;
    communication.delegate = self;
    [communication doRequest];
}
-(void)finishSaveNetworkRequestWithResponse:(OwnerResult*)response{
    if (response.StatusCode == 0) {
        [super dismissWithClickedButtonIndex:0 animated:YES];
        [self.caller refreshNetworks];
    }
    else {
        UIAlertView *error = [[UIAlertView alloc] initWithTitle:self.title message:NSLocalizedString(@"alert.error-saving", nil) delegate:nil cancelButtonTitle:NSLocalizedString(@"OK", nil) otherButtonTitles: nil];
        [error show];
        [error release];
    }
}
-(void)cancel{
    [super dismissWithClickedButtonIndex:1 animated:YES];
}
- (UITableViewCell *)tableView:(UITableView *)tableView cellForRowAtIndexPath:(NSIndexPath *)indexPath{
    UITableViewCell *cell = (UITableViewCell*) [tableView dequeueReusableCellWithIdentifier:@"ABC"];
    if (cell == nil) {
        cell = [[[UITableViewCell alloc] initWithFrame:CGRectZero reuseIdentifier:@"ABC"] autorelease];
        cell.selectionStyle = UITableViewCellSelectionStyleNone;
        cell.font = [UIFont boldSystemFontOfSize:14];
    }
    if (selectedSource != indexPath.row)
        cell.accessoryType = UITableViewCellAccessoryNone;
    cell.textLabel.text = [[data objectAtIndex:indexPath.row] valueForKey:@"Name"];
    return cell;
}
- (void)tableView:(UITableView *)tableView didSelectRowAtIndexPath:(NSIndexPath *)indexPath{
    //[self dismissWithClickedButtonIndex:0 animated:YES];
    //[self.caller didSelectRowAtIndex:indexPath.row withContext:self.context];
    UITableViewCell *cell = [tableView cellForRowAtIndexPath:indexPath];
    selectedSource = indexPath.row;
    [tableView cellForRowAtIndexPath:indexPath];
    cell.accessoryType = UITableViewCellAccessoryCheckmark;
}
- (void)tableView:(UITableView *)tableView didDeselectRowAtIndexPath:(NSIndexPath *)indexPath{
    UITableViewCell *cell = [tableView cellForRowAtIndexPath:indexPath];
    selectedSource = indexPath.row;
    cell.accessoryType = UITableViewCellAccessoryNone;
}
- (NSInteger)tableView:(UITableView *)tableView numberOfRowsInSection:(NSInteger)section {
    return [data count];
}
-(void)dealloc{
    self.data = nil;
    self.caller = nil;
    self.context = nil;
    [myTableView release];
    [super dealloc];
}
/*** THIS IS THE VIEWCONTROLLER WHERE I IMPLEMENT THE CUSTOM ALERTVIEW ***/
    #import "NetworkSelectorViewController.h"
@interface NetworkSelectorViewController ()
@end
@implementation NetworkSelectorViewController
@synthesize delegate, alert;
-(void)add {
    [[NSNotificationCenter defaultCenter] addObserver:self
                                             selector:@selector(resizeTaxonomyView:) name:@"resizeTaxonomyView" object:nil];
    alert = [[AlertTableViewController alloc] initWithCaller:self data:sources title:@"New Network" andContext:nil];
    //UIAlertView * alert = [[UIAlertView alloc] initWithTitle:[NSString stringWithFormat:@"%@ %@", NSLocalizedString(@"button.new", nil), self.title] message:@"" delegate:self cancelButtonTitle:NSLocalizedString(@"button.cancel", nil) otherButtonTitles:NSLocalizedString(@"button.save", nil), nil];
    //alert.alertViewStyle = UIAlertViewStylePlainTextInput;
    //UITextField * alertTextField = [alert textFieldAtIndex:0];
    //UITableView *tableView = [[UITableView alloc] initWithFrame:CGRectMake(11, 110, 261, 200) style:UITableViewStylePlain];
    //UIButton* okButton = [[UIButton alloc] initWithFrame:CGRectMake(11, 30, 50, 50)];
    //[alert addSubview:okButton];
    //okButton.frame = CGRectMake(okButton.frame.origin.x, 400, okButton.frame.size.width, okButton.frame.size.height);
    //alertTextField.keyboardType = UIKeyboardTypeAlphabet;
    //alertTextField.placeholder = self.title;
    //[alert addSubview:tableView];
    //alert.data = [[NSArray alloc] initWithObjects:@"1",@"2", nil];
    alert.delegate = self;
    NSLog(@"ALERT SUBVIEWS: %@", alert.subviews);
    [alert show];
    alert.frame = CGRectMake(alert.frame.origin.x, alert.frame.origin.y, alert.frame.size.width, 370);
    NSLog(@"X:%f Y:%f W:%f H:%f", alert.frame.origin.x, alert.frame.origin.y, alert.frame.size.width, alert.frame.size.height);
    UIButton* button1 = (UIButton*)[alert.subviews objectAtIndex:2];
    button1.frame = CGRectMake(0,300, 50, button1.frame.size.height);
    //[alert release];
}
- (void)resizeTaxonomyView:(NSNotification *)notification {
    // El m��todo recibe un objeto de tipo NSNotification cuya propiedad object
    // alberga el objeto pasado como parametro. En este caso hacemos un casting
    // del objeto a NSString.
    if(UIInterfaceOrientationIsLandscape(self.interfaceOrientation))
        alert.frame = CGRectMake(alert.frame.origin.x, alert.frame.origin.y, alert.frame.size.width, 500);
    else
        alert.frame = CGRectMake(alert.frame.origin.x, alert.frame.origin.y, 500, 1000);
}
&lt;/code&gt;&lt;/pre&gt;
&lt;p&gt;The NSnotification works, the method triggers, but the alertview doesnt autoresize&lt;/p&gt;
&lt;p&gt;&lt;a href="/questions/tagged/uialertviewcustom" class="post-tag" title="show questions tagged 'uialertviewcustom'" rel="tag"&gt;uialertviewcustom&lt;/a&gt;&lt;/p&gt;</t>
  </si>
  <si>
    <t>2012-11-22 14:36:14.067000+00:00</t>
  </si>
  <si>
    <t>iphone|objective-c|ios|custom-controls|uialertview</t>
  </si>
  <si>
    <t>Does Rikulo Stream support server-side SSL?</t>
  </si>
  <si>
    <t>&lt;p&gt;In my search to find SSL support, I have looked at the Rikulo Security package, which unfortunately does not support SSL. &lt;/p&gt;
&lt;p&gt;If it does not support SSL, it would be nice if the url mapping could define this somehow (similar to how security plugin does it in Grails), and with config parameter for the path of the SSL certificate.&lt;/p&gt;
&lt;p&gt;An example of the way it could be configured:&lt;/p&gt;
&lt;pre&gt;&lt;code&gt; var urlMap = {
      "/": home,
      "/login": SECURE_CHANNEL(login),  // I made this part up
       .....
  };
 new StreamServer(uriMapping: urlMap)
  ..start(port: 8080);
&lt;/code&gt;&lt;/pre&gt;
&lt;p&gt;Has anyone got SSL working with Rikulo Stream?&lt;/p&gt;</t>
  </si>
  <si>
    <t>2014-04-10 07:45:53.070000+00:00</t>
  </si>
  <si>
    <t>2014-04-11 00:50:41.387000+00:00</t>
  </si>
  <si>
    <t>2014-04-10 07:53:38.383000+00:00</t>
  </si>
  <si>
    <t>ssl|rikulo</t>
  </si>
  <si>
    <t>Android location distanceTo within proximity</t>
  </si>
  <si>
    <t>&lt;p&gt;I'm writing an app where a method is executed based on the users geo location. I'm using an Activity which implements LocationListener. Location latitude and longitude is stored in a database, and whenever the user gets within range of the current location, compared to the location stored, a method is executed.&lt;/p&gt;
&lt;p&gt;My problem is that, the methods startTimer(), startTimer() is executed whenever the user moves around whithin the proximity. I want startTimer() to be executed once, whenever the user enters the area, and stopTimer() whenever the user exits the area.&lt;/p&gt;
&lt;p&gt;So far i got this, but only seems to work when leaving the area:&lt;/p&gt;
&lt;pre class="lang-java prettyprint-override"&gt;&lt;code&gt;@Override
public void onLocationChanged(Location location) {
    longitude = location.getLongitude();
    latitude = location.getLatitude();
    Log.i("", "Latitude: " + latitude);
    Log.i("", "Longitude: " + longitude);
    if(activities != null) {
        for (Activity activity : activities) {
            Location newLocation = new Location(provider);
            newLocation.setLongitude(activity.getLongitude());
            newLocation.setLatitude(activity.getLatitude());
            if(location.distanceTo(newLocation) &amp;gt; 15) {
                activity.setInProximity(false);
                stopTimer(activity.getId());
            }
            if (location.distanceTo(newLocation) &amp;lt;= 15 &amp;amp;&amp;amp; !activity.isInProximity()) {
                activity.setInProximity(true);
                startTimer(activity.getId());
            }
        }
    }
}
&lt;/code&gt;&lt;/pre&gt;</t>
  </si>
  <si>
    <t>2015-04-30 06:48:16.100000+00:00</t>
  </si>
  <si>
    <t>2015-04-30 07:06:38.827000+00:00</t>
  </si>
  <si>
    <t>java|android|android-location</t>
  </si>
  <si>
    <t>passing variable from php tag to other tag in same page</t>
  </si>
  <si>
    <t>&lt;p&gt;I'm tying to show points in the map by getting latitude, longitude from my Database while the query is (&lt;code&gt;SELECT * FROM trackEmployee&lt;/code&gt;) it's retrieving 
the data and show it on the map (Y) &lt;/p&gt;
&lt;p&gt;But when I'm trying to set condition &lt;code&gt;WHERE groupEmail ='$mail' AND date= '$date'&lt;/code&gt; by getting data in post it's not working&lt;/p&gt;
&lt;p&gt;If I pass the value to the condition directly, It works (Y)&lt;/p&gt;
&lt;p&gt;The problem here is to get the data from above php tag to the next php tag which contain the query.&lt;/p&gt;
&lt;pre&gt;&lt;code&gt;&amp;lt;html&amp;gt;
 &amp;lt;head&amp;gt;
 &amp;lt;meta http-equiv="content-type" content="text/html; charset=utf-8"/&amp;gt;
 &amp;lt;title&amp;gt;Google Map API V3 with markers&amp;lt;/title&amp;gt;
 &amp;lt;style type="text/css"&amp;gt;
 body { font: normal 10pt Helvetica, Arial; }
 #map { width: 750px; height: 400px; border: 0px; padding: 0px; }
 &amp;lt;/style&amp;gt;
&amp;lt;?php
$connect_mysql= @mysql_connect($server,$username,$passwor) or die ("Connection Failed!");
$mysql_db=mysql_select_db("GP15",$connect_mysql) or die ("Could not Connect to Database");
$mail=$_POST['sel1'];
echo $mail;  // prints correctly 
$date=$_POST['sel2'];
echo $date;  // prints correctly 
//On page 2
?&amp;gt;
 &amp;lt;script src="http://maps.googleapis.com/maps/api/js?sensor=false" type="text/javascript"&amp;gt;&amp;lt;/script&amp;gt;
 &amp;lt;script type="text/javascript"&amp;gt;
 //Sample code written by August Li
 var icon = new google.maps.MarkerImage("http://maps.google.com/mapfiles/ms/micons/blue.png",
 new google.maps.Size(32, 32), new google.maps.Point(0, 0),
 new google.maps.Point(16, 32));
 var center = null;
 var map = null;
 var currentPopup;
 var bounds = new google.maps.LatLngBounds();
 function addMarker(lat, lng, info) {
 var pt = new google.maps.LatLng(lat, lng);
 bounds.extend(pt);
 var marker = new google.maps.Marker({
 position: pt,
 icon: icon,
 map: map
 });
 var popup = new google.maps.InfoWindow({
 content: info,
 maxWidth: 300
 });
 google.maps.event.addListener(marker, "click", function() {
 if (currentPopup != null) {
 currentPopup.close();
 currentPopup = null;
 }
 popup.open(map, marker);
 currentPopup = popup;
 });
 google.maps.event.addListener(popup, "closeclick", function() {
 map.panTo(center);
 currentPopup = null;
 });
 }
 function initMap() {
 map = new google.maps.Map(document.getElementById("map"), {
 center: new google.maps.LatLng(0, 0),
 zoom: 14,
 mapTypeId: google.maps.MapTypeId.ROADMAP,
 mapTypeControl: false,
 mapTypeControlOptions: {
 style: google.maps.MapTypeControlStyle.HORIZONTAL_BAR
 },
 navigationControl: true,
 navigationControlOptions: {
 style: google.maps.NavigationControlStyle.SMALL
 }
 });
  &amp;lt;?php
&lt;/code&gt;&lt;/pre&gt;
&lt;p&gt;//     $query = mysql_query("SELECT * FROM trackEmployee"); // this query works&lt;/p&gt;
&lt;pre&gt;&lt;code&gt; $query = mysql_query("SELECT * FROM trackEmployee WHERE employeeEmail='$mail'AND date='$date'");
 while ($row = mysql_fetch_array($query)){
 $name=$row['street'];
 $lat=$row['latitude'];
 $lon=$row['longitude'];
 $desc=$row['district'];
 echo ("addMarker($lat, $lon,'&amp;lt;b&amp;gt;$name&amp;lt;/b&amp;gt;&amp;lt;br/&amp;gt;$desc')\n");
}
 ?&amp;gt;
 center = bounds.getCenter();
 map.fitBounds(bounds);
 }
 &amp;lt;/script&amp;gt;
 &amp;lt;/head&amp;gt;
 &amp;lt;body onload="initMap()" style="margin:0px; border:0px; padding:0px;"&amp;gt;
 &amp;lt;div id="map"&amp;gt;&amp;lt;/div&amp;gt;
 &amp;lt;/html&amp;gt;
&lt;/code&gt;&lt;/pre&gt;</t>
  </si>
  <si>
    <t>2015-06-19 13:03:07.723000+00:00</t>
  </si>
  <si>
    <t>2015-06-19 13:53:58.470000+00:00</t>
  </si>
  <si>
    <t>javascript|php|html|google-maps|tracking</t>
  </si>
  <si>
    <t>Node Koa cors is not working</t>
  </si>
  <si>
    <t>&lt;p&gt;use koa + react &lt;code&gt;server.js&lt;/code&gt;&lt;/p&gt;
&lt;p&gt;&lt;a href="https://www.npmjs.com/package/koa2-cors" rel="nofollow noreferrer"&gt;guide from npm koa&lt;/a&gt;&lt;/p&gt;
&lt;pre&gt;&lt;code&gt;const Koa = require("koa");
const KoaRouter = require("koa-router");
const static = require("koa-static");
const cors = require('koa2-cors');
const fs = require("fs");
const path = require("path");
const Promise = require("bluebird");
const cheerio = require("cheerio");
const readFileAsync = Promise.promisify(fs.readFile);
// koa &amp;amp; koa router 
var app = new Koa();
var router = new KoaRouter();
app.use(cors());
async function loadHtml(path) {
    try {
        let content = await readFileAsync(path);
        return cheerio.load(content);
    } catch (e) {
        return false;
    }
}
router.get("/", async (ctx, next) =&amp;gt; {
    console.log("index page");
    const $html = await loadHtml(path.resolve(__dirname, "/index.html"));
    if (!$html) {
        ctx.body = "Interal Server Error...";
    }else {
        // console.log($html);
        ctx.body = $html.html();
    }
});
app.use(static(path.join(__dirname, "./dist")))
app.use(router.routes()).use(router.allowedMethods());
app.listen(3001, () =&amp;gt; {
    console.log("server start at 3001.");
});
&lt;/code&gt;&lt;/pre&gt;
&lt;p&gt;and a test Component &lt;code&gt;UserList&lt;/code&gt;&lt;/p&gt;
&lt;pre&gt;&lt;code&gt;class UserList extends React.Component {
    constructor() {
        super();
        this.state = {}
    }
    handleOnClick() {
        // let div = $("#user-list-div");
        let url = "http://localhost:9001/koa/users";
        $.get(url, function(data, status){
            alert("data: " + data + "\nstatus: " + status);
        });
    }
    render() {
        return &amp;lt;div id="user-list-div" onClick={this.handleOnClick}&amp;gt; user list div. &amp;lt;/div&amp;gt;;
    }
}
&lt;/code&gt;&lt;/pre&gt;
&lt;p&gt;in the method: &lt;code&gt;handleOnClick&lt;/code&gt;, try to query info from a rest API (spring-boot), but still got the error:&lt;/p&gt;
&lt;p&gt;&lt;code&gt;
No 'Access-Control-Allow-Origin' header is present on the requested resource. Origin 'http://127.0.0.1:3001' is therefore not allowed access.
&lt;/code&gt;
why?&lt;/p&gt;</t>
  </si>
  <si>
    <t>2018-05-08 07:23:43.413000+00:00</t>
  </si>
  <si>
    <t>2018-05-08 16:59:02.320000+00:00</t>
  </si>
  <si>
    <t>node.js|reactjs|koa|koa2</t>
  </si>
  <si>
    <t>Maven 2.2.1 fails to build EAR project with m2eclipse</t>
  </si>
  <si>
    <t>&lt;p&gt;I am having trouble building an EJB EAR with Maven in Eclipse 3.6 with the m2eclipse project builder. Curiously, a manual build (either on the command line or with "Run as -&gt; Maven build") works fine. I have set up Eclipse to use an external Maven 2.2.1 installation.&lt;/p&gt;
&lt;p&gt;The error message is as follows:&lt;/p&gt;
&lt;pre&gt;&lt;code&gt;Build errors for my-app; org.apache.maven.lifecycle.LifecycleExecutionException: Failed to execute goal org.apache.maven.plugins:maven-ear-plugin:2.4.2:generate-application-xml (default-generate-application-xml) on project my-app: Failed to initialize ear modules
&lt;/code&gt;&lt;/pre&gt;
&lt;p&gt;So apparently generation of the application.xml descriptor fails for some reason I could not yet determine. &lt;/p&gt;
&lt;p&gt;In the error log view I have the following message:&lt;/p&gt;
&lt;pre&gt;&lt;code&gt;Unknown artifact type[test-jar]
&lt;/code&gt;&lt;/pre&gt;
&lt;p&gt;I have read in a forum that might be caused by a "test-jar" dependency that is missing "test" scope; however, I have double- and triple-checked for this and can't find any unscoped "test-jar" dependencies in my pom.xml files. &lt;/p&gt;
&lt;p&gt;I've found the following entries with mvn help:effective-pom though:&lt;/p&gt;
&lt;pre&gt;&lt;code&gt;  &amp;lt;dependency&amp;gt;
    &amp;lt;groupId&amp;gt;org.jboss.test&amp;lt;/groupId&amp;gt;
    &amp;lt;artifactId&amp;gt;jboss-test&amp;lt;/artifactId&amp;gt;
    &amp;lt;version&amp;gt;1.1.4.GA&amp;lt;/version&amp;gt;
    &amp;lt;exclusions&amp;gt;
      &amp;lt;exclusion&amp;gt;
        &amp;lt;artifactId&amp;gt;log4j&amp;lt;/artifactId&amp;gt;
        &amp;lt;groupId&amp;gt;apache-log4j&amp;lt;/groupId&amp;gt;
      &amp;lt;/exclusion&amp;gt;
    &amp;lt;/exclusions&amp;gt;
  &amp;lt;/dependency&amp;gt;
  &amp;lt;!-- ... ---&amp;gt;
  &amp;lt;dependency&amp;gt;
    &amp;lt;groupId&amp;gt;jboss.jms-integration-tests&amp;lt;/groupId&amp;gt;
    &amp;lt;artifactId&amp;gt;integration-mdb20&amp;lt;/artifactId&amp;gt;
    &amp;lt;version&amp;gt;1.0.1.GA&amp;lt;/version&amp;gt;
  &amp;lt;/dependency&amp;gt;
  &amp;lt;dependency&amp;gt;
    &amp;lt;groupId&amp;gt;jboss.jms-integration-tests&amp;lt;/groupId&amp;gt;
    &amp;lt;artifactId&amp;gt;integration-mdb20-durable&amp;lt;/artifactId&amp;gt;
    &amp;lt;version&amp;gt;1.0.1.GA&amp;lt;/version&amp;gt;
  &amp;lt;/dependency&amp;gt;
  &amp;lt;dependency&amp;gt;
    &amp;lt;groupId&amp;gt;jboss.jms-integration-tests&amp;lt;/groupId&amp;gt;
    &amp;lt;artifactId&amp;gt;integration-mdb20-selector&amp;lt;/artifactId&amp;gt;
    &amp;lt;version&amp;gt;1.0.1.GA&amp;lt;/version&amp;gt;
  &amp;lt;/dependency&amp;gt;
  &amp;lt;dependency&amp;gt;
    &amp;lt;groupId&amp;gt;jboss.jms-integration-tests&amp;lt;/groupId&amp;gt;
    &amp;lt;artifactId&amp;gt;integration-mdb20-userTransaction&amp;lt;/artifactId&amp;gt;
    &amp;lt;version&amp;gt;1.0.1.GA&amp;lt;/version&amp;gt;
  &amp;lt;/dependency&amp;gt;
  &amp;lt;dependency&amp;gt;
    &amp;lt;groupId&amp;gt;jboss.jms-integration-tests&amp;lt;/groupId&amp;gt;
    &amp;lt;artifactId&amp;gt;integration-mdb20-userTransactionDups&amp;lt;/artifactId&amp;gt;
    &amp;lt;version&amp;gt;1.0.1.GA&amp;lt;/version&amp;gt;
  &amp;lt;/dependency&amp;gt;
  &amp;lt;dependency&amp;gt;
    &amp;lt;groupId&amp;gt;jboss.jms-integration-tests&amp;lt;/groupId&amp;gt;
    &amp;lt;artifactId&amp;gt;jms-integration-tests&amp;lt;/artifactId&amp;gt;
    &amp;lt;version&amp;gt;1.0.1.GA&amp;lt;/version&amp;gt;
  &amp;lt;/dependency&amp;gt;
&lt;/code&gt;&lt;/pre&gt;
&lt;p&gt;I have no idea where those dependencies come from or if they are relevant at all.
The most curious thing is that, like I said, building works fine when I do it manually.
However, this means that I can't use some m2eclipse features like WTP integration.&lt;/p&gt;
&lt;p&gt;Any suggestions?&lt;/p&gt;</t>
  </si>
  <si>
    <t>2011-03-21 15:57:06.360000+00:00</t>
  </si>
  <si>
    <t>2011-03-21 21:54:04.060000+00:00</t>
  </si>
  <si>
    <t>java|eclipse|maven|m2eclipse|ear</t>
  </si>
  <si>
    <t>Uncaught TypeError: Cannot set property 'background' of undefined. Putting styles on classes</t>
  </si>
  <si>
    <t>&lt;p&gt;I have tried to put some background styles, the result was god but it show me that error but I don't know how to put a style with a for statement. Without doing one by one.&lt;/p&gt;
&lt;p&gt;Another problem that I have, is that if i do a log of my amarillos. class it says that is &lt;code&gt;undefined&lt;/code&gt; and that is &lt;code&gt;false&lt;/code&gt; because in the HTML I defined how amarillos that is yellow in spanish.&lt;/p&gt;
&lt;p&gt;All the code works perfectly just one I try to work with my var amarillos I suffer. Thanks&lt;/p&gt;
&lt;p&gt;&lt;a href="https://i.stack.imgur.com/3lfow.png" rel="nofollow noreferrer"&gt;&lt;img src="https://i.stack.imgur.com/3lfow.png" alt="enter image description here"&gt;&lt;/a&gt;&lt;/p&gt;
&lt;p&gt;&lt;strong&gt;Code:&lt;/strong&gt;&lt;/p&gt;
&lt;pre&gt;&lt;code&gt;&amp;lt;!DOCTYPE html&amp;gt;
&amp;lt;html lang="es" dir="ltr"&amp;gt;
  &amp;lt;head&amp;gt;
    &amp;lt;meta charset="utf-8"&amp;gt;
    &amp;lt;title&amp;gt;Java Script Avanzado&amp;lt;/title&amp;gt;
  &amp;lt;/head&amp;gt;
  &amp;lt;body&amp;gt;
    &amp;lt;h1&amp;gt;Sesi��n de Java Script Avanzado&amp;lt;/h1&amp;gt;
    &amp;lt;p&amp;gt;Nuestro primer Script en JS Avanzado&amp;lt;/p&amp;gt;
    &amp;lt;section id="miSeccion"&amp;gt;
      &amp;lt;h1&amp;gt;Listado de texto de los divs&amp;lt;/h1&amp;gt;
      &amp;lt;hr&amp;gt;
    &amp;lt;/section&amp;gt;
    &amp;lt;div class="miCaja" id="miCaja"&amp;gt;
      Hola soy una caja
    &amp;lt;/div&amp;gt;
    &amp;lt;div class="rojo"&amp;gt;
      Soy el primer div!
    &amp;lt;/div&amp;gt;
    &amp;lt;div class="amarillo"&amp;gt;
      Soy el segundo div
    &amp;lt;/div&amp;gt;
    &amp;lt;div class="amarillo"&amp;gt;
      Soy el tercer div
    &amp;lt;/div&amp;gt;
    &amp;lt;script type="text/javascript" src="dom.js"&amp;gt;
    &amp;lt;/script&amp;gt;
  &amp;lt;/body&amp;gt;
&amp;lt;/html&amp;gt;
'use strict'
//DOM - Document Object Model
function cambiaColor(color) {
  caja.style.background = color;
}
//Conseguir elementos con un ID concreto
//var caja = document.getElementById('miCaja');
var caja = document.querySelector("#miCaja")
caja.innerHTML = "Texto en la caja desde html";
caja.style.background = "red";
caja.style.padding = "20px";
caja.style.color = "white";
caja.className = "hola";
console.log(caja);
// Conseguir elementos por sus etiqueta
var todosLosDivs = document.getElementsByTagName("div");
var div2 = todosLosDivs[2];
div2.innerHTML = "ya no me gusto lo escrito anterior";
div2.style.background = "yellow";
//todosLosDivs.forEach((valor indice)=&amp;gt;{
var seccion = document.querySelector("#miSeccion")
var hr = document.createElement('hr');
  var valor;
  for(valor in todosLosDivs){
    if (typeof todosLosDivs[valor].textContent == 'string' ) {
      console.log(todosLosDivs[valor]);
      var parrafo = document.createElement("p");
      var texto = document.createTextNode(todosLosDivs[valor].textContent);
      parrafo.append(texto);
      seccion.append(parrafo);
    }
}
seccion.append(hr);
//Conseguir elementos por su clase css
  var amarillos = document.getElementsByClassName("amarillo");
  console.log(amarillos);
  console.log(amarillos.className);
  var color;
  for(color in amarillos){
      amarillos[color].style.background = "yellow";
  }
&lt;/code&gt;&lt;/pre&gt;</t>
  </si>
  <si>
    <t>2018-06-17 03:41:49.817000+00:00</t>
  </si>
  <si>
    <t>2018-06-17 09:12:49.273000+00:00</t>
  </si>
  <si>
    <t>2018-06-17 07:24:31.627000+00:00</t>
  </si>
  <si>
    <t>How I can add event listener to XMLHttpRequest in React Native?</t>
  </si>
  <si>
    <t>&lt;p&gt;I am new to React Native.&lt;/p&gt;
&lt;p&gt;I tried a lot of ways to upload a file to server and handle progress.
I found that using XMLHttpRequest can achieve this, but when I try to use &lt;/p&gt;
&lt;pre&gt;&lt;code&gt;var xhr = new XMLHttpRequest();
xhr.addEventListener('progress',function(event){....});
&lt;/code&gt;&lt;/pre&gt;
&lt;p&gt;for the first time this code has worked, but after reloading js this code did not work any more and a strange error occurred:&lt;/p&gt;
&lt;blockquote&gt;
  &lt;p&gt;undefined is not a function (evaluating 'request.addEventListener')&lt;/p&gt;
&lt;/blockquote&gt;
&lt;p&gt;What is the problem and how this can be solved?&lt;/p&gt;
&lt;p&gt;React is really very strange, something works today and doesn't work tomorrow!&lt;/p&gt;</t>
  </si>
  <si>
    <t>2016-04-21 11:27:13.020000+00:00</t>
  </si>
  <si>
    <t>2017-03-22 01:50:14.760000+00:00</t>
  </si>
  <si>
    <t>2016-04-22 13:56:36.413000+00:00</t>
  </si>
  <si>
    <t>can't use KVO to get new value during UIView animation</t>
  </si>
  <si>
    <t>&lt;p&gt;i want to get scrollView's &lt;code&gt;contentOffset&lt;/code&gt; and &lt;code&gt;contentInset&lt;/code&gt; during UIView animation like this:&lt;/p&gt;
&lt;pre&gt;&lt;code&gt;- (BOOL)application:(UIApplication *)application didFinishLaunchingWithOptions:(NSDictionary *)launchOptions
{
    self.window = [[UIWindow alloc] initWithFrame:[[UIScreen mainScreen] bounds]];
    // Override point for customization after application launch.
    [self.window makeKeyAndVisible];
    UIScrollView *scrollView = [[UIScrollView alloc] initWithFrame:CGRectMake(100, 100, 120, 100)];
    scrollView.backgroundColor = [UIColor grayColor];
    scrollView.contentSize = scrollView.frame.size;
    UILabel *label = [[UILabel alloc] initWithFrame:CGRectMake(0, 0, 120, 30)];
    label.textAlignment = NSTextAlignmentCenter;
    label.text = @"hello world";
    [scrollView addSubview:label];
    UIViewController *vc = [[UIViewController alloc] init];
    [vc.view addSubview:scrollView];
    [scrollView addObserver:self forKeyPath:@"contentOffset" options:NSKeyValueObservingOptionNew context:NULL];
    [scrollView addObserver:self forKeyPath:@"contentInset" options:NSKeyValueObservingOptionNew context:NULL];
    [UIView animateWithDuration:2 delay:0 options:UIViewAnimationOptionAllowUserInteraction animations:^{
        scrollView.contentInset = UIEdgeInsetsMake(50, 0, 0, 0);
        scrollView.contentOffset = CGPointMake(0, -50);
    } completion:nil];
    self.window.rootViewController = vc;
    return YES;
}
- (void)observeValueForKeyPath:(NSString *)keyPath ofObject:(id)object change:(NSDictionary *)change context:(void *)context
{
    if ([keyPath isEqualToString:@"contentOffset"]) {
        NSLog(@"offset:%@", [change valueForKey:NSKeyValueChangeNewKey]);
    }
    if ([keyPath isEqualToString:@"contentInset"]) {
        NSLog(@"inset:%@", [change valueForKey:NSKeyValueChangeNewKey]);
    }
}
&lt;/code&gt;&lt;/pre&gt;
&lt;p&gt;unfortunately there is no output while animating, am i miss something or KVO just doesn't work  when doing UIView animating?&lt;/p&gt;</t>
  </si>
  <si>
    <t>2013-08-11 09:41:26.363000+00:00</t>
  </si>
  <si>
    <t>2013-08-11 18:50:13.790000+00:00</t>
  </si>
  <si>
    <t>ios|objective-c|uiviewanimation|key-value-observing</t>
  </si>
  <si>
    <t>IndexOf, Search and Contains can't seem to find substring in a bigger string</t>
  </si>
  <si>
    <t>&lt;p&gt;I have a bot that retrieves smartphones and their prices online. It gets a full description of it and then searches for the device's name like this:&lt;/p&gt;
&lt;pre&gt;&lt;code&gt;let devices = ['Xperia XA Ultra',
               'iPhone 6  Apple Plus',
               'iPhone 7 Apple Plus Red',
               '���LG K9',];
    function recuperarAparelho(fullDescription){
    for(let device of devices){         
        //search for the substring here
    }
    return fullDescription;
}
&lt;/code&gt;&lt;/pre&gt;
&lt;p&gt;99% of the time, the search works. But there's one in particular that i can't seem to make it work:&lt;/p&gt;
&lt;pre&gt;&lt;code&gt;let fullDesc = 'Smartphone LG K9 Preto 16GB, Android 7.0, Dual Chip, TV Digital, Tela 5.0"HD, C��mera 8MP, Processador Quad Core 1.3 Ghz e 2GB de RAM - LMX210BMW 16GB'
&lt;/code&gt;&lt;/pre&gt;
&lt;p&gt;The search should've return 'LG K9', but i've tried indexOf(), search() and contains(), but none of them worked. What am i missing here?&lt;/p&gt;</t>
  </si>
  <si>
    <t>2018-09-20 12:43:36.493000+00:00</t>
  </si>
  <si>
    <t>2018-09-20 12:57:17.970000+00:00</t>
  </si>
  <si>
    <t>PHP Classes: get access to the calling instance from the called method</t>
  </si>
  <si>
    <t>&lt;p&gt;sorry for that weird subject but I don't know how to express it in an other way.&lt;/p&gt;
&lt;p&gt;I'm trying to access a method from a calling class. Like in this example:&lt;/p&gt;
&lt;pre&gt;
class normalClass {
     public function someMethod() { 
          [...]
          //this method shall access the doSomething method from superClass
     }
}
class superClass {
     public function __construct() {
          $inst = new normalClass;
          $inst-&gt;someMethod();
     }
     public function doSomething() {
          //this method shall be be accessed by domeMethod form normalClass
    }
}
&lt;/pre&gt;
&lt;p&gt;Both classes are not related by inheritance and I don't want to set the function to static.&lt;/p&gt;
&lt;p&gt;Is there any way to achieve that?&lt;/p&gt;
&lt;p&gt;Thanks for your help!&lt;/p&gt;</t>
  </si>
  <si>
    <t>2009-07-07 15:42:29.477000+00:00</t>
  </si>
  <si>
    <t>2015-03-09 00:12:21.643000+00:00</t>
  </si>
  <si>
    <t>2009-07-07 15:45:32.903000+00:00</t>
  </si>
  <si>
    <t>dan</t>
  </si>
  <si>
    <t>CSS: floating, absolute position and overflow</t>
  </si>
  <si>
    <t>&lt;p&gt;HTML&lt;/p&gt;
&lt;pre&gt;&lt;code&gt;&amp;lt;div class="wrapper"&amp;gt;
    &amp;lt;div class="image"&amp;gt;&amp;lt;/div&amp;gt;
    &amp;lt;div class="copy"&amp;gt;blabla&amp;lt;/div&amp;gt;
    &amp;lt;div class="outside"&amp;gt;&amp;lt;/div&amp;gt;
&amp;lt;/div&amp;gt;
&lt;/code&gt;&lt;/pre&gt;
&lt;p&gt;CSS&lt;/p&gt;
&lt;pre&gt;&lt;code&gt;.wrapper { width: 960px; margin: 0 auto; position: relative; }
.image { float: left; }
.outside { position: absolute; top: 0; left: -20px; }
&lt;/code&gt;&lt;/pre&gt;
&lt;p&gt;I want &lt;code&gt;.outside&lt;/code&gt; to extend outside the &lt;code&gt;.wrapper&lt;/code&gt;, however there are two problems: as is, &lt;code&gt;.wrapper&lt;/code&gt; does not extend down to accommodate for the floated &lt;code&gt;.image&lt;/code&gt;; setting &lt;code&gt;.wrapper&lt;/code&gt; to &lt;code&gt;overflow: auto&lt;/code&gt; fixes the height issue, but hides the absolutely positioned &lt;code&gt;.outside&lt;/code&gt;. How can I get both the height to stretch automatically and not have the absolutely positioned element be cut off?&lt;/p&gt;
&lt;p&gt;&lt;b&gt;EDIT:&lt;/b&gt; my wrapper is set to relative, sorry - forgot to add that. For further clarification, here are some crappy diagrams:&lt;/p&gt;
&lt;p&gt;&lt;img src="https://i.stack.imgur.com/KlGwY.jpg" alt="enter image description here"&gt;
&lt;img src="https://i.stack.imgur.com/w3Jsh.jpg" alt="enter image description here"&gt;
&lt;img src="https://i.stack.imgur.com/tehkL.jpg" alt="enter image description here"&gt;&lt;/p&gt;
&lt;p&gt;&lt;b&gt;EDIT 2:&lt;/b&gt; I got it to work by adding a wrapper around the image and copy and setting it to &lt;code&gt;overflow: auto&lt;/code&gt;. I wanted to avoid unnecessary markup, but oh well... Thanks everyone!&lt;/p&gt;</t>
  </si>
  <si>
    <t>2011-08-11 18:10:49.273000+00:00</t>
  </si>
  <si>
    <t>2011-08-12 15:43:12.547000+00:00</t>
  </si>
  <si>
    <t>2011-08-11 18:53:31.843000+00:00</t>
  </si>
  <si>
    <t>how to get the image path on image_tab in windows phone 7</t>
  </si>
  <si>
    <t>&lt;p&gt;I have tried this but I am not getting the answer. I have 3 image box. In this 2 image box have images and 1 image box is empty. Now I want to change the image on image_tab event, can any one help me to find this?&lt;/p&gt;
&lt;pre&gt;&lt;code&gt;Uri myfile = new Uri("Images/star.png", UriKind.Relative);
StreamResourceInfo resourceInfo = Application.GetResourceStream(myfile);
BitmapImage myimage = new BitmapImage(myfile);
myimage.SetSource(resourceInfo.Stream);
image1.Source = myimage;
&lt;/code&gt;&lt;/pre&gt;</t>
  </si>
  <si>
    <t>2013-04-15 12:39:05.023000+00:00</t>
  </si>
  <si>
    <t>2013-04-15 18:00:55.117000+00:00</t>
  </si>
  <si>
    <t>2013-04-15 12:43:12.453000+00:00</t>
  </si>
  <si>
    <t>c#|windows-phone-7</t>
  </si>
  <si>
    <t>Error with practicalmeteor:mocha &amp; Meteor 1.6</t>
  </si>
  <si>
    <t>&lt;p&gt;I'm getting the following error on terminal when tried to run practicalmeteor:mocha with Meteor 1.6&lt;/p&gt;
&lt;pre&gt;&lt;code&gt;Uncaught TypeError: MochaRunner.runEverywhere is not a function
&lt;/code&gt;&lt;/pre&gt;</t>
  </si>
  <si>
    <t>2017-11-16 05:04:38.380000+00:00</t>
  </si>
  <si>
    <t>2017-11-16 05:06:47.663000+00:00</t>
  </si>
  <si>
    <t>meteor|mocha</t>
  </si>
  <si>
    <t>Pluck JavaScript object items into separate arrays</t>
  </si>
  <si>
    <t>&lt;p&gt;I need to take an array of objects like this...  &lt;/p&gt;
&lt;pre&gt;&lt;code&gt;var users = [{
    id: 0,
    full_name: 'None',
    gravatar_url: 'http://gravatar.com/avatar/31b64e4876d603ce78e04102c67d6144?s=80'
},
{
    id: 1,
    full_name: 'Jason Davis',
    gravatar_url: 'http://gravatar.com/avatar/31b64e4876d603ce78e04102c67d6144?s=80'
},
{
    id: 2,
    full_name: 'Eric',
    gravatar_url: 'http://gravatar.com/avatar/31b64e4876d603ce78e04102c67d6144?s=80'
}];
&lt;/code&gt;&lt;/pre&gt;
&lt;p&gt;and build these 3 arrays from the objects above.  The array key number should match on all.  So array with full_name = Jason Davis should match array key 1 on the ID array&lt;/p&gt;
&lt;p&gt;THe idea is I should be able to rebuild the objects above by doing this...   &lt;/p&gt;
&lt;pre&gt;&lt;code&gt;id[1]
full_name[1]  
gravatar_url[1]
&lt;/code&gt;&lt;/pre&gt;
&lt;p&gt;these above should all map to the object with user Jason Davis.&lt;/p&gt;
&lt;pre&gt;&lt;code&gt;var id = [0, 1, 2];
var full_name = [
     'None',
     'Jason Davis',
     'Eric'
];
var gravatar_url = [
    'http://gravatar.com/avatar/31b64e4876d603ce78e04102c67d6144?s=80',
    'http://gravatar.com/avatar/31b64e4876d603ce78e04102c67d6144?s=80',
    'http://gravatar.com/avatar/31b64e4876d603ce78e04102c67d6144?s=80'
];
&lt;/code&gt;&lt;/pre&gt;
&lt;p&gt;&lt;strong&gt;The Reasoning&lt;/strong&gt;  &lt;/p&gt;
&lt;p&gt;I am building this using a popover  selector library...  &lt;/p&gt;
&lt;p&gt;&lt;a href="https://i.stack.imgur.com/98Oip.png" rel="nofollow noreferrer"&gt;&lt;img src="https://i.stack.imgur.com/98Oip.png" alt="enter image description here"&gt;&lt;/a&gt;&lt;/p&gt;
&lt;p&gt;The library only accepts a single array of data which is shown as each item.  In this image it is the user name.&lt;/p&gt;
&lt;p&gt;(to clarify, the image above I added the thumbnail images into the DOM manually, the library does not accept a 2nd data on each item yet)  &lt;/p&gt;
&lt;p&gt;By doing what my question ask, I can assign the user image to another array &lt;/p&gt;
&lt;p&gt;The library builds the items HTML like this...&lt;/p&gt;
&lt;pre&gt;&lt;code&gt;        for (var i in this.options.items) {
            var itemElement = $(this.options.templates.pickerItem);
            itemElement.find('i').html(this.options.items[i]);
            itemElement.data('pickerValue', this.options.items[i])
                    .on('click.picker', itemClickFn);
            this.picker.find('.picker-items').append(itemElement);
        }
&lt;/code&gt;&lt;/pre&gt;
&lt;p&gt;It calls &lt;code&gt;this.options.items[i]&lt;/code&gt; to get the name.  If I have my own 2nd array of images I can use the key to show the correct user image with its name!&lt;/p&gt;</t>
  </si>
  <si>
    <t>2015-10-28 04:30:30.963000+00:00</t>
  </si>
  <si>
    <t>2015-10-28 08:14:04.937000+00:00</t>
  </si>
  <si>
    <t>2015-10-28 04:35:28.013000+00:00</t>
  </si>
  <si>
    <t>SQL query with ROW_NUMBER not efficient in LINQ</t>
  </si>
  <si>
    <t>&lt;p&gt;I have this query in SQL:&lt;/p&gt;
&lt;pre class="lang-sql prettyprint-override"&gt;&lt;code&gt;SELECT * FROM (
    SELECT ROW_NUMBER() OVER (PARTITION BY p.category ORDER BY (
        SELECT AVG(CAST(r.users AS NUMERIC)) FROM description r WHERE r.company = p.id
    ) DESC)  AS rownb, p.* FROM company p 
) rs WHERE rownb &amp;lt;= 2
&lt;/code&gt;&lt;/pre&gt;
&lt;p&gt;The farthest I've come with converting this query to LINQ is:&lt;/p&gt;
&lt;pre class="lang-cs prettyprint-override"&gt;&lt;code&gt;Companies
    .SelectMany(r =&amp;gt; 
        Descriptions
            .GroupBy(t =&amp;gt; t.Company)
            .Select(t =&amp;gt; new { 
                Average = t.Average(a =&amp;gt; (double)a.Users), 
                Company = t.Key })
            .OrderByDescending(t =&amp;gt; t.Average)
        , (p, r) =&amp;gt; new { Companies = p, Descriptions = r })
    .Where(t =&amp;gt; t.Companies.Id == t.Descriptions.Company)
    .GroupBy(t =&amp;gt; t.Companies.Category)
    .Select(t =&amp;gt; t.Take(2))
    .SelectMany(t =&amp;gt; t)
    .Select(t =&amp;gt; new { t.Companies.Name, t.Descriptions.Average, t.Companies.Category})
    .OrderBy(t =&amp;gt; t.Category)
&lt;/code&gt;&lt;/pre&gt;
&lt;p&gt;But the problem is the performance. While the SQL query cost is 28% (relative to the batch), the LINQ query is 72%.&lt;/p&gt;
&lt;p&gt;I already replaced the Join with SelectMany in LINQ, which reduced by 20% the cost. But now I don't know how to optimize this query anymore.&lt;/p&gt;
&lt;p&gt;Also, I understand there is no ROW_NUMBER in LINQ.&lt;/p&gt;
&lt;p&gt;I'm using LINQPad to inspect the resulting SQL query.&lt;/p&gt;
&lt;p&gt;&lt;strong&gt;Question: Is ROW_NUMBER the responsible for this performance difference? Is it possible to optimize the LINQ query further?&lt;/strong&gt;&lt;/p&gt;</t>
  </si>
  <si>
    <t>2015-07-09 17:59:59.967000+00:00</t>
  </si>
  <si>
    <t>2015-07-09 18:33:56.760000+00:00</t>
  </si>
  <si>
    <t>c#|sql-server|linq</t>
  </si>
  <si>
    <t>Raising a matrix to the power method JAVA</t>
  </si>
  <si>
    <t>&lt;p&gt;I am having a really hard time creating a method to raise a matrix to the power. I tried using this &lt;/p&gt;
&lt;pre&gt;&lt;code&gt;public static int powerMethod(int matrix, int power) {
    int temp = matrix ; 
    for (int i = power; i == 1; i--)
        temp = temp * matrix ; 
    return temp ;
&lt;/code&gt;&lt;/pre&gt;
&lt;p&gt;but the return is WAYYY off. Only the first (1,1) matrix element is on point.&lt;/p&gt;
&lt;p&gt;I tried using that method in a main like so&lt;/p&gt;
&lt;pre&gt;&lt;code&gt;// Multiplying matrices
            for (i = 0; i &amp;lt; row; i++)
            {
                for (j = 0; j &amp;lt; column; j++) 
                {
                    for (l = 0; l &amp;lt; row; l++)
                    {
                        sum += matrix[i][l] * matrix[l][j] ;
                    }
                    matrix[i][j] = sum ;
                    sum = 0 ;
                }
                }
    // Solving Power of matrix
            for (i = 0; i &amp;lt; row; i++) {
                for (j = 0; j &amp;lt; column; j++) 
            matrixFinal[power][i][j] = Tools.powerMethod(matrix[i][j], power) ;
            }
&lt;/code&gt;&lt;/pre&gt;
&lt;p&gt;Where "power", "row", and "column" is an int that the user enters.&lt;/p&gt;
&lt;p&gt;Any ideas how I can do this??&lt;/p&gt;
&lt;p&gt;Thanks!!!&lt;/p&gt;</t>
  </si>
  <si>
    <t>2014-04-06 22:36:37.967000+00:00</t>
  </si>
  <si>
    <t>2014-04-06 23:13:24.640000+00:00</t>
  </si>
  <si>
    <t>user3124548</t>
  </si>
  <si>
    <t>java|math|matrix|multiplication</t>
  </si>
  <si>
    <t>How to print the items I bought without printing the items I did not bought?</t>
  </si>
  <si>
    <t>&lt;p&gt;I have just finished ironing this program but I'm still having a problem. Whenever I'm finished buying, the program not only prints the items I bought but also the ones I did not. How can I do it? I just want to print the ones I bought.&lt;/p&gt;
&lt;pre&gt;&lt;code&gt;import javax.swing.JOptionPane;
public class sto
{
    public static void main(String args[])
    {
        char s;
        do
        {
            int pcod=0, qua=0;
            int[] cod={101,102,103,104,105,106,107,108,109,110};
            double[] pri={22.20,5.50,55,18.50,18.50,250,14.80,23,16.50,30};
            String[] pro={"Notebook","Ballpen","Ink","Eraser","Memo Pad","Staple","Pencil","Diskette","Ruler","Glue"};
            double[] sal=new double[10];
            int[] qu=new int[10];
            do
            {
                pcod=Integer.parseInt(JOptionPane.showInputDialog(null,"Enter Product Code:"));
                if(pcod&amp;gt;0&amp;amp;&amp;amp;pcod&amp;lt;101||pcod&amp;gt;110)
                {
                    JOptionPane.showMessageDialog(null,"INVALID PRODUCT CODE"); 
                }
                else
                if(pcod&amp;gt;=101||pcod&amp;lt;=110)
                {
                    for(int i=0;i&amp;lt;10;i++)
                    {
                        if(pcod==cod[i])
                        {
                            qua=Integer.parseInt(JOptionPane.showInputDialog(null,"Enter quantity:"));
                            sal[i]=pri[i]*qua;
                            qu[i]=qua;
                        }
                    }
                }
            }while(pcod!=00);
            double tsal=0;
            for(int d=0;d&amp;lt;sal.length;d++)
            {
                tsal+=sal[d];
            }
            JOptionPane.showMessageDialog(null,"Items Bought:");
            for(int i=0;i&amp;lt;sal.length;i++)
            {
                JOptionPane.showMessageDialog(null,pro[i]+" "+qu[i]+"x ................"+sal[i]);
            }
            JOptionPane.showMessageDialog(null,"Total sales................"+tsal+" Pesos");
            s=JOptionPane.showInputDialog(null,"Thank You!!\n\nShop Again?(Y/N)").charAt(0);
        }
        while(s=='y');
    }
}
&lt;/code&gt;&lt;/pre&gt;</t>
  </si>
  <si>
    <t>2013-10-13 13:22:56.457000+00:00</t>
  </si>
  <si>
    <t>2013-10-13 14:03:51.347000+00:00</t>
  </si>
  <si>
    <t>java|arrays|swing</t>
  </si>
  <si>
    <t>Closing a windows application after bat file runs</t>
  </si>
  <si>
    <t>&lt;p&gt;In my batch file I opened a file and printed its contents.  Now I am trying to close the application.  I used taskkill /f /im Ptedit50.exe from the cmd line and the program closes.  I am having trouble getting it to work in the batch file.  When I add that line after the print command they program exits and the print command never executes.  If I insert the line at the end of the batch file the program does not exit.  Where should I place the taskkill /f /im Ptedit50.exe line?&lt;/p&gt;
&lt;pre&gt;&lt;code&gt;@echo off
setlocal
title My First batch file
echo Hello!
start Ptedit50.exe "c:\My Labels\PraxisBadge.lbx"  
call :SendCtrlP "Name in Windowtitle"
exit /b
:SendCtrlP &amp;lt;app&amp;gt;
setlocal
set vbs=%Temp%\_.vbs
&amp;gt;%vbs% echo set s = CreateObject("Wscript.Shell")
&amp;gt;&amp;gt;%vbs% echo s.appactivate "%~1"
&amp;gt;&amp;gt;%vbs% echo s.sendkeys "^p"
&amp;gt;&amp;gt;%vbs% echo s.sendkeys "{ENTER}"
cscript //nologo %vbs%
if exist %vbs% del /f /q %vbs%
exit /b
taskkill /f /im Ptedit50.exe
exit /b
enter code here
&lt;/code&gt;&lt;/pre&gt;</t>
  </si>
  <si>
    <t>2014-03-18 18:56:36.630000+00:00</t>
  </si>
  <si>
    <t>2014-03-19 08:45:54.570000+00:00</t>
  </si>
  <si>
    <t>2014-03-18 19:30:27.083000+00:00</t>
  </si>
  <si>
    <t>windows|batch-file|cmd</t>
  </si>
  <si>
    <t>Is it possible to use XMLHttpRequest across Domains</t>
  </si>
  <si>
    <t>&lt;p&gt;Cross Site XMLHttpRequest from JavaScript can it be done?&lt;/p&gt;
&lt;p&gt;I understand the limitations and why it is not generally able to work, but as of firefox 3.5 there is the &lt;/p&gt;
&lt;p&gt;&lt;code&gt;Access-Control-Allow-Origin: *&lt;/code&gt;&lt;/p&gt;
&lt;p&gt;which is supposed to allow this to work.&lt;/p&gt;
&lt;p&gt;It tells the browser that the server does not care if the request is sent to it from a domain that did not serve the page.&lt;/p&gt;
&lt;p&gt;The code I am using is below. &lt;br/&gt;&lt;/p&gt;
&lt;pre&gt;&lt;code&gt;function sendData(webservicePayload, callbackFunction) {
var request = null;
if (!window.XMLHttpRequest) { // code for IE
    try {
        request = new ActiveXObject('Msxml2.XMLHTTP');
    } catch (e) {
        try {
            request = new ActiveXObject('Microsoft.XMLHTTP');
        } catch (E) {
            return 'Create XMLHTTP request IE';
        }
    }
} else { // code for Mozilla, etc.
    request = new XMLHttpRequest();
}
/*
 * Setup the callback function
 */
request.onreadystatechange = function() {
    if (request.readyState == 4 &amp;amp;&amp;amp; request.status &amp;lt; 300) {
        eval(callbackFunction);
    }
};
if (!request) {
    nlapiLogExecution('ERROR', 'Create XMLHTTP request', 'Failed');
    return;
}
/*
 * Setup the request headers
 */
request.open('POST','http://www.another.domain.co.uk/webservice.asmx', true);
request.setRequestHeader('Man','POST http://www.another.domain.co.uk/webservice.asmx HTTP/1.1');
request.setRequestHeader('MessageType', 'CALL');
request.setRequestHeader('Content-Type', 'text/xml; charset="utf-8"');
request.setRequestHeader('Cache-Control', 'no-cache');
request.setRequestHeader("X-Requested-With", "XMLHttpRequest");
request.setRequestHeader('Content-Type', 'application/x-www-form-urlencoded');
request.setRequestHeader('SOAPAction','http://www.another.domain.co.uk/WebService/eService');
request.send(webservicePayload);
&lt;/code&gt;&lt;/pre&gt;
&lt;p&gt;}&lt;/p&gt;
&lt;p&gt;This is sending the correct request header&lt;/p&gt;
&lt;p&gt;REQUEST&lt;br/&gt;&lt;/p&gt;
&lt;pre&gt;&lt;code&gt;OPTIONS /webservice.asmx HTTP/1.1
Host: www.another.domain.co.uk
User-Agent: Mozilla/5.0 (Windows NT 6.1; rv:8.0) Gecko/20100101 Firefox/8.0
Accept: text/html,application/xhtml+xml,application/xml;q=0.9,*/*;q=0.8
Accept-Language: en-gb,en;q=0.5
Accept-Encoding: gzip, deflate
Accept-Charset: ISO-8859-1,utf-8;q=0.7,*;q=0.7
Connection: keep-alive
Origin: https://my.domain.com
Access-Control-Request-Method: POST
Access-Control-Request-Headers: cache-control,content-type,man,messagetype,soapaction
Pragma: no-cache
Cache-Control: no-cache
&lt;/code&gt;&lt;/pre&gt;
&lt;p&gt;and receiving an expected response header&lt;/p&gt;
&lt;p&gt;RESPONSE&lt;br/&gt;&lt;/p&gt;
&lt;pre&gt;&lt;code&gt;HTTP/1.1 403 Forbidden
Server: Microsoft-IIS/5.1
Date: Wed, 14 Dec 2011 13:43:27 GMT
X-Powered-By: ASP.NET
Access-Control-Allow-Origin: *
Connection: close
Content-Type: text/html
Content-Length: 44
&lt;/code&gt;&lt;/pre&gt;
&lt;p&gt;As you can see the Orgin is specified in the request and the server responds with acceptance of any ("*") domain.&lt;/p&gt;
&lt;p&gt;Why am I getting "Forbidden 403" as I feel that everything I have done is correct, I can't work out why?&lt;/p&gt;
&lt;p&gt;Is anyone else getting this?&lt;/p&gt;
&lt;p&gt;Do you know what is causing it?&lt;/p&gt;</t>
  </si>
  <si>
    <t>2011-12-15 17:17:46.457000+00:00</t>
  </si>
  <si>
    <t>2011-12-16 15:35:21.110000+00:00</t>
  </si>
  <si>
    <t>javascript|ajax|browser|cross-domain</t>
  </si>
  <si>
    <t>Why use decorators, Where it will prove advantages</t>
  </si>
  <si>
    <t>&lt;p&gt;I am going through the angularjs from a couple of weeks, have reached the decorators, what i have understood is that, it will just decorate/modify the existing directive by addning or modifing the existing objects of directive, &lt;/p&gt;
&lt;p&gt;My question is Why not we directly do the same in the directive itself in the first place, why  we need to write a abstract directive, and then do config() the directive at later stage, &lt;/p&gt;
&lt;p&gt;Any advantage of using this kind of Behavior?, When it will prove, it is worth Using the decorators.&lt;/p&gt;
&lt;p&gt;NOTE: Since i am a learner, it may be a simple or silly point, but please do advice, &lt;/p&gt;</t>
  </si>
  <si>
    <t>2014-04-01 09:45:37.703000+00:00</t>
  </si>
  <si>
    <t>2014-04-01 10:31:56.453000+00:00</t>
  </si>
  <si>
    <t>custom boolean converter to set style class</t>
  </si>
  <si>
    <t>&lt;p&gt;A Converter is defined in faces-config.xml which changes a boolean into a String "Yes" or "No"&lt;/p&gt;
&lt;pre&gt;&lt;code&gt;&amp;lt;converter&amp;gt;
    &amp;lt;converter-id&amp;gt;booleanConverter&amp;lt;/converter-id&amp;gt;
    &amp;lt;converter-class&amp;gt;com.example.BooleanConverter&amp;lt;/converter-class&amp;gt;
&amp;lt;/converter&amp;gt;
&lt;/code&gt;&lt;/pre&gt;
&lt;p&gt;This works fine using &lt;/p&gt;
&lt;pre&gt;&lt;code&gt;&amp;lt;h:outputText value="#{bean.booleanValue}" converter="booleanConverter" /&amp;gt;
&lt;/code&gt;&lt;/pre&gt;
&lt;p&gt;But if the intention was to style a surrounding &lt;code&gt;div&lt;/code&gt; element is this possible using a converter?  For example if a Converter was defined which return String "booleanTrue" and "booleanFalse" (which are defined in CSS)&lt;/p&gt;
&lt;pre&gt;&lt;code&gt;&amp;lt;converter&amp;gt;
    &amp;lt;converter-id&amp;gt;booleanStyleConverter&amp;lt;/converter-id&amp;gt;
    &amp;lt;converter-class&amp;gt;com.example.BooleanStyleConverter&amp;lt;/converter-class&amp;gt;
&amp;lt;/converter&amp;gt;
&lt;/code&gt;&lt;/pre&gt;
&lt;p&gt;Could I do something like:&lt;/p&gt;
&lt;pre&gt;&lt;code&gt;&amp;lt;div class="#{booleanStyleConverter.getAsString(null,null,bean.booleanValue)}"&amp;gt;
    &amp;lt;h:outputText value="#{bean.booleanValue}" converter="booleanConverter" /&amp;gt;
&amp;lt;/div&amp;gt;
&lt;/code&gt;&lt;/pre&gt;
&lt;p&gt;Defining in backing bean works but seems unsatisfactory&lt;/p&gt;
&lt;pre&gt;&lt;code&gt;public String booleanStyle(boolean value) {
    BooleanStyleConverter bsc = new BooleanStyleConverter();
    return bsc.getAsString(null, null, value);
}
&lt;/code&gt;&lt;/pre&gt;</t>
  </si>
  <si>
    <t>2015-06-13 19:37:43.523000+00:00</t>
  </si>
  <si>
    <t>2015-06-13 23:09:29.697000+00:00</t>
  </si>
  <si>
    <t>jsf|converter</t>
  </si>
  <si>
    <t>page redirect in wordpress with .htaccess</t>
  </si>
  <si>
    <t>&lt;p&gt;hey i am new in wordpress here i want to redirect my page to another page.
right now 
&lt;a href="http://www.mysite.com/page" rel="nofollow"&gt;http://www.mysite.com/page&lt;/a&gt; is working and what i need to do is 
&lt;a href="http://www.mysite.com/page/page1" rel="nofollow"&gt;http://www.mysite.com/page/page1&lt;/a&gt; on this link again i want to display the same page (&lt;a href="http://www.mysite.com/page" rel="nofollow"&gt;http://www.mysite.com/page&lt;/a&gt;)
for the above i have changed my .htaccess file like shown below&lt;/p&gt;
&lt;pre&gt;&lt;code&gt;RewriteRule ^page/page1(.*)$ /page [L]
RewriteRule ^page/page1  /page [L]
RewriteRule ^page/page1  /page[L]
&lt;/code&gt;&lt;/pre&gt;
&lt;p&gt;can you help me get out of this ?&lt;/p&gt;
&lt;p&gt;Thanks in advance&lt;/p&gt;</t>
  </si>
  <si>
    <t>2013-06-20 06:44:04.417000+00:00</t>
  </si>
  <si>
    <t>2013-06-20 10:51:09.437000+00:00</t>
  </si>
  <si>
    <t>wordpress|.htaccess</t>
  </si>
  <si>
    <t>Teaching assistant bash script to automate the process of finding, compiling, and running .java files</t>
  </si>
  <si>
    <t>&lt;h1&gt;Background:&lt;/h1&gt;
&lt;p&gt;I posted a question on &lt;a href="https://unix.stackexchange.com/questions/469680/teaching-assistant-bash-script-to-automate-the-process-of-finding-compiling-an"&gt;https://unix.stackexchange.com/questions/469680/teaching-assistant-bash-script-to-automate-the-process-of-finding-compiling-an&lt;/a&gt; and received some really good advice. Now I'd like to take my process one step further. &lt;/p&gt;
&lt;h1&gt;Summary of Design:&lt;/h1&gt;
&lt;p&gt;I'm a TA in University looking to automate testing my student's java code. I am also using this opportunity to grow in my bash skills because I feel like they could be better. My current bash script looks like this:&lt;/p&gt;
&lt;pre&gt;&lt;code&gt;#!/bin/bash
list='/Users/ajm/Desktop/170Grading/output/list.txt'
score='/Users/ajm/Desktop/170Grading/output/score.txt'
&amp;gt; "$list"
&amp;gt; "$score"
find "$1" -name '*.java' &amp;gt;&amp;gt; "$list"
exec 3&amp;lt; "$list"
while IFS='' read -r -u 3 line || [ -n "$line" ]
do
    read -p "&amp;gt; $line (Press Enter to continue)"
    echo "the next file is $line" &amp;gt;&amp;gt; "$score"
    open -a "Xcode" "$line" 
    javac -d "/Users/ajm/Desktop/170Grading/runs" "$line" &amp;gt;&amp;gt; class &amp;amp;&amp;amp; echo compiled &amp;gt;&amp;gt; "$score" || echo not compiled &amp;gt;&amp;gt; "$score"
    echo "standard in string" | cd "/Users/ajm/Desktop/170Grading/runs" java "$class" &amp;gt;&amp;gt; "$score"
done
&lt;/code&gt;&lt;/pre&gt;
&lt;h1&gt;Point of Contention&lt;/h1&gt;
&lt;p&gt;Currently, everything works up until the last line before the done. For some strange reason, the output from the &lt;strong&gt;java "$class"&lt;/strong&gt; is not appended to &lt;strong&gt;"$score"&lt;/strong&gt;. Any guidance would be greatly appreciated.&lt;/p&gt;
&lt;h1&gt;Additional Goals&lt;/h1&gt;
&lt;p&gt;A) I would like to be able to take in additional parameters for my script so that I don't need to keep editing it for each new assignment. For example in:&lt;/p&gt;
&lt;pre&gt;&lt;code&gt;find "$1" -name '*.java' &amp;gt;&amp;gt; "$list"
&lt;/code&gt;&lt;/pre&gt;
&lt;p&gt;I would like to be able to replace the &lt;strong&gt;'*.java'&lt;/strong&gt; with &lt;strong&gt;'&lt;em&gt;string.java'&lt;/strong&gt;. I know that I can obtain the string as $2 as a command arg for the script, but &lt;strong&gt;'&lt;/em&gt;$2.java'&lt;/strong&gt; does not seem to be the correct way of going about this. As an example: say I only want to look at a subset of .java files that end color.java, I would like to be able to say &lt;/p&gt;
&lt;pre&gt;&lt;code&gt;bash script.sh directory color
&lt;/code&gt;&lt;/pre&gt;
&lt;p&gt;and have that perform the task. If there is no $2, the code should default to &lt;strong&gt;'*.java'&lt;/strong&gt;.&lt;/p&gt;</t>
  </si>
  <si>
    <t>2018-09-18 03:40:54.997000+00:00</t>
  </si>
  <si>
    <t>2018-09-20 13:36:11.563000+00:00</t>
  </si>
  <si>
    <t>java|bash|automation</t>
  </si>
  <si>
    <t>Show/Hide Logic with BeginCollectionItem</t>
  </si>
  <si>
    <t>&lt;p&gt;I'm using BeginCollectionItem and I'm trying to figure out how to get each individual collection value to do conditional show/hide logic. For example, if I have the following razor markup:&lt;/p&gt;
&lt;pre&gt;&lt;code&gt;&amp;lt;div class="collection"&amp;gt;
    @using (Html.BeginCollectionItem(nameof(Item)))
    {
        &amp;lt;select class="select-class" id="select-id" asp-for="SelectExample"&amp;gt;
            &amp;lt;option value="a"&amp;gt;a&amp;lt;/option&amp;gt;
            &amp;lt;option value="b"&amp;gt;b&amp;lt;/option&amp;gt;
        &amp;lt;/select&amp;gt;
        &amp;lt;div class="show-if-b"&amp;gt;b is selected&amp;lt;/div&amp;gt;
    }
&amp;lt;/div&amp;gt;
&lt;/code&gt;&lt;/pre&gt;
&lt;p&gt;I need to show the "show-if-b" div if the "b" element is selected, else it needs to hide. This logic needs to run onchange of the select &lt;strong&gt;and&lt;/strong&gt; when the page loads ("b" could be saved) so I don't always have an event to attach to.&lt;/p&gt;
&lt;p&gt;I've tried different approaches with jQuery .closest(), .find(), and .parents() but I can't seem to get the specific select value in each collection.&lt;/p&gt;
&lt;p&gt;Any help is greatly appreciated.&lt;/p&gt;</t>
  </si>
  <si>
    <t>2017-06-28 13:39:35.693000+00:00</t>
  </si>
  <si>
    <t>2017-06-28 15:40:03.467000+00:00</t>
  </si>
  <si>
    <t>2017-06-28 13:49:39.260000+00:00</t>
  </si>
  <si>
    <t>jquery|asp.net-mvc|asp.net-core-mvc|begincollectionitem</t>
  </si>
  <si>
    <t>Automating Color picker using selenium</t>
  </si>
  <si>
    <t>&lt;p&gt;I am new to selenium java.&lt;/p&gt;
&lt;p&gt;I have a color picker in a dialog which I am testing. The goal is to choose a color for a text:&lt;/p&gt;
&lt;pre&gt;&lt;code&gt;&amp;lt;input id="EditorColorPicker1" type="color" style="width: 100%;"&amp;gt;
&lt;/code&gt;&lt;/pre&gt;
&lt;p&gt;I need to click on a color on this dialog and then close it:&lt;/p&gt;
&lt;p&gt;&lt;a href="https://i.stack.imgur.com/2zYmj.png" rel="nofollow noreferrer"&gt;&lt;img src="https://i.stack.imgur.com/2zYmj.png" alt="enter image description here"&gt;&lt;/a&gt;&lt;/p&gt;
&lt;p&gt;Thanks in advance.
Roshni&lt;/p&gt;</t>
  </si>
  <si>
    <t>2018-02-14 11:32:58.603000+00:00</t>
  </si>
  <si>
    <t>2018-02-14 18:06:50.293000+00:00</t>
  </si>
  <si>
    <t>2018-02-14 13:25:21.353000+00:00</t>
  </si>
  <si>
    <t>Using Redis to communicate between different AWS instances</t>
  </si>
  <si>
    <t>&lt;p&gt;We are currently in a situation where we are going to have to run a number of different &lt;code&gt;AWS EC2&lt;/code&gt; instances. How I have approached the communication between the instances in the past was just to use plain &lt;code&gt;HTTP&lt;/code&gt; but then I had an idea of using &lt;code&gt;Redis&lt;/code&gt; &lt;code&gt;PUB/SUB&lt;/code&gt; to communicate between the servers (I am sure someone must have tried it but I was not able to find any testimonials on it). The obvious advantage would be the speed - I felt that &lt;code&gt;HTTP&lt;/code&gt; does take up some time even though their physical location is very close. So how crazy is this idea? Say if I receive all the client side request from &lt;code&gt;nodeJS&lt;/code&gt; cluster and the additional functions that needs to be processed such as data analytics that may use python subscribes to an event published by &lt;code&gt;nodeJS&lt;/code&gt; it would achieve a very similar goals as using &lt;code&gt;HTTP&lt;/code&gt;. Has anyone tried this approach? What might be advantages and disadvantages?&lt;/p&gt;</t>
  </si>
  <si>
    <t>2018-04-16 00:19:06.867000+00:00</t>
  </si>
  <si>
    <t>amazon-web-services|redis</t>
  </si>
  <si>
    <t>Google Chart with dynamic data and pagination is it possible?</t>
  </si>
  <si>
    <t>&lt;p&gt;I want to use a Google Chart on my marketing project. I want to display a Google Donut Chart with &lt;code&gt;AJAX&lt;/code&gt; pagination.  &lt;/p&gt;
&lt;p&gt;The problem is when I go to the next page, the Google Chart wont show/display/load. It only shows data in the first load. Here is my sample code below:&lt;/p&gt;
&lt;h2&gt;index.php&lt;/h2&gt;
&lt;pre&gt;&lt;code&gt;&amp;lt;script type="text/javascript" src="https://www.gstatic.com/charts/loader.js"&amp;gt;&amp;lt;/script&amp;gt;
&amp;lt;script type="text/javascript" src="http://code.jquery.com/jquery-1.12.1.min.js"&amp;gt;&amp;lt;/script&amp;gt;
&amp;lt;script type="text/javascript"&amp;gt;
$(document).ready(function() {
    $("#results" ).load("fetch_pages.php"); //load initial records
    //executes code below when user click on pagination links
    $("#results").on( "click", ".pagination a", function (e){   
        e.preventDefault();
        $(".loading-div").show(); //show loading element
        var page = $(this).attr("data-page"); //get page number from link
        $("#results").load("fetch_pages.php",{"page":page}, function(){//get content from PHP page
            $(".loading-div").hide(); //once done, hide loading element
        });
    });
});
&amp;lt;/script&amp;gt;
&amp;lt;div class="loading-div"&amp;gt;&amp;lt;img src="ajax-loader.gif" &amp;gt;&amp;lt;/div&amp;gt;
&amp;lt;div id="results"&amp;gt;&amp;lt;!-- content will be loaded here --&amp;gt;&amp;lt;/div&amp;gt;
&lt;/code&gt;&lt;/pre&gt;
&lt;hr&gt;
&lt;p&gt;fetch_pages.php&lt;/p&gt;
&lt;pre&gt;&lt;code&gt;&amp;lt;?php
/* Title : Ajax Pagination with jQuery &amp;amp; PHP
Example URL : http://www.sanwebe.com/2013/03/ajax-pagination-with-jquery-php */
//continue only if $_POST is set and it is a Ajax request
if(isset($_POST) &amp;amp;&amp;amp; isset($_SERVER['HTTP_X_REQUESTED_WITH']) &amp;amp;&amp;amp; strtolower($_SERVER['HTTP_X_REQUESTED_WITH']) == 'xmlhttprequest'){
    include("config.inc.php");  //include config file
    //Get page number from Ajax POST
    if(isset($_POST["page"])){
        $page_number = filter_var($_POST["page"], FILTER_SANITIZE_NUMBER_INT, FILTER_FLAG_STRIP_HIGH); //filter number
        if(!is_numeric($page_number)){die('Invalid page number!');} //incase of invalid page number
    }else{
        $page_number = 1; //if there's no page number, set it to 1
    }
    //get total number of records from database for pagination
    $results = $mysqli-&amp;gt;query("SELECT COUNT(DISTINCT goals_date) FROM wp_daily_goals WHERE user_ID = '$loguser'");
    $get_total_rows = $results-&amp;gt;fetch_row(); //hold total records in variable
    //break records into pages
    $total_pages = ceil($get_total_rows[0]/$item_per_page);
    //get starting position to fetch the records
    $page_position = (($page_number-1) * $item_per_page);
    //Limit our results within a specified range. 
    $results = $mysqli-&amp;gt;prepare("SELECT user_ID, goals_date, TIME_FORMAT(SEC_TO_TIME(SUM(TIME_TO_SEC(total_time))), '%H:%i') AS st_time, SUM(twcm) AS stwcm, SUM(slas) AS sslas, SUM(bas) AS sbas, SUM(iph) AS siph, SUM(ias) AS sias, 
SUM(IF(lead_type = 'expireds', twcm + slas + bas + iph + ias, 0)) AS 'expireds', 
SUM(IF(lead_type = 'fsbos', twcm + slas + bas + iph + ias, 0)) AS 'fsbos', 
SUM(IF(lead_type = 'followup', twcm + slas + bas + iph + ias, 0)) AS 'followup', 
SUM(IF(lead_type = 'buyers', twcm + slas + bas + iph + ias, 0)) AS 'buyers', 
SUM(IF(lead_type = 'agents', twcm + slas + bas + iph + ias, 0)) AS 'agents', 
SUM(IF(lead_type = 'circlemarketing', twcm + slas + bas + iph + ias, 0)) AS 'circlemarketing', 
SUM(IF(lead_type = 'doorknocking', twcm + slas + bas + iph + ias, 0)) AS 'doorknocking', 
SUM(IF(lead_type = 'investor', twcm + slas + bas + iph + ias, 0)) AS 'investors'
FROM wp_daily_goals WHERE user_ID = '$loguser' GROUP BY goals_date ORDER BY goals_date ASC LIMIT $page_position, $item_per_page");
    $results-&amp;gt;execute(); //Execute prepared Query
    $results-&amp;gt;bind_result($user_ID, $goals_date, $st_time, $stwcm, $sslas, $sbas, $siph, $sias, $expireds, $fsbos, $followup, $buyers, $agents, $circlemarketing, $doorknocking, $investors); //bind variables to prepared statement
    //Display records fetched from database.
    echo '
    &amp;lt;script type="text/javascript"&amp;gt;
      google.charts.load("current", {packages:["corechart"]});
      google.charts.setOnLoadCallback(drawChart);
      function drawChart() {';
    while($results-&amp;gt;fetch()){ //fetch values google donutchart
        echo '$(document).ready(function(){
            var data = google.visualization.arrayToDataTable([ 
          ["Task", "Hours per Day"],
          ["Expired - '.$expireds.'",     '.$expireds.'],
          ["FSBOs - '.$fsbos.'",      '.$fsbos.'],
          ["Follow Up - '.$followup.'",  '.$followup.'],
          ["Buyers - '.$buyers.'", '.$buyers.'],
          ["Agent - '.$agents.'",    '.$agents.'],
          ["Circle Marketing - '.$circlemarketing.'",    '.$circlemarketing.'],
          ["Door Knocking - '.$doorknocking.'",    '.$doorknocking.'],
          ["Investor - '.$investors.'",    '.$investors.']
        ]);
        var options = {
          title: "My Daily Goals",
          pieHole: 0.4,
          width: 400, height: 250,
        chartArea: {width: "95%", height: "95%"},
        legend: {"position":"right","alignment":"center"},
      };
      var chart = new google.visualization.PieChart(document.getElementById("donutchart"));
      chart.draw(data, options);
        })';}
    echo '};
    &amp;lt;/script&amp;gt;
    &amp;lt;div id="donutchart"&amp;gt;&amp;lt;/div&amp;gt;
    ';
    echo '&amp;lt;div align="center"&amp;gt;';
    /* We call the pagination function here to generate Pagination link for us. 
    As you can see I have passed several parameters to the function. */
    echo paginate_function($item_per_page, $page_number, $get_total_rows[0], $total_pages);
    echo '&amp;lt;/div&amp;gt;';
    exit;
}
################ pagination function #########################################
function paginate_function($item_per_page, $current_page, $total_records, $total_pages)
{
    $pagination = '';
    if($total_pages &amp;gt; 0 &amp;amp;&amp;amp; $total_pages != 1 &amp;amp;&amp;amp; $current_page &amp;lt;= $total_pages){ //verify total pages and current page number
        $pagination .= '&amp;lt;ul class="pagination"&amp;gt;';
        $right_links    = $current_page + 3; 
        $previous       = $current_page - 3; //previous link 
        $next           = $current_page + 1; //next link
        $first_link     = true; //boolean var to decide our first link
        if($current_page &amp;gt; 1){
            $previous_link = ($previous==0)? 1: $previous;
            $pagination .= '&amp;lt;li class="first"&amp;gt;&amp;lt;a href="#" data-page="1" title="First"&amp;gt;&amp;amp;laquo;&amp;lt;/a&amp;gt;&amp;lt;/li&amp;gt;'; //first link
            $pagination .= '&amp;lt;li&amp;gt;&amp;lt;a href="#" data-page="'.$previous_link.'" title="Previous"&amp;gt;&amp;amp;lt;&amp;lt;/a&amp;gt;&amp;lt;/li&amp;gt;'; //previous link
                for($i = ($current_page-2); $i &amp;lt; $current_page; $i++){ //Create left-hand side links
                    if($i &amp;gt; 0){
                        $pagination .= '&amp;lt;li&amp;gt;&amp;lt;a href="#" data-page="'.$i.'" title="Page'.$i.'"&amp;gt;'.$i.'&amp;lt;/a&amp;gt;&amp;lt;/li&amp;gt;';
                    }
                }   
            $first_link = false; //set first link to false
        }
        if($first_link){ //if current active page is first link
            $pagination .= '&amp;lt;li class="first active"&amp;gt;'.$current_page.'&amp;lt;/li&amp;gt;';
        }elseif($current_page == $total_pages){ //if it's the last active link
            $pagination .= '&amp;lt;li class="last active"&amp;gt;'.$current_page.'&amp;lt;/li&amp;gt;';
        }else{ //regular current link
            $pagination .= '&amp;lt;li class="active"&amp;gt;'.$current_page.'&amp;lt;/li&amp;gt;';
        }
        for($i = $current_page+1; $i &amp;lt; $right_links ; $i++){ //create right-hand side links
            if($i&amp;lt;=$total_pages){
                $pagination .= '&amp;lt;li&amp;gt;&amp;lt;a href="#" data-page="'.$i.'" title="Page '.$i.'"&amp;gt;'.$i.'&amp;lt;/a&amp;gt;&amp;lt;/li&amp;gt;';
            }
        }
        if($current_page &amp;lt; $total_pages){ 
                $next_link = ($i &amp;gt; $total_pages) ? $total_pages : $i;
                $pagination .= '&amp;lt;li&amp;gt;&amp;lt;a href="#" data-page="'.$next_link.'" title="Next" class="next"&amp;gt;&amp;amp;gt;&amp;lt;/a&amp;gt;&amp;lt;/li&amp;gt;'; //next link
                $pagination .= '&amp;lt;li class="last"&amp;gt;&amp;lt;a href="#" data-page="'.$total_pages.'" title="Last"&amp;gt;&amp;amp;raquo;&amp;lt;/a&amp;gt;&amp;lt;/li&amp;gt;'; //last link
        }
        $pagination .= '&amp;lt;/ul&amp;gt;'; 
    }
    return $pagination; //return pagination links
}
?&amp;gt;
&lt;/code&gt;&lt;/pre&gt;</t>
  </si>
  <si>
    <t>2016-04-14 19:55:42.240000+00:00</t>
  </si>
  <si>
    <t>2017-09-25 06:42:48.700000+00:00</t>
  </si>
  <si>
    <t>2016-04-14 20:02:39.070000+00:00</t>
  </si>
  <si>
    <t>javascript|php|ajax|google-chartwrapper|pygooglechart</t>
  </si>
  <si>
    <t>Show all data from sql server database into a table</t>
  </si>
  <si>
    <t>&lt;p&gt;I need help in creating a website where I could show all the data in the &lt;code&gt;t-sql&lt;/code&gt; table into a web table form. But all my code did is showing only the last data in my database. i'm new in this web environment. i'm doing this in &lt;code&gt;html5&lt;/code&gt; and &lt;code&gt;c#&lt;/code&gt; code.&lt;/p&gt;
&lt;pre&gt;&lt;code&gt;if (Byday.Checked == true)
    {
        con.Open();//database control
        string sql = "select top 30 * from " + locID + " where date = '" + txtStartDate.Text+ "'";
        SqlCommand com = new SqlCommand(sql, con);
        SqlDataReader dr = com.ExecuteReader();
        //execute datareader
        if (dr.HasRows)
        {
            while (dr.Read())
            {
                Label2.Text = dr["ID"].ToString();
                Label3.Text = dr["date"].ToString();
                Label4.Text = dr["data"].ToString();
            }
        }
&lt;/code&gt;&lt;/pre&gt;
&lt;p&gt;and is there a way for the system search the data just by month/year?? that would help me so much. thx&lt;/p&gt;</t>
  </si>
  <si>
    <t>2013-11-21 06:44:54.033000+00:00</t>
  </si>
  <si>
    <t>2015-03-24 19:43:48.503000+00:00</t>
  </si>
  <si>
    <t>sql|sql-server|visual-studio-2010|tsql</t>
  </si>
  <si>
    <t>Python 3 subprocess.popen() doesn't work on linux. Works on windows</t>
  </si>
  <si>
    <t>&lt;pre&gt;&lt;code&gt;process = subprocess.Popen(cmd, shell=True, stdout=subprocess.PIPE, stderr=subprocess.STDOUT, universal_newlines=True)
    for line in process.stdout:
&lt;/code&gt;&lt;/pre&gt;
&lt;p&gt;Hi!&lt;/p&gt;
&lt;p&gt;I have this line that executes an FFmpeg job and throws out every line in the output to a variable. It works fine on windows, but doesn't work at all on linux. The for loop never gets executed. i cant find anything about this, or the difference between windows and linux subprocess.popen() Can you please point me the right way to fix this?&lt;/p&gt;
&lt;p&gt;Thank you!&lt;/p&gt;</t>
  </si>
  <si>
    <t>2018-02-05 16:12:59.440000+00:00</t>
  </si>
  <si>
    <t>linux|python-3.x|ffmpeg|subprocess</t>
  </si>
  <si>
    <t>PHPStorm Internal Web Server Breakpoints do not work</t>
  </si>
  <si>
    <t>&lt;p&gt;Whan can I do to get breakpoints working in PHPStorm / PHP internal web server?&lt;/p&gt;
&lt;p&gt;My environment is: &lt;/p&gt;
&lt;p&gt;OSX 10.9.4
PHPStorm 7.1
XAMPP 1.8.3-4 / PHP 5.5.11 with Xdebug v2.2.3&lt;/p&gt;
&lt;p&gt;I have set a few options in /Applications/XAMPP/xamppfiles/etc/php.ini:&lt;/p&gt;
&lt;pre&gt;&lt;code&gt;[xdebug]
zend_extension="/Applications/XAMPP/xamppfiles/lib/php/extensions/no-debug-non-zts-20121212/xdebug.so"
xdebug.remote_enable=On
xdebug.profiler_enable=On
xdebug.profiler_output_dir="/Applications/XAMPP/xamppfiles/temp/"
xdebug.remote_log=/Applications/XAMPP/xamppfiles/logs/xdebug.log
&lt;/code&gt;&lt;/pre&gt;
&lt;p&gt;PHPStorm settings:&lt;/p&gt;
&lt;p&gt;PHP Home: /Applications/XAMPP/bin
The settings dialog tells me that I have PHP 5.5.11 and Xdebug 2.2.3 which is what I expected.&lt;/p&gt;
&lt;p&gt;I use Chrome and have the Jetbrains IDE Support extension installed.&lt;/p&gt;
&lt;p&gt;When I hit "Debug" the browser displays the output of the PHP script along with a messages "JetBrains IDE Support is debugging this tab"&lt;/p&gt;
&lt;p&gt;Whenever I set a breakpoint the breakpoint is ignored altogether.&lt;/p&gt;
&lt;p&gt;When I use the same PHP environment from Netbeans 8, breakpoints work.&lt;/p&gt;
&lt;p&gt;Same problem on Windows 8.&lt;/p&gt;</t>
  </si>
  <si>
    <t>2014-08-13 09:31:55.740000+00:00</t>
  </si>
  <si>
    <t>2014-08-15 06:57:12.003000+00:00</t>
  </si>
  <si>
    <t>debugging|phpstorm|breakpoints</t>
  </si>
  <si>
    <t>Pivot table (or other solution) with Inner join</t>
  </si>
  <si>
    <t>&lt;p&gt;I have this query: &lt;/p&gt;
&lt;pre&gt;&lt;code&gt;SELECT  DISTINCT  
    a.max_TEA_InicioTarefa, 
    analista,
    ETS.ETS_Sigla, 
    ATC.ATC_Id, 
    ATC.ATC_Sigla, 
    PAT.PAT_Sigla, 
    a.SRV_Id,
    ContratoComunicado.CCM_Id,
    ContratoComunicado.CCM_Docto, 
    ContratoComunicado.CCM_Emissao,
    ComunicadoTipo.CMT_Descr,
    TarefaEtapaAreaTecnica_1.TEA_Revisao, 
    TarefaEtapaAreaTecnica_1.ETS_Id, 
    TarefaEtapaAreaTecnica_1.TEA_FimTarefa, 
    TarefaEtapaAreaTecnica_1.PAT_Id 
FROM       
    dbo.Tarefa AS Tarefa_1
INNER JOIN
    (
        SELECT 
            MAX(dbo.TarefaEtapaAreaTecnica.TEA_InicioTarefa) 
                AS max_TEA_InicioTarefa, 
            dbo.Pessoa.PFJ_Descri as analista,
            dbo.AreaTecnica.ATC_Id, 
            dbo.Tarefa.SRV_Id
        FROM  
            dbo.TarefaEtapaAreaTecnica 
            LEFT OUTER JOIN dbo.Tarefa 
                ON dbo.TarefaEtapaAreaTecnica.TRF_Id = 
                dbo.Tarefa.TRF_Id
            LEFT OUTER JOIN dbo.AreaTecnica 
                ON dbo.TarefaEtapaAreaTecnica.ATC_Id = 
                dbo.AreaTecnica.ATC_Id 
            LEFT OUTER JOIN dbo.Pessoa 
                ON dbo.Pessoa.PFJ_Id = 
                dbo.TarefaEtapaAreaTecnica.PFJ_Id_Analista
        GROUP BY 
            dbo.AreaTecnica.ATC_Id, 
            dbo.Tarefa.SRV_Id, 
            dbo.Pessoa.PFJ_Descri
    ) AS a 
        ON Tarefa_1.SRV_Id = a.SRV_Id 
INNER JOIN dbo.TarefaEtapaAreaTecnica AS TarefaEtapaAreaTecnica_1 
    ON Tarefa_1.TRF_Id = TarefaEtapaAreaTecnica_1.TRF_Id AND 
    a.ATC_Id = TarefaEtapaAreaTecnica_1.ATC_Id AND
    a.max_TEA_InicioTarefa = TarefaEtapaAreaTecnica_1.TEA_InicioTarefa
LEFT JOIN AreaTecnica ATC ON 
    TarefaEtapaAreaTecnica_1.ATC_Id = ATC.ATC_Id
LEFT JOIN Etapa ETS ON 
    TarefaEtapaAreaTecnica_1.ETS_Id = ETS.ETS_Id
LEFT JOIN ParecerTipo PAT ON 
    TarefaEtapaAreaTecnica_1.PAT_Id = PAT.PAT_Id 
LEFT JOIN dbo.Servico ON 
    dbo.Servico.SRV_Id = Tarefa_1.SRV_Id
LEFT JOIN dbo.Contrato ON 
    dbo.Contrato.CNT_Id = Servico.CNT_Id
LEFT JOIN dbo.ContratoComunicado ON 
    dbo.Contrato.CNT_Id = ContratoComunicado.CNT_Id 
LEFT JOIN dbo.ComunicadoTipo ON 
    dbo.ComunicadoTipo.CMT_Id = ContratoComunicado.CMT_Id  
&lt;/code&gt;&lt;/pre&gt;
&lt;p&gt;As result I have the following lines:&lt;/p&gt;
&lt;p&gt;&lt;img src="https://i.stack.imgur.com/2btx9.jpg" alt="Lines"&gt;
&lt;a href="https://i.stack.imgur.com/2btx9.jpg" rel="nofollow noreferrer"&gt;[1]: http://i.stack.imgur.com/2btx9.jpg&lt;/a&gt;&lt;/p&gt;
&lt;p&gt;For eg. lines 6 and 7 are pretty much the same, but CCM_Id, CCM_Docto, CCM_Emissao (from table ContratoComunicado) and CMT_Descr (from table ComunicadoTipo) are not, I need to put CMT_Descr (From table ComunicadoTipo) as a column for each CMT_Id inside table ContratoComunicado, and so I will have:&lt;/p&gt;
&lt;p&gt;Pr��-Advertencia Date  |  Pr��-Advertencia Docto  |  1�� Advert��ncia Date etc.. &lt;br&gt;
2014-05-08             |   46/00365/14           |        2014-05-10&lt;/p&gt;
&lt;p&gt;By doing this i will guarantee there will be no equal lines.
I'm have trouble in this, can someone help me? Thanks &lt;/p&gt;</t>
  </si>
  <si>
    <t>2015-05-26 19:40:11.420000+00:00</t>
  </si>
  <si>
    <t>2015-05-26 23:02:58.143000+00:00</t>
  </si>
  <si>
    <t>2015-05-26 19:56:35.260000+00:00</t>
  </si>
  <si>
    <t>sql|sql-server|pivot</t>
  </si>
  <si>
    <t>Python to EXE builds a nothing-doing file</t>
  </si>
  <si>
    <t>&lt;p&gt;I used &lt;a href="https://pypi.python.org/pypi/cx_Freeze" rel="nofollow"&gt;cx_Freeze&lt;/a&gt; module to convert my Python applications to Windows.&lt;/p&gt;
&lt;p&gt;I have a simple Python file &lt;code&gt;norm.py&lt;/code&gt; :&lt;/p&gt;
&lt;pre&gt;&lt;code&gt;print("Hi there !")
&lt;/code&gt;&lt;/pre&gt;
&lt;p&gt;Another file &lt;code&gt;makeup.py&lt;/code&gt; to convert the above into exe:&lt;/p&gt;
&lt;pre&gt;&lt;code&gt;import sys
from cx_Freeze import setup, Executable
include_files = ['autorun.inf']
os_base = None
if sys.platform == "win32":
    os_base = "Win32GUI"
setup(name="puzzle",
        version="0.1",
        description="Very cool puzzle",
        options={'build_exe':{'include_files':include_files}},
        executables=[Executable("norm.py", base=os_base)])
&lt;/code&gt;&lt;/pre&gt;
&lt;p&gt;I also have &lt;code&gt;autorun.inf&lt;/code&gt; in the same folder.
There are also no errors coming when I build this by running command:&lt;/p&gt;
&lt;pre&gt;&lt;code&gt;python makeup.py build
&lt;/code&gt;&lt;/pre&gt;
&lt;p&gt;It creates a &lt;code&gt;build&lt;/code&gt; folder inside which there is &lt;code&gt;norm.exe&lt;/code&gt; .When I run this exe through my terminal , it doesn't do anything.I am expecting it to print &lt;code&gt;"Hi there!"&lt;/code&gt; &lt;/p&gt;
&lt;p&gt;I am using Python 3.4 as some posts said that 3.5 has a problem with this module.&lt;/p&gt;</t>
  </si>
  <si>
    <t>2016-07-02 16:41:21.873000+00:00</t>
  </si>
  <si>
    <t>2016-11-09 05:41:29.070000+00:00</t>
  </si>
  <si>
    <t>2016-07-02 18:21:43.393000+00:00</t>
  </si>
  <si>
    <t>python|python-3.x|cx-freeze</t>
  </si>
  <si>
    <t>Extract Index of repeat value</t>
  </si>
  <si>
    <t>&lt;p&gt;how do I extract specific row of data when the column has repetitive value? my data looks like this: I want to extract the row of the end of each repeat of x (A 3 10, A 2 3 etc) or the index of the last value&lt;/p&gt;
&lt;pre&gt;&lt;code&gt;Name    X   M
 A      1   1
 A      2   9
 A      3   10
 A      1   1
 A      2   3
 A      1   5
 A      2   6
 A      3   4
 A      4   5
 A      5   3
 B      1   1
 B      2   9
 B      3   10
 B      1   1
 B      2   3
&lt;/code&gt;&lt;/pre&gt;
&lt;p&gt;Expected output&lt;/p&gt;
&lt;pre&gt;&lt;code&gt; Index  Name X   M
  3      A   3   10
  5      A   2   3
  10     A   5   3
  13     B   3   10
  15     B   2   3  
&lt;/code&gt;&lt;/pre&gt;</t>
  </si>
  <si>
    <t>2017-11-20 22:25:51.510000+00:00</t>
  </si>
  <si>
    <t>2017-11-21 00:03:15.707000+00:00</t>
  </si>
  <si>
    <t>2017-11-20 22:52:00.467000+00:00</t>
  </si>
  <si>
    <t>r|dataframe</t>
  </si>
  <si>
    <t>Knockout, Require, Sammy and a view model for each page ��� how do I make it work?</t>
  </si>
  <si>
    <t>&lt;p&gt;I have a KO app and each of my pages has a separate view model that handles all the actions required on that page (load, add, edit, delete, etc). I've managed to split the code up into multiple modules using RequireJS, but I can't find a way for multiple view models to work at once using Sammy.&lt;/p&gt;
&lt;p&gt;This is the setup I have in my &lt;code&gt;init.js&lt;/code&gt; file at the moment, which loads the content on the first page. And it works:&lt;/p&gt;
&lt;pre&gt;&lt;code&gt;require(['jquery', 'ko', 'sammy', 'viewmodels/page1'], function($, ko, sammy, page1) {
  var page1VM = new page1.ViewModel();
  ko.applyBindings(page1VM);
  var app = sammy('#wrapper', function() {
    this.get('#page1', function() {
      page1VM.loadContent();
    });
    this.get('#page2', function() {
      // do nothing yet
    });
    [...]
    this.get('#pageX', function() {
      // do nothing yet
    });
  });
  app.run('#page1');
});
&lt;/code&gt;&lt;/pre&gt;
&lt;p&gt;How can I bind my other view models to the other pages?&lt;/p&gt;
&lt;p&gt;I also tried adding a separate &lt;code&gt;ko.applyBindings&lt;/code&gt; for each page inside &lt;code&gt;this.get&lt;/code&gt;, which threw an error when I switched back to a page that had already applied those bindings.&lt;/p&gt;</t>
  </si>
  <si>
    <t>2013-07-21 09:09:47.163000+00:00</t>
  </si>
  <si>
    <t>2015-02-24 14:48:43.937000+00:00</t>
  </si>
  <si>
    <t>javascript|knockout.js|requirejs|sammy.js</t>
  </si>
  <si>
    <t>Simplifying a Ruby Array</t>
  </si>
  <si>
    <t>&lt;p&gt;I searched around a lot but I am currently stumped. I am looking to simplify an array so it's a little easier to work with ...&lt;/p&gt;
&lt;p&gt;Right now my array looks like this:&lt;/p&gt;
&lt;pre&gt;&lt;code&gt;[[{"title"=&amp;gt;"Test Entry 2", "date"=&amp;gt;"2013-11-01 21:05"}, "\nThis is just another test entry."], [{"title"=&amp;gt;"Test Entry", "date"=&amp;gt;"2013-11-01 18:05"}, "\nThis is just a test entry."]]
&lt;/code&gt;&lt;/pre&gt;
&lt;p&gt;And to print these values I currently have:&lt;/p&gt;
&lt;pre&gt;&lt;code&gt;entries.each do |x|
  puts x[0]["title"]
  puts x[0]["date"]
  puts x[1]
end
&lt;/code&gt;&lt;/pre&gt;
&lt;p&gt;I would like it to look like this (I think):&lt;/p&gt;
&lt;pre&gt;&lt;code&gt;[{"title"=&amp;gt;"Test Entry 2", "date"=&amp;gt;"2013-11-01 21:05", "content"=&amp;gt;"\nThis is just another test entry".}], [{"title"=&amp;gt;"Test Entry", "date"=&amp;gt;"2013-11-01 18:05", "content"="\nThis is just a test entry.}]
&lt;/code&gt;&lt;/pre&gt;
&lt;p&gt;I'm looking to be able to call these values easily with a loop, something like:&lt;/p&gt;
&lt;pre&gt;&lt;code&gt;entries.each do |entry|
  puts entry["title"]
  puts entry["date"]
  puts entry["content"]
end
&lt;/code&gt;&lt;/pre&gt;
&lt;p&gt;Any help would be appreciated. Thanks for looking!!&lt;/p&gt;</t>
  </si>
  <si>
    <t>2013-11-06 00:01:35.720000+00:00</t>
  </si>
  <si>
    <t>2013-11-06 06:06:49.320000+00:00</t>
  </si>
  <si>
    <t>Using JSON as property value in Apache Camel</t>
  </si>
  <si>
    <t>&lt;p&gt;The following code line works fine&lt;/p&gt;
&lt;pre&gt;&lt;code&gt;.setBody(constant("{\"filter\":{\"bool\":{\"must\":{\"type\":{\"value\":\"channels\"}},\"should\":{},\"must_not\":{\"missing\":{\"field\":\"sourceId\",\"existence\":true,\"null_value\":true}}}},\"fields\":[\"sourceId\",\"callSign\",\"name\"],\"from\":0,\"size\":10000}"))
&lt;/code&gt;&lt;/pre&gt;
&lt;p&gt;However when the JSON value is specified in a properties file as shown below, it fails if called as follows:&lt;/p&gt;
&lt;pre&gt;&lt;code&gt;.setBody(simple("{{es.stations}}"))
&lt;/code&gt;&lt;/pre&gt;
&lt;p&gt;es.stations is set as shown below&lt;/p&gt;
&lt;pre&gt;&lt;code&gt;es.stations={"filter"\:{"bool"\:{"must"\:{"type"\:{"value"\:"channels"}},"should"\:{},"must_not"\:{"missing"\:{"field"\:"sourceId","existence"\:true,"null_value"\:true}}}},"fields"\:["sourceId","callSign","name"],"from"\:0,"size"\:10000}
&lt;/code&gt;&lt;/pre&gt;
&lt;p&gt;The exception thrown is as follows:&lt;/p&gt;
&lt;pre&gt;&lt;code&gt;Caused by: java.lang.IllegalArgumentException: Missing {{ from the text: {"filter":{"bool":{"must":{"type":{"value":"channels"}},"should":{},"must_not":{"missing":{"field":"sourceId","existence":true,"null_value":true}}}},"fields":["sourceId","callSign","name"],"from":0,"size":10000}
&lt;/code&gt;&lt;/pre&gt;
&lt;p&gt;Is it possible to store JSON in properties files and if so what escape characters if any should be used&lt;/p&gt;</t>
  </si>
  <si>
    <t>2014-12-05 15:02:29.587000+00:00</t>
  </si>
  <si>
    <t>json|apache-camel|properties-file</t>
  </si>
  <si>
    <t>Fill table column from mysql depending on value</t>
  </si>
  <si>
    <t>&lt;p&gt;I have a mysql table looking like this:&lt;/p&gt;
&lt;pre&gt;&lt;code&gt;+------+-------+-------+----------+------------+
| id   | name  | RowSZ | TimeSZ   | DateSZ     | 
+------+-------+-------+----------+------------+
| 1    | namex | 2     | 12:00:00 | 2018-06-29 | 
+------+-------+-------+----------+------------+
| 2    | namey | 1     | 10:00:00 | 2018-06-30 |
&lt;/code&gt;&lt;/pre&gt;
&lt;p&gt;Now I want to fill a html table which should look like this:&lt;/p&gt;
&lt;pre&gt;&lt;code&gt;+-------+----------+----------+------------+
| name  | Timerow1 | Timerow2 | DateSZ     | 
+-------+----------+----------+------------+
| namex |          | 12:00:00 | 2018-06-29 | 
+-------+----------+----------+------------+
| namey | 10:00:00 |          | 2018-06-30 |
&lt;/code&gt;&lt;/pre&gt;
&lt;p&gt;The Timerow1 and Timerow2 are filled depending on the value "RowSZ".&lt;/p&gt;
&lt;p&gt;My SQL query right now:&lt;/p&gt;
&lt;pre&gt;&lt;code&gt;$sql = "SELECT *, DATE_FORMAT(DateSZ, '%d-%m-%y') AS DateSZ FROM table1 ORDER BY DateSZ ASC";
&lt;/code&gt;&lt;/pre&gt;
&lt;p&gt;How can I fill the two rows Timerow1 and Timerow2 correctly? &lt;/p&gt;</t>
  </si>
  <si>
    <t>2018-07-05 16:31:14.970000+00:00</t>
  </si>
  <si>
    <t>2018-07-05 17:56:08.590000+00:00</t>
  </si>
  <si>
    <t>2018-07-05 17:00:06.293000+00:00</t>
  </si>
  <si>
    <t>mysql|html-table</t>
  </si>
  <si>
    <t>How to call different directive templates based on different kinds of objects in collection?</t>
  </si>
  <si>
    <t>&lt;p&gt;This code uses a directive to display customers in a collection:&lt;/p&gt;
&lt;p&gt;&lt;a href="http://jsfiddle.net/edwardtanguay/kj4oj1aa/2" rel="nofollow"&gt;http://jsfiddle.net/edwardtanguay/kj4oj1aa/2&lt;/a&gt;&lt;/p&gt;
&lt;p&gt;the collection:&lt;/p&gt;
&lt;pre&gt;&lt;code&gt;$scope.customers = [
    {'kind':'internal', 'firstName':'Jim', 'lastName':'Thompson', 'age':'34', 'internalcode':'X3434'},
    {'kind':'external', 'firstName':'James', 'lastName':'Hankerton', 'age':'33','website':'http://google.com'},
    {'kind':'undefined', 'firstName':'Greg', 'lastName':'Garland', 'age':'28'},
    {'kind':'external', 'firstName':'Eddie', 'lastName':'Eddington', 'age':'33','website':'http://yahoo.com'},
    {'kind':'internal', 'firstName':'Rachael', 'lastName':'Rosters', 'age':'34', 'internalcode':'X1112'},
    {'kind':'undefined', 'firstName':'David', 'lastName':'Dielan', 'age':'37'},
    {'kind':'undefined', 'firstName':'Howard', 'lastName':'Honduras', 'age':'45'}
];
&lt;/code&gt;&lt;/pre&gt;
&lt;p&gt;In my directive, I am currently always calling the &lt;code&gt;itemMenuTemplateUndefined&lt;/code&gt; template:&lt;/p&gt;
&lt;pre&gt;&lt;code&gt;return {
  restrict: 'A',
    scope: {
        datasource: '=',
        add: '&amp;amp;'
    },
    controller: controller,
    controllerAs: 'vm',
    bindToController: true,
    templateUrl: 'itemMenuTemplateUndefined'
};
&lt;/code&gt;&lt;/pre&gt;
&lt;p&gt;which calls this template:&lt;/p&gt;
&lt;pre&gt;&lt;code&gt;&amp;lt;script type="text/ng-template" id="itemMenuTemplateUndefined"&amp;gt;
    &amp;lt;div ng-repeat="item in vm.items track by $index"&amp;gt;
        &amp;lt;div class="panel panel-default"&amp;gt;
            &amp;lt;div class="panel-heading"&amp;gt;
                {{item.firstName}} {{item.lastName}}
            &amp;lt;/div&amp;gt;
            &amp;lt;div class="panel-body"&amp;gt;
                Age: {{item.age}}
            &amp;lt;/div&amp;gt;
        &amp;lt;/div&amp;gt;
    &amp;lt;/div&amp;gt;
&amp;lt;/script&amp;gt;
&lt;/code&gt;&lt;/pre&gt;
&lt;p&gt;However, from my directive, I want to call different templates based on if the &lt;strong&gt;customer.kind&lt;/strong&gt; = &lt;code&gt;internal&lt;/code&gt;, &lt;code&gt;external&lt;/code&gt; or &lt;code&gt;undefined&lt;/code&gt;,&lt;/p&gt;
&lt;p&gt;e.g. the template for &lt;strong&gt;internal&lt;/strong&gt; customers:&lt;/p&gt;
&lt;pre&gt;&lt;code&gt;&amp;lt;script type="text/ng-template" id="itemMenuTemplateInternal"&amp;gt;
    &amp;lt;div ng-repeat="item in vm.items track by $index"&amp;gt;
        &amp;lt;div class="panel panel-success"&amp;gt;
            &amp;lt;div class="panel-heading"&amp;gt;
                {{item.firstName}} {{item.lastName}}
            &amp;lt;/div&amp;gt;
            &amp;lt;div class="panel-body"&amp;gt;
                &amp;lt;div&amp;gt;Age: {{item.age}}&amp;lt;/div&amp;gt;
                &amp;lt;div&amp;gt;Internal Code: {{item.internalcode}}&amp;lt;/div&amp;gt;
            &amp;lt;/div&amp;gt;
        &amp;lt;/div&amp;gt;
    &amp;lt;/div&amp;gt;
&amp;lt;/script&amp;gt;
&lt;/code&gt;&lt;/pre&gt;
&lt;p&gt;and the template for &lt;strong&gt;external&lt;/strong&gt; customers:&lt;/p&gt;
&lt;pre&gt;&lt;code&gt;&amp;lt;script type="text/ng-template" id="itemMenuTemplateExternal"&amp;gt;
    &amp;lt;div ng-repeat="item in vm.items track by $index"&amp;gt;
        &amp;lt;div class="panel panel-warning"&amp;gt;
            &amp;lt;div class="panel-heading"&amp;gt;
                {{item.firstName}} {{item.lastName}}
            &amp;lt;/div&amp;gt;
            &amp;lt;div class="panel-body"&amp;gt;
                &amp;lt;div&amp;gt;Age: {{item.age}}&amp;lt;/div&amp;gt;
                &amp;lt;div&amp;gt;Website: {{item.website}}&amp;lt;/div&amp;gt;
            &amp;lt;/div&amp;gt;
        &amp;lt;/div&amp;gt;
    &amp;lt;/div&amp;gt;
&amp;lt;/script&amp;gt;
&lt;/code&gt;&lt;/pre&gt;
&lt;p&gt;&lt;strong&gt;Where do I put the logic so that the directive can decide which template to display based on &lt;code&gt;customer.kind&lt;/code&gt;?&lt;/strong&gt;&lt;/p&gt;</t>
  </si>
  <si>
    <t>2015-08-19 08:49:55.050000+00:00</t>
  </si>
  <si>
    <t>2015-08-19 09:52:14.200000+00:00</t>
  </si>
  <si>
    <t>How To create a stored procedure for SQL Server from C# code?</t>
  </si>
  <si>
    <t>&lt;p&gt;I am trying to create a stored procedure in SQL server from a C# winforms application.
This is the function I have so far.&lt;/p&gt;
&lt;pre&gt;&lt;code&gt;public void CreateStoredProcedure(string SPname)
{
        try
        {
            string query = "CREATE PROCEDURE " + SPname + " AS SELECT * FROM People WHERE Address='Mumbai'";
            connection.Open();
            var command = new SqlCommand();
            command.CommandType = CommandType.Text;
            command.CommandText = "EXEC " + query;
            command.ExecuteNonQuery();
        }
        finally
        {
            connection.Close();
        }
}
&lt;/code&gt;&lt;/pre&gt;
&lt;p&gt;Am I doing this right? I get an error message every time I try to achieve this.&lt;/p&gt;
&lt;p&gt;Hey thanks a lot guys!! Its working now..
This is the code that finally did it..&lt;/p&gt;
&lt;pre&gt;&lt;code&gt; public void CreateStoredProcedure(string SPname)
    {
        try
        {
            string query = "CREATE PROCEDURE " + SPname + " AS SELECT * FROM People WHERE Address='Mumbai'";
            connection.Open();
            var command = new SqlCommand();
            command.Connection = connection;
            command.CommandText = query;
            command.ExecuteNonQuery();
            var adapter = new SqlDataAdapter(command);
            adapter.Fill(dt);
            dgv.DataSource = dt;
        }
        finally
        {
            connection.Close();
        }
    }
&lt;/code&gt;&lt;/pre&gt;
&lt;p&gt;much appreciated! :)&lt;/p&gt;</t>
  </si>
  <si>
    <t>2014-05-23 06:50:32.383000+00:00</t>
  </si>
  <si>
    <t>2014-05-23 07:25:06.593000+00:00</t>
  </si>
  <si>
    <t>2014-05-23 07:20:48.193000+00:00</t>
  </si>
  <si>
    <t>Commas messing with number input in Javascript</t>
  </si>
  <si>
    <t>&lt;p&gt;I have a page with some elements that are controlled by the user. One of these is a text input field, where the user is supposed to input a number. Everything works well if the user only inputs digits (EG 9000), but is the user uses comma notation (the being 9,000) javascript doesn't take the input as an integer.&lt;/p&gt;
&lt;p&gt;How can I remove the commas and/or force the input to an integer? I tried using parseint(), but it doesn't seem to work with commas.&lt;/p&gt;</t>
  </si>
  <si>
    <t>2012-02-14 13:44:52.747000+00:00</t>
  </si>
  <si>
    <t>2017-02-02 07:59:07.403000+00:00</t>
  </si>
  <si>
    <t>javascript|string|user-input</t>
  </si>
  <si>
    <t>PNG file is not valid error when reading path from DB but works if the path is hardcoded</t>
  </si>
  <si>
    <t>&lt;p&gt;I run PHP 5.2 on Ubuntu with Apache 2.&lt;/p&gt;
&lt;p&gt;When I want to serve a PNG file from PHP file which is hardcoded (using &lt;code&gt;$imgname&lt;/code&gt;), I can succeed. However if I change the &lt;code&gt;$imgname&lt;/code&gt; to &lt;code&gt;$imgdbname&lt;/code&gt;, the browser fails and says it is not a valid PNG file.&lt;/p&gt;
&lt;pre&gt;&lt;code&gt;$imgname = "cachepics/c3s9taopkp.png";
$imgdbname = readfromdb();
header("Content-type: image/png");
print file_get_contents($imgname);
&lt;/code&gt;&lt;/pre&gt;
&lt;p&gt;However if I comment the &lt;code&gt;header("Content-type: image/png");&lt;/code&gt; line, browser shows the all PNG garbage text in both cases. Therefore, I am sure the PHP instance is able to reach that file by reading the path from DB.&lt;/p&gt;
&lt;p&gt;The ouput of&lt;/p&gt;
&lt;pre&gt;&lt;code&gt;print "-".$imgname."-".$imgdbname."-";
&lt;/code&gt;&lt;/pre&gt;
&lt;p&gt;seems exactly the same. &lt;/p&gt;
&lt;pre&gt;&lt;code&gt;-cachepics/c3s9taopkp.png-cachepics/c3s9taopkp.png-
&lt;/code&gt;&lt;/pre&gt;
&lt;p&gt;I will go crazy and don't know why the db version does not work.&lt;/p&gt;</t>
  </si>
  <si>
    <t>2012-04-02 15:28:01.477000+00:00</t>
  </si>
  <si>
    <t>2012-04-03 07:58:34.933000+00:00</t>
  </si>
  <si>
    <t>php|mysql|image-processing|png|imagemagick</t>
  </si>
  <si>
    <t>Add letter before space in string</t>
  </si>
  <si>
    <t>&lt;p&gt;I want to add a letter (any letter, lets say p) to the end of every word using regular javascript but im not sure how to do this.
I already have this incomplete code.&lt;/p&gt;
&lt;pre&gt;&lt;code&gt;var y = prompt("type a sentence here!"); //person types in sentence that will get changed//
function funkyfunction() {
    for(var i=0;i&amp;lt;x.length;i++){
        if(x.charAt(i)==" "){
        }
    }
};
funkyfunction(); //would call the function and print the result
&lt;/code&gt;&lt;/pre&gt;</t>
  </si>
  <si>
    <t>2015-09-16 02:16:27.480000+00:00</t>
  </si>
  <si>
    <t>2015-09-16 02:34:50.503000+00:00</t>
  </si>
  <si>
    <t>2015-09-16 02:23:46.877000+00:00</t>
  </si>
  <si>
    <t>Is it possible to have a non-zooming region on a html page on an iphone?</t>
  </si>
  <si>
    <t>&lt;p&gt;In the email app on the iPhone you can zoom in and out on an email. The email content zooms but the email heading (to/from/subject etc) doesn't zoom.&lt;/p&gt;
&lt;p&gt;Is it possible to have a non-zooming region like that with a web app on the iPhone?&lt;/p&gt;</t>
  </si>
  <si>
    <t>2011-04-07 08:03:06.053000+00:00</t>
  </si>
  <si>
    <t>2011-04-07 09:11:14.073000+00:00</t>
  </si>
  <si>
    <t>javascript|iphone|html</t>
  </si>
  <si>
    <t>Can you select multiple values from the same table row in SQL?</t>
  </si>
  <si>
    <t>&lt;p&gt;I am working in a SQL table where a string of information is stored in a single column/row for each high level object. This column stores information about what underlying objects they contain, each sub object denoted by a tag like [Report] Report1.... [Report] Report2... through out the text. There are a lot of underlying objects and tags and I need to be able to pull just the values after the [Report] tag.&lt;/p&gt;
&lt;p&gt;Table structure&lt;/p&gt;
&lt;h2&gt;|ObjectID|ObjectText|&lt;/h2&gt;
&lt;p&gt;|    1   | [Report]  report1 [date] 1 [Report]  report2 [date] 2 [Report]  report3 [date] 2| &lt;br&gt; 
|    2   | [Report]  report5 [date] 1 [Report]  report8 [date] 2 [Report]  report3 [date] 2|
&lt;br&gt;
|    3   | [Report]  report1 [date] 1 [Report]  report2 [date] 2 [Report]  report2 [date] 2|&lt;/p&gt;
&lt;p&gt;&lt;br&gt;&lt;/p&gt;
&lt;p&gt;I am not sure how to do this and while I can use CharIndex() and substring() to receive the first [Report] tag and the value directly after it, I don't know how to get all the values from each row. &lt;/p&gt;
&lt;p&gt;Select Substring(ObjectText,Charindex('[Report]', ObjectText) ,15) As Report
From ObjectTable &lt;/p&gt;
&lt;p&gt;I have no control over how the data is stored in the table, I personally would not have stored such a long string of unrelated information in the same row. &lt;/p&gt;</t>
  </si>
  <si>
    <t>2013-08-27 21:47:51.777000+00:00</t>
  </si>
  <si>
    <t>2014-07-21 21:49:46.747000+00:00</t>
  </si>
  <si>
    <t>2013-08-27 21:54:35.677000+00:00</t>
  </si>
  <si>
    <t>How do you add PostgreSQL Driver as a dependency in Maven?</t>
  </si>
  <si>
    <t>&lt;p&gt;I'm trying to develop a Java application with Maven while using Hibernate with a PostgreSQL database for persistence. I don't understand how I'm supposed to connect the PostgreSQL drivers to my application. I  get that you add dependencies in Maven's pom.xml file, which finds jars from a remote repository, but what about other jars?&lt;/p&gt;</t>
  </si>
  <si>
    <t>2012-11-05 23:38:25.543000+00:00</t>
  </si>
  <si>
    <t>2018-07-22 18:56:11.183000+00:00</t>
  </si>
  <si>
    <t>java|hibernate|postgresql|maven</t>
  </si>
  <si>
    <t>How to create one to many relationships in neo4j graph in most efficient way?</t>
  </si>
  <si>
    <t>&lt;p&gt;I am currently new to neo4j and exploring with cypher queries for a task at hand. I am using neo4j bolt driver in Java
Here is what I am trying to achieve. I have something like below data available as a Java ArrayList(stored in a HashMap):&lt;/p&gt;
&lt;p&gt;employerId 2 : [employeeId 1, employeeId 2, employeeId3, ...]&lt;/p&gt;
&lt;p&gt;Which basically shows relationship between employer and employee (these are the employees of employer 2)&lt;/p&gt;
&lt;p&gt;Now, I need to find these employees &amp;amp; employer in the graph(they may or may not exist already) and create a &lt;strong&gt;"(x:Employer) -[Employs]-&gt;(y:Employee)"&lt;/strong&gt; relationship between them.&lt;/p&gt;
&lt;p&gt;One way (maybe, naive) that I can think of, is to search for employer and employee every time and run a separate CREATE query for each.&lt;/p&gt;
&lt;pre&gt;&lt;code&gt;match (employer:Employer{name:"John"}), (name:Employee{name:"Snow"}) CREATE (employer)-[pr:EMPLOYES]-&amp;gt;(employee)
&lt;/code&gt;&lt;/pre&gt;
&lt;p&gt;But I feel that it would unnecessary search for the same Employer node multiple times. And as time is an important criterion for me right now, I am looking for a better way(if exists)&lt;/p&gt;
&lt;p&gt;As a newbie to neo4j, all I can think of is, to do a search for the employer ID once, and then run multiple queries using that result, with Employee ID being searched every time. But I am unable to find the correct query to do this. Moreover, will this be the right approach? I need to prepare this query from Java. So should I query multiple times or send a single query?&lt;/p&gt;</t>
  </si>
  <si>
    <t>2017-12-21 12:38:20.427000+00:00</t>
  </si>
  <si>
    <t>2017-12-21 17:36:50.040000+00:00</t>
  </si>
  <si>
    <t>user2782746</t>
  </si>
  <si>
    <t>java|neo4j|neo4j-cql</t>
  </si>
  <si>
    <t>Document design</t>
  </si>
  <si>
    <t>&lt;p&gt;I am trying out some different options to design and store a document structure in an efficient way in RavenDB.&lt;/p&gt;
&lt;p&gt;The structure I am handling user is Session and activity tracking information.&lt;/p&gt;
&lt;p&gt;A Session is started when a User logs into the system and the activities start getting created. There could be hundreds activities per session.
The session ends when the user closes / logs out.&lt;/p&gt;
&lt;p&gt;A factor that complicates the scenario slightly is that the sessions are displayed in a web portal in real time. In other words: I need to keep track of the session and activities and correlate them to be able to find out if they are ongoing (and how long they have been running) or if they are done.&lt;/p&gt;
&lt;p&gt;You can also dig around in the history of course.&lt;/p&gt;
&lt;p&gt;I did some research and found two relevant questions here on stack overflow but none of them really helped me:
&lt;a href="https://stackoverflow.com/questions/6019288/document-structure-for-ravendb"&gt;Document structure for RavenDB&lt;/a&gt;
&lt;a href="https://stackoverflow.com/questions/9042115/activity-stream-design-with-ravendb"&gt;Activity stream design with RavenDb&lt;/a&gt;&lt;/p&gt;
&lt;p&gt;The two options I have spiked successfully are: (simplified structures)&lt;/p&gt;
&lt;p&gt;1: &lt;/p&gt;
&lt;pre&gt;&lt;code&gt;{
  "User": "User1",
  "Machine": "machinename",
  "StartTime": "2012-02-13T13:11:52.0000000",
  "EndTime": "2012-02-13T13:13:54.0000000",
  "Activities": [
    {
      "Text": "Loaded Function X",
      "StartTime": "2012-02-13T13:12:10.0000000",
      "EndTime": "2012-02-13T13:12:10.0000000"
    },
    {
      "Text": "Executed action Z",
      "StartTime": "2012-02-13T13:12:10.0000000",
      "EndTime": "2012-02-13T13:12:10.0000000"
    }
}
&lt;/code&gt;&lt;/pre&gt;
&lt;p&gt;2:&lt;/p&gt;
&lt;pre&gt;&lt;code&gt;{
  "Session" : "SomeSessionId-1",
  "User": "User1",
  "Machine": "machinename",
  "Text": "Loaded Function X",
  "StartTime": "2012-02-13T13:12:10.0000000",
  "EndTime": "2012-02-13T13:12:10.0000000"
}
{
  "Session" : "SomeSessionId-1",
  "User": "User1",
  "Machine": "machinename",
  "Text": "Executed action Z",
  "StartTime": "2012-02-13T13:12:10.0000000",
  "EndTime": "2012-02-13T13:12:10.0000000"
}
&lt;/code&gt;&lt;/pre&gt;
&lt;p&gt;Alternative 1 feels more natural, comming from a relational background and it was really simple to load up a Session, add events and store away. The overhead of loading a Session object and the appending events every time feels really bad for insert performance.&lt;/p&gt;
&lt;p&gt;Alternative 2 feels much more efficient, I can simply append events (almost like event-sourcing). But the selections when digging around in events and showing them per session gets a bit more complex.&lt;/p&gt;
&lt;p&gt;Is there perhaps a third better alternative?
Could the solution be to separate the events and create another read model?
Am I overcomplicating the issue?&lt;/p&gt;</t>
  </si>
  <si>
    <t>2012-02-16 22:34:38.740000+00:00</t>
  </si>
  <si>
    <t>2012-02-17 17:44:48.163000+00:00</t>
  </si>
  <si>
    <t>2017-05-23 12:20:03.480000+00:00</t>
  </si>
  <si>
    <t>nosql|ravendb</t>
  </si>
  <si>
    <t>PHP mySQL - UNIX_TIMESTAMP is not equal to strtotime</t>
  </si>
  <si>
    <t>&lt;p&gt;&lt;strong&gt;PLATFORM:&lt;/strong&gt; 
PHP &amp;amp; mySQL &lt;/p&gt;
&lt;p&gt;I am storing the date+time in database in the following format: date("Y-m-d H:i:s"). An example of a value that I have in my DB is : 2010-01-05 07:36:33. In my script, I have set the timezone as &lt;code&gt;date_default_timezone_set("America/Chicago");&lt;/code&gt;&lt;/p&gt;
&lt;p&gt;&lt;strong&gt;THE PROBLEM:&lt;/strong&gt;&lt;/p&gt;
&lt;p&gt;I read about the UNIX_TIMESTAMP somewhere and I was using that in my query. The value of UNIX_TIMESTAMP on a date value from the DB, seems to be different from the strotime(DB date Value).&lt;/p&gt;
&lt;p&gt;&lt;strong&gt;EXAMPLE:&lt;/strong&gt;&lt;/p&gt;
&lt;p&gt;Consider that one of the DB values for the date column in my DB is &lt;strong&gt;2010-01-05 07:36:33&lt;/strong&gt;
Now if I fetch this date in the following way:&lt;/p&gt;
&lt;pre&gt;&lt;code&gt;$result = mysql_query("SELECT date, UNIX_TIMESTAMP(date) AS ut_date FROM table");
$row = mysql_fetch_row($result);
//The result of this is:
$row['date']    = 2010-01-05 07:36:33
$row['ut_date'] = 1262657193
strtotime($row['date']) gives 1262698593
&lt;/code&gt;&lt;/pre&gt;
&lt;p&gt;For my further calculations within my application, I need to work with strtotime(date). I have many comparisons to do that way. My problem would have solved, had the UNIX_TIMESTAMP(date) was same as strtotime(date). One of the sample query that I need to work with, is:&lt;/p&gt;
&lt;pre&gt;&lt;code&gt;$gap = 1; // time in minutes
$tm2 = date ("Y-m-d H:i:s", mktime (date("H"),date("i")-$gap,date("s"),date("m"),date("d"),date("Y")));
$target = strtotime($tm2);
$result2 = mysql_query("UPDATE table2 SET stat = 0 WHERE UNIX_TIMESTAMP(today_login_time) &amp;lt; $target ");
&lt;/code&gt;&lt;/pre&gt;
&lt;p&gt;The above is giving me incorrect results. If I try to replace UNIX_TIMESTAMP with strtotime in the above query, it gives me an error as the function strtotime seems to be PHP function and not respective mySQL function. Is there a respective mySQL function for the strtotime ? How do I solve the above problem? &lt;strong&gt;The code&lt;/strong&gt; to solve the above problem is highly appreciated.&lt;/p&gt;
&lt;p&gt;Thank you in advance.&lt;/p&gt;</t>
  </si>
  <si>
    <t>2010-01-05 14:32:13.053000+00:00</t>
  </si>
  <si>
    <t>2010-01-05 15:35:25.540000+00:00</t>
  </si>
  <si>
    <t>php|mysql|datetime</t>
  </si>
  <si>
    <t>Anchor tags functional but smooth scrolling won't work; page acts like javascript isn't there</t>
  </si>
  <si>
    <t>&lt;p&gt;I'm writing a single-page website in HTML. I want to use javascript for smooth scrolling between anchor tags. I've looked at half a dozen demos online, and copy/pasted relevant code directly into my files, but no matter what I try, the anchor tags work but the smooth scrolling does not.&lt;/p&gt;
&lt;p&gt;My problem seems similar to when people try using names instead of IDs. But I am using IDs. I also just validated my HTML at W3schools to rule out basic errors. I have no idea what else to look for, as my javascript is a direct copy/paste, and I've tried it from several different tutorials.&lt;/p&gt;
&lt;p&gt;Here's my HTML:&lt;/p&gt;
&lt;pre&gt;&lt;code&gt;&amp;lt;?xml version="1.0" encoding="ISO-8859-1" ?&amp;gt;
&amp;lt;!DOCTYPE html PUBLIC "-//W3C//DTD XHTML 1.0 Transitional//EN"
    "http://www.w3.org/TR/xhtml1/DTD/xhtml1-transitional.dtd"&amp;gt;
&amp;lt;html xmlns="http://www.w3.org/1999/xhtml"
    xml:lang="en-US"
    lang="en-US"&amp;gt;
&amp;lt;head profile="http://www.w3.org/2005/10/profile"&amp;gt;
    &amp;lt;title&amp;gt;Page Title&amp;lt;/title&amp;gt;
    &amp;lt;meta name="keywords"
      content="" /&amp;gt;
    &amp;lt;meta name="description"
      content="" /&amp;gt;
    &amp;lt;meta name="author" content="" /&amp;gt;
    &amp;lt;link href="http://fonts.googleapis.com/css?family=Droid+Serif" rel="stylesheet" type="text/css" /&amp;gt;
    &amp;lt;link href="http://fonts.googleapis.com/css?family=Raleway" rel="stylesheet" type="text/css" /&amp;gt;
    &amp;lt;link rel="stylesheet" type="text/css" 
        href="external_styles.css" /&amp;gt;
    &amp;lt;link rel="icon" 
        type="image/png" 
        href="/images/favicon.png" /&amp;gt;
    &amp;lt;script src="external_scripts.js" type="text/javascript"&amp;gt;&amp;lt;/script&amp;gt;
&amp;lt;/head&amp;gt;
&amp;lt;body&amp;gt;
&amp;lt;div class="floatingbar"&amp;gt;
&amp;lt;table class="navigation" cellspacing="0px" cellpadding="0px"&amp;gt;
&amp;lt;tr&amp;gt;
  &amp;lt;th class="logo"&amp;gt;&amp;lt;a href="#headshots" class="scroll"&amp;gt;Name&amp;lt;/a&amp;gt;&amp;lt;/th&amp;gt;
  &amp;lt;th&amp;gt;&amp;lt;a href="#biography" class="scroll"&amp;gt;Biography&amp;lt;/a&amp;gt;&amp;lt;/th&amp;gt;
  &amp;lt;th&amp;gt;&amp;lt;a href="#reel" class="scroll"&amp;gt;Reel&amp;lt;/a&amp;gt;&amp;lt;/th&amp;gt;
  &amp;lt;th&amp;gt;&amp;lt;a href="#resume" class="scroll"&amp;gt;Resume&amp;lt;/a&amp;gt;&amp;lt;/th&amp;gt;
  &amp;lt;th&amp;gt;&amp;lt;a href="#contact" class="scroll"&amp;gt;Contact&amp;lt;/a&amp;gt;&amp;lt;/th&amp;gt;
&amp;lt;/tr&amp;gt;
&amp;lt;/table&amp;gt;
&amp;lt;/div&amp;gt;
&amp;lt;div class="carousel" id="headshots"&amp;gt;
&amp;amp;nbsp;
&amp;lt;/div&amp;gt;
&amp;lt;div class="content"&amp;gt;
&amp;lt;h1 id="biography"&amp;gt;Biography&amp;lt;/h1&amp;gt;
&amp;lt;table cellspacing="0px"&amp;gt;
&amp;lt;tr&amp;gt;
&amp;lt;td class="left"&amp;gt;
   &amp;lt;p&amp;gt;Nulla auctor risus nec justo dapibus consequat. Praesent sed risus in sem varius pulvinar. Suspendisse a urna adipiscing, suscipit elit quis, dignissim tortor. Vivamus quis nunc eu erat fermentum blandit. Fusce dictum sed turpis nec pulvinar.&amp;lt;/p&amp;gt;
&amp;lt;/td&amp;gt;
&amp;lt;td class="right"&amp;gt;
   &amp;lt;p&amp;gt;Etiam eu felis in arcu lobortis suscipit vel vel dolor. Nullam blandit dolor lorem, id aliquet arcu tincidunt vitae. Mauris id elementum nibh, nec lacinia sapien. Aliquam at orci sem. Morbi faucibus condimentum eleifend.&amp;lt;/p&amp;gt;
&amp;lt;/td&amp;gt;
&amp;lt;/tr&amp;gt;
&amp;lt;/table&amp;gt;
&amp;lt;h1 id="reel"&amp;gt;Reel&amp;lt;/h1&amp;gt;
&amp;lt;div class="center"&amp;gt;
   &amp;lt;p&amp;gt;Nulla auctor risus nec justo dapibus consequat. Praesent sed risus in sem varius pulvinar. Suspendisse a urna adipiscing, suscipit elit quis, dignissim tortor. Vivamus quis nunc eu erat fermentum blandit. Fusce dictum sed turpis nec pulvinar.&amp;lt;/p&amp;gt;
   &amp;lt;p&amp;gt;Etiam eu felis in arcu lobortis suscipit vel vel dolor. Nullam blandit dolor lorem, id aliquet arcu tincidunt vitae. Mauris id elementum nibh, nec lacinia sapien. Aliquam at orci sem. Morbi faucibus condimentum eleifend.&amp;lt;/p&amp;gt;
&amp;lt;/div&amp;gt;
&amp;lt;h1 id="resume"&amp;gt;Resume&amp;lt;/h1&amp;gt;
&amp;lt;div class="center"&amp;gt;
   &amp;lt;p&amp;gt;Nulla auctor risus nec justo dapibus consequat. Praesent sed risus in sem varius pulvinar. Suspendisse a urna adipiscing, suscipit elit quis, dignissim tortor. Vivamus quis nunc eu erat fermentum blandit. Fusce dictum sed turpis nec pulvinar.&amp;lt;/p&amp;gt;
&amp;lt;/div&amp;gt;
&amp;lt;h1 id="contact"&amp;gt;Contact&amp;lt;/h1&amp;gt;
&amp;lt;div class="center"&amp;gt;
&amp;lt;div class="contactform"&amp;gt;
&amp;lt;form action="contact.php" method="post"&amp;gt;
    &amp;lt;label for="name"&amp;gt;Your name.&amp;lt;/label&amp;gt;
    &amp;lt;input type="text" id="name" name="user_name" /&amp;gt;
    &amp;lt;label for="mail"&amp;gt;Your email.&amp;lt;/label&amp;gt;
    &amp;lt;input type="email" id="mail" name="user_email" /&amp;gt;
    &amp;lt;label for="msg"&amp;gt;Your message.&amp;lt;/label&amp;gt;
    &amp;lt;textarea id="msg" name="user_message"&amp;gt;&amp;lt;/textarea&amp;gt;
    &amp;lt;button type="submit"&amp;gt;Send it.&amp;lt;/button&amp;gt;
&amp;lt;/form&amp;gt;
&amp;lt;/div&amp;gt;
&amp;lt;/div&amp;gt;
&amp;lt;/div&amp;gt;
&amp;lt;/body&amp;gt;
&amp;lt;/html&amp;gt;
&lt;/code&gt;&lt;/pre&gt;
&lt;p&gt;And, here's my javascript:&lt;/p&gt;
&lt;pre&gt;&lt;code&gt;$(".scroll").click(function(event){
         event.preventDefault();
         //calculate destination place
         var dest=0;
         if($(this.hash).offset().top &amp;gt; $(document).height()-$(window).height()){
              dest=$(document).height()-$(window).height();
         }else{
              dest=$(this.hash).offset().top;
         }
         //go to destination
         $('html,body').animate({scrollTop:dest}, 7000,'swing');
     });
&lt;/code&gt;&lt;/pre&gt;
&lt;p&gt;Any ideas?&lt;/p&gt;</t>
  </si>
  <si>
    <t>2013-12-08 07:09:32.370000+00:00</t>
  </si>
  <si>
    <t>2013-12-08 08:09:18.427000+00:00</t>
  </si>
  <si>
    <t>javascript|html|smooth-scrolling</t>
  </si>
  <si>
    <t>Put javascript code from head tag into meteor js files</t>
  </si>
  <si>
    <t>&lt;p&gt;Okay I'm not really sure how to explain this clearly so the title might have been slightly confusing. I have some code for using the google maps api from w3 schools (&lt;a href="http://www.w3schools.com/googleAPI/google_maps_basic.asp" rel="nofollow"&gt;http://www.w3schools.com/googleAPI/google_maps_basic.asp&lt;/a&gt;) which is shown as going in the head tag of the html file. But I am also trying to use Meteor.js for another part of the app and it separates the javascript code into another .js file. So basically I am wondering how/where to put the javascript code from the head tag into the meteor .js files. I tried to put it directly in but I think it needs the other script tag to go with it because it has some variables that weren't defined if I moved it. So how can I move the javascript code and make sure that the variables are still defined? Should I move the script src tag with it somehow? &lt;/p&gt;
&lt;pre&gt;&lt;code&gt;&amp;lt;script src="https://maps.googleapis.com/maps/api/js?key=myKey"&amp;gt; &amp;lt;/script&amp;gt;
&amp;lt;script&amp;gt;
    //javascript code I want to move is here
&amp;lt;/script&amp;gt;
&lt;/code&gt;&lt;/pre&gt;
&lt;p&gt;I've also read something about dynamically loading the javascript with jQuery or something but I'm not sure I understand how that would work?&lt;/p&gt;
&lt;p&gt;Here is the github repo of the code but I don't think you'll need it: &lt;a href="https://github.com/2016rshah/meteor/tree/master/FlightNews" rel="nofollow"&gt;https://github.com/2016rshah/meteor/tree/master/FlightNews&lt;/a&gt;&lt;/p&gt;
&lt;p&gt;Sorry for asking such a silly question I am new to web-dev and I've never really faced problems like this with Java or Python because you can just import wherever you need to. Thanks for any suggestions!&lt;/p&gt;</t>
  </si>
  <si>
    <t>2014-08-01 13:46:11.840000+00:00</t>
  </si>
  <si>
    <t>2014-08-01 14:42:16.827000+00:00</t>
  </si>
  <si>
    <t>javascript|html|meteor|google-api|file-structure</t>
  </si>
  <si>
    <t>Compare 2 strings with repetitive parts</t>
  </si>
  <si>
    <t>&lt;p&gt;I am developing a speak reconition trainer and I want to get the hits and errors of the trainer result. I have the real sentence and the predicted sentence and I have something like this:&lt;/p&gt;
&lt;pre&gt;&lt;code&gt;if real == predicted:
    hits += 1
else:
    errors += 1
&lt;/code&gt;&lt;/pre&gt;
&lt;p&gt;My problem comes now... The predicted strings are with the form:&lt;/p&gt;
&lt;pre&gt;&lt;code&gt;- 'command' 'time' 'unit'
&lt;/code&gt;&lt;/pre&gt;
&lt;p&gt;Where 'unit' can be [minute,minutes,second,seconds]
And I want to count as hit the sentence with minute or minutes and second or secons. For example.&lt;/p&gt;
&lt;p&gt;Real: stop five minutes and walk one second
Predicted1: stop five minute and walk one second
Predicted2: stop five minutes and walk one seconds
Predicted3: stop three minute and walk one seconds&lt;/p&gt;
&lt;p&gt;Where Predicted1 and Predicted2 are hits and Predicted3 an error.
There are a fast way without turning all as lists and this kind of things&lt;/p&gt;</t>
  </si>
  <si>
    <t>2017-04-09 21:49:39.570000+00:00</t>
  </si>
  <si>
    <t>2017-04-09 22:37:16.923000+00:00</t>
  </si>
  <si>
    <t>python|string|python-2.7|compare|string-comparison</t>
  </si>
  <si>
    <t>Can't push an object into an array Javascript</t>
  </si>
  <si>
    <t>&lt;p&gt;I'm building a game, and for my players I have a player class. This class defines things like their name, xpos, ypos etc. In my main game loop, I have to iterate over all of the current players (it's multiplayer) and update/draw them.&lt;/p&gt;
&lt;p&gt;Problem is, I don't know how to store the players in the game class. I tried doing this in the game class:&lt;/p&gt;
&lt;pre&gt;&lt;code&gt;this.players = [];
&lt;/code&gt;&lt;/pre&gt;
&lt;p&gt;And then:&lt;/p&gt;
&lt;pre&gt;&lt;code&gt;game.players.push(new player(name));
&lt;/code&gt;&lt;/pre&gt;
&lt;p&gt;But I get this error:&lt;/p&gt;
&lt;pre&gt;&lt;code&gt;Uncaught TypeError: object is not a function
&lt;/code&gt;&lt;/pre&gt;
&lt;p&gt;I always thought I could have objects as array elements, but apparently not.&lt;/p&gt;
&lt;p&gt;Could someone advise a better way to do what I want?&lt;/p&gt;</t>
  </si>
  <si>
    <t>2011-11-13 03:00:51.110000+00:00</t>
  </si>
  <si>
    <t>2011-11-13 21:38:22.360000+00:00</t>
  </si>
  <si>
    <t>javascript|arrays|object</t>
  </si>
  <si>
    <t>Help with this query in Access</t>
  </si>
  <si>
    <t>&lt;pre&gt;
ID-     DATE-       NAME
10100-  2010/04/17- Name1
10100-  2010/04/14- Name2
10200-  2010/04/17- Name3
10200-  2010/04/16- Name4
10200-  2010/04/15- Name5
10400-  2010/04/01- Name6
&lt;/pre&gt;
&lt;p&gt;I have this fields(and others too) in one table. I need to do a query which return the ID with your respective name where more recently date for example the results for desired query in that data example will be.&lt;/p&gt;
&lt;pre&gt;
10100-  2010/04/17- Name1
10200-  2010/04/17- Name3
10400-  2010/04/01- Name6
&lt;/pre&gt;
&lt;p&gt;Ommiting ID with older dates.&lt;/p&gt;
&lt;p&gt;Then I need one query for that. thanks.&lt;/p&gt;</t>
  </si>
  <si>
    <t>2010-04-18 17:11:46.643000+00:00</t>
  </si>
  <si>
    <t>2010-04-18 17:20:00.797000+00:00</t>
  </si>
  <si>
    <t>2010-04-18 17:14:35.883000+00:00</t>
  </si>
  <si>
    <t>sql|ms-access</t>
  </si>
  <si>
    <t>How to synchronize animation of path and area?</t>
  </si>
  <si>
    <t>&lt;p&gt;I'm getting stuck with the &lt;strong&gt;D3.js v4&lt;/strong&gt;'s &lt;strong&gt;animation&lt;/strong&gt; of &lt;strong&gt;both line&lt;/strong&gt; &amp;amp; &lt;strong&gt;area&lt;/strong&gt;:&lt;/p&gt;
&lt;ul&gt;
&lt;li&gt;It's ok to do the animation separately for line &amp;amp; area&lt;/li&gt;
&lt;li&gt;When 2 animations are combined, even at the same transition duration, they do not occur together.&lt;/li&gt;
&lt;li&gt;For the reason of styling, I cannot drop the line away. &lt;/li&gt;
&lt;/ul&gt;
&lt;p&gt;See the illustration below: 
&lt;a href="https://i.stack.imgur.com/FBZOU.gif" rel="nofollow noreferrer"&gt;&lt;img src="https://i.stack.imgur.com/FBZOU.gif" alt="enter image description here"&gt;&lt;/a&gt;&lt;/p&gt;
&lt;p&gt;To make thing like above, I do 2 big steps:&lt;/p&gt;
&lt;ol&gt;
&lt;li&gt;Do animation for line via setting the properties &lt;code&gt;stroke-dasharrow&lt;/code&gt; and &lt;code&gt;stroke-dashoffset&lt;/code&gt;. (Inspired from &lt;a href="https://www.visualcinnamon.com/2016/01/animating-dashed-line-d3.html" rel="nofollow noreferrer"&gt;Visual Cinnamon&lt;/a&gt;)&lt;/li&gt;
&lt;li&gt;Do animation for area via tweaking parameters for d3.area() function (Inspired from &lt;a href="https://stackoverflow.com/questions/19750140/how-to-animate-areas-of-a-d3-area-chart/47985908#47985908"&gt;other Stackoverlfow post&lt;/a&gt;)  &lt;/li&gt;
&lt;/ol&gt;
&lt;p&gt;The result is rather disappointing because line and area underneath do not appear in parallel. &lt;/p&gt;
&lt;p&gt;My target is to mimic the Highchart library, see an example &lt;a href="http://jsfiddle.net/ngminhtrung/y6eumvou/2/" rel="nofollow noreferrer"&gt;here&lt;/a&gt;, and its illustration below:&lt;/p&gt;
&lt;p&gt;&lt;a href="https://i.stack.imgur.com/zZwiE.gif" rel="nofollow noreferrer"&gt;&lt;img src="https://i.stack.imgur.com/zZwiE.gif" alt="enter image description here"&gt;&lt;/a&gt;&lt;/p&gt;
&lt;p&gt;It seems the Highchart library uses a different animation technique, because during DOM inspection, there is no sign of any change for the DOM paths along the animation. &lt;/p&gt;
&lt;p&gt;Appreciated if anyone could suggest me some ideas to experiment with. &lt;/p&gt;
&lt;p&gt;My code sample is below:&lt;/p&gt;
&lt;p&gt;&lt;div class="snippet" data-lang="js" data-hide="false" data-console="true" data-babel="false"&gt;_x000D_
&lt;div class="snippet-code"&gt;_x000D_
&lt;pre class="snippet-code-js lang-js prettyprint-override"&gt;&lt;code&gt;let animationDuration = 5000;_x000D_
// set the dimensions and margins of the graph_x000D_
var margin = { top: 20, right: 20, bottom: 30, left: 50 },_x000D_
    width = 480 - margin.left - margin.right,_x000D_
    height = 250 - margin.top - margin.bottom;_x000D_
_x000D_
// parse the date / time_x000D_
var parseTime = d3.timeParse("%d-%b-%y");_x000D_
_x000D_
// set the ranges_x000D_
var x = d3.scaleTime().range([0, width]);_x000D_
var y = d3.scaleLinear().range([height, 0]);_x000D_
_x000D_
// define the area_x000D_
var area = function (datum, boolean) {_x000D_
    return d3.area()_x000D_
        .y0(height)_x000D_
        .y1(function (d) { return boolean ? y(d.close) : y(d.close); })_x000D_
        .x(function (d) { return boolean ? x(d.date) : 0; })_x000D_
        (datum);_x000D_
}_x000D_
_x000D_
// define the line_x000D_
var valueline = d3.line()_x000D_
    .x(function (d) { return x(d.date); })_x000D_
    .y(function (d) { return y(d.close); });_x000D_
_x000D_
// append the svg obgect to the body of the page_x000D_
// appends a 'group' element to 'svg'_x000D_
// moves the 'group' element to the top left margin_x000D_
var svg = d3.select("body").append("svg")_x000D_
    .attr("width", width + margin.left + margin.right)_x000D_
    .attr("height", height + margin.top + margin.bottom)_x000D_
    .append("g")_x000D_
    .attr("transform",_x000D_
    "translate(" + margin.left + "," + margin.top + ")");_x000D_
_x000D_
      var data = d3.csvParse(d3.select("pre#data").text());_x000D_
_x000D_
      data.reverse();_x000D_
_x000D_
    // format the data_x000D_
    data.forEach(function (d) {_x000D_
        d.date = parseTime(d.date);_x000D_
        d.close = +d.close;_x000D_
    });_x000D_
_x000D_
    // scale the range of the data_x000D_
    x.domain(d3.extent(data, function (d) { return d.date; }));_x000D_
    y.domain([0, d3.max(data, function (d) { return d.close; })]);_x000D_
_x000D_
    // add the area_x000D_
    svg.append("path")_x000D_
        .data([data])_x000D_
        .attr("class", "area")_x000D_
        .attr("d", d =&amp;gt; area(d, false))_x000D_
        .attr("fill", "lightsteelblue")_x000D_
        .transition()_x000D_
        .duration(animationDuration)_x000D_
        .attr("d", d =&amp;gt; area(d, true));_x000D_
_x000D_
    // add the valueline path._x000D_
    svg.append("path")_x000D_
        .data([data])_x000D_
        .attr("class", "line")_x000D_
        .attr("d", valueline)_x000D_
        .style("stroke-dasharray", d =&amp;gt; {_x000D_
            let path = document.querySelector(".line");_x000D_
            const totalLength = path.getTotalLength();_x000D_
_x000D_
            return `${totalLength} ${totalLength}`;_x000D_
        })_x000D_
        .style("stroke-dashoffset", d =&amp;gt; {_x000D_
            let path = document.querySelector(".line");_x000D_
            const totalLength = path.getTotalLength();_x000D_
            return `${totalLength}`;_x000D_
        })_x000D_
        .transition()_x000D_
        .duration(animationDuration)_x000D_
        .style("stroke-dashoffset", 0);_x000D_
_x000D_
    // add the X Axis_x000D_
    svg.append("g")_x000D_
        .attr("transform", "translate(0," + height + ")")_x000D_
        .call(d3.axisBottom(x));_x000D_
_x000D_
    // add the Y Axis_x000D_
    svg.append("g")_x000D_
        .call(d3.axisLeft(y));&lt;/code&gt;&lt;/pre&gt;_x000D_
&lt;pre class="snippet-code-css lang-css prettyprint-override"&gt;&lt;code&gt;.line {_x000D_
        fill: none;_x000D_
        stroke: steelblue;_x000D_
        stroke-width: 2px;_x000D_
    }_x000D_
    _x000D_
pre#data {display:none;}&lt;/code&gt;&lt;/pre&gt;_x000D_
&lt;pre class="snippet-code-html lang-html prettyprint-override"&gt;&lt;code&gt;&amp;lt;script src="https://d3js.org/d3.v4.min.js"&amp;gt;&amp;lt;/script&amp;gt;_x000D_
&amp;lt;pre id="data"&amp;gt;_x000D_
date,close_x000D_
1-May-12,58.13_x000D_
30-Apr-12,53.98_x000D_
27-Apr-12,67.00_x000D_
26-Apr-12,89.70_x000D_
25-Apr-12,99.00_x000D_
24-Apr-12,130.28_x000D_
23-Apr-12,166.70_x000D_
20-Apr-12,234.98_x000D_
19-Apr-12,345.44_x000D_
18-Apr-12,443.34_x000D_
17-Apr-12,543.70_x000D_
16-Apr-12,580.13_x000D_
13-Apr-12,605.23_x000D_
12-Apr-12,622.77_x000D_
11-Apr-12,626.20_x000D_
10-Apr-12,628.44_x000D_
9-Apr-12,636.23_x000D_
5-Apr-12,633.68_x000D_
4-Apr-12,624.31_x000D_
3-Apr-12,629.32_x000D_
2-Apr-12,618.63_x000D_
30-Mar-12,599.55_x000D_
29-Mar-12,609.86_x000D_
28-Mar-12,617.62_x000D_
27-Mar-12,614.48_x000D_
26-Mar-12,606.98_x000D_
&amp;lt;/pre&amp;gt;&lt;/code&gt;&lt;/pre&gt;_x000D_
&lt;/div&gt;_x000D_
&lt;/div&gt;_x000D_
&lt;/p&gt;</t>
  </si>
  <si>
    <t>2017-12-27 04:55:22.700000+00:00</t>
  </si>
  <si>
    <t>2017-12-27 06:46:21.117000+00:00</t>
  </si>
  <si>
    <t>2017-12-27 06:40:37.837000+00:00</t>
  </si>
  <si>
    <t>animation|d3.js|highcharts|line|area</t>
  </si>
  <si>
    <t>How to make form buttons equal in size in Bootstrap3?</t>
  </si>
  <si>
    <t>&lt;p&gt;How to make visible buttons equal in width without hardcoding fixed width to each of them? Is there universal solution that will work with any size of button (as this is text dependent) &lt;/p&gt;
&lt;p&gt;Here is the snipped:&lt;/p&gt;
&lt;pre&gt;&lt;code&gt;&amp;lt;div class="btn-toolbar"&amp;gt;
&amp;lt;button class="btn-success btn btn-default" name="resolution" value="corrected" type="submit"&amp;gt;Submit&amp;lt;/button&amp;gt;
&amp;lt;div class="pull-right btn-group"&amp;gt;
&amp;lt;button class="btn-warning btn btn-default" name="resolution" value="skipped" type="submit"&amp;gt;Skip&amp;lt;/button&amp;gt;
&amp;lt;button class="btn-warning btn btn-default" name="resolution" value="not_found" type="submit"&amp;gt;Not found&amp;lt;/button&amp;gt;
&amp;lt;/div&amp;gt;
&amp;lt;/div&amp;gt;
&lt;/code&gt;&lt;/pre&gt;
&lt;p&gt;&lt;a href="https://i.stack.imgur.com/TBJOY.png" rel="nofollow noreferrer"&gt;&lt;img src="https://i.stack.imgur.com/TBJOY.png" alt="enter image description here"&gt;&lt;/a&gt;&lt;/p&gt;</t>
  </si>
  <si>
    <t>2016-11-02 06:27:42.553000+00:00</t>
  </si>
  <si>
    <t>2016-11-02 06:47:46.183000+00:00</t>
  </si>
  <si>
    <t>css|twitter-bootstrap-3</t>
  </si>
  <si>
    <t>How to insert textbox values which is present in gridview</t>
  </si>
  <si>
    <t>&lt;p&gt;I have one gridview ,in that i'm using more than 5 textboxes in item template i want to insert the values present in textbox to table any body plz give your sugesstion &lt;/p&gt;
&lt;p&gt;i tried the following method its showing error i write these lines in button click event &lt;/p&gt;
&lt;pre&gt;&lt;code&gt;TextBox txtprod = (TextBox)sender;   
GridViewRow row = (GridViewRow)txtprod.Parent.Parent;  
int rowIndex = row.RowIndex;  
TextBox txtDetails
    =(TextBox)GridView2.Rows[rowIndex].Cells[1].FindControl("txtProd"); 
TextBox txtQuoQuantity=(TextBox)GridView2.Rows[rowIndex].Cells[3].FindControl("txtQuantity"); 
TextBox txtTax = (TextBox)GridView2.Rows[rowIndex].Cells[6].FindControl("txtTax");  
TextBox txtQuoRate = (TextBox)GridView2.Rows[rowIndex].Cells[4].FindControl("txtrate");  
TextBox txtQuoDis = (TextBox)GridView2.Rows[rowIndex].Cells[5].FindControl("txtDis"); 
TextBox txtQuoAmount = (TextBox)GridView2.Rows[rowIndex].Cells[7].FindControl("txtAmt");
&lt;/code&gt;&lt;/pre&gt;</t>
  </si>
  <si>
    <t>2011-10-10 12:50:07.700000+00:00</t>
  </si>
  <si>
    <t>2011-10-10 13:22:53.440000+00:00</t>
  </si>
  <si>
    <t>Very simple Spring transactions of JDBC not roll back (even log said yes)</t>
  </si>
  <si>
    <t>&lt;p&gt;I'm new to Spring transactions. I use Spring 3.2.2 and MySQL 5.5.20(InnoDB). I can see in the log file that it did roll back, but in the database, the record still being updated to 9. What did I miss? Thanks.&lt;/p&gt;
&lt;p&gt;The config.xml:&lt;/p&gt;
&lt;pre&gt;&lt;code&gt;&amp;lt;bean id="dataSource" class="org.apache.commons.dbcp.BasicDataSource" destroy-method="close"&amp;gt;
        &amp;lt;property name="driverClassName" value="com.mysql.jdbc.Driver" /&amp;gt;
        &amp;lt;property name="url" value="jdbc:mysql://127.0.0.1:3306/javatest?useUnicode=true&amp;amp;amp;characterEncoding=UTF-8" /&amp;gt;
        &amp;lt;property name="username" value="root" /&amp;gt;
        &amp;lt;property name="password" value="xxx" /&amp;gt;
&amp;lt;/bean&amp;gt;
&amp;lt;bean id="txManager" class="org.springframework.jdbc.datasource.DataSourceTransactionManager"&amp;gt;
    &amp;lt;property name="dataSource" ref="dataSource"/&amp;gt;
&amp;lt;/bean&amp;gt;
&amp;lt;bean id="hello" class="com.xol.oss.HelloService"&amp;gt;
    &amp;lt;property name="dataSource" ref="dataSource"/&amp;gt;
&amp;lt;/bean&amp;gt;
&amp;lt;tx:annotation-driven transaction-manager="txManager"/&amp;gt;
&lt;/code&gt;&lt;/pre&gt;
&lt;p&gt;The Java code:&lt;/p&gt;
&lt;pre&gt;&lt;code&gt;public void setDataSource(BasicDataSource dataSource) {
    this.dataSource = dataSource;
}
@Transactional
public void getData()  {
    Connection con=null;
    try {
        con = dataSource.getConnection();
        Statement stat = con.createStatement();
        stat.executeUpdate("update testdata set foo=9 where id=1");
        throw new RuntimeException("an Exception for test");
    } catch (SQLException e) {
        e.printStackTrace();  
    } finally{
        try {
            con.close();
        } catch (SQLException e) {
            e.printStackTrace();  
        }
    }
}
&lt;/code&gt;&lt;/pre&gt;
&lt;p&gt;The log said it did roll back:&lt;/p&gt;
&lt;pre&gt;&lt;code&gt;15:15:36,936 DEBUG DataSourceTransactionManager:366 - Creating new transaction with name [com.xol.oss.HelloService.getData]: PROPAGATION_REQUIRED,ISOLATION_DEFAULT; ''
15:15:37,525 DEBUG DataSourceTransactionManager:205 - Acquired Connection [jdbc:mysql://127.0.0.1:3306/javatest?useUnicode=true&amp;amp;characterEncoding=UTF-8, UserName=root@localhost, MySQL-AB JDBC Driver] for JDBC transaction
15:15:37,535 DEBUG DataSourceTransactionManager:222 - Switching JDBC Connection [jdbc:mysql://127.0.0.1:3306/javatest?useUnicode=true&amp;amp;characterEncoding=UTF-8, UserName=root@localhost, MySQL-AB JDBC Driver] to manual commit
15:15:37,581 DEBUG DataSourceTransactionManager:844 - Initiating transaction rollback
15:15:37,582 DEBUG DataSourceTransactionManager:280 - Rolling back JDBC transaction on Connection [jdbc:mysql://127.0.0.1:3306/javatest?useUnicode=true&amp;amp;characterEncoding=UTF-8, UserName=root@localhost, MySQL-AB JDBC Driver]
15:15:37,583 DEBUG DataSourceTransactionManager:323 - Releasing JDBC Connection [jdbc:mysql://127.0.0.1:3306/javatest?useUnicode=true&amp;amp;characterEncoding=UTF-8, UserName=root@localhost, MySQL-AB JDBC Driver] after transaction
15:15:37,583 DEBUG DataSourceUtils:327 - Returning JDBC Connection to DataSource
Exception in thread "main" java.lang.RuntimeException: an RuntimeException for test
    at com.xol.oss.HelloService.getData(HelloService.java:31)
    at com.xol.oss.HelloService$$FastClassByCGLIB$$3d7d84e8.invoke(&amp;lt;generated&amp;gt;)
&lt;/code&gt;&lt;/pre&gt;</t>
  </si>
  <si>
    <t>2013-05-17 07:31:29.900000+00:00</t>
  </si>
  <si>
    <t>2013-05-17 07:56:23.643000+00:00</t>
  </si>
  <si>
    <t>jdbc|spring-transactions</t>
  </si>
  <si>
    <t>Specific IDE, for specific things</t>
  </si>
  <si>
    <t>&lt;p&gt;I need an IDE that can do the following:&lt;/p&gt;
&lt;ul&gt;
&lt;li&gt;Run on an oldish laptop (2GB Ram, 1.9 ghz intel celeron M)&lt;/li&gt;
&lt;li&gt;Run well on an oldish laptop (with a browswer open)&lt;/li&gt;
&lt;li&gt;Be able to run on windows&lt;/li&gt;
&lt;li&gt;Be able to run smoothly on windows&lt;/li&gt;
&lt;li&gt;Is able to do Java (or, if you really can't find anything, C# will be okay)&lt;/li&gt;
&lt;li&gt;An extension or something for Python would be nice&lt;/li&gt;
&lt;li&gt;Django support would be awesome&lt;/li&gt;
&lt;li&gt;It would be great to have SFTP/FTP editing support that actually works&lt;/li&gt;
&lt;/ul&gt;
&lt;p&gt;I don't care about lots of extensibility or commercial support or a kitchen sink or any of that, I just need it to be stable and all of the above.&lt;/p&gt;
&lt;p&gt;And, Vim or EMACS aren't answers since they (in my mind, without excessive configuration) don't qualify as IDEs.&lt;/p&gt;
&lt;p&gt;And, if this doesn't belong here, please tell me.&lt;/p&gt;
&lt;p&gt;EDIT: Code completion is also important.&lt;/p&gt;</t>
  </si>
  <si>
    <t>2011-05-24 03:00:47.753000+00:00</t>
  </si>
  <si>
    <t>2011-05-24 06:39:22.400000+00:00</t>
  </si>
  <si>
    <t>2011-05-24 03:15:04.160000+00:00</t>
  </si>
  <si>
    <t>java|python|ide|editor</t>
  </si>
  <si>
    <t>Loss of types in the abstract factory</t>
  </si>
  <si>
    <t>&lt;p&gt;I am developing an java application that accepts SOAP message. The body of the SOAP contains various documents. From time to time their number varies (depending on the version of the album).&lt;/p&gt;
&lt;p&gt;For their analysis I am trying to apply a pattern Abstract Factory.
But my implementation, I ran into a problem:&lt;/p&gt;
&lt;pre&gt;&lt;code&gt;  IAlbumFactory albumFactory = AlbumFactory.buildDocument (Album.A_5_0_12);
&lt;/code&gt;&lt;/pre&gt;
&lt;p&gt;The first parameter has I can point to any type of enum CustomDocument (although CustomDocument.DO1 only valid Du). And this error only shows up in RunTime&lt;/p&gt;
&lt;pre&gt;&lt;code&gt;  IDocumentEntity &amp;lt;Du, org.w3c.dom.Element&amp;gt; documentEntity =     
  albumFactory.getWorker   (CustomDocument.DO1);
&lt;/code&gt;&lt;/pre&gt;
&lt;p&gt;how to avoid it? &lt;/p&gt;
&lt;p&gt;Some class: &lt;/p&gt;
&lt;pre&gt;&lt;code&gt;public interface IDocumentEntity&amp;lt;T,E&amp;gt; {
T getReport(E e) throws JAXBException ;
}
public interface IAlbumFactory {
IDocumentEntity getWorker(CustomDocument document);
}
/**
 * Class for convert document DO1 (album 5.0.12) from org.w3c.dom.Element to Du
 * entity type
 *
 * @author uas
 */
public class DO1_5_0_12 implements IDocumentEntity&amp;lt;Du, org.w3c.dom.Element&amp;gt; {
protected DO1ReportInType unmarshall(org.w3c.dom.Element e) throws JAXBException {
    DO1ReportInType resultType = null;
    JAXBContext result = JAXBContextHelper_DO1.getJaxbContextInstance();
    Unmarshaller u = result.createUnmarshaller();
    Object c = u.unmarshal(e);
    if (c instanceof JAXBElement) {
        JAXBElement jaxbe = (JAXBElement) c;
        resultType = (DO1ReportInType) JAXBIntrospector.getValue(jaxbe);
    }
    return resultType;
}
@Override
public Du getReport(org.w3c.dom.Element e) throws JAXBException {
    DO1ReportInType dO1Report = unmarshall(e);
    DO1ReportIn_JAXBtoORCL btoORCL = new DO1ReportIn_JAXBtoORCL(dO1Report);
    return btoORCL.getReport();
   }
}
&lt;/code&gt;&lt;/pre&gt;
&lt;p&gt;Factory for Album 5_0_12.&lt;/p&gt;
&lt;pre&gt;&lt;code&gt;public class AlbumFactory_5_0_12 implements IAlbumFactory {
/**
 * Return documentWorker byn CustomDocument value
 * @param customDocument
 * @return throws IllegalArgumentException
 */
@Override
public IDocumentEntity getWorker(CustomDocument customDocument) {
    IDocumentEntity doc = null;
    switch (customDocument) {
        case DO1:
            doc = new DO1_5_0_12();
            break;
        case DO2:
            doc = new DO2_5_0_12();
            break;
        default:
            throw new IllegalArgumentException("For album 5.0.12 " +       customDocument.DocName() + " not support");
    }
    return doc;
}
&lt;/code&gt;&lt;/pre&gt;
&lt;p&gt;}&lt;/p&gt;
&lt;pre&gt;&lt;code&gt;public class AlbumFactory {
private AlbumFactory() {
}
public static IAlbumFactory buildDocument(Album album) {
    IAlbumFactory result = null;
    switch (album) {
        case A_5_0_12:
            result = new AlbumFactory_5_0_12();
            break;
        default:
            throw new IllegalArgumentException("This version " + album.AlbumName() + " is not support");
    }
    return result;
}
&lt;/code&gt;&lt;/pre&gt;
&lt;p&gt;}&lt;/p&gt;</t>
  </si>
  <si>
    <t>2013-10-16 07:42:50.707000+00:00</t>
  </si>
  <si>
    <t>2013-10-16 07:50:25.123000+00:00</t>
  </si>
  <si>
    <t>java|generics|abstract-factory</t>
  </si>
  <si>
    <t>How to let Spark output print on separate new lines?</t>
  </si>
  <si>
    <t>&lt;p&gt;Currently my spark console prints like this, which is not very readable:&lt;/p&gt;
&lt;p&gt;&lt;a href="https://i.stack.imgur.com/IEBV4.png" rel="nofollow noreferrer"&gt;&lt;img src="https://i.stack.imgur.com/IEBV4.png" alt="enter image description here"&gt;&lt;/a&gt;&lt;/p&gt;
&lt;p&gt;I want it to print each StructField item on a new line, so that it's easier to read. What should I do? Thanks.&lt;/p&gt;
&lt;p&gt;Update: 
I'm actually following this tutorial (&lt;a href="http://www.nodalpoint.com/spark-data-frames-from-csv-files-handling-headers-column-types/" rel="nofollow noreferrer"&gt;http://www.nodalpoint.com/spark-data-frames-from-csv-files-handling-headers-column-types/&lt;/a&gt;), the author is able to print line by line without pprint. I wonder how he/she did that. &lt;/p&gt;</t>
  </si>
  <si>
    <t>2016-01-04 20:02:57.257000+00:00</t>
  </si>
  <si>
    <t>2016-01-05 16:23:59.690000+00:00</t>
  </si>
  <si>
    <t>apache-spark|pyspark|apache-spark-sql</t>
  </si>
  <si>
    <t>How to get only string resources in c#?</t>
  </si>
  <si>
    <t>&lt;p&gt;I need to get only string resources from resource files. How can I get only string resources ?
I am using ResXResourceReader for reading resources. For iterating through each resources I used &lt;/p&gt;
&lt;pre&gt;&lt;code&gt;foreach (DictionaryEntry dictionaryEntry in resReader)
&lt;/code&gt;&lt;/pre&gt;
&lt;p&gt;Here resReader is a ResXResourceReader object.Thanks for the help in advanced&lt;/p&gt;</t>
  </si>
  <si>
    <t>2014-01-28 08:41:21.963000+00:00</t>
  </si>
  <si>
    <t>2014-01-28 09:44:30.757000+00:00</t>
  </si>
  <si>
    <t>c#|string|localization|resources</t>
  </si>
  <si>
    <t>Get JSON List Tree Value</t>
  </si>
  <si>
    <t>&lt;pre&gt;&lt;code&gt;{ "httpCode": "200",
  "status": "success",
  "message": "SuccessFully Listed",
  "details": {"result": [{"Id": 1,"Key": "B33C78A0-C598-4071-863B-EF6B6978F790","Name": "Windows","ShortName": "Win"}]}}
&lt;/code&gt;&lt;/pre&gt;
&lt;p&gt;this is my Json Result i need Get &lt;strong&gt;result&lt;/strong&gt; List. How to Get That Result?&lt;/p&gt;</t>
  </si>
  <si>
    <t>2016-09-15 05:49:32.983000+00:00</t>
  </si>
  <si>
    <t>2016-09-15 05:59:13.463000+00:00</t>
  </si>
  <si>
    <t>2016-09-15 05:52:33.957000+00:00</t>
  </si>
  <si>
    <t>How to send data from JSP to HTML?</t>
  </si>
  <si>
    <t>&lt;p&gt;I have an HTML page that sends form data to some JSP file &amp;amp; creates a .CSV file of sent data. I need to display that data on an HTML page. How shall I show that data on an HTML page, either by passing that data to the desired HTML page from the JSP or by retrieving that data fron .CSV file?&lt;/p&gt;</t>
  </si>
  <si>
    <t>2013-03-13 10:35:02.453000+00:00</t>
  </si>
  <si>
    <t>javascript|html|jsp</t>
  </si>
  <si>
    <t>How does abstractions help in DRY?</t>
  </si>
  <si>
    <t>&lt;p&gt;When we search &lt;a href="https://en.wikipedia.org/wiki/Don%27t_repeat_yourself" rel="nofollow noreferrer"&gt;"Don't repeat yourself" on Wikipedia&lt;/a&gt;, the first sentence is:&lt;/p&gt;
&lt;blockquote&gt;
  &lt;p&gt;In software engineering, &lt;strong&gt;don't repeat yourself&lt;/strong&gt; (&lt;strong&gt;DRY&lt;/strong&gt;) is a principle of
  software development aimed at reducing repetition of software
  patterns, replacing them with abstractions...&lt;/p&gt;
&lt;/blockquote&gt;
&lt;p&gt;I know that abstractions in software engineering mean hiding implementation complexity of how the behaviors of an API are realized, but it seems that "abstractions" in this sentence is not what I know before. Could someone explain to me what abstraction means here? It would be better if you could give me an example.&lt;/p&gt;</t>
  </si>
  <si>
    <t>2018-02-17 16:07:59.873000+00:00</t>
  </si>
  <si>
    <t>2018-02-19 06:23:52.077000+00:00</t>
  </si>
  <si>
    <t>2018-02-17 16:26:22.357000+00:00</t>
  </si>
  <si>
    <t>oop|dry|software-design</t>
  </si>
  <si>
    <t>Change attribute using checkbox, AJAX, jQuery</t>
  </si>
  <si>
    <t>&lt;p&gt;I wish to change the boolean attribute of my Task resource depending on wether checkbox is checked or not. I am stuck as I don't know what to do... I have everything before adding this AJAX checkbox working, whole CRUD, everything tested with rspec and capybara and bootstrapped. I have the following code...&lt;/p&gt;
&lt;p&gt;&lt;strong&gt;views/tasks/show.html.erb&lt;/strong&gt;&lt;/p&gt;
&lt;pre&gt;&lt;code&gt; 27      &amp;lt;%= form_for [@project, @task], :remote =&amp;gt; true do |f| %&amp;gt;
 28        &amp;lt;%= f.label :completed %&amp;gt;       
 29        &amp;lt;%= f.check_box :completed %&amp;gt;
 30      &amp;lt;% end %&amp;gt;
&lt;/code&gt;&lt;/pre&gt;
&lt;p&gt;This :completed is the boolean attribute of the Task.&lt;/p&gt;
&lt;p&gt;&lt;strong&gt;javascripts/tasks.js.coffee&lt;/strong&gt;&lt;/p&gt;
&lt;pre&gt;&lt;code&gt;  8 jQuery -&amp;gt;
  9   $('#task_completed').bind 'change', (event) =&amp;gt;
 10     $.post()
&lt;/code&gt;&lt;/pre&gt;
&lt;p&gt;Dont know how to finish this $.post() thing and how to make code in the controller work... So far I only have this...&lt;/p&gt;
&lt;p&gt;&lt;strong&gt;controllers/tasks_controller.rb&lt;/strong&gt;&lt;/p&gt;
&lt;pre&gt;&lt;code&gt; 1 class TasksController &amp;lt; ApplicationController
  2 
  3   before_filter :authenticate_user!
  4   before_filter :find_project_from_project_id
  5   before_filter :find_task, :only =&amp;gt; [:show, :edit, :update]
  6 
  7   def show
  8     @title = @task.name
  9   end
 10 
 11   def new
 12     @title = 'New task'
 13     @task = @project.tasks.build
 14   end
 15 
 16   def create
 17     @task = @project.tasks.build(params[:task])
 18     if @task.save
 19       current_user.tasks.push(@task)
 20       redirect_to [@project, @task], :notice =&amp;gt; 'Task created'
 21     else
 22       render 'new'
 23       flash.now[:alert] = 'Task not created'
 24     end
 25   end 
 26     
 27   def edit 
 28     @title = 'Edit task'
 29   end 
 30   
 31   def update
 32     if @task.update_attributes(params[:task])
 33       redirect_to [@project, @task], :notice =&amp;gt; 'Task updated'
 34     else
 35       render 'edit'
 36       flash.now[:alert] = 'Task not updated'
 37     end
 38   end 
 39 
 40   private
 41   #controller doesn't respond to these methods as actions
 42   
 43   def find_project_from_project_id
 44     @project = current_user.projects.find(params[:project_id])
 45     rescue ActiveRecord::RecordNotFound
 46       redirect_to projects_path
 47       flash[:alert] = 'Project you were looking for could not be found'
 48   end
 49 
 50   def find_task
 51     @task = @project.tasks.find(params[:id])
 52     rescue ActiveRecord::RecordNotFound
 53       redirect_to project_path(@project)
 54       flash[:alert] = 'Task you were looking for could not be found'
 55   end
 56 
 57 end
&lt;/code&gt;&lt;/pre&gt;
&lt;p&gt;&lt;em&gt;Also, for those who want more... How to write tests for this thing? And should I write them at all for this?&lt;/em&gt;&lt;/p&gt;
&lt;p&gt;EDIT: Upon research, I found people are doing it like this... Is this the way to go? Upon inspecting element I can see new requests are being made when i change the checkbox, but the boolean still remains false...&lt;/p&gt;
&lt;pre&gt;&lt;code&gt;  8 jQuery -&amp;gt;
  9   $('#task_completed').bind 'change', (event) =&amp;gt;
 10     $('#task_completed').parents('form:first').submit()
 11     $('.task_headline').toggleClass('completed_task')
&lt;/code&gt;&lt;/pre&gt;</t>
  </si>
  <si>
    <t>2012-05-18 17:05:04.643000+00:00</t>
  </si>
  <si>
    <t>2012-05-19 21:19:03.673000+00:00</t>
  </si>
  <si>
    <t>2012-05-19 17:32:29.560000+00:00</t>
  </si>
  <si>
    <t>jquery|ruby-on-rails|ajax|coffeescript</t>
  </si>
  <si>
    <t>How i get appointment time (From time,To time) in jquery</t>
  </si>
  <si>
    <t>&lt;p&gt;I am selecting time slot on dragging on time slot cell. After selecting time slot, I enter patient name in textbox and click on select button then patient name goes to selected time slot. The user can select multiple time slot for multilpe patient name and onclick of allot button I have to insert patient name with time slot (From time To time) to database. &lt;/p&gt;
&lt;p&gt;I have problem in getting alloted time slot ie.From time and To time in jquery.&lt;/p&gt;
&lt;pre&gt;&lt;code&gt;$("#btnAllot").click(function () {
    //how i get alloted time here.
    $('tr').each(function () {
        $(this).find('td').each(function () {
            if ($(this).hasClass('yell')) {
                alert($(this).closest('tr').find('td:eq(0)').text());
            };
        });
    });
}
&lt;/code&gt;&lt;/pre&gt;
&lt;p&gt;&lt;a href="http://jsbin.com/udimuq/edit#javascript,html,live" rel="nofollow"&gt;see jsbin on dragging on time slot cell&lt;/a&gt;&lt;/p&gt;</t>
  </si>
  <si>
    <t>2012-06-23 09:30:34.507000+00:00</t>
  </si>
  <si>
    <t>2012-06-23 12:33:16.097000+00:00</t>
  </si>
  <si>
    <t>2012-06-23 12:29:33.820000+00:00</t>
  </si>
  <si>
    <t>is this a DateTime bug in php code ? 7.0.0</t>
  </si>
  <si>
    <t>&lt;p&gt;This is the idea:&lt;/p&gt;
&lt;pre&gt;&lt;code&gt;&amp;lt;?php
    $postESDate = 0;
    $sDate = $postESDate;
    $esDate = $sDate + 25;  
    echo $sDate.' ------- ';
    echo $esDate;
?&amp;gt;
&lt;/code&gt;&lt;/pre&gt;
&lt;ol&gt;
&lt;li&gt;Start with 1 variable, make a new variable that is whatever the 1st var is.&lt;/li&gt;
&lt;li&gt;Make a second var that is whatever the 2nd var is plus 25.&lt;/li&gt;
&lt;li&gt;&lt;p&gt;When you echo the 2nd and 3rd var they are different, right?&lt;/p&gt;
&lt;p&gt;This is not the same when modifying dates, try this code below...&lt;/p&gt;
&lt;pre&gt;&lt;code&gt;//fails
$postESDate = '2017-04-15';
$sDate = new DateTime($postESDate);
$esDate = $sDate-&amp;gt;modify('+25 days')-&amp;gt;format('l jS F Y');   
$sDate = $sDate-&amp;gt;format('l jS F Y');    
echo $sDate.' ------- ';
echo $esDate;
&lt;/code&gt;&lt;/pre&gt;&lt;/li&gt;
&lt;/ol&gt;
&lt;p&gt;This echos both dates as the same. The problem is it is actually updating the $sDate with the +25 days rather than just saving the output to $esDate as I have requested so therefore the 2nd date format is now +25 days too.. the same.&lt;/p&gt;
&lt;p&gt;The fix is this to make another DateTime variable:&lt;/p&gt;
&lt;pre&gt;&lt;code&gt;//works
$postESDate = '2017-04-15';
$sDate = new DateTime($postESDate);
$esDate = new DateTime($postESDate);
$esDate = $esDate-&amp;gt;modify('+25 days')-&amp;gt;format('l jS F Y');
$sDate = $sDate-&amp;gt;format('l jS F Y');    
echo $sDate.' ------- '
echo $esDate;
&lt;/code&gt;&lt;/pre&gt;
&lt;p&gt;This shouldn't be happening right, or am I missing something ? Well at least i have a work around.&lt;/p&gt;</t>
  </si>
  <si>
    <t>2017-04-15 09:09:06.487000+00:00</t>
  </si>
  <si>
    <t>2018-08-10 19:39:25.747000+00:00</t>
  </si>
  <si>
    <t>php|datetime</t>
  </si>
  <si>
    <t>ASP.NET/Javascript error. Sporadically occurs, 'length is null or not an object'</t>
  </si>
  <si>
    <t>&lt;p&gt;This one has me perplexed. I have a web app that does many functions, but the part that it is bombing out is when doing a Search function which calls a webservice and returns results back from DB2.&lt;/p&gt;
&lt;p&gt;The odd thing, is the error doesn't always occur and only seems to occur when accessing my web app through a vip(which is on a load balancer, round-robin on 2 IIS Servers). The error doesn't come up when accessing the web app when using the direct URL for one of the servers.&lt;/p&gt;
&lt;p&gt;Which leads me to believe, something with my web.config? &lt;/p&gt;
&lt;p&gt;Also I searched my javascript code, and I don't use Length anywhere.&lt;/p&gt;
&lt;p&gt;Please help, i've been banging my head against the wall on this.&lt;/p&gt;
&lt;p&gt;&lt;strong&gt;UPDATED with code(I included the neccessary code below, omitted the rest):&lt;/strong&gt;&lt;/p&gt;
&lt;p&gt;//Javascript***&lt;/p&gt;
&lt;p&gt;function ValidateSearch() {&lt;/p&gt;
&lt;pre&gt;&lt;code&gt;if (Page_ClientValidate("TransSearch") == true) {              
                ShowWait();
                return true;
            }
            else {
                return false;
            }
&lt;/code&gt;&lt;/pre&gt;
&lt;p&gt;}&lt;/p&gt;
&lt;p&gt;function ShowWait() {&lt;/p&gt;
&lt;pre&gt;&lt;code&gt;    target = document.getElementById('progress');
    document.body.appendChild(target);
    spinner.spin(target);
//This calls spinner.js from github
&lt;/code&gt;&lt;/pre&gt;
&lt;p&gt;}&lt;/p&gt;
&lt;p&gt;function searchComplete() {&lt;/p&gt;
&lt;pre&gt;&lt;code&gt;//clear previous search textboxes
document.getElementById('&amp;lt;%# txtEmail.ClientID %&amp;gt;').value = "";
    document.getElementById('&amp;lt;%# txtPhone.ClientID %&amp;gt;').value = "";
spinner.stop();
&lt;/code&gt;&lt;/pre&gt;
&lt;p&gt;}&lt;/p&gt;
&lt;p&gt;//Markup***&lt;/p&gt;
&lt;pre&gt;&lt;code&gt;    &amp;lt;div class="searchlabel"&amp;gt;
    &amp;lt;label&amp;gt;Email Address&amp;lt;/label&amp;gt;&amp;lt;asp:TextBox ID="txtEmail" runat="server"&amp;gt;&amp;lt;/asp:TextBox&amp;gt;
        &amp;lt;asp:RequiredFieldValidator runat="server" ID="EmailReq"  
                ControlToValidate="txtEmail"  ValidationGroup="TransSearch"
            Display="None"  
            ErrorMessage="&amp;lt;b&amp;gt;Required Field Missing&amp;lt;/b&amp;gt;&amp;lt;br /&amp;gt;Email is required." /&amp;gt;  
        &amp;lt;asp:ValidatorCalloutExtender runat="Server" ID="EmailReqE"  
            TargetControlID="EmailReq"  
            HighlightCssClass="validatorCalloutHighlight"  /&amp;gt;
&amp;lt;/div&amp;gt;
&amp;lt;div class="searchlabel"&amp;gt;
        &amp;lt;label&amp;gt;Phone&amp;lt;/label&amp;gt;&amp;lt;asp:TextBox ID="txtPhone" runat="server" Font-Size="Medium"&amp;gt;&amp;lt;/asp:TextBox&amp;gt;
            &amp;lt;asp:RequiredFieldValidator runat="server" ID="PhnReq"  
                ControlToValidate="txtPhone"  ValidationGroup="TransSearch"
                Display="None"  
                ErrorMessage="&amp;lt;b&amp;gt;Required Field Missing&amp;lt;/b&amp;gt;&amp;lt;br /&amp;gt;Phone is required." /&amp;gt;  
            &amp;lt;asp:ValidatorCalloutExtender runat="Server" ID="PhnReqE"  
                TargetControlID="PhnReq"  
                HighlightCssClass="validatorCalloutHighlight" /&amp;gt; 
    &amp;lt;/div&amp;gt; 
&amp;lt;asp:Button ID="btnSearch" runat="server" Text="Search" Width="90px" OnClientClick="return ValidateSearch();" OnClick="Search_Click" /&amp;gt;
&lt;/code&gt;&lt;/pre&gt;
&lt;p&gt;//Codebehind***&lt;/p&gt;
&lt;p&gt;public void Search_Click(Object sender, EventArgs e)
        {&lt;/p&gt;
&lt;pre&gt;&lt;code&gt;//passes search text to webservice
//fills gridview with returned data
//lastly calls javascript function to stop spinner
ScriptManager.RegisterStartupScript(this.Page, this.GetType(), "searchComplete", "&amp;lt;script type='text/javascript'&amp;gt;searchComplete();&amp;lt;/script&amp;gt;", false);
&lt;/code&gt;&lt;/pre&gt;
&lt;p&gt;}&lt;/p&gt;</t>
  </si>
  <si>
    <t>2012-09-14 14:13:51.240000+00:00</t>
  </si>
  <si>
    <t>2012-09-15 14:08:17.200000+00:00</t>
  </si>
  <si>
    <t>2012-09-14 21:41:24.730000+00:00</t>
  </si>
  <si>
    <t>javascript|asp.net|web-config|null</t>
  </si>
  <si>
    <t>Doubts related to the use of display: block CSS propery, my example don't work</t>
  </si>
  <si>
    <t>&lt;p&gt;I am finding some problem using &lt;strong&gt;display: block&lt;/strong&gt;.&lt;/p&gt;
&lt;p&gt;If you open this example link you can understand my problem: &lt;a href="http://onofri.org/example/example3/" rel="nofollow"&gt;http://onofri.org/example/example3/&lt;/a&gt;&lt;/p&gt;
&lt;p&gt;The HTML code is:&lt;/p&gt;
&lt;pre&gt;&lt;code&gt;&amp;lt;div id="container"&amp;gt;
    &amp;lt;div id="titleBox"&amp;gt;
        &amp;lt;p id="myTitle"&amp;gt;Promoting Investment in Agriculture&amp;lt;/p&amp;gt;
    &amp;lt;/div&amp;gt;
    &amp;lt;div id="columns"&amp;gt;
        &amp;lt;div id="first"&amp;gt;
            &amp;lt;p&amp;gt;BLA BLA BLA&amp;lt;/p&amp;gt;
            &amp;lt;p&amp;gt;BLA BLA BLA&amp;lt;/p&amp;gt;
            &amp;lt;p&amp;gt;BLA BLA BLA&amp;lt;/p&amp;gt;
        &amp;lt;/div&amp;gt;
        &amp;lt;div id="second"&amp;gt;
            &amp;lt;p&amp;gt;BLA BLA BLA&amp;lt;/p&amp;gt;
            &amp;lt;p&amp;gt;BLA BLA BLA&amp;lt;/p&amp;gt;
            &amp;lt;p&amp;gt;BLA BLA BLA&amp;lt;/p&amp;gt;
        &amp;lt;/div&amp;gt;
    &amp;lt;/div&amp;gt;
    &amp;lt;div id="reportBox"&amp;gt;
        &amp;lt;p&amp;gt;REPORT&amp;lt;/p&amp;gt;
        &amp;lt;div id="flagsContainer"&amp;gt;
            &amp;lt;div id="reportEng"&amp;gt;&amp;lt;/div&amp;gt;
            &amp;lt;div id="reportFrn"&amp;gt;&amp;lt;/div&amp;gt;
            &amp;lt;div id="reportSpn"&amp;gt;&amp;lt;/div&amp;gt;
       &amp;lt;/div&amp;gt;
&amp;lt;/div&amp;gt;
&amp;lt;/div&amp;gt;
&lt;/code&gt;&lt;/pre&gt;
&lt;p&gt;And the CSS code is:&lt;/p&gt;
&lt;pre&gt;&lt;code&gt;#titleBox{
    margin: 0 auto;
    width: 350px;
    background-color: #6da662;
    height: 40px;
    position:relative;
    box-shadow: 1px 1px 2px rgba(0, 0, 0, 0.28);
    -moz-box-shadow: 1px 1px 2px rgba(0, 0, 0, 0.28);
    -webkit-box-shadow: 1px 1px 2px rgba(0, 0, 0, 0.28);
}
#myTitle{
    /* consente di posizionare un elemento al centro del suo contenitore */
    margin: 0 auto;
    overflow: hidden;
    color: #fff;
    font-size: 16.5px;
    font-weight: bold;
    text-align: center;
    vertical-align: middle;
    line-height: 40px;
}
#columns{
    display: block;
}
#reportBox{
    margin: 0 auto;
    margin-top: 25px;
    width: 350px;
    height: 150px;
    background-color: #EFEFEF;
    border: 1px solid #DFDFDF;
    font-family: Verdana;
    display: block;
}
#reportBox p{
    text-align: center;
    font-size: 12px;
    font-weight: bold;
    color: #004673;
    padding-top: 5%;
}
#flagsContainer{
    width: 222px;
    height: 200px;
    min-height: 200px;
    margin: 0 auto;
}
#reportEng{
    float: left;
    width: 64px;
    background-image: url(United-Kingdom2.png); 
    background-repeat: no-repeat;
    margin-right: 10px;
    height: 60%;
    text-align: center;
}
#reportFrn{
    float: left;
    /*width: 133px;*/
    background-image: url(France2.png); 
    background-repeat: no-repeat;
    width: 64px;
    height: 60%;
    text-align: center;
    margin-right: 10px;
}
#reportSpn{
    float: left;
    /*width: 133px;*/
    background-image: url(Spain2.png); 
    background-repeat: no-repeat;
    height: 60%;
    width: 64px;
    text-align: center;
}
#first{
    /*background-color: #8FBC8F;*/
    /* SFUMATURA BACKGROUND: */
    background-image: -ms-linear-gradient(top, #35F2EC 0%, #16B7D6 50%, #016D94 100%);
    background-image: -moz-linear-gradient(top, #35F2EC 0%, #16B7D6 50%, #016D94 100%);
    background-image: -o-linear-gradient(top, #35F2EC 0%, #16B7D6 50%, #016D94 100%);
    background-image: -webkit-gradient(linear, left top, left bottom, color-stop(0, #35F2EC), color-stop(0.5, #16B7D6), color-stop(1, #016D94));
    background-image: -webkit-linear-gradient(top, #35F2EC 0%, #16B7D6 50%, #016D94 100%);
    background-image: linear-gradient(to bottom, #35F2EC 0%, #16B7D6 50%, #016D94 100%);
    width: 200px;
    min-height: 300px;
    border-radius: 10px;
    float: left;
    /*margin-right: 15px;*/
    margin-bottom: 20px;
    box-shadow: 6px 7px 15px rgba(0, 0, 0, 0.37);
    -moz-box-shadow: 6px 7px 15px rgba(0, 0, 0, 0.37);
    -webkit-box-shadow: 6px 7px 15px rgba(0, 0, 0, 0.37);
}
#second{
    background-color: #8FBC8F;
    width: 200px;
    min-height: 300px;
    border-radius: 10px;
    float: right;
    /*margin-left: 15px;*/
    margin-bottom: 20px;
    box-shadow: 6px 7px 15px rgba(0, 0, 0, 0.37);
    -moz-box-shadow: 6px 7px 15px rgba(0, 0, 0, 0.37);
    -webkit-box-shadow: 6px 7px 15px rgba(0, 0, 0, 0.37);
}
&lt;/code&gt;&lt;/pre&gt;
&lt;p&gt;As you can see, under the #titleBox div, I have a container div named &lt;strong&gt;#columns&lt;/strong&gt; that contain two floated columns &lt;strong&gt;#first&lt;/strong&gt; and &lt;strong&gt;#second&lt;/strong&gt;&lt;/p&gt;
&lt;p&gt;Now I want that the &lt;strong&gt;#reportBox&lt;/strong&gt; div appears centered &lt;strong&gt;UNDER&lt;/strong&gt; the &lt;strong&gt;#columns&lt;/strong&gt; div and not (as is now) between the two columns.&lt;/p&gt;
&lt;p&gt;Trying to optain this behavior I have try to set &lt;strong&gt;display:block&lt;/strong&gt; on the &lt;strong&gt;#columns&lt;/strong&gt; div and on the &lt;strong&gt;#reportBox&lt;/strong&gt; div don't work.&lt;/p&gt;
&lt;p&gt;Why? What have I to do to show the &lt;strong&gt;#reportBox&lt;/strong&gt; under the &lt;strong&gt;#columns&lt;/strong&gt; div?&lt;/p&gt;
&lt;p&gt;Tnx&lt;/p&gt;
&lt;p&gt;Andrea&lt;/p&gt;</t>
  </si>
  <si>
    <t>2013-09-04 09:37:40.890000+00:00</t>
  </si>
  <si>
    <t>2013-09-04 09:52:18.707000+00:00</t>
  </si>
  <si>
    <t>html|css|css3|layout|xhtml</t>
  </si>
  <si>
    <t>HTML CSS issue in a table layout with middle elements</t>
  </si>
  <si>
    <t>&lt;p&gt;I have a fiddle to illustrate my problem The code and css could be seen in fiddle.  &lt;/p&gt;
&lt;p&gt;&lt;a href="http://jsfiddle.net/tTv39/" rel="nofollow noreferrer"&gt;fiddle link&lt;/a&gt;&lt;/p&gt;
&lt;p&gt;I am trying to create a simple HTML format as shown in the attached pic.&lt;/p&gt;
&lt;p&gt;&lt;img src="https://i.stack.imgur.com/fm4ul.png" alt="enter image description here"&gt;&lt;/p&gt;
&lt;p&gt;The problems is with "Loooong description" - As soon as I add a span or para below "Number" text to add "Loooong description", it changes the css of the parent too and "Number" doesn't remain on middle anymore!&lt;/p&gt;
&lt;p&gt;Please note that all the sizes have to be in "%".&lt;/p&gt;
&lt;pre&gt;&lt;code&gt;&amp;lt;div id="opentickets" class="container"&amp;gt;
        &amp;lt;table class="outer wordwrap"&amp;gt;
            &amp;lt;col class="cola" /&amp;gt;
            &amp;lt;col class="colb" /&amp;gt;
            &amp;lt;tr class="top"&amp;gt;    
             &amp;lt;td colSpan="2" class="heading"&amp;gt;Top Row Text&amp;lt;/td&amp;gt;          
            &amp;lt;/tr&amp;gt;
            &amp;lt;tr class="middle"&amp;gt;
              &amp;lt;td &amp;gt;&amp;lt;/td&amp;gt;
              &amp;lt;td class="wordwrap"&amp;gt;
                &amp;lt;div  class="content"&amp;gt;&amp;lt;b class="number"&amp;gt;Number&amp;lt;/b&amp;gt;
                &amp;lt;/div&amp;gt;                  
              &amp;lt;/td&amp;gt;
            &amp;lt;/tr&amp;gt;
            &amp;lt;tr class="bottom"&amp;gt; 
             &amp;lt;td &amp;gt;&amp;lt;/td&amp;gt;
              &amp;lt;td class="wordwrap"&amp;gt; &amp;lt;/td&amp;gt;       
            &amp;lt;/tr&amp;gt;
        &amp;lt;/table&amp;gt;            
 &amp;lt;/div&amp;gt;
&lt;/code&gt;&lt;/pre&gt;
&lt;p&gt;ps: I had to create this table kind of format to achieve certain aspects (Number on middle of table and starting from 20% width etc), therefore I would appreciate if someone could guide me an extension to the css of this format only.&lt;/p&gt;</t>
  </si>
  <si>
    <t>2013-09-09 20:45:23.603000+00:00</t>
  </si>
  <si>
    <t>2013-09-09 21:36:26.773000+00:00</t>
  </si>
  <si>
    <t>2013-09-09 21:15:09.503000+00:00</t>
  </si>
  <si>
    <t>Design pattern to use when you need to initialize your object?</t>
  </si>
  <si>
    <t>&lt;p&gt;I have a class, which has an Initialize method, which creates a bunch of tables in a database. This class looks like this:&lt;/p&gt;
&lt;pre&gt;&lt;code&gt;public class MyClass
{
  private bool initialized = false;
  public void Initialize()
  {
    if(!initialized)
    {
        //Install Database tables
        initialized = true;
    }
  }
  public void DoSomething()
  {
    //Some code which depends on the database tables being created 
  }
  public void DoSomethingElse()
  {
    //Some other code which depends on the database tables being created 
  }
} 
&lt;/code&gt;&lt;/pre&gt;
&lt;p&gt;The two methods DoSomething and DoSomethingElse need to make sure that the Initialize method has been called before proceeding because they depend on having the tables in the database. I have two choices:&lt;/p&gt;
&lt;ol&gt;
&lt;li&gt;&lt;p&gt;Call the Initialize method in the constructor of the class - this does not seem like a good idea because constructors should now call methods, which are non-trivial and could cause an exception.&lt;/p&gt;&lt;/li&gt;
&lt;li&gt;&lt;p&gt;Call the Initialize method in each of the two methods - this does not seem like a great solution either especially if there are more than a handful of methods.&lt;/p&gt;&lt;/li&gt;
&lt;/ol&gt;
&lt;p&gt;Is there a design pattern which could solve this in a more elegant way?&lt;/p&gt;</t>
  </si>
  <si>
    <t>2016-04-25 14:21:12.823000+00:00</t>
  </si>
  <si>
    <t>2018-03-01 11:10:08.210000+00:00</t>
  </si>
  <si>
    <t>java|c#|oop|design-patterns</t>
  </si>
  <si>
    <t>Hover effect is not working with style=":hover"</t>
  </si>
  <si>
    <t>&lt;p&gt;Why is the hover effect not working?
    &lt;/p&gt;
&lt;pre&gt;&lt;code&gt;&amp;lt;ul id="main-nav"&amp;gt;
   &amp;lt;li&amp;gt; 
   &amp;lt;a href="#" style=":hover .sub-nav-1 {display: inline-block;}"&amp;gt;test&amp;lt;/a&amp;gt;
      &amp;lt;ul class="sub-nav-1" style="display:none"&amp;gt;
      //some other lis
      &amp;lt;/ul&amp;gt;
   &amp;lt;/li&amp;gt; 
&amp;lt;/ul&amp;gt;
&lt;/code&gt;&lt;/pre&gt;</t>
  </si>
  <si>
    <t>2014-06-07 13:39:35.643000+00:00</t>
  </si>
  <si>
    <t>2014-06-07 13:47:29.540000+00:00</t>
  </si>
  <si>
    <t>FORM fields checking</t>
  </si>
  <si>
    <t>&lt;p&gt;I have a simple form with several checkboxes. Now I need to prevent users to proceed with this form if more then 3 checkboxes are selected. How should this be done? &lt;/p&gt;</t>
  </si>
  <si>
    <t>2010-05-16 19:43:46.923000+00:00</t>
  </si>
  <si>
    <t>2010-12-01 18:22:27.143000+00:00</t>
  </si>
  <si>
    <t>forms|checkbox</t>
  </si>
  <si>
    <t>Create a Android launch icon for Website</t>
  </si>
  <si>
    <t>&lt;p&gt;I have a responsive website which can be accessed across multiple devices, our design and application is mainly targeted for mobile users.&lt;/p&gt;
&lt;p&gt;To ease access to the site, we want to create a launch icon which will apear on the mobile home screen and user can access the site using one touch, as against launching the browser and typing the url / opening the bookmarked page.&lt;/p&gt;
&lt;p&gt;I found a solution for it in IOS, which is also supported by the safari browser using which you can save the page url as a launch icon, can a similar feature be found on a android device? I would also be interested in prompting the users to create the launch icon if they are accessing it from a mobile phone /tablet.&lt;/p&gt;</t>
  </si>
  <si>
    <t>2014-03-04 09:20:20.740000+00:00</t>
  </si>
  <si>
    <t>2015-10-01 08:04:38.813000+00:00</t>
  </si>
  <si>
    <t>android|launcher</t>
  </si>
  <si>
    <t>best practices for keep states of page in react-router application</t>
  </si>
  <si>
    <t>&lt;p&gt;I Have react app which contains many pages. For each page i added store. I using params from url for example photoId then passing to actioncreator which call service and then dispatching data to store. In page component i have store listener. Store imiting change and listener calling render for new state.
Store and action creator relates to this page only. How to create pages more simple? 
Thank you! &lt;/p&gt;</t>
  </si>
  <si>
    <t>2015-11-09 22:23:06.773000+00:00</t>
  </si>
  <si>
    <t>2015-11-09 23:00:24.157000+00:00</t>
  </si>
  <si>
    <t>reactjs|react-router</t>
  </si>
  <si>
    <t>Azure Web API is throwing 'Cross-site request forgery detected for user" for POSTs</t>
  </si>
  <si>
    <t>&lt;p&gt;I created an ASP.Net Web API that is hosted in Azure and is protected by Azure AD. I am calling this Web API via JS from SharePoint online. GETs work fine, but POSTs fail with the message in the title: &lt;/p&gt;
&lt;pre&gt;&lt;code&gt;Cross-site request forgery detected for user '' from referer 'somesite.sharepoint.com
&lt;/code&gt;&lt;/pre&gt;
&lt;p&gt;In the Web.config of the Web API, I have configured the following:&lt;/p&gt;
&lt;pre&gt;&lt;code&gt;    &amp;lt;add name="Access-Control-Allow-Origin" value="https://somesite.sharepoint.com" /&amp;gt;
&amp;lt;add name="Access-Control-Allow-Headers" value="Origin, X-Requested-With, Content-Type, Accept, Authorization" /&amp;gt;
&amp;lt;add name="Access-Control-Allow-Credentials" value="true" /&amp;gt;
&amp;lt;add name="Access-Control-Allow-Methods" value="GET, POST, PUT, DELETE, OPTIONS" /&amp;gt;
&lt;/code&gt;&lt;/pre&gt;
&lt;p&gt;Have I missed a configuration option?  &lt;/p&gt;</t>
  </si>
  <si>
    <t>2018-04-18 21:20:55.073000+00:00</t>
  </si>
  <si>
    <t>azure|cors|azure-web-sites</t>
  </si>
  <si>
    <t>Ruby 2.0 Breaking Change? Date Comparison</t>
  </si>
  <si>
    <t>&lt;p&gt;Heroku is saying that Ruby 2.0 is &lt;a href="https://blog.heroku.com/archives/2013/6/17/ruby-2-default-new-aps" rel="nofollow"&gt;ready for production&lt;/a&gt;. Okay, I'll update my app. But my tests break. This one started failing:&lt;/p&gt;
&lt;pre&gt;&lt;code&gt;a_date.should == the_same_date
&lt;/code&gt;&lt;/pre&gt;
&lt;p&gt;The dates are equal. How do I know, besides that the same test passes under Ruby 1.9.3?  This passes under 2.0:&lt;/p&gt;
&lt;pre&gt;&lt;code&gt;a_date.to_i.should == the_same_date.to_i
&lt;/code&gt;&lt;/pre&gt;
&lt;p&gt;Is this a bug in Ruby 2.0? I can't find anything about breaking changes to date equality.&lt;/p&gt;
&lt;p&gt;&lt;strong&gt;UPDATE&lt;/strong&gt;&lt;/p&gt;
&lt;p&gt;Here is the actual test output:&lt;/p&gt;
&lt;pre&gt;&lt;code&gt;Failure/Error: target.should == @now
  expected: Mon, 24 Jun 2013 15:40:52 UTC +00:00
  got:      Mon, 24 Jun 2013 15:40:52 UTC +00:00 (using ==)
&lt;/code&gt;&lt;/pre&gt;</t>
  </si>
  <si>
    <t>2013-06-21 03:38:27.937000+00:00</t>
  </si>
  <si>
    <t>2013-06-24 17:32:53.753000+00:00</t>
  </si>
  <si>
    <t>2013-06-24 15:45:23.207000+00:00</t>
  </si>
  <si>
    <t>rspec|ruby-2.0</t>
  </si>
  <si>
    <t>rails3-jquery-autocomplete and writing own search query</t>
  </si>
  <si>
    <t>&lt;p&gt;This is my controller, where I use &lt;a href="https://github.com/crowdint/rails3-jquery-autocomplete" rel="nofollow"&gt;autocomplete gem&lt;/a&gt;. I am getting the error for this query:&lt;/p&gt;
&lt;pre&gt;&lt;code&gt;SELECT  users.id, users.phone, first_name, last_name FROM "users"  WHERE (LOWER(users.phone) ILIKE '77%') ORDER BY users.phone ASC LIMIT 10):
ActiveRecord::StatementInvalid (PGError: ERROR:  function lower(integer) does not exist
&lt;/code&gt;&lt;/pre&gt;
&lt;p&gt;My controller:&lt;/p&gt;
&lt;pre&gt;&lt;code&gt;class CarsController &amp;lt; ApplicationController
  autocomplete :user, :phone
  ...
end
&lt;/code&gt;&lt;/pre&gt;
&lt;p&gt;I would like to ask you, how can I do my own db query for autocomplete searching - I need to throw it the error above and I think there is no way to do else...&lt;/p&gt;
&lt;p&gt;I got this error, when I deployed my app to Heroku.&lt;/p&gt;</t>
  </si>
  <si>
    <t>2011-12-30 01:44:25.363000+00:00</t>
  </si>
  <si>
    <t>ruby|jquery-ui|ruby-on-rails-3.1|jquery-autocomplete</t>
  </si>
  <si>
    <t>Open a new link in a if statement with PHP?</t>
  </si>
  <si>
    <t>&lt;p&gt;Sorry if it is obvious for you, but I am a beginner in php.&lt;/p&gt;
&lt;p&gt;I have the else if statement below and I want to open a new page in my host (main.html) if the entry password  is correct .&lt;/p&gt;
&lt;pre&gt;&lt;code&gt;&amp;lt;?php
$var1="1";
$pass=$_POST['password'];
if ($pass==$var1) 
{echo "ok";
 //***here is your help}
elseif ($pass=="")
{echo "No Entry";
}
else { echo "Wrong Password";}
?&amp;gt;
&lt;/code&gt;&lt;/pre&gt;
&lt;p&gt;Pease give me the php code for opening a new window&lt;/p&gt;
&lt;p&gt;Thank you for your help&lt;/p&gt;</t>
  </si>
  <si>
    <t>2013-11-21 11:02:02.570000+00:00</t>
  </si>
  <si>
    <t>2017-10-10 14:52:27.213000+00:00</t>
  </si>
  <si>
    <t>php|url|hyperlink</t>
  </si>
  <si>
    <t>On SESSION_DESTROY decrease the number of online users in PHP</t>
  </si>
  <si>
    <t>&lt;p&gt;I have a simple file-system-ed-login (not mysql) just to track number of users who are registered to my website.&lt;/p&gt;
&lt;p&gt;I want to know who are all online too.&lt;/p&gt;
&lt;ol&gt;
&lt;li&gt;When the browser is closed the session is destroyed automatically.&lt;/li&gt;
&lt;li&gt;I use a explicit logout command too.&lt;/li&gt;
&lt;li&gt;I can handle the number of online users on pressing "logout" button, thus by reducing the count in file "nouser.txt" which handles the number of users who are online.&lt;/li&gt;
&lt;/ol&gt;
&lt;p&gt;So the thing I want to know is, if the user closes his browser with out pressing "logout", though the session_destroy() clears out the login implicitly, I want to decrease the number of online users in the nouser.txt file&lt;/p&gt;
&lt;p&gt;edit 1:
Just like handling onSession_Destroy() on closing the browser.&lt;/p&gt;</t>
  </si>
  <si>
    <t>2012-03-13 15:23:16.560000+00:00</t>
  </si>
  <si>
    <t>2012-03-15 13:38:55.233000+00:00</t>
  </si>
  <si>
    <t>2012-03-13 16:07:11.457000+00:00</t>
  </si>
  <si>
    <t>Perl intermittently fails to connect to iis 7.5 (cygwin on windows server 2012)</t>
  </si>
  <si>
    <t>&lt;p&gt;We upgraded perl on our windows server 2012 to latest stable version. Ever since we did that we are getting intermittent Cannot connect to the server errors throwing 500 error responses.&lt;/p&gt;
&lt;p&gt;But it is so intermittent we cannot identify the problem. Here is the debug log for some idea:&lt;/p&gt;
&lt;pre&gt;&lt;code&gt;DEBUG: .../IO/Socket/SSL.pm:763: done Net::SSLeay::connect -&amp;gt; -1
DEBUG: .../IO/Socket/SSL.pm:773: ssl handshake in progress
DEBUG: .../IO/Socket/SSL.pm:783: waiting for fd to become ready: SSL wants a read first
DEBUG: .../IO/Socket/SSL.pm:803: socket ready, retrying connect
DEBUG: .../IO/Socket/SSL.pm:759: call Net::SSLeay::connect
DEBUG: .../IO/Socket/SSL.pm:763: done Net::SSLeay::connect -&amp;gt; -1
DEBUG: .../IO/Socket/SSL.pm:766: local error: SSL connect attempt failed
&lt;/code&gt;&lt;/pre&gt;
&lt;p&gt;Windows server is running IIS 7.5 and We have a valid Certificate issued by COMODO.&lt;/p&gt;
&lt;p&gt;Any insight would be much appreciated. Please let me know if you need any further information.&lt;/p&gt;</t>
  </si>
  <si>
    <t>2016-07-13 00:52:35.067000+00:00</t>
  </si>
  <si>
    <t>2016-07-19 18:33:55.587000+00:00</t>
  </si>
  <si>
    <t>perl|ssl|iis-7.5|windows-server-2012-r2</t>
  </si>
  <si>
    <t>How to launch Chrome in kiosk mode Linux/MacOS ASP.NET Core</t>
  </si>
  <si>
    <t>&lt;p&gt;I have this piece of code&lt;/p&gt;
&lt;pre&gt;&lt;code&gt;public static void OpenBrowser(string url) {
if (RuntimeInformation.IsOSPlatform(OSPlatform.Windows)) {
    WindowsBrowser.Launch(url); //My own code behind, works fine
} else if (RuntimeInformation.IsOSPlatform(OSPlatform.Linux)) {
    Process.Start("xdg-open", url);
} else if (RuntimeInformation.IsOSPlatform(OSPlatform.OSX)) {
    Process.Start("open", url);
} else {
    // throw 
}
&lt;/code&gt;&lt;/pre&gt;
&lt;p&gt;Windows part works just fine, launches Chrome in kiosk mode as desired. How can I do that for Linux and MacOS?&lt;/p&gt;</t>
  </si>
  <si>
    <t>2018-06-15 20:18:27.470000+00:00</t>
  </si>
  <si>
    <t>2018-06-15 21:37:11.550000+00:00</t>
  </si>
  <si>
    <t>c#|.net|asp.net-core</t>
  </si>
  <si>
    <t>DevExpress 15.2 ASP.NET - Server Error in '/' Application (Global.asax)</t>
  </si>
  <si>
    <t>&lt;p&gt;I have just installed the &lt;strong&gt;DevExpress 15.2 Demo&lt;/strong&gt; and created an ASP.NET Web Application using the default settings and the built-in wizard.&lt;/p&gt;
&lt;p&gt;Upon running the web application for the first time I came across an error message:&lt;/p&gt;
&lt;p&gt;&lt;strong&gt;Parser Error Message:&lt;/strong&gt; Could not load type 'Universal_Web_Reporting.Global_asax'.&lt;/p&gt;
&lt;pre&gt;&lt;code&gt;Line 1:  &amp;lt;%@ Application Codebehind="Global.asax.vb" Inherits="Universal_Web_Reporting.Global_asax" Language="VB" %&amp;gt;
&lt;/code&gt;&lt;/pre&gt;
&lt;p&gt;I have found other relevant posts associated with the same error message and these point to either an IIS issue or configuration of the build output path \bin\debug as opposed to being just \bin.&lt;/p&gt;
&lt;p&gt;Neither of the above solutions rectified my problem.&lt;/p&gt;</t>
  </si>
  <si>
    <t>2015-12-21 02:18:45.233000+00:00</t>
  </si>
  <si>
    <t>asp.net|devexpress|runtime-error|global-asax</t>
  </si>
  <si>
    <t>How to start a docker container when windows boots</t>
  </si>
  <si>
    <t>&lt;p&gt;Is there a recommended way of starting a docker container when windows boots?&lt;/p&gt;
&lt;p&gt;I'm investigating around &lt;code&gt;vboxmanage guestcontrol&lt;/code&gt; (see: &lt;a href="http://www.virtualbox.org/manual/ch08.html#vboxmanage-guestcontrol" rel="nofollow"&gt;http://www.virtualbox.org/manual/ch08.html#vboxmanage-guestcontrol&lt;/a&gt;) but I'm don't figure out all of that.&lt;/p&gt;
&lt;p&gt;Any best practice to recommend?&lt;/p&gt;
&lt;p&gt;Regards,&lt;/p&gt;
&lt;p&gt;Xavier&lt;/p&gt;</t>
  </si>
  <si>
    <t>2015-09-12 17:38:51+00:00</t>
  </si>
  <si>
    <t>2015-09-14 11:45:28.037000+00:00</t>
  </si>
  <si>
    <t>docker|virtualbox|boot2docker</t>
  </si>
  <si>
    <t>Generating a loop counter in Ember.js #each</t>
  </si>
  <si>
    <t>&lt;p&gt;I'm finding the restrictions of handlebar templates in Ember.js to be absolutely crippling.  You can't execute arbitrary javascript.  All you get is a fixed set of abilities (if/else, each, action, view, outlet) and the ability to output the value of a property on the current context object.&lt;/p&gt;
&lt;p&gt;Which means I cannot figure out how to do something as simple as utilizing a loop counter in order to, for example, slap positional IDs on an html element inside a loop based on it's position in the collection I'm iterating on.&lt;/p&gt;
&lt;p&gt;It doesn't make sense to add it as a computed property on the model, because that's not model-level knowledge (the same model could be in two different positions in different views).&lt;/p&gt;
&lt;p&gt;FYI-Using Ember-1.0-pre, Ember-Data, and Rails with ActiveModel::Serializers on PostgreSQL.&lt;/p&gt;</t>
  </si>
  <si>
    <t>2012-09-08 14:51:44.333000+00:00</t>
  </si>
  <si>
    <t>2012-11-28 09:55:10.490000+00:00</t>
  </si>
  <si>
    <t>ember.js|handlebars.js</t>
  </si>
  <si>
    <t>JAR file will create txt. file but won't write to it</t>
  </si>
  <si>
    <t>&lt;p&gt;I've made UEFA team generator with Jsoup Html parser. Everything works perfectly when running it as a project but when I build jar, it will create file but won't write to it. I heard it's some kind of securing but I'd like to avoid it. Any ideas?&lt;/p&gt;
&lt;p&gt;Code : &lt;/p&gt;
&lt;pre&gt;&lt;code&gt;public final class Generator extends JPanel {
    JLabel label;
    File file;
    Font font;
    ArrayList&amp;lt;String&amp;gt; urllist;
    PrintWriter writer;
    Document doc;
    URL url;
    JComboBox&amp;lt;String&amp;gt; seasons; // edited
    String[] seas = {"1999-2000", "2000-2001", "2001-2002", "2002-2003", "2003-2004", "2004-2005", "2005-2006", "2006-2007", "2007-2008", "2008-2009", "2009-2010", "2014-2015", "2015-2016"};
    public Generator(int width, int height) {
        setLayout(null);
        setPreferredSize(new Dimension(width, height));
        seasons = new JComboBox&amp;lt;&amp;gt;(seas);
        font = new Font("Verdana", Font.BOLD, 12);
        label = new JLabel("Choose a season :");
        label.setFont(font);
        label.setBounds(20, 10, 120, 30);
        seasons.setBounds(150, 10, 100, 30);
        add(seasons);
        add(label);
        urllist = new ArrayList&amp;lt;&amp;gt;();
        urllist.add("https://en.wikipedia.org/wiki/1999%E2%80%932000_UEFA_Champions_League_group_stage");
        urllist.add("https://en.wikipedia.org/wiki/2000%E2%80%9301_UEFA_Champions_League_group_stage");
        urllist.add("https://en.wikipedia.org/wiki/2001%E2%80%9302_UEFA_Champions_League_group_stage");
        urllist.add("https://en.wikipedia.org/wiki/2002%E2%80%9303_UEFA_Champions_League_group_stage");
        urllist.add("https://en.wikipedia.org/wiki/2003%E2%80%9304_UEFA_Champions_League_group_stage");
        urllist.add("https://en.wikipedia.org/wiki/2004%E2%80%9305_UEFA_Champions_League_group_stage");
        urllist.add("https://en.wikipedia.org/wiki/2005%E2%80%9306_UEFA_Champions_League_group_stage");
        urllist.add("https://en.wikipedia.org/wiki/2006%E2%80%9307_UEFA_Champions_League_group_stage");
        urllist.add("https://en.wikipedia.org/wiki/2007%E2%80%9308_UEFA_Champions_League_group_stage");
        urllist.add("https://en.wikipedia.org/wiki/2008%E2%80%9309_UEFA_Champions_League_group_stage");
        urllist.add("https://en.wikipedia.org/wiki/2009%E2%80%9310_UEFA_Champions_League_group_stage");
        urllist.add("https://en.wikipedia.org/wiki/2014%E2%80%9315_UEFA_Champions_League_group_stage");
        urllist.add("https://en.wikipedia.org/wiki/2015%E2%80%9316_UEFA_Champions_League_group_stage");
        seasons.addActionListener(new GenerateHandler());
    }
    public void cycle(int start, int end) {
        for (int j = start; j &amp;lt; end; j++) {
            Element table = doc.select("table.wikitable").get(j);
            Elements rows = table.select("tr");
            for (int i = 1; i &amp;lt; 3; i++) {
                writer.println(rows.get(i).select("td").select("a").get(1).attr("Title").replace(" (football)", "") + "," + rows.get(i).select("td").select("a").attr("Title"));
            }
        }
        writer.close();
    }
    public class GenerateHandler implements ActionListener {
        @Override
        public void actionPerformed(ActionEvent e) {
            int i = seasons.getSelectedIndex();
            String foldername = "C:/Users/neutron/Desktop/data/";
            file = new File(foldername, seas[i] + ".txt");
            file.canWrite();
            try {
                url = new URL(urllist.get(i));
            } catch (MalformedURLException ex) {
                Logger.getLogger(Generator.class.getName()).log(Level.SEVERE, null, ex);
            }
            try {
                doc = Jsoup.parse(url, 3000);
            } catch (IOException ex) {
                Logger.getLogger(Generator.class.getName()).log(Level.SEVERE, null, ex);
            }
            try {
                writer = new PrintWriter(file, "UTF-8");
            } catch (FileNotFoundException | UnsupportedEncodingException ex) {
                Logger.getLogger(Generator.class.getName()).log(Level.SEVERE, null, ex);
            }
            if (i &amp;gt;= 0 &amp;amp;&amp;amp; i &amp;lt; 3) {
                cycle(1, 9);
            } else if ((i &amp;gt; 2 &amp;amp;&amp;amp; i &amp;lt; 4)|| (i &amp;gt; 10 &amp;amp;&amp;amp; i &amp;lt; 13)) {
                cycle(5, 13);
            } else if (i == 8) {
                cycle(2, 10);
            }
             else {
                cycle(6, 14);
            }
        }
    }
}
&lt;/code&gt;&lt;/pre&gt;
&lt;p&gt;.. when building a jar it doesn't print any warnings or errors&lt;/p&gt;</t>
  </si>
  <si>
    <t>2016-05-07 08:16:34.843000+00:00</t>
  </si>
  <si>
    <t>2016-05-07 13:51:12.680000+00:00</t>
  </si>
  <si>
    <t>type inference in argument list in combination with setter not working</t>
  </si>
  <si>
    <t>&lt;p&gt;Let's imagine the following items in scope:&lt;/p&gt;
&lt;pre&gt;&lt;code&gt;object Thing { 
  var data: Box[String] = Empty
}
def perform[T](setter: Box[T] =&amp;gt; Unit) {
  // doesn't matter
}
&lt;/code&gt;&lt;/pre&gt;
&lt;p&gt;The following fails to compile:&lt;/p&gt;
&lt;pre&gt;&lt;code&gt;perform(Thing.data = _)
&lt;/code&gt;&lt;/pre&gt;
&lt;p&gt;The error message is:&lt;/p&gt;
&lt;pre&gt;&lt;code&gt;&amp;lt;console&amp;gt;:12: error: missing parameter type for expanded function ((x$1) =&amp;gt; Thing.data = x$1)
              perform(Thing.data = _)
                                   ^
&amp;lt;console&amp;gt;:12: warning: a type was inferred to be `Any`; this may indicate a programming error.
              perform(Thing.data = _)
                                 ^
&lt;/code&gt;&lt;/pre&gt;
&lt;p&gt;While the following compiles:&lt;/p&gt;
&lt;pre&gt;&lt;code&gt;perform(Thing.data_=)
&lt;/code&gt;&lt;/pre&gt;
&lt;p&gt;I have since surpassed this issue by creating a better abstraction, but my curiosity still remains.&lt;/p&gt;
&lt;p&gt;Can anyone explain why this is?&lt;/p&gt;</t>
  </si>
  <si>
    <t>2012-10-19 21:41:23.190000+00:00</t>
  </si>
  <si>
    <t>2012-10-19 23:09:27.463000+00:00</t>
  </si>
  <si>
    <t>scala|functional-programming|anonymous-function|type-inference</t>
  </si>
  <si>
    <t>access to another XML file</t>
  </si>
  <si>
    <t>&lt;p&gt;I want to have an access to another XML file in an inner class but I can't get a reference to the other XML components, this an inner class code:&lt;/p&gt;
&lt;pre&gt;&lt;code&gt;    class ItemsClass extends ArrayAdapter&amp;lt;String&amp;gt;
         {
    public ItemsClass ()
    {
        super(ListActivity.this, R.layout.itemslist);   
    }
    public View getView (final int position, View convertview, ViewGroup parent)
    {
        //setContentView(R.layout.itemslist);
        final String s = this.getItem(position);
       LayoutInflater inflater= getLayoutInflater();
       View  row= inflater.inflate(R.layout.itemslist, parent, false);
       // get ref to each component in itemList.xml
TextView itemName= (TextView) row.findViewById(R.id.textView1);// here i can't access to the TextView in itemslist.xml
    }
}
&lt;/code&gt;&lt;/pre&gt;</t>
  </si>
  <si>
    <t>2012-03-08 11:39:38.070000+00:00</t>
  </si>
  <si>
    <t>2012-03-08 12:06:22.753000+00:00</t>
  </si>
  <si>
    <t>Searching between two dates in rails activerecord</t>
  </si>
  <si>
    <t>&lt;p&gt;I'm receiving a date in my parameters and searching the database to see if the date falls between start date and end date.  My code is the following.&lt;/p&gt;
&lt;pre&gt;&lt;code&gt;    date = params[:date]
    record = Campaign.where(['start_date &amp;lt; ? AND end_date &amp;gt; ?', date, date])
&lt;/code&gt;&lt;/pre&gt;
&lt;p&gt;This only returns each records name.  But when I try to access the full record, like its id, rails throws an error.  &lt;/p&gt;
&lt;p&gt;I don't understand what I'm doing wrong.&lt;/p&gt;</t>
  </si>
  <si>
    <t>2015-07-13 02:10:51.587000+00:00</t>
  </si>
  <si>
    <t>2017-10-04 13:18:57.177000+00:00</t>
  </si>
  <si>
    <t>list() is not updating in the for loop in R</t>
  </si>
  <si>
    <t>&lt;p&gt;I want to estimate the parameters of the skew normal distribution using &lt;code&gt;mle2&lt;/code&gt; function in &lt;code&gt;r&lt;/code&gt;. I have copied my &lt;code&gt;r&lt;/code&gt; function below.&lt;/p&gt;
&lt;pre&gt;&lt;code&gt;library(bbmle)
library(sn)
y = c(rsn(n=50, xi=0, omega=1, alpha=1, tau=0, dp=NULL), rsn(n=50, xi=0, omega=1, alpha=6, tau=0, dp=NULL))
n= length(y)
sn.fit = function(xi, omega, alpha){
  -sum(dsn(y, xi=0, omega=1, alpha, log = TRUE))
}
parl = list()
for(i in 1:(n-1)){
  dat = list(y[1:i])
parl[[i]]= mle2(sn.fit, start = list(xi = 0, omega = 1, alpha = 1), data = dat)@coef
}
parll = do.call("rbind", parl)
parll
&lt;/code&gt;&lt;/pre&gt;
&lt;p&gt;The output is given below.&lt;/p&gt;
&lt;pre&gt;&lt;code&gt;&amp;gt; parll
       xi omega    alpha
  [1,]  0     1 1.408533
  [2,]  0     1 1.408533
  [3,]  0     1 1.408533
  [4,]  0     1 1.408533
  [5,]  0     1 1.408533
  [6,]  0     1 1.408533
  [7,]  0     1 1.408533
  [8,]  0     1 1.408533
  [9,]  0     1 1.408533
 [10,]  0     1 1.408533
 [11,]  0     1 1.408533
 [12,]  0     1 1.408533
&lt;/code&gt;&lt;/pre&gt;
&lt;p&gt;Since my intention is to estimate &lt;code&gt;alpha&lt;/code&gt; for &lt;code&gt;y[1:i]&lt;/code&gt; for &lt;code&gt;i=1,...,(n-1)&lt;/code&gt;. Why my result is not updating into the list?&lt;/p&gt;
&lt;p&gt;Thank you in advance.&lt;/p&gt;</t>
  </si>
  <si>
    <t>2018-11-19 19:32:45.273000+00:00</t>
  </si>
  <si>
    <t>r|list|for-loop|mle</t>
  </si>
  <si>
    <t>Rails Plugin for Multiple Ratings Per Model?</t>
  </si>
  <si>
    <t>&lt;p&gt;I'm looking to add the capability of rating a model I have under several different categories like "Knowledgeable" "Organized", etc.  Is there a plugin that will allow me to do this, and maybe even have a cool x/5 stars graphical representation as well?&lt;/p&gt;</t>
  </si>
  <si>
    <t>2010-05-18 07:15:56.140000+00:00</t>
  </si>
  <si>
    <t>2010-05-18 08:33:44.103000+00:00</t>
  </si>
  <si>
    <t>ruby-on-rails|plugins</t>
  </si>
  <si>
    <t>What are difference between referencing a DAO Recordset field?</t>
  </si>
  <si>
    <t>&lt;p&gt;I am curious what are the differences between the following and if there are advantages for one over the other.&lt;/p&gt;
&lt;p&gt;Assume MS Access and DAO Recordset&lt;/p&gt;
&lt;pre&gt;&lt;code&gt;rst![field]
rst.Fields("field")
&lt;/code&gt;&lt;/pre&gt;</t>
  </si>
  <si>
    <t>2015-06-11 13:45:59.807000+00:00</t>
  </si>
  <si>
    <t>2015-06-11 14:41:21.303000+00:00</t>
  </si>
  <si>
    <t>2015-06-11 14:30:28.787000+00:00</t>
  </si>
  <si>
    <t>ms-access|access-vba</t>
  </si>
  <si>
    <t>Dictation adds parenthesis around specific words</t>
  </si>
  <si>
    <t>&lt;p&gt;When dictating into my iPhone and saying ���oddlots��� the speech to text puts it into parentheses like (oddlots)... why?&lt;/p&gt;
&lt;p&gt;It is not in my "Text Replacements" under Settings &gt; General &gt; Keyboard. I do have "Oddlots Inc" in my contact card and an oddlots.org email address but I can't find anything in the &lt;a href="https://developer.apple.com/documentation/speech" rel="nofollow noreferrer"&gt;Developer Documentation&lt;/a&gt; for why it woudl be doing this. Of course it is very challenging to come up with a search for something as prolific as parenthesis. &lt;/p&gt;
&lt;p&gt;Currently running iOS v11.3 but this has been happening for a while.&lt;/p&gt;
&lt;p&gt;Thanks!&lt;/p&gt;</t>
  </si>
  <si>
    <t>2018-04-04 15:53:20.453000+00:00</t>
  </si>
  <si>
    <t>speech-recognition|speech-to-text|parentheses|siri|dictation</t>
  </si>
  <si>
    <t>How to change data attribute of adjacent td in jQuery?</t>
  </si>
  <si>
    <t>&lt;p&gt;I have a code like this with two td columns , if i click on the fa icon &lt;/p&gt;
&lt;pre&gt;&lt;code&gt;&amp;lt;i class="fa pad5 fa-unlock-alt" &amp;gt;&amp;lt;/i&amp;gt;
&lt;/code&gt;&lt;/pre&gt;
&lt;p&gt;then i need to change the &lt;code&gt;data-invoice-lock="0"&lt;/code&gt;.
i tried this &lt;/p&gt;
&lt;pre&gt;&lt;code&gt;$(this).closest('td').find('.invoiceCostCol').attr('data-invoice-lock','0');
&lt;/code&gt;&lt;/pre&gt;
&lt;p&gt;but not getting the result&lt;/p&gt;
&lt;p&gt;INPUT&lt;/p&gt;
&lt;pre&gt;&lt;code&gt;&amp;lt;td rowspan="1" class="reportSmallWd invoiceCostCol" data-invoice-lock="1"&amp;gt;&amp;lt;/td&amp;gt;  
&amp;lt;td rowspan="1" class="reportSmallWd"&amp;gt; 
    &amp;lt;i class="fa pad5 fa-unlock-alt" &amp;gt;&amp;lt;/i&amp;gt;
&amp;lt;/td&amp;gt;
&lt;/code&gt;&lt;/pre&gt;
&lt;p&gt;The OUTPUT required&lt;/p&gt;
&lt;pre&gt;&lt;code&gt;&amp;lt;td rowspan="1" class="reportSmallWd invoiceCostCol" data-invoice-lock="0"&amp;gt;&amp;lt;/td&amp;gt;     
&amp;lt;td rowspan="1" class="reportSmallWd"&amp;gt; 
    &amp;lt;i class="fa pad5 fa-unlock-alt" &amp;gt;&amp;lt;/i&amp;gt;
&amp;lt;/td&amp;gt;
&lt;/code&gt;&lt;/pre&gt;</t>
  </si>
  <si>
    <t>2017-08-10 07:44:38.727000+00:00</t>
  </si>
  <si>
    <t>2017-08-10 08:02:25.963000+00:00</t>
  </si>
  <si>
    <t>2017-08-10 07:52:07.213000+00:00</t>
  </si>
  <si>
    <t>javascript|jquery|html|html-table</t>
  </si>
  <si>
    <t>Call a concrete method on an concrete object which current type is an abstract object</t>
  </si>
  <si>
    <t>&lt;p&gt;I have the following abstract class which ensures that all subclasses contain the method &lt;code&gt;eval()&lt;/code&gt;.&lt;/p&gt;
&lt;pre&gt;&lt;code&gt;public abstract class ExpressionTreeNode {
        abstract double eval();
} 
&lt;/code&gt;&lt;/pre&gt;
&lt;p&gt;I would like to create &lt;strong&gt;several&lt;/strong&gt; concrete classes which inherit from ExpressionTreeNode, like the class &lt;code&gt;Addition&lt;/code&gt;. Theses concrete classes contain two other concrete classes (&lt;code&gt;right&lt;/code&gt; and &lt;code&gt;left&lt;/code&gt;), which inherit from &lt;code&gt;ExpressionTreeNode&lt;/code&gt;. Since there might be different concrete classes I defined the variable type as &lt;code&gt;ExpressionTreeNode&lt;/code&gt;.&lt;/p&gt;
&lt;p&gt;Furthermore I would like to call the &lt;code&gt;eval()&lt;/code&gt; method from these concrete classes. But Eclipse says at this point (e.g. &lt;code&gt;double arg1 = right.eval();&lt;/code&gt;):&lt;/p&gt;
&lt;blockquote&gt;
  &lt;p&gt;The method eval() is undefined for the type ExpressionTreeNode&lt;/p&gt;
&lt;/blockquote&gt;
&lt;p&gt;Why is it undefined? There can't be a object which is only of the type &lt;code&gt;ExpressionTreeNode&lt;/code&gt; and therefore it will contain the &lt;code&gt;eval()&lt;/code&gt; method.&lt;/p&gt;
&lt;pre&gt;&lt;code&gt;public class Addition extends ExpressionTreeNode {
    ExpressionTreeNode left;
    ExpressionTreeNode right;
    public double eval() {
        double arg1 = left.eval();
        double arg2 = right.eval();
        return arg1+arg2;
    }
}
&lt;/code&gt;&lt;/pre&gt;
&lt;p&gt;How can I solve this problem (without using an interface instead of the abstract class)?&lt;/p&gt;</t>
  </si>
  <si>
    <t>2017-11-13 12:11:01.233000+00:00</t>
  </si>
  <si>
    <t>2017-11-13 12:35:17.863000+00:00</t>
  </si>
  <si>
    <t>Converting multiple rows of data to a single column of data</t>
  </si>
  <si>
    <t>&lt;p&gt;I have a basic excel spreadsheet with columns of data that needs to be exported as a single column of data.  I've been cutting and pasting/transposing the rows, but it's tedious.  Any help would be greatly appreciated.&lt;/p&gt;
&lt;p&gt;Results should go across first each row.&lt;/p&gt;
&lt;p&gt;Sample data below:  &lt;/p&gt;
&lt;pre&gt;&lt;code&gt;4619980.95  1040503.25  823644.03   1039799.69  1033153.29
9925740.32  2235456.21  1769547.72  2233944.65  2219665.26
7868405.05  1772107.1   1402768.74  1770908.85  1759589.19
2707020.09  609669.87   482603.92   609257.63   605363.25
4331232.14  975471.8    772166.28   974812.21   968581.21
4186857.73  942956.07   746427.4    942318.47   936295.17
7363094.64  1658302.06  1312682.67  1657180.76  1646588.05
4764355.35  1073018.98  849382.91   1072293.43  1065439.33
&lt;/code&gt;&lt;/pre&gt;</t>
  </si>
  <si>
    <t>2016-09-22 18:24:57.890000+00:00</t>
  </si>
  <si>
    <t>2016-09-22 19:04:42.047000+00:00</t>
  </si>
  <si>
    <t>2016-09-22 18:29:42.127000+00:00</t>
  </si>
  <si>
    <t>Jquery Modal Dialog displaying MVC3 partial view - works first click only</t>
  </si>
  <si>
    <t>&lt;pre&gt;&lt;code&gt; public ActionResult MeanQ(int id)
{            
    Access access= db.Access.Find(id);
    return PartialView("_MeanQPartial", access);
}
&lt;/code&gt;&lt;/pre&gt;
&lt;p&gt;The partial view thats being rendered in the above code is displayed in a Dialog Modal (Jquery)...The link(onclick) that displays the partial view in a Jquery Modal Dialog works well for the first click. Once I close that dialog and click on the link again, the Partial View  does not open as expected in a pop up form. It opens as a new page in the browser. How can I make the pop up modal dialog link work the same way every time? &lt;/p&gt;
&lt;p&gt;Javascript code is below (Jquery Modal Dialog):&lt;/p&gt;
&lt;pre&gt;&lt;code&gt;&amp;lt;script type="text/javascript"&amp;gt;
$(document).ready(function () {
    //initialize the dialog
    $("#result").dialog({ width: 400, resizable: true, position: 'center', title: 'Access info', autoOpen: false,
        buttons: { "Ok": function () { $(this).dialog("close"); } }
    });
});
$(function () {
    $('#modal').click(function () {
        //load the content from this.href, then turn it into a dialog.
        $('#result').load(this.href).dialog('open');
        return false;
    });
});
&lt;/code&gt;&lt;/pre&gt;
&lt;p&gt;&lt;/p&gt;
&lt;p&gt;HTML Link that triggers the modal dialog:&lt;/p&gt;
&lt;pre&gt;&lt;code&gt;@Html.ActionLink("PopUp", "MeanQ", new { id = item.AccID }, new { id = "modal" })
&lt;/code&gt;&lt;/pre&gt;</t>
  </si>
  <si>
    <t>2011-06-09 17:15:55.387000+00:00</t>
  </si>
  <si>
    <t>2011-10-13 01:32:02.487000+00:00</t>
  </si>
  <si>
    <t>2011-06-09 17:35:19.963000+00:00</t>
  </si>
  <si>
    <t>jquery|asp.net-mvc|asp.net-mvc-3|partial-views</t>
  </si>
  <si>
    <t>Remove image from MediaRouteControllerDialog</t>
  </si>
  <si>
    <t>&lt;p&gt;I want to remove the imageView from the MediaRouteControllerDialog since I don't have any image to display.&lt;/p&gt;</t>
  </si>
  <si>
    <t>2016-09-26 08:11:02.093000+00:00</t>
  </si>
  <si>
    <t>2016-09-27 15:01:06.263000+00:00</t>
  </si>
  <si>
    <t>android|chromecast</t>
  </si>
  <si>
    <t>How to prevent scale trumb within flex scrollbar</t>
  </si>
  <si>
    <t>&lt;p&gt;HI, all
I'm looking simply approach to prevent scale thumb within flex scrollbar'
According to our wireframes we should display scrollbar without up-down arrows and cycle (without scale) as a thumb;&lt;/p&gt;</t>
  </si>
  <si>
    <t>2009-10-08 09:13:52.410000+00:00</t>
  </si>
  <si>
    <t>2009-10-08 20:01:05.447000+00:00</t>
  </si>
  <si>
    <t>flex|scrollbar|scale|skinning</t>
  </si>
  <si>
    <t>PHP preg_match() PCRE logic issue?</t>
  </si>
  <si>
    <t>&lt;p&gt;Consider the following:&lt;/p&gt;
&lt;pre&gt;&lt;code&gt;$lat = '89�� 5'; // works
if(preg_match('/^(([0-8]\d|\d)��?(\s?([0-5]\d|\d))?)(N|S)?$/', $lat, $la)){
  $ck = 'DD�� MM format --&amp;gt; ';
}
else{
  $test = 'invalid $lat format';
}
if(isset($ck)){
  $test = $ck.$la[0];
}
echo $test;
&lt;/code&gt;&lt;/pre&gt;
&lt;p&gt;When &lt;code&gt;$lat = '89��5'&lt;/code&gt; everything works fine too. What I'm trying to understand is why &lt;code&gt;$lat = '89 5'&lt;/code&gt; fails? Maybe my brain isn't working, but it seems that last one should not be an invalid format because of &lt;code&gt;��?&lt;/code&gt;. Thanks for helping me understand.&lt;/p&gt;</t>
  </si>
  <si>
    <t>2016-07-20 03:18:25.490000+00:00</t>
  </si>
  <si>
    <t>2017-11-25 01:05:40.770000+00:00</t>
  </si>
  <si>
    <t>php|regex|preg-match|pcre</t>
  </si>
  <si>
    <t>Can += change the mutable list by adding a string?</t>
  </si>
  <si>
    <t>&lt;p&gt;I have a list of strings and want to add another string to each of the strings in the list. I thought the string is mutable, but the result shows the opposite. Here is my example:&lt;/p&gt;
&lt;pre&gt;&lt;code&gt;a = ["abc", "def", "ghi"]
for v in a :
    v += "x"
assert a == ["abc", "def", "ghi"]
&lt;/code&gt;&lt;/pre&gt;
&lt;p&gt;If the list of strings is mutable, why is the "x" not being added to each element in a (["abcx", "defx", "ghix"])?&lt;/p&gt;</t>
  </si>
  <si>
    <t>2017-10-12 18:48:43.020000+00:00</t>
  </si>
  <si>
    <t>2017-10-13 05:19:16.137000+00:00</t>
  </si>
  <si>
    <t>2017-10-12 22:14:15.303000+00:00</t>
  </si>
  <si>
    <t>Remove trailing slash from permalinks except categories (WP)</t>
  </si>
  <si>
    <t>&lt;p&gt;I just migrated my static website onto WordPress and previously did not use trailing slashes at the end of permalinks except when it's a category. WP adds the trailing slash by default and I'm struggling to achieve the set-up I had before. &lt;/p&gt;
&lt;p&gt;&lt;strong&gt;Here is what I tried so far:&lt;/strong&gt;&lt;/p&gt;
&lt;ol&gt;
&lt;li&gt;&lt;p&gt;Removed the trailing slash in the backend under &lt;code&gt;Settings &amp;gt; Permalinks&lt;/code&gt;. It works as expected except that it also removes the trailing slash when it's a category&lt;/p&gt;&lt;/li&gt;
&lt;li&gt;&lt;p&gt;The code below didn't work for me&lt;/p&gt;
&lt;pre&gt;&lt;code&gt;&amp;lt;IfModule mod_rewrite.c&amp;gt;
RewriteEngine On
RewriteBase /
RewriteRule ^index\.php$ - [L]
RewriteRule (.+)/$ $1 [R=301,L]
RewriteCond %{REQUEST_FILENAME} !-f
RewriteCond %{REQUEST_FILENAME} !-d
RewriteRule . /index.php [L]
&amp;lt;/IfModule&amp;gt;
&lt;/code&gt;&lt;/pre&gt;&lt;/li&gt;
&lt;li&gt;&lt;p&gt;The code below also didn't work for me&lt;/p&gt;
&lt;pre&gt;&lt;code&gt;&amp;lt;IfModule mod_rewrite.c&amp;gt;
RewriteEngine On
RewriteBase /
RewriteRule ^index\.php$ - [L]
RewriteRule (.+)/$ http://www.example.com/$1 [R=301,L]
RewriteCond %{REQUEST_FILENAME} !-f
RewriteCond %{REQUEST_FILENAME} !-d
RewriteRule . /index.php [L]
&amp;lt;/IfModule&amp;gt;
&lt;/code&gt;&lt;/pre&gt;&lt;/li&gt;
&lt;/ol&gt;
&lt;p&gt;Any other ideas how I can fix this?&lt;/p&gt;</t>
  </si>
  <si>
    <t>2018-08-24 21:37:02.637000+00:00</t>
  </si>
  <si>
    <t>wordpress|.htaccess|mod-rewrite</t>
  </si>
  <si>
    <t>slider changing?</t>
  </si>
  <si>
    <t>&lt;p&gt;I am downloading image with its url with the Picasso library like below:&lt;/p&gt;
&lt;pre&gt;&lt;code&gt;Picasso.with(context).load(myUrl).into(imageView);
&lt;/code&gt;&lt;/pre&gt;
&lt;p&gt;and then I want to set this downloaded image into the daimagia slider like this &lt;/p&gt;
&lt;pre&gt;&lt;code&gt;slide2.image(R.drawable.test);
&lt;/code&gt;&lt;/pre&gt;
&lt;p&gt;but it just getting R.drawable.... ! How can set my downloaded image instead of R.drawable.test in order to load that image that was downloaded before ! please help&lt;/p&gt;
&lt;pre&gt;&lt;code&gt;       slide2.image(R.drawable.test);
&lt;/code&gt;&lt;/pre&gt;</t>
  </si>
  <si>
    <t>2017-11-09 20:02:14.263000+00:00</t>
  </si>
  <si>
    <t>2017-11-09 20:45:15.503000+00:00</t>
  </si>
  <si>
    <t>LWUIT Touch devices scrolling issue</t>
  </si>
  <si>
    <t>&lt;p&gt;I want to implement &lt;strong&gt;lazy loading&lt;/strong&gt; in &lt;strong&gt;touch devices&lt;/strong&gt; using &lt;strong&gt;LWUIT&lt;/strong&gt;. On key devices I successfully implemented lazy loading using the &lt;strong&gt;keyDown()&lt;/strong&gt; event of the device but on touch devices this not work.&lt;/p&gt;
&lt;p&gt;When user scroll the list in touch device how can I know &lt;strong&gt;how much user scroll&lt;/strong&gt; and &lt;strong&gt;how many item I have to add for visible area&lt;/strong&gt; and remove item from the top of the list and add item at bottom of the list? Is there any method in LWUIT by using that I can check how much user scroll and how many item I have to visible?&lt;/p&gt;
&lt;p&gt;And how can I detect how much component to visible because device to device scroll speed and how many component to visible is also change? If there is any method in LWUIT to find how many component should visible next when user drag then it can help.&lt;/p&gt;</t>
  </si>
  <si>
    <t>2012-05-03 05:55:26.407000+00:00</t>
  </si>
  <si>
    <t>2012-05-04 16:57:04.697000+00:00</t>
  </si>
  <si>
    <t>2012-05-03 08:43:49.597000+00:00</t>
  </si>
  <si>
    <t>java|java-me|touch|lwuit</t>
  </si>
  <si>
    <t>Laravel if model has attribute check against auth</t>
  </si>
  <si>
    <t>&lt;p&gt;I have an Laravel 5.4 application where the auth user belongs to a company,
this is set in the &lt;code&gt;user-&amp;gt;company_id&lt;/code&gt;.&lt;/p&gt;
&lt;p&gt;Some other models also have a company_id so different users from the same company can &lt;strong&gt;access&lt;/strong&gt;/&lt;strong&gt;view&lt;/strong&gt;/&lt;strong&gt;edit&lt;/strong&gt; these records.&lt;/p&gt;
&lt;p&gt;In my routes i currently use resource routes so how can i check in a general way if the auth user can access the index, &lt;code&gt;show&lt;/code&gt;, &lt;code&gt;edit&lt;/code&gt;, &lt;code&gt;update&lt;/code&gt; and &lt;code&gt;destroy&lt;/code&gt; methods from the corresponding controllers?&lt;/p&gt;</t>
  </si>
  <si>
    <t>2017-07-28 20:57:18.893000+00:00</t>
  </si>
  <si>
    <t>2017-07-29 15:05:12.230000+00:00</t>
  </si>
  <si>
    <t>2017-07-29 06:55:48.297000+00:00</t>
  </si>
  <si>
    <t>php|laravel|authentication|laravel-5.4</t>
  </si>
  <si>
    <t>.SQLiteCantOpenDatabaseException: unknown error (code 14): Could not open database</t>
  </si>
  <si>
    <t>&lt;p&gt;I am having trouble opening SQLite database. It is showing me an error (code 14) could not open database. I  have tried solutions on the previously asked question but it didn't help.I have tried checking if DB file exists or not also I have added permissions of Reading and write but still, it is giving me these errors. I just want to know what I have done wrong. Please let me know.&lt;/p&gt;
&lt;p&gt;DBHelper.java&lt;/p&gt;
&lt;pre&gt;&lt;code&gt;    import java.io.File;
    import java.io.FileOutputStream;
    import java.io.IOException;
    import java.io.InputStream;
    import java.io.OutputStream;
    import java.util.ArrayList;
    import android.content.ContentValues;
    import android.content.Context;
    import android.database.Cursor;
    import android.database.SQLException;
    import android.database.sqlite.SQLiteDatabase;
    import android.database.sqlite.SQLiteOpenHelper;
    import android.util.Log;
    public class DBHelper extends SQLiteOpenHelper {
        String DB_PATH;
        private final static String DB_NAME = "db_order";
        public final static int DB_VERSION = 1;
        public static SQLiteDatabase db;
        private final Context context;
        private final String TABLE_NAME = "tbl_order";
        private final String ID = "id";
        private final String MENU_NAME = "Menu_name";
        private final String QUANTITY = "Quantity";
        private final String TOTAL_PRICE = "Total_price";
        public DBHelper(Context context) {
            super(context, DB_NAME, null, DB_VERSION);
            this.context = context;
            DB_PATH = Constant.DBPath;
        }
        public void createDataBase() throws IOException {
            boolean dbExist = checkDataBase();
            SQLiteDatabase db_Read = null;
            if (dbExist) {
                //do nothing - database already exist
            } else {
                db_Read = this.getReadableDatabase();
                db_Read.close();
                try {
                    copyDataBase();
                } catch (IOException e) {
                    throw new Error("Error copying database");
                }
            }
        }
    private boolean checkDataBase() {
        File dbFile = new File(DB_PATH + DB_NAME);
        return dbFile.exists();
    }
    private void copyDataBase() throws IOException {
        InputStream myInput = context.getAssets().open(DB_NAME);
        String outFileName = DB_PATH + DB_NAME;
        OutputStream myOutput = new FileOutputStream(outFileName);
        byte[] buffer = new byte[1024];
        int length;
        while ((length = myInput.read(buffer)) &amp;gt; 0) {
            myOutput.write(buffer, 0, length);
        }
        myOutput.flush();
        myOutput.close();
        myInput.close();
    }
    public void openDataBase() throws SQLException {
        SQLiteDatabase db = null;
        try {
            String myPath = DB_PATH + DB_NAME;
            File file = new File(myPath);
            if (file.exists() &amp;amp;&amp;amp; !file.isDirectory()) {
                db = SQLiteDatabase.openDatabase(myPath, null, SQLiteDatabase.OPEN_READWRITE);
            }
            if (db != null) {
                db.close();
            }
        }catch (SQLException e)
        {
          //
        }
        if(db!= null)
        {
            db.close();
        }
    }
    @Override
    public void close() {
        db.close();
    }
    @Override
    public void onCreate(SQLiteDatabase db) {
    }
    @Override
    public void onUpgrade(SQLiteDatabase db, int oldVersion, int newVersion) 
     {
 }
    /** this code is used to get all data from database */
    public ArrayList&amp;lt;ArrayList&amp;lt;Object&amp;gt;&amp;gt; getAllData(){
        ArrayList&amp;lt;ArrayList&amp;lt;Object&amp;gt;&amp;gt; dataArrays = new ArrayList&amp;lt;ArrayList&amp;lt;Object&amp;gt;&amp;gt;();
        Cursor cursor = null;
            try{
                cursor = db.query(
                        TABLE_NAME,
                        new String[]{ID, MENU_NAME, QUANTITY, TOTAL_PRICE},
                        null,null, null, null, null);
                cursor.moveToFirst();
                if (!cursor.isAfterLast()){
                    do{
                        ArrayList&amp;lt;Object&amp;gt; dataList = new ArrayList&amp;lt;Object&amp;gt;();
                        dataList.add(cursor.getLong(0));
                        dataList.add(cursor.getString(1));
                        dataList.add(cursor.getString(2));
                        dataList.add(cursor.getString(3));
                        dataArrays.add(dataList);
                    }
                    while (cursor.moveToNext());
                }
                cursor.close();
            }catch (SQLException e){
                Log.e("DB Error", e.toString());
                e.printStackTrace();
            }
        return dataArrays;
    }
    /** this code is used to get all data from database */
    public boolean isDataExist(long id){
        boolean exist = false;
        Cursor cursor = null;
            try{
                cursor = db.query(
                        TABLE_NAME,
                        new String[]{ID},
                        ID +"="+id,
                        null, null, null, null);
                if(cursor.getCount() &amp;gt; 0){
                    exist = true;
                }
                cursor.close();
            }catch (SQLException e){
                Log.e("DB Error", e.toString());
                e.printStackTrace();
            }
        return exist;
    }
    /** this code is used to get all data from database */
    public boolean isPreviousDataExist(){
        boolean exist = false;
        Cursor cursor;
            try{
                cursor = db.query(
                        TABLE_NAME,
                        new String[]{ID},
                        null,null, null, null, null);
                if(cursor.getCount() &amp;gt; 0){
                    exist = true;
                }
                cursor.close();
            }catch (SQLException e){
                Log.e("DB Error", e.toString());
                e.printStackTrace();
            }
        return exist;
    }
    public void addData(long id, String menu_name, int quantity, double total_price){
        // this is a key value pair holder used by android's SQLite functions
        ContentValues values = new ContentValues();
        values.put(ID, id);
        values.put(MENU_NAME, menu_name);
        values.put(QUANTITY, quantity);
        values.put(TOTAL_PRICE, total_price);
        // ask the database object to insert the new data 
        try{db.insert(TABLE_NAME, null, values);}
        catch(Exception e)
        {
            Log.e("DB ERROR", e.toString());
            e.printStackTrace();
        }
    }
    public void deleteData(long id){
        // ask the database manager to delete the row of given id
        try {db.delete(TABLE_NAME, ID + "=" + id, null);}
        catch (Exception e)
        {
            Log.e("DB ERROR", e.toString());
            e.printStackTrace();
        }
    }
    public void deleteAllData(){
        // ask the database manager to delete the row of given id
        try {db.delete(TABLE_NAME, null, null);}
        catch (Exception e)
        {
            Log.e("DB ERROR", e.toString());
            e.printStackTrace();
        }
    }
    public void updateData(long id, int quantity, double total_price){
        // this is a key value pair holder used by android's SQLite functions
        ContentValues values = new ContentValues();
        values.put(QUANTITY, quantity);
        values.put(TOTAL_PRICE, total_price);
        // ask the database object to update the database row of given rowID
        try {db.update(TABLE_NAME, values, ID + "=" + id, null);}
        catch (Exception e)
        {
            Log.e("DB Error", e.toString());
            e.printStackTrace();
        }
    }
}
&lt;/code&gt;&lt;/pre&gt;
&lt;p&gt;MainActivity.java&lt;/p&gt;
&lt;pre&gt;&lt;code&gt;package com.solodroid.frizzy;
import java.io.IOException;
import java.util.ArrayList;
import com.parse.Parse;
import com.parse.ParseAnalytics;
import com.parse.ParseInstallation;
import com.parse.PushService;
import android.annotation.SuppressLint;
import android.app.ActionBar;
import android.app.AlertDialog;
import android.app.Fragment;
import android.content.DialogInterface;
import android.content.Intent;
import android.content.res.Configuration;
import android.content.res.TypedArray;
import android.database.SQLException;
import android.graphics.drawable.ColorDrawable;
import android.net.Uri;
import android.os.Bundle;
import android.support.v4.app.ActionBarDrawerToggle;
import android.support.v4.app.FragmentActivity;
import android.support.v4.view.GravityCompat;
import android.support.v4.widget.DrawerLayout;
import android.util.DisplayMetrics;
import android.util.Log;
import android.view.Menu;
import android.view.MenuItem;
import android.view.View;
import android.widget.AdapterView;
import android.widget.ListView;
import android.widget.Toast;
@SuppressLint("NewApi")
public class MainActivity extends FragmentActivity {
    private DrawerLayout mDrawerLayout;
    private ListView mDrawerList;
    private ActionBarDrawerToggle mDrawerToggle;
    // nav drawer title
    private CharSequence mDrawerTitle;
    // used to store app title
    private CharSequence mTitle;
    // slide menu items
    private String[] navMenuTitles;
    private TypedArray navMenuIcons;
    private ArrayList&amp;lt;NavDrawerItem&amp;gt; navDrawerItems;
    private AdapterNavDrawerList adapter;
    // declare dbhelper and adapter object
    static DBHelper dbhelper;
    AdapterMainMenu mma;
    @Override
    protected void onCreate(Bundle savedInstanceState) {
        super.onCreate(savedInstanceState);
        setContentView(R.layout.nav_drawer_main);
        // Parse push notification
        Parse.initialize(this, getString(R.string.parse_application_id), getString(R.string.parse_client_key));
        ParseAnalytics.trackAppOpened(getIntent());
        PushService.setDefaultPushCallback(this, MainActivity.class);
        ParseInstallation.getCurrentInstallation().saveInBackground();
        mTitle = mDrawerTitle = getTitle();
        // load slide menu items
        navMenuTitles = getResources().getStringArray(R.array.nav_drawer_items);
        // nav drawer icons from resources
        navMenuIcons = getResources().obtainTypedArray(R.array.nav_drawer_icons);
        mDrawerLayout = (DrawerLayout) findViewById(R.id.drawer_layout);
        mDrawerList = (ListView) findViewById(R.id.list_slidermenu);
        mDrawerLayout.setDrawerShadow(R.drawable.navigation_drawer_shadow, GravityCompat.START);
        navDrawerItems = new ArrayList&amp;lt;NavDrawerItem&amp;gt;();
        // adding nav drawer items to array
        navDrawerItems.add(new NavDrawerItem(navMenuTitles[0], navMenuIcons.getResourceId(0, -1)));
        navDrawerItems.add(new NavDrawerItem(navMenuTitles[1], navMenuIcons.getResourceId(1, -1)));
        navDrawerItems.add(new NavDrawerItem(navMenuTitles[2], navMenuIcons.getResourceId(2, -1)));
        navDrawerItems.add(new NavDrawerItem(navMenuTitles[3], navMenuIcons.getResourceId(3, -1)));
        navDrawerItems.add(new NavDrawerItem(navMenuTitles[4], navMenuIcons.getResourceId(4, -1)));
        navDrawerItems.add(new NavDrawerItem(navMenuTitles[5], navMenuIcons.getResourceId(5, -1)));
        navDrawerItems.add(new NavDrawerItem(navMenuTitles[6], navMenuIcons.getResourceId(6, -1)));
        navDrawerItems.add(new NavDrawerItem(navMenuTitles[7], navMenuIcons.getResourceId(7, -1)));
        navDrawerItems.add(new NavDrawerItem(navMenuTitles[8], navMenuIcons.getResourceId(8, -1)));
        navDrawerItems.add(new NavDrawerItem(navMenuTitles[9], navMenuIcons.getResourceId(9, -1)));
        // Recycle the typed array
        navMenuIcons.recycle();
        mDrawerList.setOnItemClickListener(new SlideMenuClickListener());
        // setting the nav drawer list adapter
        adapter = new AdapterNavDrawerList(getApplicationContext(), navDrawerItems);
        mDrawerList.setAdapter(adapter);
        // enabling action bar app icon and behaving it as toggle button
        //getActionBar().setDisplayHomeAsUpEnabled(true);
        //getActionBar().setHomeButtonEnabled(true);
        ActionBar bar = getActionBar();
        //bar.setBackgroundDrawable(new ColorDrawable(getResources().getColor(R.color.header)));
        // get screen device width and height
        DisplayMetrics dm = new DisplayMetrics();
        getWindowManager().getDefaultDisplay().getMetrics(dm);
        // checking internet connection
        if (!Constant.isNetworkAvailable(MainActivity.this)) {
            Toast.makeText(MainActivity.this, getString(R.string.no_internet), Toast.LENGTH_SHORT).show();
        }
        mma = new AdapterMainMenu(this);
        dbhelper = new DBHelper(this);
        // create database
        try {
            dbhelper.createDataBase();
        } catch (IOException ioe) {
            throw new Error("Unable to create database");
        }
        // then, the database will be open to use
        try {
            dbhelper.getWritableDatabase();
            dbhelper.openDataBase();
        } catch (SQLException sqle) {
            throw sqle;
        }
        // if user has already ordered food previously then show confirm dialog
        if (dbhelper.isPreviousDataExist()) {
            showAlertDialog();
        }
        mDrawerToggle = new ActionBarDrawerToggle(this, mDrawerLayout, R.drawable.ic_drawer, // nav
                // menu
                // toggle
                // icon
                R.string.app_name, // nav drawer open - description for
                // accessibility
                R.string.app_name // nav drawer close - description for
                // accessibility
        ) {
            public void onDrawerClosed(View view) {
                getActionBar().setTitle(mTitle);
                // calling onPrepareOptionsMenu() to show action bar icons
                invalidateOptionsMenu();
            }
            public void onDrawerOpened(View drawerView) {
                getActionBar().setTitle(mDrawerTitle);
                // calling onPrepareOptionsMenu() to hide action bar icons
                invalidateOptionsMenu();
            }
        };
        mDrawerLayout.setDrawerListener(mDrawerToggle);
        if (savedInstanceState == null) {
            // on first time display view for first nav item
            displayView(0);
        }
    }
    // show confirm dialog to ask user to delete previous order or not
    void showAlertDialog() {
        AlertDialog.Builder builder = new AlertDialog.Builder(this);
        builder.setTitle(R.string.confirm);
        builder.setMessage(getString(R.string.db_exist_alert));
        builder.setCancelable(false);
        builder.setPositiveButton(getString(R.string.yes), new DialogInterface.OnClickListener() {
            public void onClick(DialogInterface dialog, int which) {
                // TODO Auto-generated method stub
                // delete order data when yes button clicked
                dbhelper.deleteAllData();
                dbhelper.close();
            }
        });
        builder.setNegativeButton(getString(R.string.no), new DialogInterface.OnClickListener() {
            public void onClick(DialogInterface dialog, int which) {
                // TODO Auto-generated method stub
                // close dialog when no button clicked
                dbhelper.close();
                dialog.cancel();
            }
        });
        AlertDialog alert = builder.create();
        alert.show();
    }
    @Override
    public void onBackPressed() {
        // TODO Auto-generated method stub
        dbhelper.deleteAllData();
        dbhelper.close();
        finish();
        overridePendingTransition(R.anim.open_main, R.anim.close_next);
    }
    /**
     * Slide menu item click listener
     */
    private class SlideMenuClickListener implements ListView.OnItemClickListener {
        @Override
        public void onItemClick(AdapterView&amp;lt;?&amp;gt; parent, View view, int position, long id) {
            // display view for selected nav drawer item
            displayView(position);
        }
    }
    @Override
    public boolean onCreateOptionsMenu(Menu menu) {
        getMenuInflater().inflate(R.menu.main, menu);
        return true;
    }
    @Override
    public boolean onOptionsItemSelected(MenuItem item) {
        // toggle nav drawer on selecting action bar app icon/title
        if (mDrawerToggle.onOptionsItemSelected(item)) {
            return true;
        }
        // Handle action bar actions click
        switch (item.getItemId()) {
            case R.id.rate_app:
                try {
                    startActivity(new Intent(Intent.ACTION_VIEW, Uri.parse("market://details?id=" + getPackageName())));
                } catch (android.content.ActivityNotFoundException anfe) {
                    startActivity(new Intent(Intent.ACTION_VIEW,
                            Uri.parse("http://play.google.com/store/apps/details?id=" + getPackageName())));
                }
                return true;
            case R.id.more_app:
                startActivity(new Intent(Intent.ACTION_VIEW, Uri.parse(getString(R.string.more_apps))));
                return true;
            default:
                return super.onOptionsItemSelected(item);
        }
    }
    /*
     * * Called when invalidateOptionsMenu() is triggered
     */
    @Override
    public boolean onPrepareOptionsMenu(Menu menu) {
        // if nav drawer is opened, hide the action items
        boolean drawerOpen = mDrawerLayout.isDrawerOpen(mDrawerList);
        menu.findItem(R.id.ic_menu).setVisible(!drawerOpen);
        return super.onPrepareOptionsMenu(menu);
    }
    /**
     * Diplaying fragment view for selected nav drawer list item
     */
    private void displayView(int position) {
        // update the main content by replacing fragments
        Fragment fragment = null;
        switch (position) {
            case 0:
                fragment = new ActivityHome();
                break;
            case 1:
                startActivity(new Intent(getApplicationContext(), ActivityCategoryList.class));
                overridePendingTransition(R.anim.open_next, R.anim.close_next);
                break;
            case 2:
                startActivity(new Intent(getApplicationContext(), ActivityCart.class));
                overridePendingTransition(R.anim.open_next, R.anim.close_next);
                break;
            case 3:
                startActivity(new Intent(getApplicationContext(), ActivityCheckout.class));
                overridePendingTransition(R.anim.open_next, R.anim.close_next);
                break;
            case 4:
                startActivity(new Intent(getApplicationContext(), ActivityProfile.class));
                overridePendingTransition(R.anim.open_next, R.anim.close_next);
                break;
            case 5:
                startActivity(new Intent(getApplicationContext(), ActivityInformation.class));
                overridePendingTransition(R.anim.open_next, R.anim.close_next);
                break;
            case 6:
                startActivity(new Intent(getApplicationContext(), ActivityAbout.class));
                overridePendingTransition(R.anim.open_next, R.anim.close_next);
                break;
            case 7:
                Intent sendInt = new Intent(Intent.ACTION_SEND);
                sendInt.putExtra(Intent.EXTRA_SUBJECT, getString(R.string.app_name));
                sendInt.putExtra(Intent.EXTRA_TEXT, "E-Commerce Android App\n\"" + getString(R.string.app_name)
                        + "\" \nhttps://play.google.com/store/apps/details?id=" + getPackageName());
                sendInt.setType("text/plain");
                startActivity(Intent.createChooser(sendInt, "Share"));
                break;
            case 8:
                startActivity(new Intent(getApplicationContext(), ActivityContactUs.class));
                overridePendingTransition(R.anim.open_next, R.anim.close_next);
                break;
            case 9:
                dbhelper.deleteAllData();
                dbhelper.close();
                MainActivity.this.finish();
                overridePendingTransition(R.anim.open_next, R.anim.close_next);
                break;
            default:
                break;
        }
        if (fragment != null) {
            android.app.FragmentManager fragmentManager = getFragmentManager();
            fragmentManager.beginTransaction().replace(R.id.frame_container, fragment).commit();
            // update selected item and title, then close the drawer
            mDrawerList.setItemChecked(position, true);
            mDrawerList.setSelection(position);
            setTitle(navMenuTitles[position]);
            mDrawerLayout.closeDrawer(mDrawerList);
        } else {
            // error in creating fragment
            Log.e("MainActivity", "Error in creating fragment");
        }
    }
    @Override
    public void setTitle(CharSequence title) {
        mTitle = title;
        getActionBar().setTitle(mTitle);
    }
    /**
     * When using the ActionBarDrawerToggle, you must call it during
     * onPostCreate() and onConfigurationChanged()...
     */
    @Override
    protected void onPostCreate(Bundle savedInstanceState) {
        super.onPostCreate(savedInstanceState);
        // Sync the toggle state after onRestoreInstanceState has occurred.
        mDrawerToggle.syncState();
    }
    @Override
    public void onConfigurationChanged(Configuration newConfig) {
        super.onConfigurationChanged(newConfig);
        // Pass any configuration change to the drawer toggls
        mDrawerToggle.onConfigurationChanged(newConfig);
    }
}
&lt;/code&gt;&lt;/pre&gt;
&lt;p&gt;Logcat:&lt;/p&gt;
&lt;pre&gt;&lt;code&gt;09-19 01:59:06.747 17250-17250/com.solodroid.frizzy E/SQLiteLog: (14) cannot open file at line 32456 of [bda77dda96]
09-19 01:59:06.747 17250-17250/com.solodroid.frizzy E/SQLiteLog: (14) os_unix.c:32456: (13) open(/data/data/com.solodroid.ecommerce/databases/db_order) - 
09-19 01:59:06.748 17250-17250/com.solodroid.frizzy E/SQLiteDatabase: Failed to open database '/data/data/com.solodroid.ecommerce/databases/db_order'.
   android.database.sqlite.SQLiteCantOpenDatabaseException: unknown error (code 14): Could not open database
        at android.database.sqlite.SQLiteConnection.nativeOpen(Native Method)
       at android.database.sqlite.SQLiteConnection.open(SQLiteConnection.java:209)
        at android.database.sqlite.SQLiteConnection.open(SQLiteConnection.java:193)
        at android.database.sqlite.SQLiteConnectionPool.openConnectionLocked(SQLiteConnectionPool.java:463)
        at android.database.sqlite.SQLiteConnectionPool.open(SQLiteConnectionPool.java:185)
        at android.database.sqlite.SQLiteConnectionPool.open(SQLiteConnectionPool.java:177)
        at android.database.sqlite.SQLiteDatabase.openInner(SQLiteDatabase.java:808)
        at android.database.sqlite.SQLiteDatabase.open(SQLiteDatabase.java:793)
        at android.database.sqlite.SQLiteDatabase.openDatabase(SQLiteDatabase.java:696)
        at android.database.sqlite.SQLiteDatabase.openDatabase(SQLiteDatabase.java:671)
        at com.solodroid.frizzy.DBHelper.openDataBase(DBHelper.java:101)
        at com.solodroid.frizzy.MainActivity.onCreate(MainActivity.java:138)
        at android.app.Activity.performCreate(Activity.java:6662)
                  at android.app.Instrumentation.callActivityOnCreate(Instrumentation.java:1118)
  at android.app.ActivityThread.performLaunchActivity(ActivityThread.java:2599)
  at android.app.ActivityThread.handleLaunchActivity(ActivityThread.java:2707)
  at android.app.ActivityThread.-wrap12(ActivityThread.java)
  at android.app.ActivityThread$H.handleMessage(ActivityThread.java:1460)
  at android.os.Handler.dispatchMessage(Handler.java:102)
  at android.os.Looper.loop(Looper.java:154)
  at android.app.ActivityThread.main(ActivityThread.java:6077)
  at java.lang.reflect.Method.invoke(Native Method)
  at com.android.internal.os.ZygoteInit$MethodAndArgsCaller.run(ZygoteInit.java:866)
                                                                                    at com.android.internal.os.ZygoteInit.main(ZygoteInit.java:756)
09-19 01:59:06.748 17250-17250/com.solodroid.frizzy D/AndroidRuntime: Shutting down VM
09-19 01:59:06.748 17250-17250/com.solodroid.frizzy E/AndroidRuntime: FATAL EXCEPTION: main
   Process: com.solodroid.frizzy, PID: 17250
   java.lang.RuntimeException: Unable to start activity ComponentInfo{com.solodroid.frizzy/com.solodroid.frizzy.MainActivity}:
   java.lang.NullPointerException: Attempt to invoke virtual method 'android.database.Cursor android.database.sqlite.SQLiteDatabase.query(java.lang.String, java.lang.String[],
   java.lang.String, java.lang.String[], java.lang.String, java.lang.String, java.lang.String)' on a null object reference
       at android.app.ActivityThread.performLaunchActivity(ActivityThread.java:2646)
       at android.app.ActivityThread.handleLaunchActivity(ActivityThread.java:2707)
       at android.app.ActivityThread.-wrap12(ActivityThread.java)
       at android.app.ActivityThread$H.handleMessage(ActivityThread.java:1460)
       at android.os.Handler.dispatchMessage(Handler.java:102)
       at android.os.Looper.loop(Looper.java:154)
       at android.app.ActivityThread.ma
              in(ActivityThread.java:6077)
                                                                                  at java.lang.reflect.Method.invoke(Native Method)
  com.android.internal.os.ZygoteInit$MethodAndArgsCaller.run(ZygoteInit.java:866)
  at com.android.internal.os.ZygoteInit.main(ZygoteInit.java:756)
  Caused by: java.lang.NullPointerException: 
  Attempt to invoke virtual method 'android.database.Cursor android.database.sqlite.SQLiteDatabase.query(java.lang.String, java.lang.String[], java.lang.String, java.lang.String[], java.lang.String, java.lang.String, java.lang.String)'
  on a null object reference
  at com.solodroid.frizzy.DBHelper.isPreviousDataExist(DBHelper.java:205)
  at com.solodroid.frizzy.MainActivity.onCreate(MainActivity.java:144)
  at android.app.Activity.performCreate(Activity.java:6662)
  at android.app.Instrumentation.callActivityOnCreate(Instrumentation.java:1118)
  at android.app.ActivityThread.performLaunchActivity(ActivityThread.java:2599)
  at android.app.ActivityThread.handleLaunchActivity(ActivityThread.java:2707)��
  at android.app.ActivityThread.-wrap12(ActivityThread.java)��
  at android.app.ActivityThread$H.handleMessage(ActivityThread.java:1460)��  at android.os.Handler.dispatchMessage(Handler.java:102)
  at android.os.Looper.loop(Looper.java:154)��
  at android.app.ActivityThread.main(ActivityThread.java:6077)��
  at java.lang.reflect.Method.invoke(Native Method)
&lt;/code&gt;&lt;/pre&gt;</t>
  </si>
  <si>
    <t>2017-09-19 09:58:24.227000+00:00</t>
  </si>
  <si>
    <t>2017-10-12 09:19:24.033000+00:00</t>
  </si>
  <si>
    <t>java|android|sqlite|android-intent</t>
  </si>
  <si>
    <t>My database connection class will not connect to the database</t>
  </si>
  <si>
    <t>&lt;p&gt;Basically I am trying to create a class to handle Database connections. I have double checked to make sure that my connection variables are correct and they work if I plug them directly into the PHP page. But when I call the class like this:&lt;/p&gt;
&lt;pre&gt;&lt;code&gt;require_once __DIR__ . 'includes/db_connect.php';
$db = new DB_CONNECT();
&lt;/code&gt;&lt;/pre&gt;
&lt;p&gt;It doesn't work. Here is my code. Maybe I am missing something.&lt;/p&gt;
&lt;pre&gt;&lt;code&gt;&amp;lt;?php
// Class file to connect to database
class DB_CONNECT {
    // constructor
    function __construct()
    {
        // connection to database
        $this-&amp;gt;connect();
    }
    // destructor
    function __destruct()
    {
        // disconnecting from database
        $this-&amp;gt;close();
    }
    // Function for Database Connection
    function connect()
    {
        // import database connection variables
        require_once _DIR_ . '/db_config.php';
        // connection to mysql database
        $con = mysql_connect(DB_SERVER, DB_USER, DB_PASSWORD) or die (mysql_error());
        // selecting database
        $db = mysql_select_db(DB_DATABASE) or die (mysql_error()) or die (mysql_error());
        // returning connection cursor
        return $con;
    }
    // Function to close db connection
    function close()
    {
        // closing db connection
        mysql_close();
    }
}
?&amp;gt;
&lt;/code&gt;&lt;/pre&gt;</t>
  </si>
  <si>
    <t>2013-05-23 14:53:24.537000+00:00</t>
  </si>
  <si>
    <t>2013-05-23 15:08:49.097000+00:00</t>
  </si>
  <si>
    <t>2013-05-23 15:06:21.993000+00:00</t>
  </si>
  <si>
    <t>php|html|mysql|database</t>
  </si>
  <si>
    <t>gmaven:execute can't find compiled class</t>
  </si>
  <si>
    <t>&lt;p&gt;I'm attempting to use the gmaven-plugin to compile a class &lt;code&gt;com.kc.Validator&lt;/code&gt; in &lt;em&gt;src/test/groovy/com/kc/Validator.groovy&lt;/em&gt; and then run a script using the class.  After &lt;code&gt;mvn compile&lt;/code&gt; the .class file is in *target/test-classes/com/kc but the script execution fails:&lt;/p&gt;
&lt;pre&gt;&lt;code&gt;Failed to execute goal org.codehaus.gmaven:gmaven-plugin:1.5:execute (validate-configuration) on project solver2: startup failed, script1367530828433.groovy: 1: unable to resolve class com.kc.Validator
&lt;/code&gt;&lt;/pre&gt;
&lt;p&gt;The relevant section of pom.xml is:&lt;/p&gt;
&lt;pre&gt;&lt;code&gt;&amp;lt;plugin&amp;gt;
&amp;lt;groupId&amp;gt;org.codehaus.gmaven&amp;lt;/groupId&amp;gt;
&amp;lt;artifactId&amp;gt;gmaven-plugin&amp;lt;/artifactId&amp;gt;
&amp;lt;version&amp;gt;1.5&amp;lt;/version&amp;gt;
&amp;lt;executions&amp;gt;
  &amp;lt;execution&amp;gt;
    &amp;lt;id&amp;gt;compile-groovy&amp;lt;/id&amp;gt;
    &amp;lt;goals&amp;gt;
      &amp;lt;goal&amp;gt;compile&amp;lt;/goal&amp;gt;
      &amp;lt;goal&amp;gt;testCompile&amp;lt;/goal&amp;gt;
    &amp;lt;/goals&amp;gt;
  &amp;lt;/execution&amp;gt;
  &amp;lt;execution&amp;gt;
    &amp;lt;id&amp;gt;validate&amp;lt;/id&amp;gt;
        &amp;lt;phase&amp;gt;test&amp;lt;/phase&amp;gt;
        &amp;lt;goals&amp;gt;
      &amp;lt;goal&amp;gt;execute&amp;lt;/goal&amp;gt;
        &amp;lt;/goals&amp;gt;
        &amp;lt;configuration&amp;gt;
      &amp;lt;source&amp;gt;
    (new com.kc.Validator()).validate()
      &amp;lt;/source&amp;gt;
        &amp;lt;/configuration&amp;gt;
  &amp;lt;/execution&amp;gt;
&amp;lt;/executions&amp;gt;
  &amp;lt;/plugin&amp;gt;
&lt;/code&gt;&lt;/pre&gt;</t>
  </si>
  <si>
    <t>2013-05-02 22:12:52.320000+00:00</t>
  </si>
  <si>
    <t>2013-05-03 18:55:12.060000+00:00</t>
  </si>
  <si>
    <t>2013-05-02 22:21:54.033000+00:00</t>
  </si>
  <si>
    <t>maven|groovy|gmaven</t>
  </si>
  <si>
    <t>Remove all non-duplicate lines in Notepad++</t>
  </si>
  <si>
    <t>&lt;p&gt;suppose I have a list of URLs and some of them are repeated any number of times, but some of them are unique. I need to get rid of the unique lines, (which are useless) and save the URLs which have been repeated more than 4 times (which are very important URLs for me to keep track of).&lt;/p&gt;
&lt;p&gt;How can I make an expression of some sort which would delete all but the duplicate lines? I would prefer to be able to whittle it down to a list of only the URLs which are repeated more than 4 times. &lt;/p&gt;</t>
  </si>
  <si>
    <t>2015-03-13 21:47:45.017000+00:00</t>
  </si>
  <si>
    <t>list|sorting|duplicates|notepad++</t>
  </si>
  <si>
    <t>I cannot connect the aws instance with ssh</t>
  </si>
  <si>
    <t>&lt;p&gt;I created a aws EC2 instance, but I cannot access it.&lt;br&gt;
SSH timed out and ping doesn't reach it.&lt;br&gt;
All settings include security group, VPC are default.
I cannot find what is wrong.
Would someone tell me where I should check?&lt;/p&gt;</t>
  </si>
  <si>
    <t>2016-11-24 17:53:35.127000+00:00</t>
  </si>
  <si>
    <t>2016-11-26 19:43:38.207000+00:00</t>
  </si>
  <si>
    <t>amazon-ec2</t>
  </si>
  <si>
    <t>Jquery textcomplete not shows data from server</t>
  </si>
  <si>
    <t>&lt;p&gt;i want to create an application which can tag or mention users, and i am using this plugin &lt;a href="https://yuku-t.com/jquery-textcomplete/" rel="nofollow noreferrer"&gt;https://yuku-t.com/jquery-textcomplete/&lt;/a&gt;&lt;/p&gt;
&lt;p&gt;but i can't able to show data from php json encode data&lt;/p&gt;
&lt;p&gt;fiddle :  &lt;a href="https://jsfiddle.net/gtjL9ruy/" rel="nofollow noreferrer"&gt;https://jsfiddle.net/gtjL9ruy/&lt;/a&gt;&lt;/p&gt;
&lt;pre&gt;&lt;code&gt;$('.textarea4').textcomplete([
      { 
        match: /(^|\s)@(\w*)$/,
        search: function (term, callback) {
          callback(cache[term], true);
          $.getJSON('http://www.jsoneditoronline.org/?id=d6b7ebe62f80da1c206f0653fe87f859', { q: term })
            .done(function (resp) { callback(resp); })
            .fail(function ()     { callback([]);   });
        },
        replace: function (value) {
          return '$1@' + value + ' ';
        },
        cache: true
      }
    ], { maxCount: 20, debounce: 500 });
&lt;/code&gt;&lt;/pre&gt;</t>
  </si>
  <si>
    <t>2017-05-18 06:45:23.483000+00:00</t>
  </si>
  <si>
    <t>javascript|php|jquery|autocomplete</t>
  </si>
  <si>
    <t>If statement does not work if maximum is reached</t>
  </si>
  <si>
    <t>&lt;p&gt;I'm working on a setup code to setup your account i have a IF statement if total_not &amp;lt;= 40 it has to do nothing because you've reached the maximum notifications. But this does not work how do i fix this?&lt;/p&gt;
&lt;p&gt;Code:&lt;/p&gt;
&lt;pre&gt;&lt;code&gt;&amp;lt;?php
        // Set the database access information (add your own database credentials below)
        xxxxx
        // Connect to the database
        $dbc = @mysqli_connect ($db_host, $db_user, $db_password, $db_name) OR die ('Could not connect to MySQL: ' . mysqli_connect_error());
        // Check for shout removal
        // Check for shout submission
        if(isset($_POST['submit']))
        {
            // Empty error array
            $error = array();
            // Check for a shout
            if(empty($_POST['email']))
            {
                $error[] = "Oeps! Er is iets fout gegaan!";
            }
            // If there are no errors, insert shout into the database.
            // Otherwise, display errors.
            if(sizeof($error) == 0)
            {
                // Clean data
                $mijn_les = $_POST['mijn_les'];
                $email = mysqli_real_escape_string($dbc, $_POST['email']);
                // Insert shout
                $query = "UPDATE users SET user_email = '$email', user_tid = '$mijn_les' WHERE user_name = '{$_SESSION['user_name']}'";
                $result = @mysqli_query($dbc, $query) or die('Query failed: ' . mysqli_error($dbc));
                // Display confirmation
            echo "&amp;lt;div class='alert alert-success'&amp;gt;
            &amp;lt;strong&amp;gt;Gelukt!&amp;lt;/strong&amp;gt; Je account is ingesteld! &amp;lt;a href='../signin.php?logout' class='alert-link'&amp;gt;Klik hier&amp;lt;/a&amp;gt; om opnieuw in te loggen!
          &amp;lt;/div&amp;gt;";
            $hide = "style='display: none;'";
    $num_rows = $result-&amp;gt;num_rows;
    if($num_rows &amp;lt;= 40)
    {
        $send_not = "INSERT INTO notif (send_to, grav_url, send_by, notif_text) VALUES ('{$_SESSION['user_name']}', 'http://www.gravatar.com/avatar/a72776fb2702ba915e2327618414bb15', 'Admin', 'Leraar Setup compleet! U kunt nu onze website gebruiken!')";
                $not_add = @mysqli_query($dbc, $send_not) or die('Query failed: ' . mysqli_error($dbc));    
    }
            } else {
                // Display error message
                foreach($error as $value)
                {
                echo "&amp;lt;div class='alert alert-danger'&amp;gt;
            &amp;lt;strong&amp;gt;Oeps!&amp;lt;/strong&amp;gt; Er is iets mis gegaan! Probeer het opnieuw!
          &amp;lt;/div&amp;gt;";   
                }
            }
        }
    ?&amp;gt;  
&lt;/code&gt;&lt;/pre&gt;</t>
  </si>
  <si>
    <t>2015-02-06 15:05:22.790000+00:00</t>
  </si>
  <si>
    <t>2015-02-06 15:50:14.720000+00:00</t>
  </si>
  <si>
    <t>Packaging issues in the attempting to run a maven project</t>
  </si>
  <si>
    <t>&lt;p&gt;I have a common problem in maven but I'm not able to figure out how to fix it. Maybe the solution is in front of my eyes.&lt;/p&gt;
&lt;p&gt;This is a common and well-know problem in developing maven project&lt;/p&gt;
&lt;p&gt;I have an eterprise application composed of &lt;/p&gt;
&lt;pre&gt;&lt;code&gt;ear
war
ejb
&lt;/code&gt;&lt;/pre&gt;
&lt;p&gt;When I try to run it I got this error. Sorry but my glassfish is in my own language and I don't know how to change it. I should reinstall it but I can't. I will loose all my settings... I found out a solution to this problem which say I should  not add to WAR project EJB and infact my war POM.xml is the following:&lt;/p&gt;
&lt;p&gt;&lt;strong&gt;WAR POM.XML&lt;/strong&gt;&lt;/p&gt;
&lt;pre&gt;&lt;code&gt;&amp;lt;?xml version="1.0" encoding="UTF-8"?&amp;gt;
&amp;lt;project xmlns="http://maven.apache.org/POM/4.0.0" xmlns:xsi="http://www.w3.org/2001/XMLSchema-instance" xsi:schemaLocation="http://maven.apache.org/POM/4.0.0 http://maven.apache.org/xsd/maven-4.0.0.xsd"&amp;gt;
    &amp;lt;modelVersion&amp;gt;4.0.0&amp;lt;/modelVersion&amp;gt;
    &amp;lt;parent&amp;gt;
    &amp;lt;artifactId&amp;gt;volaconnoi-webapp&amp;lt;/artifactId&amp;gt;
    &amp;lt;groupId&amp;gt;it.volaconnoi&amp;lt;/groupId&amp;gt;
    &amp;lt;version&amp;gt;1.0-SNAPSHOT&amp;lt;/version&amp;gt;
  &amp;lt;/parent&amp;gt;
    &amp;lt;groupId&amp;gt;it.volaconnoi&amp;lt;/groupId&amp;gt;
    &amp;lt;artifactId&amp;gt;volaconnoi-webapp-web&amp;lt;/artifactId&amp;gt;
    &amp;lt;version&amp;gt;1.0-SNAPSHOT&amp;lt;/version&amp;gt;
    &amp;lt;packaging&amp;gt;war&amp;lt;/packaging&amp;gt;
    &amp;lt;name&amp;gt;volaconnoi-webapp-web&amp;lt;/name&amp;gt;
    &amp;lt;properties&amp;gt;
        &amp;lt;endorsed.dir&amp;gt;${project.build.directory}/endorsed&amp;lt;/endorsed.dir&amp;gt;
        &amp;lt;project.build.sourceEncoding&amp;gt;UTF-8&amp;lt;/project.build.sourceEncoding&amp;gt;
    &amp;lt;/properties&amp;gt;
    &amp;lt;dependencies&amp;gt;
        &amp;lt;dependency&amp;gt;
            &amp;lt;groupId&amp;gt;javax&amp;lt;/groupId&amp;gt;
            &amp;lt;artifactId&amp;gt;javaee-web-api&amp;lt;/artifactId&amp;gt;
            &amp;lt;version&amp;gt;7.0&amp;lt;/version&amp;gt;
            &amp;lt;scope&amp;gt;provided&amp;lt;/scope&amp;gt;
        &amp;lt;/dependency&amp;gt;
        &amp;lt;dependency&amp;gt;
            &amp;lt;groupId&amp;gt;it.volaconnoi&amp;lt;/groupId&amp;gt;
            &amp;lt;artifactId&amp;gt;volaconnoi-webapp-ejb&amp;lt;/artifactId&amp;gt;
            &amp;lt;version&amp;gt;1.0-SNAPSHOT&amp;lt;/version&amp;gt;
            &amp;lt;type&amp;gt;ejb&amp;lt;/type&amp;gt;
            &amp;lt;scope&amp;gt;provided&amp;lt;/scope&amp;gt;
        &amp;lt;/dependency&amp;gt;
        &amp;lt;dependency&amp;gt;
            &amp;lt;groupId&amp;gt;com.google.code.gson&amp;lt;/groupId&amp;gt;
            &amp;lt;artifactId&amp;gt;gson&amp;lt;/artifactId&amp;gt;
            &amp;lt;version&amp;gt;2.2.4&amp;lt;/version&amp;gt;
            &amp;lt;scope&amp;gt;compile&amp;lt;/scope&amp;gt;
        &amp;lt;/dependency&amp;gt;
    &amp;lt;/dependencies&amp;gt;
    &amp;lt;build&amp;gt;
        &amp;lt;plugins&amp;gt;
            &amp;lt;plugin&amp;gt;
                &amp;lt;groupId&amp;gt;org.apache.maven.plugins&amp;lt;/groupId&amp;gt;
                &amp;lt;artifactId&amp;gt;maven-compiler-plugin&amp;lt;/artifactId&amp;gt;
                &amp;lt;version&amp;gt;3.1&amp;lt;/version&amp;gt;
                &amp;lt;configuration&amp;gt;
                    &amp;lt;source&amp;gt;1.7&amp;lt;/source&amp;gt;
                    &amp;lt;target&amp;gt;1.7&amp;lt;/target&amp;gt;
                    &amp;lt;compilerArguments&amp;gt;
                        &amp;lt;endorseddirs&amp;gt;${endorsed.dir}&amp;lt;/endorseddirs&amp;gt;
                    &amp;lt;/compilerArguments&amp;gt;
                &amp;lt;/configuration&amp;gt;
            &amp;lt;/plugin&amp;gt;
            &amp;lt;plugin&amp;gt;
                &amp;lt;groupId&amp;gt;org.apache.maven.plugins&amp;lt;/groupId&amp;gt;
                &amp;lt;artifactId&amp;gt;maven-war-plugin&amp;lt;/artifactId&amp;gt;
                &amp;lt;version&amp;gt;2.3&amp;lt;/version&amp;gt;
                &amp;lt;configuration&amp;gt;
                    &amp;lt;failOnMissingWebXml&amp;gt;false&amp;lt;/failOnMissingWebXml&amp;gt;
                &amp;lt;/configuration&amp;gt;
            &amp;lt;/plugin&amp;gt;
            &amp;lt;plugin&amp;gt;
                &amp;lt;groupId&amp;gt;org.apache.maven.plugins&amp;lt;/groupId&amp;gt;
                &amp;lt;artifactId&amp;gt;maven-dependency-plugin&amp;lt;/artifactId&amp;gt;
                &amp;lt;version&amp;gt;2.6&amp;lt;/version&amp;gt;
                &amp;lt;executions&amp;gt;
                    &amp;lt;execution&amp;gt;
                        &amp;lt;phase&amp;gt;validate&amp;lt;/phase&amp;gt;
                        &amp;lt;goals&amp;gt;
                            &amp;lt;goal&amp;gt;copy&amp;lt;/goal&amp;gt;
                        &amp;lt;/goals&amp;gt;
                        &amp;lt;configuration&amp;gt;
                            &amp;lt;outputDirectory&amp;gt;${endorsed.dir}&amp;lt;/outputDirectory&amp;gt;
                            &amp;lt;silent&amp;gt;true&amp;lt;/silent&amp;gt;
                            &amp;lt;artifactItems&amp;gt;
                                &amp;lt;artifactItem&amp;gt;
                                    &amp;lt;groupId&amp;gt;javax&amp;lt;/groupId&amp;gt;
                                    &amp;lt;artifactId&amp;gt;javaee-endorsed-api&amp;lt;/artifactId&amp;gt;
                                    &amp;lt;version&amp;gt;7.0&amp;lt;/version&amp;gt;
                                    &amp;lt;type&amp;gt;jar&amp;lt;/type&amp;gt;
                                &amp;lt;/artifactItem&amp;gt;
                            &amp;lt;/artifactItems&amp;gt;
                        &amp;lt;/configuration&amp;gt;
                    &amp;lt;/execution&amp;gt;
                &amp;lt;/executions&amp;gt;
            &amp;lt;/plugin&amp;gt;
        &amp;lt;/plugins&amp;gt;
    &amp;lt;/build&amp;gt;
&amp;lt;/project&amp;gt;
&lt;/code&gt;&lt;/pre&gt;
&lt;p&gt;&lt;strong&gt;EJB XML&lt;/strong&gt;&lt;/p&gt;
&lt;p&gt;
http://maven.apache.org/xsd/maven-4.0.0.xsd"&gt;
    4.0.0
    volaconnoi-webapp
    it.volaconnoi
    1.0-SNAPSHOT
  &lt;/p&gt;
&lt;pre&gt;&lt;code&gt;&amp;lt;groupId&amp;gt;it.volaconnoi&amp;lt;/groupId&amp;gt;
&amp;lt;artifactId&amp;gt;volaconnoi-webapp-ejb&amp;lt;/artifactId&amp;gt;
&amp;lt;version&amp;gt;1.0-SNAPSHOT&amp;lt;/version&amp;gt;
&amp;lt;packaging&amp;gt;ejb&amp;lt;/packaging&amp;gt;
&amp;lt;name&amp;gt;volaconnoi-webapp-ejb&amp;lt;/name&amp;gt;
&amp;lt;properties&amp;gt;
    &amp;lt;endorsed.dir&amp;gt;${project.build.directory}/endorsed&amp;lt;/endorsed.dir&amp;gt;
    &amp;lt;project.build.sourceEncoding&amp;gt;UTF-8&amp;lt;/project.build.sourceEncoding&amp;gt;
&amp;lt;/properties&amp;gt;
&amp;lt;dependencies&amp;gt;
    &amp;lt;dependency&amp;gt;
        &amp;lt;groupId&amp;gt;org.apache.commons&amp;lt;/groupId&amp;gt;
        &amp;lt;artifactId&amp;gt;commons-lang3&amp;lt;/artifactId&amp;gt;
        &amp;lt;version&amp;gt;3.3.2&amp;lt;/version&amp;gt;
        &amp;lt;type&amp;gt;jar&amp;lt;/type&amp;gt;
    &amp;lt;/dependency&amp;gt;
    &amp;lt;dependency&amp;gt;
        &amp;lt;groupId&amp;gt;org.eclipse.persistence&amp;lt;/groupId&amp;gt;
        &amp;lt;artifactId&amp;gt;eclipselink&amp;lt;/artifactId&amp;gt;
        &amp;lt;version&amp;gt;2.5.1&amp;lt;/version&amp;gt;
        &amp;lt;scope&amp;gt;provided&amp;lt;/scope&amp;gt;
    &amp;lt;/dependency&amp;gt;
    &amp;lt;dependency&amp;gt;
        &amp;lt;groupId&amp;gt;org.eclipse.persistence&amp;lt;/groupId&amp;gt;
        &amp;lt;artifactId&amp;gt;org.eclipse.persistence.jpa.modelgen.processor&amp;lt;/artifactId&amp;gt;
        &amp;lt;version&amp;gt;2.5.1&amp;lt;/version&amp;gt;
        &amp;lt;scope&amp;gt;provided&amp;lt;/scope&amp;gt;
    &amp;lt;/dependency&amp;gt;
    &amp;lt;dependency&amp;gt;
        &amp;lt;groupId&amp;gt;javax&amp;lt;/groupId&amp;gt;
        &amp;lt;artifactId&amp;gt;javaee-api&amp;lt;/artifactId&amp;gt;
        &amp;lt;version&amp;gt;7.0&amp;lt;/version&amp;gt;
        &amp;lt;scope&amp;gt;provided&amp;lt;/scope&amp;gt;
    &amp;lt;/dependency&amp;gt;
&amp;lt;/dependencies&amp;gt;
&amp;lt;build&amp;gt;
    &amp;lt;plugins&amp;gt;
        &amp;lt;plugin&amp;gt;
            &amp;lt;groupId&amp;gt;org.apache.maven.plugins&amp;lt;/groupId&amp;gt;
            &amp;lt;artifactId&amp;gt;maven-compiler-plugin&amp;lt;/artifactId&amp;gt;
            &amp;lt;version&amp;gt;3.1&amp;lt;/version&amp;gt;
            &amp;lt;configuration&amp;gt;
                &amp;lt;source&amp;gt;1.7&amp;lt;/source&amp;gt;
                &amp;lt;target&amp;gt;1.7&amp;lt;/target&amp;gt;
                &amp;lt;compilerArguments&amp;gt;
                    &amp;lt;endorseddirs&amp;gt;${endorsed.dir}&amp;lt;/endorseddirs&amp;gt;
                &amp;lt;/compilerArguments&amp;gt;
            &amp;lt;/configuration&amp;gt;
        &amp;lt;/plugin&amp;gt;
        &amp;lt;plugin&amp;gt;
            &amp;lt;groupId&amp;gt;org.apache.maven.plugins&amp;lt;/groupId&amp;gt;
            &amp;lt;artifactId&amp;gt;maven-ejb-plugin&amp;lt;/artifactId&amp;gt;
            &amp;lt;version&amp;gt;2.3&amp;lt;/version&amp;gt;
            &amp;lt;configuration&amp;gt;
                &amp;lt;ejbVersion&amp;gt;3.1&amp;lt;/ejbVersion&amp;gt;
            &amp;lt;/configuration&amp;gt;
        &amp;lt;/plugin&amp;gt;
        &amp;lt;plugin&amp;gt;
            &amp;lt;groupId&amp;gt;org.apache.maven.plugins&amp;lt;/groupId&amp;gt;
            &amp;lt;artifactId&amp;gt;maven-dependency-plugin&amp;lt;/artifactId&amp;gt;
            &amp;lt;version&amp;gt;2.6&amp;lt;/version&amp;gt;
            &amp;lt;executions&amp;gt;
                &amp;lt;execution&amp;gt;
                    &amp;lt;phase&amp;gt;validate&amp;lt;/phase&amp;gt;
                    &amp;lt;goals&amp;gt;
                        &amp;lt;goal&amp;gt;copy&amp;lt;/goal&amp;gt;
                    &amp;lt;/goals&amp;gt;
                    &amp;lt;configuration&amp;gt;
                        &amp;lt;outputDirectory&amp;gt;${endorsed.dir}&amp;lt;/outputDirectory&amp;gt;
                        &amp;lt;silent&amp;gt;true&amp;lt;/silent&amp;gt;
                        &amp;lt;artifactItems&amp;gt;
                            &amp;lt;artifactItem&amp;gt;
                                &amp;lt;groupId&amp;gt;javax&amp;lt;/groupId&amp;gt;
                                &amp;lt;artifactId&amp;gt;javaee-endorsed-api&amp;lt;/artifactId&amp;gt;
                                &amp;lt;version&amp;gt;7.0&amp;lt;/version&amp;gt;
                                &amp;lt;type&amp;gt;jar&amp;lt;/type&amp;gt;
                            &amp;lt;/artifactItem&amp;gt;
                        &amp;lt;/artifactItems&amp;gt;
                    &amp;lt;/configuration&amp;gt;
                &amp;lt;/execution&amp;gt;
            &amp;lt;/executions&amp;gt;
        &amp;lt;/plugin&amp;gt;
    &amp;lt;/plugins&amp;gt;
&amp;lt;/build&amp;gt;
&lt;/code&gt;&lt;/pre&gt;
&lt;p&gt;&lt;/p&gt;
&lt;p&gt;&lt;strong&gt;EAR POM.XML&lt;/strong&gt;&lt;/p&gt;
&lt;pre&gt;&lt;code&gt;&amp;lt;?xml version="1.0" encoding="UTF-8"?&amp;gt;
&amp;lt;project xmlns="http://maven.apache.org/POM/4.0.0" xmlns:xsi="http://www.w3.org/2001/XMLSchema-instance" xsi:schemaLocation="http://maven.apache.org/POM/4.0.0 http://maven.apache.org/xsd/maven-4.0.0.xsd"&amp;gt;
    &amp;lt;modelVersion&amp;gt;4.0.0&amp;lt;/modelVersion&amp;gt;
    &amp;lt;parent&amp;gt;
    &amp;lt;artifactId&amp;gt;volaconnoi-webapp&amp;lt;/artifactId&amp;gt;
    &amp;lt;groupId&amp;gt;it.volaconnoi&amp;lt;/groupId&amp;gt;
    &amp;lt;version&amp;gt;1.0-SNAPSHOT&amp;lt;/version&amp;gt;
  &amp;lt;/parent&amp;gt;
    &amp;lt;groupId&amp;gt;it.volaconnoi&amp;lt;/groupId&amp;gt;
    &amp;lt;artifactId&amp;gt;volaconnoi-webapp-ear&amp;lt;/artifactId&amp;gt;
    &amp;lt;version&amp;gt;1.0-SNAPSHOT&amp;lt;/version&amp;gt;
    &amp;lt;packaging&amp;gt;ear&amp;lt;/packaging&amp;gt;
    &amp;lt;name&amp;gt;volaconnoi-webapp-ear&amp;lt;/name&amp;gt;
    &amp;lt;properties&amp;gt;
        &amp;lt;project.build.sourceEncoding&amp;gt;UTF-8&amp;lt;/project.build.sourceEncoding&amp;gt;
    &amp;lt;/properties&amp;gt;
    &amp;lt;build&amp;gt;
        &amp;lt;plugins&amp;gt;
            &amp;lt;plugin&amp;gt;
                &amp;lt;groupId&amp;gt;org.apache.maven.plugins&amp;lt;/groupId&amp;gt;
                &amp;lt;artifactId&amp;gt;maven-compiler-plugin&amp;lt;/artifactId&amp;gt;
                &amp;lt;version&amp;gt;3.1&amp;lt;/version&amp;gt;
                &amp;lt;configuration&amp;gt;
                    &amp;lt;source&amp;gt;1.7&amp;lt;/source&amp;gt;
                    &amp;lt;target&amp;gt;1.7&amp;lt;/target&amp;gt;
                &amp;lt;/configuration&amp;gt;
            &amp;lt;/plugin&amp;gt;
            &amp;lt;plugin&amp;gt;
                &amp;lt;groupId&amp;gt;org.apache.maven.plugins&amp;lt;/groupId&amp;gt;
                &amp;lt;artifactId&amp;gt;maven-ear-plugin&amp;lt;/artifactId&amp;gt;
                &amp;lt;version&amp;gt;2.8&amp;lt;/version&amp;gt;
                &amp;lt;configuration&amp;gt;
                    &amp;lt;version&amp;gt;6&amp;lt;/version&amp;gt;
                    &amp;lt;defaultLibBundleDir&amp;gt;lib&amp;lt;/defaultLibBundleDir&amp;gt;
                &amp;lt;/configuration&amp;gt;
            &amp;lt;/plugin&amp;gt;
        &amp;lt;/plugins&amp;gt;
    &amp;lt;/build&amp;gt;
    &amp;lt;dependencies&amp;gt;
        &amp;lt;dependency&amp;gt;
            &amp;lt;groupId&amp;gt;it.volaconnoi&amp;lt;/groupId&amp;gt;
            &amp;lt;artifactId&amp;gt;volaconnoi-webapp-ejb&amp;lt;/artifactId&amp;gt;
            &amp;lt;version&amp;gt;1.0-SNAPSHOT&amp;lt;/version&amp;gt;
            &amp;lt;type&amp;gt;ejb&amp;lt;/type&amp;gt;
        &amp;lt;/dependency&amp;gt;
        &amp;lt;dependency&amp;gt;
            &amp;lt;groupId&amp;gt;it.volaconnoi&amp;lt;/groupId&amp;gt;
            &amp;lt;artifactId&amp;gt;volaconnoi-webapp-web&amp;lt;/artifactId&amp;gt;
            &amp;lt;version&amp;gt;1.0-SNAPSHOT&amp;lt;/version&amp;gt;
            &amp;lt;type&amp;gt;war&amp;lt;/type&amp;gt;
        &amp;lt;/dependency&amp;gt;
    &amp;lt;/dependencies&amp;gt;
&amp;lt;/project&amp;gt;
&lt;/code&gt;&lt;/pre&gt;
&lt;p&gt;As you may see ejb is provided. but despite that I got always this error. How can I fix it? Tell me what informations you need to help me. I will be very glad to provide them to you&lt;/p&gt;
&lt;pre&gt;&lt;code&gt;Grave:   Eccezione durante la distribuzione dell'applicazione [volaconnoi-webapp-ear] : Impossibile risolvere il riferimento [Remote ejb-ref name=it.volaconnoi.bean.GetterFidelityPointsBean/utilBean,Remote 3.x interface =it.volaconnoi.logic.UtilBeanInterface,ejb-link=null,lookup=,mappedName=,jndi-name=,refType=Session] perch�� sono presenti [2] EJB nell'applicazione con l'interfaccia it.volaconnoi.logic.UtilBeanInterface. 
Di seguito sono riportate alcune delle cause possibili. 
1. La classe di bean EJB �� stata inclusa nel package di una libreria EAR LIB (o mediante altro meccanismo di libreria che rende la libreria visibile a tutti i moduli dei componenti). Pertanto tutti i moduli dei componenti includono indirettamente questa classe di bean. 
2. La classe di bean EJB �� stata inclusa nel package di un modulo di componente che fa riferimento all'EJB, direttamente o indirettamente mediante il file manifest, WEB-INF/lib. 
La classe di bean EJB deve essere inclusa solo in un package del modulo EJB di dichiarazione e non nei moduli di riferimento. I moduli di riferimento devono includere solo interfacce EJB.
&lt;/code&gt;&lt;/pre&gt;</t>
  </si>
  <si>
    <t>2014-06-21 12:47:08.267000+00:00</t>
  </si>
  <si>
    <t>2014-06-21 12:59:18.970000+00:00</t>
  </si>
  <si>
    <t>Browser crashes whenever read a large file using FileReader</t>
  </si>
  <si>
    <t>&lt;p&gt;I am trying to read a file using FileReader and post the file content to Java client but whenever size of the file goes big, browser crashes. Code snippet below&lt;/p&gt;
&lt;pre&gt;&lt;code&gt;function submitMe(){
    document.getElementById("Form").fileContent.value = contents;
    document.getElementById("Form").fileName.value = document.getElementById("bicForm").fileName1.value;
    document.getElementById("Form").submit();
}
function readSingleFile(evt) {
    //Retrieve the first (and only!) File from the FileList object
    var f = evt.target.files[0]; 
    if (f) {
        var r = new FileReader();
        r.onload = function(e) { 
          contents = e.target.result;
        }
        r.readAsText(f);
    } else { 
        alert("Failed to load file");
    }
}
&lt;/code&gt;&lt;/pre&gt;
&lt;p&gt;I cannot post partial content of the file to my Java client. How can I fix this issue. Is there a way wherein I can pass the FileStream object to Java client or some better way.&lt;/p&gt;</t>
  </si>
  <si>
    <t>2014-12-23 10:00:59.617000+00:00</t>
  </si>
  <si>
    <t>2014-12-23 10:10:47.977000+00:00</t>
  </si>
  <si>
    <t>javascript|filereader</t>
  </si>
  <si>
    <t>Problems with ltk (common lisp)</t>
  </si>
  <si>
    <t>&lt;p&gt;I installed ltk to Steel Bank Common Lisp with asdf-install, but I can't even start using it V_V. The code below is the simplest example in the documentation, and is copied almost verbatim.&lt;/p&gt;
&lt;hr&gt;
&lt;pre&gt;&lt;code&gt;(asdf:operate 'asdf:load-op :ltk)
(defun hello-1()
  (with-ltk ()
   (let ((b (make-instance 'button
                           :master nil
                           :text "Press Me"
                           :command (lambda ()
                                      (format t "Hello World!~&amp;amp;")))))
     (pack b))))
(hello-1)
&lt;/code&gt;&lt;/pre&gt;
&lt;hr&gt;
&lt;p&gt;This is the error message I get from sbcl:&lt;/p&gt;
&lt;hr&gt;
&lt;pre&gt;&lt;code&gt;&amp;gt; ; in: LAMBDA NIL
;     (PACK B)
; 
; caught STYLE-WARNING:
;   undefined function: PACK
;     (WITH-LTK NIL
;      (LET ((B (MAKE-INSTANCE 'BUTTON :MASTER NIL :TEXT "Press Me" :COMMAND #)))
;        (PACK B)))
; 
; caught STYLE-WARNING:
;   undefined function: WITH-LTK
; 
; compilation unit finished
;   Undefined functions:
;     PACK WITH-LTK
;   caught 2 STYLE-WARNING conditions
debugger invoked on a SIMPLE-ERROR in thread #&amp;lt;THREAD "initial thread" RUNNING {1002A57B61}&amp;gt;:
  There is no class named BUTTON.
Type HELP for debugger help, or (SB-EXT:QUIT) to exit from SBCL.
restarts (invokable by number or by possibly-abbreviated name):
  0: [ABORT] Exit debugger, returning to top level.
(SB-PCL::FIND-CLASS-FROM-CELL BUTTON NIL T)
&lt;/code&gt;&lt;/pre&gt;</t>
  </si>
  <si>
    <t>2010-03-14 17:42:10.430000+00:00</t>
  </si>
  <si>
    <t>2010-03-15 13:38:44.080000+00:00</t>
  </si>
  <si>
    <t>lisp|common-lisp|asdf|ltk</t>
  </si>
  <si>
    <t>$_SERVER["REQUEST_URI"] is it secure?</t>
  </si>
  <si>
    <t>&lt;p&gt;i have a question about these function: $_SERVER["REQUEST_URI"]. Can somebody tell me if it's safe to use like i use it ( these form i use for new topic in forum )?&lt;/p&gt;
&lt;pre&gt;&lt;code&gt;&amp;lt;form name="vpid" action="&amp;lt;?php echo htmlspecialchars($_SERVER["REQUEST_URI"]);?&amp;gt;"  method="post"&amp;gt;
&lt;/code&gt;&lt;/pre&gt;
&lt;p&gt;Thank you&lt;/p&gt;</t>
  </si>
  <si>
    <t>2014-07-13 19:06:23.383000+00:00</t>
  </si>
  <si>
    <t>2014-07-13 21:58:53.010000+00:00</t>
  </si>
  <si>
    <t>php|mysql|security</t>
  </si>
  <si>
    <t>yii how to connect two options</t>
  </si>
  <si>
    <t>&lt;p&gt;I have two fields, the first one is called &lt;code&gt;customer name&lt;/code&gt; and the other one is called &lt;code&gt;customer id&lt;/code&gt;. How can I do to reach such effect, when I enter the customer name in the first textfield, the second field (probably a dropdownlist)will immediately show his/her id after name is found exist.&lt;/p&gt;
&lt;p&gt;So, can anyone give me a simple example of achieving this purpose. Thanks a lot.&lt;/p&gt;</t>
  </si>
  <si>
    <t>2013-05-18 14:02:04.237000+00:00</t>
  </si>
  <si>
    <t>2013-05-24 05:43:23.837000+00:00</t>
  </si>
  <si>
    <t>2013-05-18 14:22:06.417000+00:00</t>
  </si>
  <si>
    <t>jquery|database|yii</t>
  </si>
  <si>
    <t>How to stop the timer?</t>
  </si>
  <si>
    <t>&lt;p&gt;I tried to stop the timer but i haven't manage it. I need to stop the timer when label leaves the screen(x&amp;lt;0) and start the timer again to move the label from right to the left side of the frame.&lt;/p&gt;
&lt;pre&gt;&lt;code&gt;private void jButton1ActionPerformed(java.awt.event.ActionEvent evt) {                                         
    for(int i=0;i&amp;lt;10;i++){
      x=365;   //horizontal position
      while(x&amp;gt;0){
      randPosition=(int) (Math.random() * 365);  // random vertical position
      y=randPosition;
      timer=new Timer(50,new ActionListener() {
            public void actionPerformed(ActionEvent ae) {
            jLabel1.setLocation(x,y);
            rand=(int)(Math.random()*10); //random speed to the left
            x=x-rand;
            }
             });
        timer.start();
         }
     }
    }
&lt;/code&gt;&lt;/pre&gt;</t>
  </si>
  <si>
    <t>2015-05-28 20:59:09.890000+00:00</t>
  </si>
  <si>
    <t>2015-05-28 21:50:31.860000+00:00</t>
  </si>
  <si>
    <t>2015-05-28 21:37:45.297000+00:00</t>
  </si>
  <si>
    <t>java|timer</t>
  </si>
  <si>
    <t>Winforms ShowDialog not showing</t>
  </si>
  <si>
    <t>&lt;p&gt;I have an application that sets the main form's content code as views (which is a descendant of &lt;code&gt;UserControl&lt;/code&gt;).&lt;/p&gt;
&lt;p&gt;Now, in one of my controls, I want to show a message dialog either when it is created or when it is shown (i.e. in the constructor or the Load method).&lt;/p&gt;
&lt;p&gt;Weirdly, the &lt;code&gt;MessageBox.Show()&lt;/code&gt; is not shown as I'd expect...&lt;/p&gt;
&lt;p&gt;I use following code:&lt;/p&gt;
&lt;pre&gt;&lt;code&gt;public myControl() {
    InitializeComponent();
    Load += control_load;
    MessageBox.Show("constructor");
}
void control_load(object sender, EventArgs e) {
  if (MainForm.Instance.InvokeRequired) {
      MainForm.Instance.Invoke((Action)delegate {
        MessageBox.Show("Load invoke");
      });
      return;
    }
    else {
      MessageBox.Show("Load normal");
    }
  }
}
&lt;/code&gt;&lt;/pre&gt;
&lt;p&gt;The symptom is: &lt;code&gt;InvokeRequired&lt;/code&gt; is &lt;code&gt;false&lt;/code&gt;. "constructor" message is not shown and I only have "Load normal" message.&lt;/p&gt;
&lt;p&gt;Moreover, if I comment out the "constructor" message box, no message is shown at all...&lt;/p&gt;
&lt;p&gt;Can anybody help out, for my general understanding?&lt;/p&gt;</t>
  </si>
  <si>
    <t>2016-05-06 09:45:53.417000+00:00</t>
  </si>
  <si>
    <t>2016-05-06 10:05:33.110000+00:00</t>
  </si>
  <si>
    <t>c#|messagebox|ui-thread</t>
  </si>
  <si>
    <t>Server-side variables within client-side scripts</t>
  </si>
  <si>
    <t>&lt;p&gt;I had to render a chart using javascripts. But the data for the chart is in the server.  After googling I found out that this can be done by using server-side scrpting languages like php and client-side languages javascript or jquery.&lt;br&gt;&lt;/p&gt;
&lt;pre&gt;&lt;code&gt;var php_data= $.parseJSON('&amp;lt;?php echo json_encode($chart_data);  ?&amp;gt;');
&lt;/code&gt;&lt;/pre&gt;
&lt;p&gt;The above code is working perfectly and I can get the data in server to the client side.&lt;/p&gt;
&lt;p&gt;But I'm curious that how this can be done because we are reading server-side variables in client-side and we are not using AJAX here.  This is really confusing because php code is running in the server and javascript is running in the client. Does anyone know the theory behind this? How a javascript can access to the server?&lt;/p&gt;
&lt;p&gt;If we can access to any variable in php script with a javascript we'll have to explicitly take some actions to confirm the security of the php script. &lt;/p&gt;</t>
  </si>
  <si>
    <t>2015-09-27 17:59:12.157000+00:00</t>
  </si>
  <si>
    <t>2015-09-27 18:10:05.133000+00:00</t>
  </si>
  <si>
    <t>javascript|php|json</t>
  </si>
  <si>
    <t>Highcharts event redraw/load with reflow, and Angular</t>
  </si>
  <si>
    <t>&lt;p&gt;I'm using Angular Highcharts, although I don't think it makes a lot of difference in this case. I'm using a responsive design, and the chart appears before it "figures out" the size of the parent element. Not a problem, except triggering reflow doesn't appear to work in the callback of redraw or load.&lt;/p&gt;
&lt;p&gt;Here is the basic code:&lt;/p&gt;
&lt;pre&gt;&lt;code&gt;events: {
    redraw: function(event) {
        $rootScope.$broadcast('highchartsng.reflow');
    }
}
&lt;/code&gt;&lt;/pre&gt;
&lt;p&gt;If I use "load" instead of redraw, it works even worse as it triggers first and doesn't recognize the highcharts object at all.&lt;/p&gt;</t>
  </si>
  <si>
    <t>2015-06-22 19:05:32.653000+00:00</t>
  </si>
  <si>
    <t>2017-11-06 16:22:02.280000+00:00</t>
  </si>
  <si>
    <t>javascript|angularjs|highcharts</t>
  </si>
  <si>
    <t>Can OpenClover work along with JDO enhancment?</t>
  </si>
  <si>
    <t>&lt;p&gt;We have a gradle project that uses &lt;a href="https://docs.oracle.com/html/E13946_01/ref_guide_pc_enhance.html" rel="nofollow noreferrer"&gt;jdo enhancement&lt;/a&gt;. Basically:&lt;/p&gt;
&lt;blockquote&gt;
  &lt;p&gt;The enhancer post-processes the bytecode generated by your Java compiler, adding the necessary fields and methods to implement the required persistence features.&lt;/p&gt;
&lt;/blockquote&gt;
&lt;p&gt;When I try to add test coverage using the &lt;a href="https://github.com/bmuschko/gradle-clover-plugin" rel="nofollow noreferrer"&gt;open clover plugin&lt;/a&gt; - my tests begin to fail. This is because OpenClover uses &lt;a href="https://confluence.atlassian.com/clover/why-does-clover-use-source-code-instrumentation-79986998.html" rel="nofollow noreferrer"&gt;source code instrumentation&lt;/a&gt;. &lt;/p&gt;
&lt;p&gt;OpenClover moved the 'jdo-enhanced' classes as a backup - and built its own instrumented version of the classes, therefore losing all the jdo-enhancements.&lt;/p&gt;
&lt;p&gt;Given this quandary, is it possible to use openClover (source code instrumentation) and jdo enhancement together? Is it even theoretically possible?&lt;/p&gt;</t>
  </si>
  <si>
    <t>2018-06-13 02:40:25.483000+00:00</t>
  </si>
  <si>
    <t>2018-06-22 21:09:02.553000+00:00</t>
  </si>
  <si>
    <t>jdo|atlassian|instrumentation|clover|test-coverage</t>
  </si>
  <si>
    <t>JavaScript return from a function:</t>
  </si>
  <si>
    <t>&lt;p&gt;Is this acceptable in JavaScript? Are there any side effects?&lt;/p&gt;
&lt;pre&gt;&lt;code&gt;function Person()
{
    this.name = function()
    {
        return;
     }
}
&lt;/code&gt;&lt;/pre&gt;</t>
  </si>
  <si>
    <t>2014-06-28 23:43:34.757000+00:00</t>
  </si>
  <si>
    <t>2014-06-29 00:00:24.443000+00:00</t>
  </si>
  <si>
    <t>Getting the URL of the current site root in java</t>
  </si>
  <si>
    <t>&lt;p&gt;If we use it in the page &lt;a href="http://www.somedomain.com/somepage..?=blah&amp;amp;two=blah" rel="nofollow"&gt;http://www.somedomain.com/somepage..?=blah&amp;amp;two=blah&lt;/a&gt;, only www.somedomain.com have to be returned. I tried using &lt;/p&gt;
&lt;pre&gt;&lt;code&gt;request.getScheme().toString() + "://" + request.getRemoteHost()`
&lt;/code&gt;&lt;/pre&gt;
&lt;p&gt;But its returning an IP address, which is of no use for me. Kindly advice.&lt;/p&gt;
&lt;p&gt;Thanks in advance&lt;/p&gt;</t>
  </si>
  <si>
    <t>2014-05-23 17:55:54.673000+00:00</t>
  </si>
  <si>
    <t>2014-05-23 18:03:21.723000+00:00</t>
  </si>
  <si>
    <t>2014-05-23 17:58:04.573000+00:00</t>
  </si>
  <si>
    <t>java|spring-mvc</t>
  </si>
  <si>
    <t>REST web service returns a field that does not exist in the underlying SQL query</t>
  </si>
  <si>
    <t>&lt;p&gt;When I try to access the following REST service, it returns all data plus a field that does not exist in the "SupplierPayment" entity class "customerId".&lt;/p&gt;
&lt;pre&gt;&lt;code&gt;@GET
@Produces(MediaType.APPLICATION_JSON)
public List&amp;lt;SupplierPayment&amp;gt; getAllSupplierPaymentsService() {
    return (ArrayList&amp;lt;SupplierPayment&amp;gt;) supplierPaymentDao.getAllSupplierPayments();
}
&lt;/code&gt;&lt;/pre&gt;
&lt;p&gt;Here is the getAllSupplierPayments() method:&lt;/p&gt;
&lt;pre&gt;&lt;code&gt;public List&amp;lt;SupplierPayment&amp;gt; getAllSupplierPayments() {
    String query = "SELECT * FROM supplierpayment";
    return (ArrayList&amp;lt;SupplierPayment&amp;gt;) getJdbcTemplate().query(query,
            new BeanPropertyRowMapper&amp;lt;SupplierPayment&amp;gt;(SupplierPayment.class));
}
&lt;/code&gt;&lt;/pre&gt;
&lt;p&gt;Here are all the fields in the "SupplierPayment" class:&lt;/p&gt;
&lt;pre&gt;&lt;code&gt;private Integer supplierPaymentId;
private BigDecimal amount;
private Integer purchaseInvoiceId;
private Integer supplierId;
private Integer paymentMethodId;
private String description;
private Integer checkId;
private Integer fromBankAccountId;
private Integer toBankAccountId;
private String creditCardNo;
private Timestamp created;
private Integer createdBy;
&lt;/code&gt;&lt;/pre&gt;
&lt;p&gt;When I debug, I find that the ArrayList of the web service does not return that field, then somehow I find that field in the response.&lt;/p&gt;
&lt;p&gt;I tried truncating and dropping the table and adding the columns one after the other. What I found is the field is returned in the response only when I add the column "supplierId" to the table and its value is the same of "supplierId". I think the column "customerId" existed before and I dropped it.&lt;/p&gt;</t>
  </si>
  <si>
    <t>2016-12-02 18:19:52.047000+00:00</t>
  </si>
  <si>
    <t>2017-03-01 13:10:22.027000+00:00</t>
  </si>
  <si>
    <t>java|mysql|rest|jersey</t>
  </si>
  <si>
    <t>Symfony2+Behat+Mink: how should I refactor?</t>
  </si>
  <si>
    <t>&lt;p&gt;in this &lt;a href="http://docs.behat.org/cookbook/bdd_in_symfony2_with_behat_mink_and_zombiejs.html" rel="nofollow"&gt;tutorial&lt;/a&gt; is proposed this file system:&lt;/p&gt;
&lt;pre&gt;&lt;code&gt;XXXBundle
   |---Features
   |      |----FeaturesContext.php
   |---ProductCategoryRelation.feature  
&lt;/code&gt;&lt;/pre&gt;
&lt;p&gt;where FeaturesContext.php is the file that stores the functions &lt;/p&gt;
&lt;pre&gt;&lt;code&gt;//FeaturesContext.php
/**
 * Feature context.
 */
class FeatureContext extends BehatContext
{
  /**
   * @Given /I have a category "([^"]*)"/
   */
  public function iHaveACategory($name)
  {
      $category = new \Acme\DemoBundle\Entity\Category();
      $category-&amp;gt;setName($name);
  ...  
&lt;/code&gt;&lt;/pre&gt;
&lt;p&gt;And inside ProductCategoryRelation.feature is proposed to write the features and the scenarios:&lt;/p&gt;
&lt;pre&gt;&lt;code&gt;Feature: Product Category Relationship
  In order to setup a valid catalog
  As a developer
  I need a working relationship
This being the feature, we now need the scenarios to be defined.
Scenario: A category contains a product
  Given I have a category "Underwear"
  ...
&lt;/code&gt;&lt;/pre&gt;
&lt;p&gt;But if my app is growing up, how should refactor for example FeaturesContext.php? &lt;/p&gt;</t>
  </si>
  <si>
    <t>2011-09-30 19:40:17.100000+00:00</t>
  </si>
  <si>
    <t>2012-09-20 07:27:57.267000+00:00</t>
  </si>
  <si>
    <t>symfony|cucumber|bdd</t>
  </si>
  <si>
    <t>Apply rotation to Eigen::Affine3f</t>
  </si>
  <si>
    <t>&lt;p&gt;I'm using an &lt;code&gt;Eigen::Affine3f&lt;/code&gt; to represent a camera matrix. (I've already figured out how to setup the view matrix/&lt;code&gt;Affine3f&lt;/code&gt; from an initial "lookAt" and "up" vector)&lt;/p&gt;
&lt;p&gt;Now, I want to support change the camera's orientation. Simple question: what's the best way to apply rotations to this &lt;code&gt;Affine3f&lt;/code&gt;, i.e. pitch, yaw, roll? &lt;/p&gt;</t>
  </si>
  <si>
    <t>2016-01-20 08:46:59.447000+00:00</t>
  </si>
  <si>
    <t>2016-01-20 10:00:19.030000+00:00</t>
  </si>
  <si>
    <t>c++|matrix|eigen</t>
  </si>
  <si>
    <t>Yago's "means" relatioin</t>
  </si>
  <si>
    <t>&lt;p&gt;I am new to SPARQL, OWL and the knowledge base &lt;strong&gt;Yago2s&lt;/strong&gt;. I have been reading about &lt;strong&gt;entity linking&lt;/strong&gt; which is  basically a process of finding named entities in online textual documents and linking them to the entities in knowledge base like Yago2s. For example: if a sentence goes like "Page and Brin founded Google", then Page and Brin are linked to entries of Larry_Page and Sergey_Brin in Yago2s respectively.&lt;/p&gt;
&lt;p&gt;I have read that there is a relation(property) defined in Yago called &lt;em&gt;means&lt;/em&gt; relation which does this kind of mapping i.e. it gives all possible entities defined in Yago which the phrase detected in the document can mean. eg: Obama can mean Barack_Obama, Michelle_Obama etc. However, I can't seem to find any such &lt;em&gt;property&lt;/em&gt; defined in Yago2s. But, there is a &lt;em&gt;property&lt;/em&gt; called rdfs:label which kind of does the same thing.&lt;/p&gt;
&lt;p&gt;I have two questions:-&lt;/p&gt;
&lt;ol&gt;
&lt;li&gt;Has the means relation been replaced by rdfs:label  &lt;/li&gt;
&lt;li&gt;Is there any kind of tutorial or online manual, where all the properties defined in Yago2s are mentioned and defined briefly so that I can have a look and accordingly construct my SPARQL query.&lt;/li&gt;
&lt;/ol&gt;
&lt;p&gt;Thanks in advance. &lt;/p&gt;</t>
  </si>
  <si>
    <t>2014-10-04 11:26:26.200000+00:00</t>
  </si>
  <si>
    <t>2014-10-06 12:29:30.707000+00:00</t>
  </si>
  <si>
    <t>2014-10-06 04:18:22.443000+00:00</t>
  </si>
  <si>
    <t>rdf|sparql|semantic-web|owl|linked-data</t>
  </si>
  <si>
    <t>iOS save all files from remote directory at local document directory</t>
  </si>
  <si>
    <t>&lt;p&gt;I am properly sending a nsurlrequest to download a known path file and then save it to document directory. However, now I need to download all files that a remote directory contains. I know path for directory but not which files are inside. How to list that files in order to build paths to download it? Thank you.&lt;/p&gt;</t>
  </si>
  <si>
    <t>2012-01-31 16:41:07.917000+00:00</t>
  </si>
  <si>
    <t>2012-01-31 17:06:35.760000+00:00</t>
  </si>
  <si>
    <t>objective-c|ios|xcode|cocoa-touch</t>
  </si>
  <si>
    <t>Instantiate children class from parent without changing parent code</t>
  </si>
  <si>
    <t>&lt;p&gt;First of all, here is my (pseudo) code:&lt;/p&gt;
&lt;blockquote&gt;
  &lt;p&gt;somemodule.py:&lt;/p&gt;
&lt;/blockquote&gt;
&lt;pre&gt;&lt;code&gt;class parentclass(object):
    def __init__(self):
        if(not prevent_infinite_reursion) #Just to make shure this is not a problem ;)
            self.somefunction()
    def somefunction():
        # ... deep down in a function ...
        # I want to "monkey patch" to call constructor of childclass, 
        # not parentclass
        parentclass() 
&lt;/code&gt;&lt;/pre&gt;
&lt;blockquote&gt;
  &lt;p&gt;othermodule.py&lt;/p&gt;
&lt;/blockquote&gt;
&lt;pre&gt;&lt;code&gt;from somemodule import parentclass
class childclass(parentclass):
    def __init__(self):
        # ... some preprocessing ...
        super(childclass, self).__init__()
&lt;/code&gt;&lt;/pre&gt;
&lt;p&gt;The problem is, i want to monkey patch parent class, so it would call constructor of &lt;strong&gt;childclass&lt;/strong&gt;, without changing code of &lt;strong&gt;somemodule.py&lt;/strong&gt;.
It doesn't matter if it's patched only in class instance(that's shure better) or globally. &lt;/p&gt;
&lt;p&gt;I know i can override &lt;strong&gt;somefunction&lt;/strong&gt;, but it contains too many lines of code, for this being sane.&lt;/p&gt;
&lt;p&gt;&lt;strong&gt;Thanks!&lt;/strong&gt;&lt;/p&gt;</t>
  </si>
  <si>
    <t>2013-05-13 07:56:24.247000+00:00</t>
  </si>
  <si>
    <t>2013-05-13 08:36:08.290000+00:00</t>
  </si>
  <si>
    <t>python|class|inheritance|instantiation</t>
  </si>
  <si>
    <t>Gallery QPKG Plugin on a QNAP TS 209</t>
  </si>
  <si>
    <t>&lt;p&gt;I have a QNAP TS 209 firmware version: 3.3.2 Build 0918T. (as far as I know the last official version)
I've installed successfully the Gallery plugin but when starting is I get the following error:&lt;/p&gt;
&lt;p&gt;There are some problems with your web hosting environment that need to be fixed before you can successfully install Gallery 3.
PHP is missing the iconv extension&lt;/p&gt;
&lt;p&gt;In fact it is true. Php has been compiled explicitly without iconv. phpinfo() shows the following configure command:&lt;/p&gt;
&lt;p&gt;'./configure' '--prefix=/usr/local/php' '--with-config-file-path=/usr/local/apache/conf/php.ini' '--with-config-file-scan-dir=/etc/config/php.d' '--with-apxs=/usr/local/apache/bin/apxs' '--enable-ftp' '--enable-sockets' '--disable-ipv6' '&lt;strong&gt;--without-iconv&lt;/strong&gt;' '--with-zlib-dir' '--with-jpeg-dir' '--with-png-dir' '--with-gd' '--with-freetype-dir' '--enable-gd-native-ttf' '--enable-mbstring' '--with-openssl-dir' '--with-libxml-dir=/opt/cross-project/ARM/arm-none-linux-gnueabi/arm-none-linux-gnueabi/sys-root' '--enable-sqlite-utf8' '--enable-zend-multibyte' '--enable-exif' '--with-mysql=/usr/local/mysql' '--with-pdo-mysql=/usr/local/mysql' '--with-curl=/opt/cross-project/ARM/arm-none-linux-gnueabi/arm-none-linux-gnueabi/sys-root' '--with-curlwrappers' '--with-mcrypt' '--enable-shared'&lt;/p&gt;
&lt;p&gt;and this is the reason why Gallery is NOT working.&lt;/p&gt;
&lt;p&gt;My question is how to install/compile php under this box?
Or is there any workaround for this problem?&lt;/p&gt;
&lt;p&gt;Thanks in advance.&lt;/p&gt;</t>
  </si>
  <si>
    <t>2012-09-14 10:36:58.457000+00:00</t>
  </si>
  <si>
    <t>2012-09-14 19:23:59.860000+00:00</t>
  </si>
  <si>
    <t>php|iconv|qnap</t>
  </si>
  <si>
    <t>Is it possible to directly transer income from an app to a certain bank account?</t>
  </si>
  <si>
    <t>&lt;p&gt;I have just started making apps for iOS and Android. If I make apps for different customers, is it possible to make the income from one app go directly to a customers bank account? It seems like this is something that would come in handy, but I have not been able to find this.&lt;/p&gt;
&lt;p&gt;Similar post back in 2010 with no definitive/outdated answer: &lt;a href="https://stackoverflow.com/questions/3226990/multiple-bank-accounts-for-different-apps-in-itunes-connect"&gt;Question here&lt;/a&gt;&lt;/p&gt;</t>
  </si>
  <si>
    <t>2015-08-08 01:48:22.957000+00:00</t>
  </si>
  <si>
    <t>2015-08-20 22:24:21.480000+00:00</t>
  </si>
  <si>
    <t>2017-05-23 12:29:43.090000+00:00</t>
  </si>
  <si>
    <t>android|ios|payment</t>
  </si>
  <si>
    <t>Android- SQLite query to Order Results by Day using the query builder</t>
  </si>
  <si>
    <t>&lt;p&gt;At the moment i'm currently using the query builder to pull all my records from my database and they are currently organised by day however I its sorts in althabetical order,&lt;/p&gt;
&lt;pre&gt;&lt;code&gt;  public Cursor fetchAll() {
      return mDb.query(DATABASE_TABLE, new String[] {KEY_ROWID, KEY_MODULECODE,
        KEY_DAY, KEY_TIME, KEY_DURATION, KEY_TYPE, KEY_ROOM},null, null, null, null,"Day");
   }    
&lt;/code&gt;&lt;/pre&gt;
&lt;p&gt;I know after some googling, that I need to replace the final section with a custom search order. 
something along the lines of :&lt;/p&gt;
&lt;pre&gt;&lt;code&gt; select _id, busnum, 
    case cast (strftime('%w', servdate) as integer)
        when 0 then 'Sunday'
        when 1 then 'Monday'
        when 2 then 'Tuesday'
        when 3 then 'Wednesday'
        when 4 then 'Thursday'
         when 5 then 'Friday'
        else 'Saturday' end as servdayofweek
   from tb1
   where ...
   From:
   http://stackoverflow.com/questions/4319302/sqlite-return-as-day-of-week
&lt;/code&gt;&lt;/pre&gt;
&lt;p&gt;so far i have been unable to figure out how tocombine the two and anyhelp in the right direction would be much aprechiated.&lt;/p&gt;
&lt;p&gt;Edit Soloution 
thank you for the help I went with declaring the string and linking to it in the query for anyone that needs something simple this is my final code for it &lt;/p&gt;
&lt;pre&gt;&lt;code&gt;public Cursor fetchAll() {
   String OrderBy ="case Day"+
      " when 'Monday' then 0 "+ 
      " when 'Tuesday' then 1"+
      " when 'Wednesday' then 2"+
      " when 'Thursday' then 3"+
      " when 'Friday' then 5"+
      " end";
 return mDb.query(DATABASE_TABLE, new String[] {KEY_ROWID, KEY_MODULECODE,
        KEY_DAY, KEY_TIME, KEY_DURATION, KEY_TYPE, KEY_ROOM},null, null, null, null,OrderBy );
}    
&lt;/code&gt;&lt;/pre&gt;</t>
  </si>
  <si>
    <t>2012-05-02 01:16:56.490000+00:00</t>
  </si>
  <si>
    <t>2012-05-02 01:52:53.603000+00:00</t>
  </si>
  <si>
    <t>android|sqlite|sql-order-by|query-builder</t>
  </si>
  <si>
    <t>Celery/CloudAMQP error in a Heroku Flask App</t>
  </si>
  <si>
    <t>&lt;p&gt;I'm running a Flask app on Heroku (on the free tier) and running into some trouble when scheduling tasks using apply_async. If I schedule more than two tasks, I get a long stacktrace with the exception:&lt;/p&gt;
&lt;blockquote&gt;
  &lt;p&gt;AccessRefused(403, u"ACCESS_REFUSED - access to exchange 'celeryresults' in vhost 'rthtwchf' refused for user 'rthtwchf'", (40, 10), 'Exchange.declare')&lt;/p&gt;
&lt;/blockquote&gt;
&lt;p&gt;The odd thing is the first two tasks (before restarting all of my processes) always seem to complete with no issue.&lt;/p&gt;
&lt;p&gt;A little bit of search engine sleuthing leads me to &lt;a href="https://stackoverflow.com/questions/21071906/celery-cannot-connect-remote-worker-with-new-username"&gt;https://stackoverflow.com/questions/21071906/celery-cannot-connect-remote-worker-with-new-username&lt;/a&gt; which makes it looks like a permissions issue, but I'd assume that the Heroku CloudAMPQ service would have taken care of that already. &lt;/p&gt;
&lt;p&gt;Any advice is appreciated!&lt;/p&gt;</t>
  </si>
  <si>
    <t>2014-02-07 17:51:20.670000+00:00</t>
  </si>
  <si>
    <t>2014-06-11 19:57:56.690000+00:00</t>
  </si>
  <si>
    <t>python|heroku|flask|celery|cloudamqp</t>
  </si>
  <si>
    <t>Rails customized "time_ago_in_words"-ish type model</t>
  </si>
  <si>
    <t>&lt;p&gt;Morning, everyone!&lt;/p&gt;
&lt;p&gt;I'm working on a Rails app that is just a simple check yes or no, then it displays the &lt;code&gt;created_at&lt;/code&gt; row and whichever box was checked. My issue is that I need to display the &lt;code&gt;created_at&lt;/code&gt; as a different value, not the time. If someone created an entry between 4:00 AM - 10:00 AM, it would display &lt;strong&gt;Breakfast&lt;/strong&gt; in the view for the &lt;code&gt;created_at&lt;/code&gt; field. If they created it between 10:00 AM and 2:00 PM, it would display &lt;strong&gt;Lunch&lt;/strong&gt;.&lt;br&gt;
I've Googled for hours, and the closest thing I could come up with is some variation of &lt;code&gt;time_ago_in_words&lt;/code&gt; but nothing really works.&lt;br&gt;
How would I go about implementing something of this nature?&lt;/p&gt;
&lt;p&gt;&lt;strong&gt;Full disclosure:&lt;/strong&gt; I'm a bit of an amateur at Ruby/RoR. Be gentle... &lt;/p&gt;</t>
  </si>
  <si>
    <t>2011-04-23 14:02:43.193000+00:00</t>
  </si>
  <si>
    <t>2011-04-23 14:07:38.880000+00:00</t>
  </si>
  <si>
    <t>ruby-on-rails|ruby|timeago</t>
  </si>
  <si>
    <t>Would it make sense for the TypeScript compiler to look alongside "main" for definitions?</t>
  </si>
  <si>
    <t>&lt;p&gt;This question concerns the way tsc does module resolution.  This process is very well defined &lt;a href="https://www.typescriptlang.org/docs/handbook/module-resolution.html" rel="nofollow noreferrer"&gt;here&lt;/a&gt;.&lt;/p&gt;
&lt;p&gt;My question is specifically about the Node module resolution strategy.  I understand that tsc will search in &lt;code&gt;node_modules&lt;/code&gt; folders moving up the filesystem.  As it searches each &lt;code&gt;node_modules&lt;/code&gt; folder, it will look for a subdirectory named after the package.  Then, it will look for .ts, .tsx and .d.ts files within the &lt;em&gt;root&lt;/em&gt; of that directory.  Failing to find the package's definitions, it will look for a "types" property in package.json.&lt;/p&gt;
&lt;p&gt;Typically, when I create a Node.js package, my transpiled .js files are placed in a &lt;code&gt;dist&lt;/code&gt; folder.  Because these files do not reside in the root of my package's folder, I am forced to set the "main" property in package.json to the primary .js output file and the "types" property to the primary .d.ts file.  Perhaps I am being lazy, but I don't know why I should have to specify both "main" and "types".  Requiring both seems unnecessary and just one more thing that can be forgotten.  Wouldn't it make sense that if "main" has a value of "dist/index.js" that tsc should attempt to see if "dist/index.ts", "dist/index.tsx" or "dist/index.d.ts" exist?  In other words, wouldn't it make sense to look alongside the "main" file for the definitions file?&lt;/p&gt;
&lt;p&gt;In my searching, I have found &lt;a href="https://stackoverflow.com/questions/48159833/typescript-module-resolution-fails-despite-main-property-set-in-package-json"&gt;this&lt;/a&gt; question, but the answer basically reiterates that this is not the way Node style module resolution works.  I am more interested to know whether this is a worthy improvement and if there is a technical reason why it shouldn't be done.&lt;/p&gt;
&lt;p&gt;Example:&lt;/p&gt;
&lt;pre&gt;&lt;code&gt;{
  "name": "my-library",
  "version": "0.0.1",
  "description": "My TS Library",
  "main": "dist/index.js",
  "types": "./dist/index.d.ts",
  ...
}
&lt;/code&gt;&lt;/pre&gt;
&lt;p&gt;If the resolution would look alongside the &lt;code&gt;main&lt;/code&gt; file, the &lt;code&gt;types&lt;/code&gt;  property would not be needed.&lt;/p&gt;</t>
  </si>
  <si>
    <t>2018-03-06 16:17:42.373000+00:00</t>
  </si>
  <si>
    <t>2018-03-07 14:17:20.833000+00:00</t>
  </si>
  <si>
    <t>node.js|typescript|typescript-typings</t>
  </si>
  <si>
    <t>Intercept twitters completed tweet event with new api on client side</t>
  </si>
  <si>
    <t>&lt;p&gt;Is there any way to intercept the twitter tweet event and get the evidence of completed action. 
We have already tried to use twitter events as &lt;/p&gt;
&lt;pre&gt;&lt;code&gt;    twttr.events.bind(
  'tweet',
  function (event) {
    // Do something there
  }
);
&lt;/code&gt;&lt;/pre&gt;
&lt;p&gt;but the event is fired on popup opening &lt;/p&gt;</t>
  </si>
  <si>
    <t>2016-02-04 12:47:47.810000+00:00</t>
  </si>
  <si>
    <t>2016-02-08 11:09:15.990000+00:00</t>
  </si>
  <si>
    <t>javascript|twitter|callback</t>
  </si>
  <si>
    <t>Confused about why index is not being used</t>
  </si>
  <si>
    <t>&lt;p&gt;When I run the following query with &lt;code&gt;explain&lt;/code&gt;:&lt;/p&gt;
&lt;pre&gt;&lt;code&gt;explain 
SELECT `leads`.* 
FROM `leads` 
  INNER JOIN `people` ON `people`.`id` = `leads`.`person_id` 
WHERE `people`.`email` = 'email@test.co.za'
&lt;/code&gt;&lt;/pre&gt;
&lt;p&gt;I get:&lt;/p&gt;
&lt;pre&gt;&lt;code&gt;+----+-------------+--------+-------+-------------------------------+-----------------------+---------+-------+------+-------------+
| id | select_type | table  | type  | possible_keys                 | key                   | key_len | ref   | rows | Extra       |
+----+-------------+--------+-------+-------------------------------+-----------------------+---------+-------+------+-------------+
|  1 | SIMPLE      | people | const | PRIMARY,index_people_on_email | index_people_on_email | 768     | const |    1 | Using index |
|  1 | SIMPLE      | leads  | ref   | fk_person_lead                | fk_person_lead        | 5       | const |    2 | NULL        |
+----+-------------+--------+-------+-------------------------------+-----------------------+---------+-------+------+-------------+
&lt;/code&gt;&lt;/pre&gt;
&lt;p&gt;I understand that &lt;code&gt;index_people_on_email&lt;/code&gt; is used since the search is on email and there is an index on email. Also no other columns are referenced in the people table.&lt;/p&gt;
&lt;p&gt;I am guessing the reason the index is not being used on lead is due to the fact that I am pulling more data from the leads table &lt;code&gt;leads.*&lt;/code&gt; than is on &lt;code&gt;fk_person_lead&lt;/code&gt;.&lt;/p&gt;
&lt;p&gt;What's confusing me is I thought I the query would still use the foreign key reference to filter the leads and then do lookups to get the rest of the information.&lt;/p&gt;
&lt;p&gt;What am I misunderstanding here?&lt;/p&gt;</t>
  </si>
  <si>
    <t>2015-06-24 14:08:35.697000+00:00</t>
  </si>
  <si>
    <t>2015-06-24 14:29:51.753000+00:00</t>
  </si>
  <si>
    <t>mysql|sql|indexing</t>
  </si>
  <si>
    <t>Identifying numbers in a string list that contains strings and numbers</t>
  </si>
  <si>
    <t>&lt;p&gt;I have a string list array that contains strings. Either the values will be a name or number. For example the contents could be:&lt;/p&gt;
&lt;pre&gt;&lt;code&gt;stringList[0]="Mary"
stringList[1]="John"
stringList[2]="4564321"
stringList[3]="Steven"
&lt;/code&gt;&lt;/pre&gt;
&lt;p&gt;I want to append the contents of the list to a string which I have done through a simple loop but if a number is encountered I want that number to be popped out and handled in a different method and then have the original loop continue looking for strings and appending. Essentially I want to append the non numbers and take the numbers and do something else with them. What functions or tricks can I do so when it is going through the list it will be able to identify a string as a number?&lt;/p&gt;</t>
  </si>
  <si>
    <t>2014-12-02 19:35:06.150000+00:00</t>
  </si>
  <si>
    <t>2014-12-02 19:39:28.643000+00:00</t>
  </si>
  <si>
    <t>Pages that were liked by my page in Facebook</t>
  </si>
  <si>
    <t>&lt;p&gt;In Facebook if I am an admin of a page I can select to use the site "as page" under Account -&gt; Use Facebook as Page. When doing so I "liked" some other pages. &lt;/p&gt;
&lt;p&gt;My question: is there a way to get list of pages that were liked by my page (not my account). Is there a way to do it via Facebook API?&lt;/p&gt;</t>
  </si>
  <si>
    <t>2011-06-20 16:06:50.320000+00:00</t>
  </si>
  <si>
    <t>2011-06-20 18:24:41.727000+00:00</t>
  </si>
  <si>
    <t>2011-06-20 17:49:35.350000+00:00</t>
  </si>
  <si>
    <t>facebook|facebook-graph-api|facebook-fql</t>
  </si>
  <si>
    <t>Exporting 3D models with assimp without re-indexing vertices</t>
  </si>
  <si>
    <t>&lt;p&gt;I'm using assimp.net to export my 3d models. assimp will re-index vertexes in exported model! I need previous order of indexes. is there any way to save previous indexes in exported model?&lt;/p&gt;
&lt;p&gt;exporting code :&lt;/p&gt;
&lt;pre&gt;&lt;code&gt;using (var asmpCntx = new AssimpContext())
    {
        LogStream.IsVerboseLoggingEnabled = true;
        using (var pipe = new LogPipe(_logStore))
        {
           return asmpCntx.ExportFile(_raw, "MyExportedFile.obj", "obj");
        }
    }
&lt;/code&gt;&lt;/pre&gt;
&lt;p&gt;expected order :&lt;/p&gt;
&lt;blockquote&gt;
  &lt;p&gt;130921 vertex positions&lt;/p&gt;
  &lt;p&gt;v -0.111804 -0.257020 0.282297&lt;/p&gt;
  &lt;p&gt;v -0.110387 -0.261969 0.278314&lt;/p&gt;
  &lt;p&gt;v -0.103693 -0.262174 0.281221&lt;/p&gt;
  &lt;p&gt;v -0.105030 -0.257238 0.285222&lt;/p&gt;
  &lt;p&gt;v -0.106187 0.409742 0.238732&lt;/p&gt;
  &lt;p&gt;v -0.106169 0.403559 0.240970&lt;/p&gt;
  &lt;p&gt;v -0.100297 0.403623 0.242419&lt;/p&gt;
  &lt;p&gt;v -0.100294 0.409780 0.240066&lt;/p&gt;
  &lt;p&gt;v -0.585048 -0.776799 -0.674764&lt;/p&gt;
  &lt;p&gt;v -0.588571 -0.779106 -0.672874&lt;/p&gt;
  &lt;p&gt;v -0.584674 -0.779821 -0.668612&lt;/p&gt;
  &lt;p&gt;v -0.581676 -0.777379 -0.670708&lt;/p&gt;
  &lt;p&gt;v -0.064894 -0.808259 -0.292862&lt;/p&gt;
  &lt;p&gt;v -0.065003 -0.813085 -0.296292&lt;/p&gt;
  &lt;p&gt;v -0.056978 -0.813406 -0.295237&lt;/p&gt;
  &lt;p&gt;v -0.056888 -0.808645 -0.291699&lt;/p&gt;
  &lt;p&gt;...&lt;/p&gt;
  &lt;p&gt;f 1/1/1 2/2/2 3/3/3 4/4/4&lt;/p&gt;
  &lt;p&gt;f 5/5/5 6/6/6 7/7/7 8/8/8&lt;/p&gt;
  &lt;p&gt;f 9/9/9 10/10/10 11/11/11 12/12/12&lt;/p&gt;
  &lt;p&gt;f 13/13/13 14/14/14 15/15/15 16/16/16&lt;/p&gt;
  &lt;p&gt;f 17/17/17 18/18/18 19/19/19 20/20/20&lt;/p&gt;
  &lt;p&gt;f 21/21/21 22/22/22 23/23/23 24/24/24&lt;/p&gt;
  &lt;p&gt;f 25/25/25 26/26/26 27/27/27 28/28/28&lt;/p&gt;
  &lt;p&gt;f 29/29/29 30/30/30 31/31/31 32/32/32&lt;/p&gt;
  &lt;p&gt;f 33/33/33 34/34/34 35/35/35 36/36/36&lt;/p&gt;
  &lt;p&gt;f 37/37/37 38/38/38 39/39/39 40/40/40&lt;/p&gt;
  &lt;p&gt;f 41/41/41 42/42/42 43/43/43 44/44/44&lt;/p&gt;
  &lt;p&gt;f 45/45/45 46/46/46 47/47/47 48/48/48&lt;/p&gt;
  &lt;p&gt;f 49/49/49 50/50/50 51/51/51 52/52/52&lt;/p&gt;
  &lt;p&gt;f 53/53/53 54/54/54 55/55/55 56/56/56&lt;/p&gt;
  &lt;p&gt;f 57/57/57 58/58/58 59/59/59 60/60/60&lt;/p&gt;
  &lt;p&gt;f 61/61/61 62/62/62 63/63/63 64/64/64&lt;/p&gt;
  &lt;p&gt;...&lt;/p&gt;
&lt;/blockquote&gt;
&lt;p&gt;exported order :&lt;/p&gt;
&lt;blockquote&gt;
  &lt;p&gt;130921 vertex positions&lt;/p&gt;
  &lt;p&gt;v  -0.111804 -0.25702 0.282297&lt;/p&gt;
  &lt;p&gt;v  -0.110387 -0.261969 0.278314&lt;/p&gt;
  &lt;p&gt;v  -0.103693 -0.262174 0.281221&lt;/p&gt;
  &lt;p&gt;v  -0.10503 -0.257238 0.285222&lt;/p&gt;
  &lt;p&gt;v  -0.10243 -0.267136 0.27725&lt;/p&gt;
  &lt;p&gt;v  -0.095897 -0.267675 0.280051&lt;/p&gt;
  &lt;p&gt;v  -0.097084 -0.262695 0.284046&lt;/p&gt;
  &lt;p&gt;v  -0.098237 -0.25754 0.287812&lt;/p&gt;
  &lt;p&gt;v  -0.112767 -0.251395 0.285155&lt;/p&gt;
  &lt;p&gt;v  -0.1062 -0.251911 0.288609&lt;/p&gt;
  &lt;p&gt;v  -0.09934 -0.252212 0.291206&lt;/p&gt;
  &lt;p&gt;v  -0.113301 -0.245382 0.287103&lt;/p&gt;
  &lt;p&gt;v  -0.106914 -0.245987 0.290933&lt;/p&gt;
  &lt;p&gt;v  -0.119279 -0.251091 0.281232&lt;/p&gt;
  &lt;p&gt;v  -0.119601 -0.244982 0.282834&lt;/p&gt;
  &lt;p&gt;v  -0.113586 -0.239219 0.288503&lt;/p&gt;
  &lt;p&gt;...&lt;/p&gt;
  &lt;p&gt;f  1/1/1 2/2/2 3/3/3&lt;/p&gt;
  &lt;p&gt;f  1/1/1 3/3/3 4/4/4&lt;/p&gt;
  &lt;p&gt;f  2/2/2 5/5/5 3/3/3&lt;/p&gt;
  &lt;p&gt;f  3/3/3 5/5/5 6/6/6&lt;/p&gt;
  &lt;p&gt;f  3/3/3 6/6/6 7/7/7&lt;/p&gt;
  &lt;p&gt;f  4/4/4 3/3/3 7/7/7&lt;/p&gt;
  &lt;p&gt;f  4/4/4 7/7/7 8/8/8&lt;/p&gt;
  &lt;p&gt;f  9/9/9 1/1/1 4/4/4&lt;/p&gt;
  &lt;p&gt;f  9/9/9 4/4/4 10/10/10&lt;/p&gt;
  &lt;p&gt;f  10/10/10 4/4/4 8/8/8&lt;/p&gt;
  &lt;p&gt;f  10/10/10 8/8/8 11/11/11&lt;/p&gt;
  &lt;p&gt;f  12/12/12 9/9/9 10/10/10&lt;/p&gt;
  &lt;p&gt;f  12/12/12 10/10/10 13/13/13&lt;/p&gt;
  &lt;p&gt;f  13/13/13 10/10/10 11/11/11&lt;/p&gt;
  &lt;p&gt;f  14/14/14 1/1/1 9/9/9&lt;/p&gt;
  &lt;p&gt;f  15/15/15 14/14/14 9/9/9&lt;/p&gt;
  &lt;p&gt;...&lt;/p&gt;
&lt;/blockquote&gt;</t>
  </si>
  <si>
    <t>2017-09-24 11:17:57.880000+00:00</t>
  </si>
  <si>
    <t>2017-11-19 11:12:06.403000+00:00</t>
  </si>
  <si>
    <t>2017-09-24 13:03:02.387000+00:00</t>
  </si>
  <si>
    <t>3d|vertex|assimp</t>
  </si>
  <si>
    <t>Merge array at specific index in Ruby</t>
  </si>
  <si>
    <t>&lt;p&gt;I need a method which returns a merged array starting a specified index. I've looked &lt;a href="https://stackoverflow.com/questions/1801516/how-do-you-add-an-array-to-another-array-in-ruby-and-not-end-up-with-a-multi-dim"&gt;here&lt;/a&gt;, &lt;a href="https://stackoverflow.com/questions/38274802/replace-all-zeros-in-array-with-elements-of-another-array/38274957"&gt;here&lt;/a&gt; and &lt;a href="https://stackoverflow.com/questions/29978413/merge-arrays-in-ruby-rails"&gt;here&lt;/a&gt; without cracking it.&lt;/p&gt;
&lt;p&gt;I can see that this concatenates but I want to update the array not simply combine them:&lt;/p&gt;
&lt;pre&gt;&lt;code&gt;@a1 = [0,0,0,0,0]
a2 = [1,1]
def update_array(new_array)
  @a1.push(*new_array)  
end
update_array(a2)
&lt;/code&gt;&lt;/pre&gt;
&lt;p&gt;I'd like the output to be something like:&lt;/p&gt;
&lt;pre&gt;&lt;code&gt;#[0,1,1,0,0] or [0,0,0,1,1]
&lt;/code&gt;&lt;/pre&gt;
&lt;p&gt;Depending on the index specified.&lt;/p&gt;</t>
  </si>
  <si>
    <t>2017-11-25 15:53:45.407000+00:00</t>
  </si>
  <si>
    <t>2017-11-25 17:15:42.880000+00:00</t>
  </si>
  <si>
    <t>arrays|ruby</t>
  </si>
  <si>
    <t>Difference when obtaining value of the clicked html element across browsers</t>
  </si>
  <si>
    <t>&lt;p&gt;&lt;div class="snippet" data-lang="js" data-hide="false" data-console="true" data-babel="false"&gt;_x000D_
&lt;div class="snippet-code"&gt;_x000D_
&lt;pre class="snippet-code-js lang-js prettyprint-override"&gt;&lt;code&gt;$(function ()_x000D_
{_x000D_
  $('button').on("click", show);_x000D_
});_x000D_
_x000D_
function show(e)_x000D_
{_x000D_
  $("#data").append(e.target.nodeName+', ');_x000D_
  $("#data").append(e.target.value+'&amp;lt;br&amp;gt;');_x000D_
}&lt;/code&gt;&lt;/pre&gt;_x000D_
&lt;pre class="snippet-code-html lang-html prettyprint-override"&gt;&lt;code&gt;&amp;lt;script src="https://code.jquery.com/jquery-3.2.1.min.js"&amp;gt;&amp;lt;/script&amp;gt;_x000D_
&amp;lt;button id="btn" value="test"&amp;gt;_x000D_
&amp;lt;span&amp;gt;click here&amp;lt;/span&amp;gt;_x000D_
&amp;lt;/button&amp;gt;_x000D_
_x000D_
&amp;lt;div id="data"&amp;gt;_x000D_
_x000D_
&amp;lt;/div&amp;gt;&lt;/code&gt;&lt;/pre&gt;_x000D_
&lt;/div&gt;_x000D_
&lt;/div&gt;_x000D_
Test the above code in Chrome and Firefox. Both gives different results.&lt;/p&gt;
&lt;p&gt;When attaching &lt;code&gt;click&lt;/code&gt; event to a button using jquery and obtain the value of the clicked element, firefox and chrome gives different results. Note that the button element contain a span inside it.&lt;/p&gt;
&lt;p&gt;I am detecting the element and getting the value using event.target.nodeName and event.target.value.&lt;/p&gt;
&lt;p&gt;Please see this &lt;a href="https://fiddle.jshell.net/dy1ubgkc/4/" rel="nofollow noreferrer"&gt;jsfiddle&lt;/a&gt; in firefox and chrome. Both gives different results.&lt;/p&gt;
&lt;p&gt;What is the best cross browser solution for this. please help&lt;/p&gt;
&lt;p&gt;EDIT: it is interesting to note that chromes behavior to this code is random. After each refresh, the output in chrome may change.&lt;/p&gt;</t>
  </si>
  <si>
    <t>2018-01-17 10:57:03.467000+00:00</t>
  </si>
  <si>
    <t>2018-01-17 11:06:55.137000+00:00</t>
  </si>
  <si>
    <t>how to Show ID of table using c# entity code first</t>
  </si>
  <si>
    <t>&lt;p&gt;i'm working with c# windows App entity frame work code first,
and i need to get the last Id value of a table but +1 ( i need to add 1 to the Id value) to indelicate the next ID of the next insertion. &lt;/p&gt;</t>
  </si>
  <si>
    <t>2017-01-15 20:03:10.470000+00:00</t>
  </si>
  <si>
    <t>2017-01-15 20:31:01.860000+00:00</t>
  </si>
  <si>
    <t>c#|entity</t>
  </si>
  <si>
    <t>flowchart and javascript</t>
  </si>
  <si>
    <t>&lt;p&gt;I am looking for a javascript library for drawing flowchart and  Organization Charts in my Web project,&lt;/p&gt;
&lt;p&gt;someone know a good a library?&lt;/p&gt;
&lt;p&gt;thanks&lt;/p&gt;</t>
  </si>
  <si>
    <t>2010-07-08 08:59:38.750000+00:00</t>
  </si>
  <si>
    <t>2012-11-27 17:13:57.893000+00:00</t>
  </si>
  <si>
    <t>Redux is updating instantaneously, but react component has asynchronous lag</t>
  </si>
  <si>
    <t>&lt;p&gt;My component has a check box that will fire off a this.props.toggleChange action creator when clicked. In the toggleChange action creator, it will dispatch a TOGGLE_CONFIG_CHANGE, which is picked up by a Redux Saga. The inside of the saga function looks like this:&lt;/p&gt;
&lt;pre&gt;&lt;code&gt;export function* toggledConfigSaga () {
    yield put(toggleConfigClicked()); // this fires off TOGGLE_CONFIG_CLICKED
    yield put(saveAllCurrentConfigsAndFetchServerStuff()); // this function will throw up a spinner as asynch actions complete
}
&lt;/code&gt;&lt;/pre&gt;
&lt;p&gt;In my reducer, I have &lt;code&gt;CASE types.TOGGLE_CONFIG_CLICKED: return {...state, toggleConfig: !state.configChecked};&lt;/code&gt;. In redux dev tools and console log the configClicked boolean is changed instantaneously on check box click(as one would expect). However, the check mark doesn't toggle until the asynch actions completes, giving it the illusion of a laggy button. What gives? &lt;/p&gt;</t>
  </si>
  <si>
    <t>2018-05-17 19:01:25.157000+00:00</t>
  </si>
  <si>
    <t>2018-05-18 01:13:16.307000+00:00</t>
  </si>
  <si>
    <t>reactjs|redux|redux-saga</t>
  </si>
  <si>
    <t>How can i rectify the verify Error while reading the contents from excel file using jxl.jar in android</t>
  </si>
  <si>
    <t>&lt;p&gt;I have developed the application to show the list of details from database.. the data's are extracted from excel file and store into database. while reading the contents from excel, i'm getting error:  &lt;strong&gt;java.lang.VerifyError: p41.android.consol.products.StartSectionActivity&lt;/strong&gt;&lt;/p&gt;
&lt;p&gt;My Code is here:&lt;/p&gt;
&lt;p&gt;public class StartSectionActivity extends Activity {&lt;/p&gt;
&lt;pre&gt;&lt;code&gt;Context context=this;
public void onCreate(Bundle savedInstanceState){
    super.onCreate(savedInstanceState);
    super.setRequestedOrientation(ActivityInfo.SCREEN_ORIENTATION_PORTRAIT);
    requestWindowFeature(Window.FEATURE_NO_TITLE);
    setContentView(R.layout.product);
    try {
        //int resourceId = context.getResources().getIdentifier("p41.android.consol.products:raw/products.xls", null, null);
        //File f = new File(context.getResources().openRawResource(resourceId));
        File excel=new File("p41.android.consol.products:raw/products.xls");
        Workbook book=Workbook.getWorkbook(excel);
        Sheet sheet1=book.getSheet(0);
        Cell a1=sheet1.getCell(0, 0);
        Log.d("Cell Value!", a1.getContents());
        /*String files[]=getResources().getAssets().list(null);
        Log.d("files", files[0]);*/
        //InputStream stream=getResources().getAssets().open("PRODUCT_MASTER.xls");
    } catch (BiffException e) {
        // TODO Auto-generated catch block
        e.printStackTrace();
    } catch (IOException e) {
        // TODO Auto-generated catch block
        e.printStackTrace();
    }
}
&lt;/code&gt;&lt;/pre&gt;
&lt;p&gt;}&lt;/p&gt;</t>
  </si>
  <si>
    <t>2013-03-20 04:54:47.637000+00:00</t>
  </si>
  <si>
    <t>android|excel</t>
  </si>
  <si>
    <t>PHPUnit-Selenium FirefoxProfile settings</t>
  </si>
  <si>
    <t>&lt;p&gt;I am getting a "Bad request" exception when starting a test run with Selenium WebDriver in Firefox. I traced this problem to hosts config file (using Linux). The hosts file on my machine has this line &lt;/p&gt;
&lt;blockquote&gt;
  &lt;p&gt;127.0.0.1 something localhost&lt;/p&gt;
&lt;/blockquote&gt;
&lt;p&gt;This works fine when I update hosts file as below&lt;/p&gt;
&lt;blockquote&gt;
  &lt;p&gt;127.0.0.1 localhost something&lt;/p&gt;
&lt;/blockquote&gt;
&lt;p&gt;But I cannot change this file. I found an issue related to this,&lt;/p&gt;
&lt;blockquote&gt;
  &lt;p&gt;&lt;a href="https://code.google.com/p/selenium/issues/detail?id=3280" rel="nofollow"&gt;https://code.google.com/p/selenium/issues/detail?id=3280&lt;/a&gt;&lt;/p&gt;
&lt;/blockquote&gt;
&lt;p&gt;People suggested solution for this as &lt;/p&gt;
&lt;blockquote&gt;
  &lt;p&gt;profile.setPreference(FirefoxProfile.ALLOWED_HOSTS_PREFERENCE,
  "something");&lt;/p&gt;
&lt;/blockquote&gt;
&lt;p&gt;But I am using phpunit-selenium framework and not sure where to place this line. Anyone please suggest me solution in phpunit-selenium framework &lt;/p&gt;</t>
  </si>
  <si>
    <t>2015-08-18 05:51:50.020000+00:00</t>
  </si>
  <si>
    <t>2015-08-18 07:15:18.507000+00:00</t>
  </si>
  <si>
    <t>linux|firefox|selenium|automation|phpunit</t>
  </si>
  <si>
    <t>Bootstrap tab-pane data-toggle switch with button</t>
  </si>
  <si>
    <t>&lt;p&gt;I have the following code&lt;/p&gt;
&lt;pre&gt;&lt;code&gt;&amp;lt;!DOCTYPE html&amp;gt;
&amp;lt;html lang="en"&amp;gt;
&amp;lt;head&amp;gt;
  &amp;lt;title&amp;gt;Bootstrap Example&amp;lt;/title&amp;gt;
  &amp;lt;meta charset="utf-8"&amp;gt;
  &amp;lt;meta name="viewport" content="width=device-width, initial-scale=1"&amp;gt;
  &amp;lt;link rel="stylesheet" href="https://maxcdn.bootstrapcdn.com/bootstrap/3.3.7/css/bootstrap.min.css"&amp;gt;
  &amp;lt;script src="https://ajax.googleapis.com/ajax/libs/jquery/3.3.1/jquery.min.js"&amp;gt;&amp;lt;/script&amp;gt;
  &amp;lt;script src="https://maxcdn.bootstrapcdn.com/bootstrap/3.3.7/js/bootstrap.min.js"&amp;gt;&amp;lt;/script&amp;gt;
&amp;lt;/head&amp;gt;
&amp;lt;body&amp;gt;
&amp;lt;div class="container"&amp;gt;
  &amp;lt;h2&amp;gt;Dynamic Pills&amp;lt;/h2&amp;gt;
  &amp;lt;p&amp;gt;To make the tabs toggleable, add the data-toggle="pill" attribute to each link. Then add a .tab-pane class with a unique ID for every tab and wrap them inside a div element with class .tab-content.&amp;lt;/p&amp;gt;
  &amp;lt;ul class="nav nav-pills"&amp;gt;
    &amp;lt;li class="active"&amp;gt;&amp;lt;a data-toggle="pill" href="#home"&amp;gt;Home&amp;lt;/a&amp;gt;&amp;lt;/li&amp;gt;
    &amp;lt;li&amp;gt;&amp;lt;a data-toggle="pill" href="#menu1"&amp;gt;Menu 1&amp;lt;/a&amp;gt;&amp;lt;/li&amp;gt;
    &amp;lt;li&amp;gt;&amp;lt;a data-toggle="pill" href="#menu2"&amp;gt;Menu 2&amp;lt;/a&amp;gt;&amp;lt;/li&amp;gt;
    &amp;lt;li&amp;gt;&amp;lt;a data-toggle="pill" href="#menu3"&amp;gt;Menu 3&amp;lt;/a&amp;gt;&amp;lt;/li&amp;gt;
  &amp;lt;/ul&amp;gt;
  &amp;lt;div class="tab-content"&amp;gt;
    &amp;lt;div id="home" class="tab-pane fade in active"&amp;gt;
      &amp;lt;h3&amp;gt;HOME&amp;lt;/h3&amp;gt;
      &amp;lt;p&amp;gt;Lorem ipsum dolor sit amet, consectetur adipisicing elit, sed do eiusmod tempor incididunt ut labore et dolore magna aliqua.&amp;lt;/p&amp;gt;
    &amp;lt;/div&amp;gt;
    &amp;lt;div id="menu1" class="tab-pane fade"&amp;gt;
      &amp;lt;h3&amp;gt;Menu 1&amp;lt;/h3&amp;gt;
      &amp;lt;p&amp;gt;Ut enim ad minim veniam, quis nostrud exercitation ullamco laboris nisi ut aliquip ex ea commodo consequat.&amp;lt;/p&amp;gt;
    &amp;lt;/div&amp;gt;
    &amp;lt;div id="menu2" class="tab-pane fade"&amp;gt;
      &amp;lt;h3&amp;gt;Menu 2&amp;lt;/h3&amp;gt;
      &amp;lt;p&amp;gt;Sed ut perspiciatis unde omnis iste natus error sit voluptatem accusantium doloremque laudantium, totam rem aperiam.&amp;lt;/p&amp;gt;
    &amp;lt;/div&amp;gt;
    &amp;lt;div id="menu3" class="tab-pane fade"&amp;gt;
      &amp;lt;h3&amp;gt;Menu 3&amp;lt;/h3&amp;gt;
      &amp;lt;p&amp;gt;Eaque ipsa quae ab illo inventore veritatis et quasi architecto beatae vitae dicta sunt explicabo.&amp;lt;/p&amp;gt;
    &amp;lt;/div&amp;gt;
  &amp;lt;/div&amp;gt;
&amp;lt;/div&amp;gt;
&amp;lt;a href="#menu1" data-toggle="tab" aria-expanded="false"&amp;gt;
    2. Next
    &amp;lt;div class="icon"&amp;gt;
        &amp;lt;i class="fa fa-home"&amp;gt;&amp;lt;/i&amp;gt;
    &amp;lt;/div&amp;gt;
&amp;lt;/a&amp;gt;
&amp;lt;/body&amp;gt;
&amp;lt;/html&amp;gt;
&lt;/code&gt;&lt;/pre&gt;
&lt;p&gt;(Overwrited from w3schools.)
I need as a result:
clicking on the &lt;strong&gt;Next&lt;/strong&gt; (a href), and change the data-toggle part of the menu (ex. from home to menu1 as it given), but in the design, it doesn't shows as it was clicked onto menu1 (the menu1 doesn't appear as active menu). I already tried the for attribute, but no result. 
Any idea? Thanks for helping.&lt;/p&gt;</t>
  </si>
  <si>
    <t>2018-09-06 18:14:13.390000+00:00</t>
  </si>
  <si>
    <t>2018-09-06 18:41:01.870000+00:00</t>
  </si>
  <si>
    <t>2018-09-06 18:14:55.047000+00:00</t>
  </si>
  <si>
    <t>html|css|twitter-bootstrap|menu</t>
  </si>
  <si>
    <t>Does :reload work globally in clojure?</t>
  </si>
  <si>
    <t>&lt;p&gt;Say I have two source files in a clojure program and I reload a changed external module using :reload in one of the modukes. Does the reload only occur in scope of the module which calls reload or is the reload in effect for all modules?&lt;/p&gt;</t>
  </si>
  <si>
    <t>2011-04-19 14:06:40.443000+00:00</t>
  </si>
  <si>
    <t>2011-04-19 14:24:06.180000+00:00</t>
  </si>
  <si>
    <t>Can we upload deobfuscation file on fabric?</t>
  </si>
  <si>
    <t>&lt;p&gt;While releasing my android application on play store I have also uploaded the mapping.txt file for the deobfuscation of crash or error stack trace. I want to know is it possible to do same in Fabric?. Can we upload a mapping.txt file for deobfuscation of stack trace on fabric.io?&lt;/p&gt;</t>
  </si>
  <si>
    <t>2018-02-06 07:20:43.327000+00:00</t>
  </si>
  <si>
    <t>2018-02-06 10:14:25.423000+00:00</t>
  </si>
  <si>
    <t>android|obfuscation|google-fabric|deobfuscation</t>
  </si>
  <si>
    <t>Listview or Gridview</t>
  </si>
  <si>
    <t>&lt;p&gt;I really confused on what widget should I use to display in my application. First I receive from a Web service 3 vectors:&lt;/p&gt;
&lt;pre&gt;&lt;code&gt;for (int i = 0; i &amp;lt; intPropertyCount; i++) {                        
                        Object property = resultsRequestSOAP.getProperty(i);
                        if (property instanceof SoapObject) {
                            SoapObject DocTypeList = (SoapObject) property;
                            //CedulaUsuario
                            strUserDocument[i] = DocTypeList.getProperty("CedulaUsuario").toString();
                            //Observacion
                            strNeedsDescription[i] = DocTypeList.getProperty("Observacion").toString();
                            //Estado
                            strNeedStatus[i] = DocTypeList.getProperty("Respueta").toString();
                        }
                    }
&lt;/code&gt;&lt;/pre&gt;
&lt;p&gt;until that is perfect, but I want to show those values in a widget (Listview or gridView), and after tapping an option, do another action; but don't know if ListView or a gridview could be more useful for what I need. This is how I want to display the information I receive from the WS:&lt;/p&gt;
&lt;pre&gt;&lt;code&gt;Document    Description       status  ---&amp;gt;Header
123456     Hello, Descr...      Yes
987654     Another Desc...      No 
654987     More, Descri...      Yes
&lt;/code&gt;&lt;/pre&gt;
&lt;p&gt;Any example, code or link that could help me to achieve this is really appreciated.&lt;/p&gt;</t>
  </si>
  <si>
    <t>2014-10-13 21:29:35.547000+00:00</t>
  </si>
  <si>
    <t>2014-10-13 21:58:20.263000+00:00</t>
  </si>
  <si>
    <t>2014-10-13 21:40:04.487000+00:00</t>
  </si>
  <si>
    <t>android|listview|android-listview|android-studio|android-gridview</t>
  </si>
  <si>
    <t>converting the fzero function of MATLAB (Brent Method) to C code</t>
  </si>
  <si>
    <t>&lt;p&gt;I am trying to write a similar function in C to the one in MATLAB called &lt;code&gt;fzero&lt;/code&gt;, I found out that fzero uses the Brent method in order to find roots.&lt;/p&gt;
&lt;pre&gt;&lt;code&gt;T=fzero(MyFunction,CATHRESHOLD); 
&lt;/code&gt;&lt;/pre&gt;
&lt;p&gt;this is the function I need, it is suppose to give me the zero of MyFunction near &lt;code&gt;CATHRESHOLD&lt;/code&gt;. &lt;/p&gt;
&lt;p&gt;When I tried to implement the Brent method in order to find the required result I figured out that in addition to MyFunction I need two inputs &lt;code&gt;a&lt;/code&gt; and &lt;code&gt;b&lt;/code&gt;. &lt;/p&gt;
&lt;p&gt;&lt;code&gt;b&lt;/code&gt; is considered as the current guess for the root of MyFunction.
&lt;code&gt;a&lt;/code&gt; is a point such that &lt;code&gt;MyFunction(a)&lt;/code&gt; and &lt;code&gt;MyFunction(b)&lt;/code&gt; have opposite signs, so the interval &lt;code&gt;[a, b]&lt;/code&gt; contains the solution. &lt;/p&gt;
&lt;p&gt;I can write a C code of the brent method knowing all the inputs but I couldn't write one knowing only the function, and what I called &lt;code&gt;CATHRESHOLD&lt;/code&gt;.
How should I choose the value of &lt;code&gt;a&lt;/code&gt; ?!&lt;/p&gt;
&lt;p&gt;could anyone explains to me how &lt;code&gt;fzero&lt;/code&gt; works maybe that would help! &lt;/p&gt;</t>
  </si>
  <si>
    <t>2017-08-15 14:25:55.167000+00:00</t>
  </si>
  <si>
    <t>2017-08-15 14:54:46.303000+00:00</t>
  </si>
  <si>
    <t>2017-08-15 14:37:48.967000+00:00</t>
  </si>
  <si>
    <t>c|matlab</t>
  </si>
  <si>
    <t>"Could not find nokogiri-1.8.2.." However, it is installed</t>
  </si>
  <si>
    <t>&lt;p&gt;Really weird error I've never gotten before, hoping someone else has seen this.&lt;/p&gt;
&lt;p&gt;I'm trying to &lt;code&gt;bundle exec rake db:migrate:reset&lt;/code&gt; and I'm getting&lt;/p&gt;
&lt;blockquote&gt;
  &lt;p&gt;Could not find nokogiri-1.8.2 in any of the sources.  Run 'bundle install' to install missing gems.&lt;/p&gt;
&lt;/blockquote&gt;
&lt;p&gt;I have ran &lt;code&gt;bundle install&lt;/code&gt; and I see nokogiri installed:&lt;/p&gt;
&lt;pre&gt;&lt;code&gt;cli:~/projects/interviews/my_folder/name_generator$ bundle install
Using rake 12.3.1
Using concurrent-ruby 1.0.5
Using i18n 1.0.1
Using minitest 5.11.3
Using thread_safe 0.3.6
Using tzinfo 1.2.5
Using activesupport 5.1.6
Using builder 3.2.3
Using erubi 1.7.1
Using mini_portile2 2.3.0
Using nokogiri 1.8.2 &amp;lt;------------ Here?!
Using rails-dom-testing 2.0.3
Using crass 1.0.4
Using loofah 2.2.2
Using rails-html-sanitizer 1.0.4
Using actionview 5.1.6
Using rack 2.0.5
Using rack-test 1.0.0
Using actionpack 5.1.6
Using nio4r 2.3.1
Using websocket-extensions 0.1.3
Using websocket-driver 0.6.5
Using actioncable 5.1.6
Using globalid 0.4.1
Using activejob 5.1.6
Using mini_mime 1.0.0
Using mail 2.7.0
Using actionmailer 5.1.6
Using activemodel 5.1.6
Using arel 8.0.0
Using activerecord 5.1.6
Using activerecord-import 0.23.0
Using public_suffix 3.0.2
Using addressable 2.5.2
Using bindex 0.5.0
Using bundler 1.16.2
Using byebug 10.0.2
Using xpath 3.0.0
Using capybara 2.18.0
Using ffi 1.9.23
Using childprocess 0.9.0
Using coderay 1.1.2
Using coffee-script-source 1.12.2
Using execjs 2.7.0
Using coffee-script 2.4.1
Using method_source 0.9.0
Using thor 0.20.0
Using railties 5.1.6
Using coffee-rails 4.2.2
Using multi_json 1.13.1
Using jbuilder 2.7.0
Using rb-fsevent 0.10.3
Using rb-inotify 0.9.10
Using ruby_dep 1.5.0
Using listen 3.1.5
Using pg 1.0.0
Using pry 0.11.3
Using puma 3.11.4
Using sprockets 3.7.1
Using sprockets-rails 3.2.1
Using rails 5.1.6
Using rubyzip 1.2.1
Using sass-listen 4.0.0
Using sass 3.5.6
Using tilt 2.0.8
Using sass-rails 5.0.7
Using selenium-webdriver 3.12.0
Using spring 2.0.2
Using spring-watcher-listen 2.0.1
Using turbolinks-source 5.1.0
Using turbolinks 5.1.1
Using uglifier 4.1.10
Using web-console 3.6.2
Bundle complete! 18 Gemfile dependencies, 73 gems now installed.
Use `bundle info [gemname]` to see where a bundled gem is installed.
clil:~/projects/interviews/John_Gray/name_generator$ bundle exec rake db:migrate:reset
Could not find nokogiri-1.8.2 in any of the sources
Run `bundle install` to install missing gems.
cli:~/projects/interviews/John_Gray/name_generator$ 
&lt;/code&gt;&lt;/pre&gt;</t>
  </si>
  <si>
    <t>2018-06-11 16:56:24.910000+00:00</t>
  </si>
  <si>
    <t>2018-06-11 17:39:52.230000+00:00</t>
  </si>
  <si>
    <t>Android camera update callback is not called in &gt;4.1.2</t>
  </si>
  <si>
    <t>&lt;p&gt;I'm working with different version of Android in an application using JNI. I followed &lt;a href="http://developer.android.com/guide/topics/media/camera.html#custom-camera" rel="nofollow"&gt;&lt;strong&gt;This tutorial&lt;/strong&gt;&lt;/a&gt;&lt;/p&gt;
&lt;p&gt;First of all, I manage the camera from Java, and send the data using &lt;strong&gt;JNI&lt;/strong&gt; and store it into a OpenCV matrix and then manipulate the data. My application works fine in versions before 4.1.2, but in newest devices, it doesn't work.&lt;/p&gt;
&lt;p&gt;The problem is, I set invisible the camera's preview in the UI. If the layer is not drawing, in newest versions the callback stop.&lt;/p&gt;
&lt;p&gt;I only found &lt;a href="http://soledadpenades.com/2011/04/07/how-to-hide-the-camera-preview-in-android/" rel="nofollow"&gt;a solution&lt;/a&gt;, but I cannot make it work. Someone know how to solve the problem of the callback preview WITHOUT show the image in the screen?&lt;/p&gt;
&lt;p&gt;Exist another alternative, like open directly the camera in Native and use the callbacks in another thread?&lt;/p&gt;</t>
  </si>
  <si>
    <t>2014-01-16 08:36:46.100000+00:00</t>
  </si>
  <si>
    <t>2014-01-24 05:45:46.760000+00:00</t>
  </si>
  <si>
    <t>2014-01-24 05:07:36.797000+00:00</t>
  </si>
  <si>
    <t>android|opencv|jni|video-processing|android-4.2-jelly-bean</t>
  </si>
  <si>
    <t>Get the column names of a python numpy array</t>
  </si>
  <si>
    <t>&lt;p&gt;I have a csv data file with a header indicating the column names. &lt;/p&gt;
&lt;pre&gt;&lt;code&gt;xy   wz  hi kq
0    10  5  6
1    2   4  7
2    5   2  6
&lt;/code&gt;&lt;/pre&gt;
&lt;p&gt;I run: &lt;/p&gt;
&lt;pre&gt;&lt;code&gt;X = np.array(pd.read_csv('gbk_X_1.csv').values)
&lt;/code&gt;&lt;/pre&gt;
&lt;p&gt;I want to get the column names:&lt;/p&gt;
&lt;pre&gt;&lt;code&gt;['xy', 'wz', 'hi', 'kg']
&lt;/code&gt;&lt;/pre&gt;
&lt;p&gt;I read this &lt;a href="https://stackoverflow.com/questions/7561017/get-the-column-names-of-a-python-numpy-ndarray?rq=1"&gt;post&lt;/a&gt; but the solution provides me with None.&lt;/p&gt;</t>
  </si>
  <si>
    <t>2017-12-01 07:39:23.550000+00:00</t>
  </si>
  <si>
    <t>2017-12-16 09:14:44.093000+00:00</t>
  </si>
  <si>
    <t>2017-12-01 07:39:52.520000+00:00</t>
  </si>
  <si>
    <t>python|arrays|pandas|numpy</t>
  </si>
  <si>
    <t>Mongoose / mongodb - Atomic find</t>
  </si>
  <si>
    <t>&lt;p&gt;This more like a "hey is this the way mongoose / mongodb works" as oppose to a how do I do this? &lt;/p&gt;
&lt;p&gt;Let me specify though : &lt;/p&gt;
&lt;pre&gt;&lt;code&gt;Model.find({name:'jim'}, function(err, jim){
    // i should happen first &amp;amp; find 0 jim's 
    new Model({name:'jim'}).save( ... );
});
Model.find({name:'jim'}, function(err, jim){
    // i should happen second &amp;amp; find 1 jim 
    new Model({name:'jim'}).save( ... );
});
&lt;/code&gt;&lt;/pre&gt;
&lt;p&gt;I would like to have everything inside of the find to belay any future inserts to that model until the new model is saved. Any thoughts?&lt;/p&gt;</t>
  </si>
  <si>
    <t>2015-01-30 19:07:46.207000+00:00</t>
  </si>
  <si>
    <t>2015-01-30 22:59:06.457000+00:00</t>
  </si>
  <si>
    <t>2015-01-30 19:43:07.273000+00:00</t>
  </si>
  <si>
    <t>asp.net - how to download files from server</t>
  </si>
  <si>
    <t>&lt;p&gt;I want to enable the users of my website to download the files from the server, but I can do it only with those files which are inside the website's folder(by creating hyperlinks to those files).&lt;/p&gt;
&lt;p&gt;How to enable the users to download files from server which are not in the website's folder but somewhere else on the server.&lt;/p&gt;</t>
  </si>
  <si>
    <t>2010-02-23 13:28:05.240000+00:00</t>
  </si>
  <si>
    <t>2010-02-23 14:33:27.290000+00:00</t>
  </si>
  <si>
    <t>ruby how to pass a method and invoke it with parameter</t>
  </si>
  <si>
    <t>&lt;p&gt;I tried to do the following in ruby, but it didn't work:&lt;/p&gt;
&lt;pre&gt;&lt;code&gt;method_map = {
  'one' =&amp;gt; one
}
def one(param)
  puts param
end
method_map['one']('hi')
&lt;/code&gt;&lt;/pre&gt;
&lt;p&gt;then I realized that in ruby this will invoke the method before I even put parentheses, so I found out that I can pass a method name instead&lt;/p&gt;
&lt;pre&gt;&lt;code&gt;method_map = {
  'one' =&amp;gt; :one
}
method_map['one']('hi')
&lt;/code&gt;&lt;/pre&gt;
&lt;p&gt;but it still doesn't work. What's the correct way of passing a method, and then invoking it with a parameter in ruby?&lt;/p&gt;</t>
  </si>
  <si>
    <t>2016-06-03 23:43:17.147000+00:00</t>
  </si>
  <si>
    <t>2016-06-04 00:11:31.613000+00:00</t>
  </si>
  <si>
    <t>How to collect data from text file to dict in Python?</t>
  </si>
  <si>
    <t>&lt;p&gt;I have the following table generated in a text file,"fasta.txt"&lt;/p&gt;
&lt;pre&gt;&lt;code&gt;                A               C               G               T               
0               0.195965417867  0.322766570605  0.35446685879   0.126801152738  
A1              0.25            0.1875          0.3125          0.25            
C1              0.25            0.475           0.225           0.05            
G1              0.135135135135  0.243243243243  0.405405405405  0.216216216216  
T1              0.142857142857  0.285714285714  0.285714285714  0.285714285714  
A2              0.125           0.208333333333  0.625           0.0416666666667 
C2              0.0833333333333 0.416666666667  0.305555555556  0.194444444444  
G2              0.111111111111  0.361111111111  0.388888888889  0.138888888889  
T2              0.1             0.15            0.55            0.2             
A3              0.333333333333  0.25            0.416666666667  0.0             
C3              0.314285714286  0.4             0.171428571429  0.114285714286  
G3              0.254901960784  0.372549019608  0.333333333333  0.0392156862745 
T3              0.235294117647  0.235294117647  0.470588235294  0.0588235294118 
&lt;/code&gt;&lt;/pre&gt;
&lt;p&gt;and I want to take the data from the text file and put them in either a dict or a list of lists.
I tried to use strip method&lt;/p&gt;
&lt;pre&gt;&lt;code&gt;with open('fasta.txt') as f:
   for l in f:
      print l.strip().split("\t")
&lt;/code&gt;&lt;/pre&gt;
&lt;p&gt;but it doesn't really work out as what I want.&lt;/p&gt;
&lt;p&gt;I want to know how to collect the stats(except the 0 row) into a dict as shown below:&lt;/p&gt;
&lt;pre&gt;&lt;code&gt;d = {"AA":{"1":0.25,"2":0.125,"3":0.333333333333}, "AC":{"1":0.1875,"2":0.208333333333,"3":0.25}, "AG":{"1":0.3125,"2":0.625,"3":0.416666666667}, "AT":{"1":0.25,"2":0.0416666666667,"3":0.0}, "CA":{"1":...,"2":...,"3":...}, "CC":{"1":...,"2":...,"3":...}, "CG":{"1":...,"2":...,"3":...}, "CT":{"1":...,"2":...,"3":...}, "GA":{"1":...,"2":...,"3":...}, "GC":{"1":...,"2":...,"3":...}, "GG":{"1":...,"2":...,"3":...}, "GT":{"1":...,"2":...,"3":...}, "TA":{"1":...,"2":...,"3":...}, "TC":{"1":...,"2":...,"3":...}, "TT":{"1":...,"2":...,"3":...}, "TG":{"1":...,"2":...,"3":...}}  #(... represents the respective data from the table)
&lt;/code&gt;&lt;/pre&gt;
&lt;p&gt;Thank you in advance and I am really new to Python.
The problem here is to collect data from a text file and not a csv file which uses it's unique csv module to collect data&lt;/p&gt;</t>
  </si>
  <si>
    <t>2015-06-16 21:35:33.213000+00:00</t>
  </si>
  <si>
    <t>2015-06-18 14:15:50.027000+00:00</t>
  </si>
  <si>
    <t>python|python-2.7|csv|dictionary</t>
  </si>
  <si>
    <t>set device name to a peer in session Multipeer connectivity swift3</t>
  </si>
  <si>
    <t>&lt;p&gt;I want to build an app something like queue manage that request a queue and call the queue to counter service number 1 2 3
 problem is how can I set the device to counter 1, counter 2 depends on device connected &lt;/p&gt;
&lt;p&gt;thanks for answer&lt;/p&gt;</t>
  </si>
  <si>
    <t>2017-07-21 11:36:00.130000+00:00</t>
  </si>
  <si>
    <t>2017-07-21 11:56:44.930000+00:00</t>
  </si>
  <si>
    <t>ios|swift|mpc</t>
  </si>
  <si>
    <t>Can I get SVN log over http request on Assembla server?</t>
  </si>
  <si>
    <t>&lt;p&gt;Is it possible to access an svn log without having svn installed? I'm trying to access a log of recently changed (committed) files on Assembla, but the hosted web server from which I'd like to send this request doesn't have svn installed. Since all I'm doing is sending the svn server a few parameters like my name, password, output format, revision dates and the like, I don't see why there shouldn't be a simple http request mode for svn (e.g. with basic authentication) that would allow me to get the log file even if I don't have a special program (svn) installed on the hosted server from which I would like to send my svn log request. &lt;/p&gt;
&lt;p&gt;Does any one know if this is possible with svn in general or with Assembla in particular?&lt;/p&gt;</t>
  </si>
  <si>
    <t>2010-10-22 22:36:25.187000+00:00</t>
  </si>
  <si>
    <t>2010-10-22 22:42:42.127000+00:00</t>
  </si>
  <si>
    <t>svn|http|logging</t>
  </si>
  <si>
    <t>Is there a way to play a video in NativeScript?</t>
  </si>
  <si>
    <t>&lt;p&gt;I've been reading documentation &lt;a href="https://docs.nativescript.org/modules" rel="nofollow"&gt;https://docs.nativescript.org/modules&lt;/a&gt; but I only could find a image widget. All suggestions are welcome.Thanks in advance!&lt;/p&gt;</t>
  </si>
  <si>
    <t>2015-06-23 08:38:40.897000+00:00</t>
  </si>
  <si>
    <t>2016-11-10 09:25:10.200000+00:00</t>
  </si>
  <si>
    <t>android|telerik|hybrid-mobile-app|nativescript</t>
  </si>
  <si>
    <t>How to realize load balancing for varnish servers with caching requests to backend(varnish servers)?</t>
  </si>
  <si>
    <t>&lt;p&gt;Please use this pic to understand it clearly
&lt;a href="https://i.stack.imgur.com/YwWLP.png" rel="nofollow noreferrer"&gt;Architecture as I see&lt;/a&gt;
Need to realize request caching at [balancer] level for VoD service.&lt;/p&gt;
&lt;p&gt;When &lt;strong&gt;reqst1&lt;/strong&gt; for &lt;strong&gt;file1&lt;/strong&gt; is come to &lt;strong&gt;balancer&lt;/strong&gt; it send it by round-robin to &lt;strong&gt;varnish1&lt;/strong&gt; server and save this request to &lt;strong&gt;local db/cache&lt;/strong&gt; etc.&lt;/p&gt;
&lt;p&gt;Next &lt;strong&gt;if varnish1&lt;/strong&gt; hasn't this file at cache it &lt;strong&gt;send request to local webserver&lt;/strong&gt; (nginx-VOD1) and after that nginx got &lt;strong&gt;file1&lt;/strong&gt; from fs for &lt;strong&gt;varnish1&lt;/strong&gt;.&lt;/p&gt;
&lt;p&gt;So if the next request is for &lt;strong&gt;file1&lt;/strong&gt; balancer directly redirect it to &lt;strong&gt;varnish1&lt;/strong&gt; so the info at the varnishes doesn't double.&lt;/p&gt;
&lt;p&gt;So the root of issue next: how to realize this scheme or how to realize the other scheme in such way - &lt;strong&gt;the content doesnt double at different varnish caches&lt;/strong&gt;?&lt;/p&gt;
&lt;p&gt;1)Is there ready free/pay solution?&lt;/p&gt;
&lt;p&gt;2)Is this scheme justified?&lt;/p&gt;
&lt;p&gt;3)What I should use as balancer(nginx, haproxy, varnish)?&lt;/p&gt;
&lt;p&gt;4)Where varnish should save it cache at ssd or at memmory?&lt;/p&gt;
&lt;p&gt;Thanks&lt;/p&gt;</t>
  </si>
  <si>
    <t>2018-06-12 22:01:45.657000+00:00</t>
  </si>
  <si>
    <t>2018-06-27 10:40:47.220000+00:00</t>
  </si>
  <si>
    <t>nginx|video|varnish|haproxy|high-load</t>
  </si>
  <si>
    <t>Overwriting only the desired rows in DataGridView</t>
  </si>
  <si>
    <t>&lt;p&gt;The intent of the application is to show all available hours in the day. If there already exists some scheduling it appears on its own line, otherwise the line will come in white showing the availability of that time.&lt;/p&gt;
&lt;p&gt;Schedules are displayed in the DataGridView according to the day that I select on the calendar&lt;/p&gt;
&lt;p&gt;Example:&lt;/p&gt;
&lt;p&gt;&lt;img src="https://i.stack.imgur.com/1iROA.png" alt="Example"&gt;&lt;/p&gt;
&lt;p&gt;&lt;strong&gt;The image above shows how it should stay&lt;/strong&gt;, Currently the datagrid is populated as follows (clinical work from 08:00 to 20:00)&lt;/p&gt;
&lt;pre&gt;&lt;code&gt; private void frmAgenda_Load(object sender, EventArgs e)
    {
        string data = agenda.SelectionRange.Start.ToString("MM/dd/yyyy");
        for (int cont = 8; cont &amp;lt;= 19; cont++)
        {
            string[] row = new string[] { "", "", data, cont.ToString() + ":00", "" };
            dtgrdAgendamentos.Rows.Add(row);
            string[] row2 = new string[] { "", "", data, cont.ToString() + ":30", "" };
            dtgrdAgendamentos.Rows.Add(row2);
        }
        string[] row3 = new string[] { "", "", data, "20:00", "" };
        dtgrdAgendamentos.Rows.Add(row3);
    }
&lt;/code&gt;&lt;/pre&gt;
&lt;p&gt;And then when I select one day he carries the information from the database MSSQL 2005 as follows:&lt;/p&gt;
&lt;pre&gt;&lt;code&gt;string day = agenda.SelectionRange.Start.ToString();
        try
        {
            conexao.Open();
            adap = new SqlDataAdapter("SELECT paciente_codigo , consulta_nomepaciente , consulta_data, consulta_hora, consulta_valor, consulta_id, consulta_recibo FROM consulta WHERE consulta_data =  '" + day + "'", conexao);
            ds = new DataSet();
            adap.Fill(ds, "Patients_Schedules");
            dtgrdAgendamentos.DataSource = ds.Tables[0];
            dtgrdAgendamentos.Columns[5].Visible = false;
            dtgrdAgendamentos.Columns[6].Visible = false;                
        }
        catch (Exception ex)
        {
            MessageBox.Show(ex.Message);
        }
        finally
        {
            conexao.Close();
        }
&lt;/code&gt;&lt;/pre&gt;
&lt;p&gt;Obviously it replaces what had been loaded in the Load, but need it to check the time that a record is saved in the database (consulta_hora column), and put that into their schedule online datagrid. In our example were scheduled and saved in the database three schedules on 5/13/2014, one at 8:00, 10:30 and the other at 12:00 ... the application should put these three schedules in their respective places in the DataGridView, and available leave with nothing, as in the example image.&lt;/p&gt;
&lt;p&gt;I appreciate the help because I have no idea how to do this. Perhaps the current form is not the most appropriate.&lt;/p&gt;
&lt;p&gt;P.S.: &lt;a href="https://stackoverflow.com/questions/21818382/how-to-overwrite-a-row-in-datagridview-if-same-datetime-is-already-in-a-row"&gt;I found this&lt;/a&gt;, but do not know how to use.&lt;/p&gt;
&lt;p&gt;Thank you!&lt;/p&gt;</t>
  </si>
  <si>
    <t>2014-05-13 14:59:46.740000+00:00</t>
  </si>
  <si>
    <t>2017-05-23 12:21:25.383000+00:00</t>
  </si>
  <si>
    <t>c#|sql|sql-server|datagridview|rows</t>
  </si>
  <si>
    <t>Symfony2 dispatch new event from event subscriber</t>
  </si>
  <si>
    <t>&lt;p&gt;I just started Symfony2 web app project and I'm stuck at a particular problem:&lt;/p&gt;
&lt;p&gt;I have users and I have one subscriber to doctrine events (postUpdate and postPersist) to dispatch custom events, so:&lt;/p&gt;
&lt;ol&gt;
&lt;li&gt;User is updated&lt;/li&gt;
&lt;li&gt;Doctrine flushes User&lt;/li&gt;
&lt;li&gt;Doctrine subscriber act on postUpdate dispatching 'user.updated' event&lt;/li&gt;
&lt;li&gt;Custom event subscriber act on 'user.updated'&lt;/li&gt;
&lt;/ol&gt;
&lt;p&gt;Everything goes fine up to that point. What I need to do now is... I need to dispatch 'user.updated_current' if the user modified is current user from within that custom event subscriber (which also subscribes to 'user.updated_current').&lt;/p&gt;
&lt;p&gt;Unfortunately 'user.updated_current' event, despite being dispatched, is not handled by my custom event subscriber.&lt;/p&gt;
&lt;p&gt;I'm wondering if I actually can dispatch events from within Symfony's event subscriber?&lt;/p&gt;</t>
  </si>
  <si>
    <t>2016-11-19 14:06:43.273000+00:00</t>
  </si>
  <si>
    <t>2016-11-20 16:15:49.400000+00:00</t>
  </si>
  <si>
    <t>symfony|events|doctrine2|event-handling</t>
  </si>
  <si>
    <t>Trie Printing in C</t>
  </si>
  <si>
    <t>&lt;p&gt;I'm having trouble printing out the words of a &lt;code&gt;trie&lt;/code&gt; in C. I've implemented the &lt;code&gt;trie&lt;/code&gt; like this:&lt;/p&gt;
&lt;pre&gt;&lt;code&gt;struct trie {
struct trie *children[26];
char letter;
int wordEnd;
};
void printSubtree(struct trie *subtree) {
    int i;  
    if (subtree == NULL){
        return;
    }
    else {
        for (i = 0; i&amp;lt;26;i++) {
            if (subtree-&amp;gt;children[i]!= NULL) {
                printf("%c", subtree-&amp;gt;children[i]-&amp;gt;letter);
                printSubtree( subtree-&amp;gt;children[i]);
            }
        }
    }
}
void printResult(){
    struct trie *temp; 
    temp = master;
    int i ;
    if (temp){
        for (i = 0; i&amp;lt;26;i++) {
            if (temp-&amp;gt;children[i]!= NULL) {
                printf("%c", temp-&amp;gt;children[i]-&amp;gt;letter);
                printSubtree(temp-&amp;gt;children[i]);
                printf("\n");
                printf("\n");
            } 
        } 
    }   
}
&lt;/code&gt;&lt;/pre&gt;
&lt;p&gt;I know this is not right, but I'm not sure how to use recursion to print out words. If the &lt;code&gt;trie&lt;/code&gt; has &lt;code&gt;"abc"&lt;/code&gt; and &lt;code&gt;"abe"&lt;/code&gt; stored as distinct words, what ends up printing out is only the string &lt;code&gt;"abce"&lt;/code&gt;, insert of both &lt;code&gt;"abc"&lt;/code&gt; and &lt;code&gt;"abe"&lt;/code&gt; as different words. 
Subsequently, I'm unsure how to use DFS to print it out, because wouldn't DFS travel all the way to &lt;code&gt;"abc"&lt;/code&gt;, print that out, then go back to the level of &lt;code&gt;"b"&lt;/code&gt;, see that &lt;code&gt;"b"&lt;/code&gt; has a children that has not been visited,  then print it out, resulting in the string &lt;code&gt;"abce"&lt;/code&gt; anyway? &lt;/p&gt;</t>
  </si>
  <si>
    <t>2015-10-20 08:07:27.813000+00:00</t>
  </si>
  <si>
    <t>2015-10-20 10:17:46.900000+00:00</t>
  </si>
  <si>
    <t>c|trie</t>
  </si>
  <si>
    <t>c++ Output only the max array value and count</t>
  </si>
  <si>
    <t>&lt;p&gt;I was comparing the array values in format arr[i] &gt; arr[max]&lt;/p&gt;
&lt;p&gt;It outputs all the values which is greater to arr[0].&lt;/p&gt;
&lt;p&gt;Can you guys give me tips on how to ouput JUST the greatest value?&lt;/p&gt;
&lt;p&gt;Code:&lt;/p&gt;
&lt;pre&gt;&lt;code&gt;    for(int i=0;i&amp;lt;4;i++){   
        cout&amp;lt;&amp;lt;"Enter how many pancakes eaten by the Person #"&amp;lt;&amp;lt;i&amp;lt;&amp;lt;" : ";
        cin&amp;gt;&amp;gt;pancake;
        person[i] = pancake;            
    }
    for(int i=0;i&amp;lt;4;i++){
        if(person[i]&amp;gt;person[i+1]){
            pancakeCount = pancake[i];
            cout&amp;lt;&amp;lt;"The number of most eaten pancakes is "&amp;lt;&amp;lt;pancakeCount&amp;lt;&amp;lt;" by Person#"&amp;lt;&amp;lt;i&amp;lt;&amp;lt;endl;
        }
    }
&lt;/code&gt;&lt;/pre&gt;
&lt;p&gt;The problem is the output:&lt;/p&gt;
&lt;p&gt;Output:&lt;/p&gt;
&lt;pre&gt;&lt;code&gt;    //list of persons and the number of pancakes they ate.
    The number of most eaten pancakes is 10 by Person#7
    The number of most eaten pancakes is 10 by Person#9
&lt;/code&gt;&lt;/pre&gt;
&lt;p&gt;each time I put the greatest value before the last iteration, it also outputs the last iteration containing the greatest value which is Person#7&lt;/p&gt;
&lt;p&gt;I only want the highest value to be the output itself.&lt;/p&gt;</t>
  </si>
  <si>
    <t>2015-04-05 03:21:16.360000+00:00</t>
  </si>
  <si>
    <t>2015-04-05 10:39:25.073000+00:00</t>
  </si>
  <si>
    <t>2015-04-05 04:36:55.917000+00:00</t>
  </si>
  <si>
    <t>Cannot Select Between No error can someonehelp me check string?</t>
  </si>
  <si>
    <t>&lt;p&gt;i want to input date value  in textbox1 and textbox2 but i think im not sure about string cmd can someone help me check issuse ? please&lt;/p&gt;
&lt;pre&gt;&lt;code&gt;   try
        {
            con = new SqlConnection(MyConnectionString);
            con.Open();
            int tp;
            string sqlstr = "select * from viewReC_store where stk_date_time between '" + TextBox1.Text + "' and '" + TextBox2.Text + "'";
            cmd = new SqlCommand(sqlstr, con);
            SqlDataReader sdr = cmd.ExecuteReader();
            GridView1.DataSource = sdr;
            GridView1.DataBind();
        }
        catch (Exception ex)
        {
            Label4.Text = "ERROR"+ex ;
        }
        con.Close();
&lt;/code&gt;&lt;/pre&gt;
&lt;blockquote&gt;
  &lt;p&gt;Blockquote               string sqlstr = "select * from viewReC_store where stk_date_time between '" + TextBox1.Text + "' and '" + TextBox2.Text + "'";&lt;/p&gt;
&lt;/blockquote&gt;
&lt;p&gt;i guess this line&lt;/p&gt;</t>
  </si>
  <si>
    <t>2015-06-10 03:06:33.603000+00:00</t>
  </si>
  <si>
    <t>2015-06-10 03:21:57.530000+00:00</t>
  </si>
  <si>
    <t>2015-06-10 03:16:35.010000+00:00</t>
  </si>
  <si>
    <t>Parsing specific rows in a tab-separated file in python</t>
  </si>
  <si>
    <t>&lt;p&gt;I have a tab-separated file with no format. The file format is just listed as FILE. When I open it with a text editor, it looks like:&lt;/p&gt;
&lt;pre&gt;&lt;code&gt;Job Wanted_VERB "_. 2000    1   1
Job Wanted_VERB "_. 2001    1   1
Job Wanted_VERB "_. 2002    5   5
Job Wanted_VERB "_. 2004    2   2
Job Wanted_VERB "_. 2005    2   2
Job Wanted_VERB "_. 2006    2   2
Job Wanted_VERB "_. 2007    1   1
Job Well Done   1917    1   1
Job Well Done   1930    3   2
Job Well Done   1937    1   1
Job Well Done   1940    5   4
Job Well Done   1941    3   3
Job Well Done   1942    1   1
Job Well Done   1943    2   2
Job Well Done   1944    1   1
Job Well Done   1945    1   1
Job Well Done   1946    3   3
Job Well Done   1948    1   1
Job Well Done   1949    4   4
Job Well Done   1950    1   1
Job Well Done   1951    3   2
Job Well Done   1952    6   4
Job Well Done   1953    9   5
Job Well Done   1954    6   4
Job Well Done   1955    5   5
....
....
&lt;/code&gt;&lt;/pre&gt;
&lt;p&gt;where the first three columns are 3 gram sentence and the rest are related to the word frequency.&lt;/p&gt;
&lt;p&gt;It is a huge file, so I just want to parse the part that only contains the 3 gram word that I am looking for. For example, from the table above, I would like to parse only the &lt;code&gt;Job Well Done&lt;/code&gt; part.&lt;/p&gt;
&lt;pre&gt;&lt;code&gt;Job Well Done   1917    1   1
Job Well Done   1930    3   2
Job Well Done   1937    1   1
Job Well Done   1940    5   4
Job Well Done   1941    3   3
Job Well Done   1942    1   1
Job Well Done   1943    2   2
Job Well Done   1944    1   1
Job Well Done   1945    1   1
Job Well Done   1946    3   3
Job Well Done   1948    1   1
Job Well Done   1949    4   4
Job Well Done   1950    1   1
Job Well Done   1951    3   2
Job Well Done   1952    6   4
Job Well Done   1953    9   5
Job Well Done   1954    6   4
Job Well Done   1955    5   5
&lt;/code&gt;&lt;/pre&gt;
&lt;p&gt;I am currently doing this to parse the whole file and put it into a list:&lt;/p&gt;
&lt;pre&gt;&lt;code&gt;with open(file, 'rt', encoding='UTF8') as input:
    z = [line.strip().split('\t') for line in input]
&lt;/code&gt;&lt;/pre&gt;
&lt;p&gt;Any help?&lt;/p&gt;</t>
  </si>
  <si>
    <t>2017-11-15 11:07:48.497000+00:00</t>
  </si>
  <si>
    <t>2017-11-15 11:25:10.983000+00:00</t>
  </si>
  <si>
    <t>python|string-parsing</t>
  </si>
  <si>
    <t>Swift 4: Adding dictionaries to Plist</t>
  </si>
  <si>
    <t>&lt;p&gt;So, i have an empty plist, i am trying to create these values in the plist&lt;/p&gt;
&lt;p&gt;using this code :&lt;/p&gt;
&lt;pre&gt;&lt;code&gt; let dictionary:[String:String] = ["key1" : "value1", "key2":"value2", "key3":"value3"]
let documentDirectoryURL =  FileManager().urls(for: .documentDirectory, in: .userDomainMask).first!
let fileURL = documentDirectoryURL.appendingPathComponent("dictionary.plist")
if NSKeyedArchiver.archiveRootObject(dictionary, toFile: fileURL.path) {
    print(true)
}
if let loadedDic = NSKeyedUnarchiver.unarchiveObject(withFile: fileURL.path) as? [String:String] {
    print(loadedDic)   // "["key1": "value1", "key2": "value2", "key3": "value3"]\n"
}
&lt;/code&gt;&lt;/pre&gt;
&lt;p&gt;everything is fine here, but the question is, when i click the plist in my xcode project, its empty, these values are only printed not inserted to the plist&lt;/p&gt;</t>
  </si>
  <si>
    <t>2017-11-21 17:39:20.230000+00:00</t>
  </si>
  <si>
    <t>2017-11-22 08:25:00.860000+00:00</t>
  </si>
  <si>
    <t>ios|swift|xcode</t>
  </si>
  <si>
    <t>Easiest way to extract images from a MS Word Document using PHP?</t>
  </si>
  <si>
    <t>&lt;p&gt;Is this possible to extract images from MS Word Documents using PHP? And if so, how?&lt;/p&gt;
&lt;p&gt;Requirement: Definitely old-shool doc support, but preferably both old and new.&lt;/p&gt;</t>
  </si>
  <si>
    <t>2012-03-18 05:51:31.803000+00:00</t>
  </si>
  <si>
    <t>2015-02-26 01:23:33.133000+00:00</t>
  </si>
  <si>
    <t>php|ms-word</t>
  </si>
  <si>
    <t>How to run a procedure having cursor output in oracle?</t>
  </si>
  <si>
    <t>&lt;p&gt;I have created a procedure in oracle as follows&lt;/p&gt;
&lt;pre&gt;&lt;code&gt;create or replace procedure jobsfetch
(id varchar2,jobcursor out sys_refcursor) 
as
begin
open jobcursor for
   select * from shop.jobs where job_id = id;
end;
&lt;/code&gt;&lt;/pre&gt;
&lt;p&gt;I run the procedure in SQL*Plus using:&lt;/p&gt;
&lt;pre&gt;&lt;code&gt;exec jobsfetch('AD_ASST');
&lt;/code&gt;&lt;/pre&gt;
&lt;p&gt;But I'm getting the following error&lt;/p&gt;
&lt;pre class="lang-none prettyprint-override"&gt;&lt;code&gt;ERROR at line 1:
ORA-06550: line 1, column 7:
PLS-00306: wrong number or types of arguments in call to 'JOBSFETCH'
ORA-06550: line 1, column 7:
PL/SQL: Statement ignored
&lt;/code&gt;&lt;/pre&gt;
&lt;p&gt;How to execute this procedure since its having only one input parameter?&lt;/p&gt;</t>
  </si>
  <si>
    <t>2016-09-23 06:58:42.297000+00:00</t>
  </si>
  <si>
    <t>2016-09-23 17:45:40.630000+00:00</t>
  </si>
  <si>
    <t>2016-09-23 07:27:11.353000+00:00</t>
  </si>
  <si>
    <t>oracle|plsql|sqlplus</t>
  </si>
  <si>
    <t>Javascript click on coordinates inside iframe</t>
  </si>
  <si>
    <t>&lt;p&gt;I have searched some things about click on coordinates with javascript and 
i have found that this line of code helps you click on x,y coordinates&lt;/p&gt;
&lt;pre&gt;&lt;code&gt;document.elementFromPoint(x, y).click();
&lt;/code&gt;&lt;/pre&gt;
&lt;p&gt;So when i put the width and height of an html element or a button it clicks it good and it redirects me to the page that i want.&lt;/p&gt;
&lt;p&gt;But when i have an iframe html object (like a google ad)  it doesnt work.
I cant understand why though because i think "click()" is like simulating a normal mouse click... or am I wrong with this?&lt;/p&gt;
&lt;p&gt;I have read that iframe has a protection that you cant go inside the html elements but all i'm trying to figure out is how to simulate a normal click on the iframe.&lt;/p&gt;
&lt;p&gt;Thanks a lot for your time.&lt;/p&gt;</t>
  </si>
  <si>
    <t>2015-12-06 11:31:10.983000+00:00</t>
  </si>
  <si>
    <t>2015-12-06 23:26:35.243000+00:00</t>
  </si>
  <si>
    <t>user4544229</t>
  </si>
  <si>
    <t>javascript|jquery|html|iframe|click</t>
  </si>
  <si>
    <t>Replacement clickable link</t>
  </si>
  <si>
    <t>&lt;p&gt;I should be able to click on second text which leads me to a new website of my choice in a new tab.&lt;/p&gt;
&lt;p&gt;&lt;div class="snippet" data-lang="js" data-hide="false" data-console="true" data-babel="false"&gt;_x000D_
&lt;div class="snippet-code"&gt;_x000D_
&lt;pre class="snippet-code-js lang-js prettyprint-override"&gt;&lt;code&gt;var search = "First text";_x000D_
var replacement = "Second text";_x000D_
_x000D_
document.body.innerHTML = document.body.innerHTML.split(search).join(replacement);&lt;/code&gt;&lt;/pre&gt;_x000D_
&lt;/div&gt;_x000D_
&lt;/div&gt;_x000D_
&lt;/p&gt;</t>
  </si>
  <si>
    <t>2017-07-20 06:12:22.007000+00:00</t>
  </si>
  <si>
    <t>2017-07-20 06:21:43.190000+00:00</t>
  </si>
  <si>
    <t>2017-07-20 06:19:11.630000+00:00</t>
  </si>
  <si>
    <t>javascript|click</t>
  </si>
  <si>
    <t>django and ajax dropdown based on selected dropdown</t>
  </si>
  <si>
    <t>&lt;p&gt;I am trying to do a dropdown menu based on the selected dropdown and filter these results.&lt;/p&gt;
&lt;p&gt;Here what I  did so far:&lt;/p&gt;
&lt;p&gt;project_dropdown_options.html:&lt;/p&gt;
&lt;pre&gt;&lt;code&gt;&amp;lt;option value=""&amp;gt;---------&amp;lt;/option&amp;gt;
{% for sw in result %}
&amp;lt;option value="{{ sw.pk }}"&amp;gt;{{ sw.pk  }}&amp;lt;/option&amp;gt;
{% endfor %}
&lt;/code&gt;&lt;/pre&gt;
&lt;p&gt;view.py: (I checked the result I am getting values.)&lt;/p&gt;
&lt;pre&gt;&lt;code&gt;def projects_dropdown(request):
    id = request.GET.get('id')
    print(id)
    result = list(SWTypes.objects.filter(proje=int(id)).values('swtype'))
    return render(request, 'project_dropdown_options.html', {'result': result})
&lt;/code&gt;&lt;/pre&gt;
&lt;p&gt;url.py&lt;/p&gt;
&lt;pre&gt;&lt;code&gt;path('ajax/projects-sw/', views.projects_dropdown, name='ajax_projects_dropdown'),
&lt;/code&gt;&lt;/pre&gt;
&lt;p&gt;Ajax script:&lt;/p&gt;
&lt;pre&gt;&lt;code&gt;&amp;lt;script src="https://code.jquery.com/jquery-3.3.1.min.js"&amp;gt;&amp;lt;/script&amp;gt;
  &amp;lt;script&amp;gt;
    $("#projects").change(function () {
      var url = $("#personForm").attr("projects-drop-url");  
      var id = $(this).val();  // get the selected projectID from the HTML input
      $.ajax({                       // initialize an AJAX request
        url: url,                   
        data: {
          'id': id       // add the project id to the GET parameters
        },
        success: function (data) {   
          $("#sw").html(data);  
        }
      });
    });
  &amp;lt;/script&amp;gt;
&lt;/code&gt;&lt;/pre&gt;
&lt;p&gt;html page where the dropdown is:&lt;/p&gt;
&lt;pre&gt;&lt;code&gt;&amp;lt;select name="projects"&amp;gt;
 {% for instance in projects%}
 &amp;lt;option value={{ instance.id }}&amp;gt;{{ instance.project_title }}&amp;lt;/option&amp;gt;
 {% endfor %}&amp;lt;/td&amp;gt;
  &amp;lt;td&amp;gt;
    &amp;lt;form method="post" id="personForm" projects-drop-url="{% url 'ajax_projects_dropdown' %}" novalidate&amp;gt;
    {% csrf_token %}
    &amp;lt;select name="sw" id="sw"&amp;gt;
    &amp;lt;option value=""&amp;gt;Switch Type&amp;lt;/option&amp;gt;
  &amp;lt;/td&amp;gt;
  &amp;lt;/form&amp;gt;
&lt;/code&gt;&lt;/pre&gt;
&lt;p&gt;I think I have error either with Ajax script or the html part where the dropdown menu is.Any idea where I am doing which error ? I am getting no error and I am getting no values at the second dropdowsn menu which is called "sw" and I am getting values of the first dropdown.&lt;/p&gt;</t>
  </si>
  <si>
    <t>2018-08-04 12:34:29.460000+00:00</t>
  </si>
  <si>
    <t>2018-08-07 10:29:02.333000+00:00</t>
  </si>
  <si>
    <t>ajax|django|drop-down-menu</t>
  </si>
  <si>
    <t>clearing SNMP Traps from ZenOSS</t>
  </si>
  <si>
    <t>&lt;p&gt;I have my application where in i am sending notification traps every time any connected module is unreachable and sending back again clear Traps once module becomes reachable.
I am getting both traps as New Status and in SNMP Server also i am seeing two different traps with status as NEW.
I am sending both the traps with different OID's but seems i am not able to set the eventId as part of clear eventID in clear trap
Can anyone suggest how to send the traps with status as CLEAR in clear traps and.&lt;/p&gt;
&lt;p&gt;Thanks in advance &lt;/p&gt;</t>
  </si>
  <si>
    <t>2017-12-15 10:02:10.323000+00:00</t>
  </si>
  <si>
    <t>snmp|zenoss|snmpv2c</t>
  </si>
  <si>
    <t>Bash script - Recursive Find of New lines and Carriage returns at end of files</t>
  </si>
  <si>
    <t>&lt;p&gt;I have a website that is giving me all sorts of errors, I've ran a recursive script to check for BOM headers.. but how would I do the same thing to find carriage returns and line feeds at the end of a file?  &lt;/p&gt;
&lt;p&gt;I want to check over my codebase to make sure there aren't any files with extra lines hanging out&lt;/p&gt;</t>
  </si>
  <si>
    <t>2011-10-19 07:32:43.870000+00:00</t>
  </si>
  <si>
    <t>2011-10-19 09:30:45.227000+00:00</t>
  </si>
  <si>
    <t>php|bash|sed|awk|grep</t>
  </si>
  <si>
    <t>Poco::Data binding to an std::array of arguments</t>
  </si>
  <si>
    <t>&lt;p&gt;I'm using &lt;code&gt;Poco version 1.5.2&lt;/code&gt;. I have the below  problem by example, using the &lt;code&gt;Poco::Data&lt;/code&gt; stuff.&lt;/p&gt;
&lt;pre&gt;&lt;code&gt; Statement select(mySession) // connect to SqLite session object.
    std::vector&amp;lt;int&amp;gt; args;
    args.push_back(1);
    args.push_back(2);
&lt;/code&gt;&lt;/pre&gt;
&lt;p&gt;This query does not work and throws below text to the standard output &lt;/p&gt;
&lt;pre&gt;&lt;code&gt;select &amp;lt;&amp;lt; "SELECT X,Y,Z FROM my_table WHERE a=? AND b=?", bind(args), into(myEntityContainer),now;
&lt;/code&gt;&lt;/pre&gt;
&lt;blockquote&gt;
  &lt;p&gt;"Invalid access: Can not convert empty value."&lt;/p&gt;
&lt;/blockquote&gt;
&lt;p&gt;However this works fine&lt;/p&gt;
&lt;pre&gt;&lt;code&gt;select &amp;lt;&amp;lt; "SELECT X,Y,Z FROM my_table WHERE a=? AND b=?", bind(arg[0]), bind(arg[1]) into(myEntityContainer),now;
&lt;/code&gt;&lt;/pre&gt;
&lt;p&gt;Is this corrected in later releases?
How can I do a workaround in &lt;code&gt;version 1.5.2&lt;/code&gt; ?&lt;/p&gt;</t>
  </si>
  <si>
    <t>2016-05-24 14:09:16.713000+00:00</t>
  </si>
  <si>
    <t>2017-10-31 20:36:54.197000+00:00</t>
  </si>
  <si>
    <t>2016-05-24 15:20:30.953000+00:00</t>
  </si>
  <si>
    <t>c++|poco-libraries</t>
  </si>
  <si>
    <t>Does a getter have zero cost?</t>
  </si>
  <si>
    <t>&lt;p&gt;I have a simple class:&lt;/p&gt;
&lt;pre&gt;&lt;code&gt;class A {
    public:
    int get() const;
    private:
    void do_something();
    int value;
}
int A::get() const {
    return value;
}
&lt;/code&gt;&lt;/pre&gt;
&lt;p&gt;The getter function is simple and straightforward. Getters are to use them, so in do_something I should use &lt;code&gt;get()&lt;/code&gt; in order to access &lt;code&gt;value&lt;/code&gt;. My question is: will compiler optimize-out the getter, so it will be equivalent to accessing the data directly? Or I still will gain performance if I access it directly (what would imply worse design)?&lt;/p&gt;
&lt;pre&gt;&lt;code&gt;A::do_something()
{
    x = get();
    // or...
    x = value;
}
&lt;/code&gt;&lt;/pre&gt;</t>
  </si>
  <si>
    <t>2011-10-24 09:43:19.160000+00:00</t>
  </si>
  <si>
    <t>2011-10-24 09:59:26.563000+00:00</t>
  </si>
  <si>
    <t>2011-10-24 09:53:12.077000+00:00</t>
  </si>
  <si>
    <t>c++|performance</t>
  </si>
  <si>
    <t>Friend template function</t>
  </si>
  <si>
    <t>&lt;p&gt;If I have&lt;/p&gt;
&lt;pre&gt;&lt;code&gt;namespace A
{
        template&amp;lt;class T&amp;gt;
        inline void SomeFunc(T&amp;amp; archive, Object* object)
        {
            // ...
        }
}
&lt;/code&gt;&lt;/pre&gt;
&lt;p&gt;and a non-template class&lt;/p&gt;
&lt;pre&gt;&lt;code&gt;namespace B
{
    class Manager
    {
        // ...
        template &amp;lt;typename T, typename U&amp;gt; friend void A::SomeFunc(T&amp;amp; t, U* u);
    };
}
&lt;/code&gt;&lt;/pre&gt;
&lt;p&gt;why doesn't class &lt;code&gt;Manager&lt;/code&gt; recognize &lt;code&gt;A::SomeFunc()&lt;/code&gt; as a friend?&lt;/p&gt;
&lt;p&gt;&lt;strong&gt;What I'm trying to do:&lt;/strong&gt; I'm gonna have a good number of these &lt;code&gt;SomeFunc&lt;/code&gt;s, all taking different &lt;code&gt;U&lt;/code&gt; classes (which derive from the same base), so I was looking for a clean way to do it without befriending tons of these functions.&lt;/p&gt;</t>
  </si>
  <si>
    <t>2013-11-20 19:14:43.510000+00:00</t>
  </si>
  <si>
    <t>2013-11-21 08:24:00.503000+00:00</t>
  </si>
  <si>
    <t>c++|templates|friend</t>
  </si>
  <si>
    <t>KendoUI: TabStrip Redirect Page in Content of Tab</t>
  </si>
  <si>
    <t>&lt;p&gt;I have a TabScript and in the content of that TabScript I have a button. So when I click on the button it will redirect to the other page. But is there any way to make it just redirect in the content of the TabScript, not refresh the page?&lt;/p&gt;
&lt;p&gt;Thanks!&lt;/p&gt;</t>
  </si>
  <si>
    <t>2013-03-28 14:45:21.323000+00:00</t>
  </si>
  <si>
    <t>2013-03-29 04:10:38.337000+00:00</t>
  </si>
  <si>
    <t>asp.net-mvc-3|asp.net-mvc-4|telerik|kendo-ui</t>
  </si>
  <si>
    <t>Android Touch event handling (framework)</t>
  </si>
  <si>
    <t>&lt;p&gt;I would like to get an idea on how the touch events are handled in Android framework code - the code flow from kernel layer to application layer. &lt;/p&gt;
&lt;p&gt;&lt;code&gt;[kernel -&amp;gt; InputReader -&amp;gt; ... -&amp;gt; onTouchEvent(MotionEvent event)]&lt;/code&gt;&lt;/p&gt;
&lt;p&gt;Also would like to know what is the parameter which helps to control the 'scrolling velocity' in different applications? Is it the quantity of 'pressure' on touch, or the scroll offset value obtained in &lt;code&gt;ACTION_SCROLL&lt;/code&gt;?&lt;/p&gt;</t>
  </si>
  <si>
    <t>2012-12-04 11:24:49.040000+00:00</t>
  </si>
  <si>
    <t>2012-12-04 11:29:47.617000+00:00</t>
  </si>
  <si>
    <t>How do I get the list of Audit tables in my database?</t>
  </si>
  <si>
    <t>&lt;p&gt;I need to populate a drop down list in my ASP.NET application with the list of Audit tables existing in my Oracle database. All the Audit table names start with &lt;code&gt;AUD_&lt;/code&gt;. &lt;/p&gt;
&lt;p&gt;Is there any query that can select the list of these audit tables? If not, what is the way to achieve this?&lt;/p&gt;</t>
  </si>
  <si>
    <t>2011-03-29 11:36:28.450000+00:00</t>
  </si>
  <si>
    <t>2017-07-16 08:35:37.203000+00:00</t>
  </si>
  <si>
    <t>asp.net|oracle|drop-down-menu</t>
  </si>
  <si>
    <t>Flutter - SwitchListTile - DRY code</t>
  </si>
  <si>
    <t>&lt;p&gt;Complete newbie, so bear with me. Just a question on how I could refactor my code using the DRY principle. I'm sure it can be done on such a simple example so here goes.... My code below shows three 'switchListTiles'. I've managed to work out how to create 3 switchListTiles on top of one another, and also how to get them to turn on/off individually. Its just that this means I'm creating the following function 3 times: &lt;/p&gt;
&lt;pre&gt;&lt;code&gt;bool _value3 = false;
void _onChanged3(bool value3) {
    setState(() {
      _value3 = value3;
    });
  }
&lt;/code&gt;&lt;/pre&gt;
&lt;p&gt;I'm sure there is a way I could change this so I don't have the same code three times. 
Any help would be greatly appreciated 
Many thanks in advance&lt;/p&gt;
&lt;pre&gt;&lt;code&gt;    import 'package:flutter/material.dart';
    void main() {
      runApp(new MaterialApp(
        title: "Switch Widget Demo",
        home: new MyApp(),
      ));
    }
    class MyApp extends StatefulWidget {
      @override
      _MyAppState createState() =&amp;gt; _MyAppState();
    }
    class _MyAppState extends State&amp;lt;MyApp&amp;gt; {
      bool _value = false;
      void _onChanged(bool value) {
        setState(() {
          _value = value;
        });
      }
      bool _value2 = false;
      void _onChanged2(bool value2) {
        setState(() {
          _value2 = value2;
        });
      }
      bool _value3 = false;
      void _onChanged3(bool value3) {
        setState(() {
          _value3 = value3;
        });
      }
  @override
  Widget build(BuildContext context) {
    return Scaffold(
      appBar: AppBar(
        title: Text("Switch Demo"),
        backgroundColor: Colors.redAccent,
        centerTitle: true,
      ),
      body: Container(
        padding: EdgeInsets.all(32.0),
        child: Column(
          children: &amp;lt;Widget&amp;gt;[
            Switch(value: _value,
              onChanged: (bool value) {_onChanged(value);}),
            SwitchListTile(value: _value,
              title: Text("Click Me"),
              activeColor: Colors.red,
              secondary: Icon(Icons.home),
              subtitle: Text("For my small print"),
              onChanged: (bool value) {_onChanged(value);}),
            SwitchListTile(value: _value2,
                title: Text("Click Me Again Please"),
                activeColor: Colors.lightGreen,
                secondary: Icon(Icons.perm_identity),
                onChanged: (bool value2) {_onChanged2(value2);}),
            SwitchListTile(value: _value3,
                title: Text("And Again Please"),
                activeColor: Colors.blueGrey,
                subtitle: Text("Some more small print"),
                secondary: Icon(Icons.person),
                onChanged: (bool value) {_onChanged3(value);}),
          ],
        ),
      ),
    );
  }
}
&lt;/code&gt;&lt;/pre&gt;</t>
  </si>
  <si>
    <t>2018-06-08 08:37:19.150000+00:00</t>
  </si>
  <si>
    <t>2018-06-08 09:34:04.823000+00:00</t>
  </si>
  <si>
    <t>Stop execute previous javascript in iframe</t>
  </si>
  <si>
    <t>&lt;p&gt;If I click on button javascript will be append to iframe.&lt;/p&gt;
&lt;p&gt;example:&lt;/p&gt;
&lt;pre&gt;&lt;code&gt;&amp;lt;button id="run"&amp;gt;Click me!&amp;lt;/button&amp;gt;
&amp;lt;textarea&amp;gt;&amp;lt;/textarea&amp;gt;
var iframe = here_is_iframe_object;
$('#run").click(function(e) {
    $(iframe).find("script[id=myScript]").remove();
    $(iframe).append("&amp;lt;script id='myScript'&amp;gt;"+ $("textarea").val() +"&amp;lt;/script&amp;gt;");
});
&lt;/code&gt;&lt;/pre&gt;
&lt;p&gt;If I put into the textarea setInterval with alert for example and after that put simple alert, it will be execute setInterval with alert and new alert at the same time.&lt;/p&gt;
&lt;pre&gt;&lt;code&gt;setInterval(function() {
    alert(true);
}, 5000);
&lt;/code&gt;&lt;/pre&gt;
&lt;p&gt;How to stop previous javascript and execute only new code?&lt;/p&gt;
&lt;p&gt;Thanks in advance.&lt;/p&gt;</t>
  </si>
  <si>
    <t>2014-07-19 07:02:14.293000+00:00</t>
  </si>
  <si>
    <t>2014-07-19 12:53:44.223000+00:00</t>
  </si>
  <si>
    <t>CAS delegate authentication</t>
  </si>
  <si>
    <t>&lt;p&gt;I'm using CAS server 4.x and I'm trying to delegate authentication using google. My idea is that a web application A redirects to CAS for login, there the user presses a "login using google" and then he gets redirected to log in using google.&lt;/p&gt;
&lt;p&gt;To achieve that I created a client application (A).&lt;/p&gt;
&lt;p&gt;I run A and it redirects me to the CAS login page, there I press the "login using google" link and it redirects me to login with google, there I login and consent.&lt;/p&gt;
&lt;p&gt;On the CAS side the info from google is received ok and the TGT is created. However, the server fails to redirect to A cause it doesn't have the redirect info in the session:&lt;/p&gt;
&lt;p&gt;ERROR [org.jasig.cas.support.oauth.web.OAuth20CallbackAuthorizeController] - oauth20_callbackUrl is missing from the session and can not be retrieved.&lt;/p&gt;
&lt;p&gt;Any idea of what could be wrong?&lt;/p&gt;
&lt;p&gt;This is how I configured everything: &lt;/p&gt;
&lt;p&gt;First, I followed the steps mentioned here:
&lt;a href="http://jasig.github.io/cas/development/integration/Delegate-Authentication.html" rel="nofollow"&gt;http://jasig.github.io/cas/development/integration/Delegate-Authentication.html&lt;/a&gt;&lt;/p&gt;
&lt;p&gt;In the login view I added:
login using google&lt;br /&gt;&lt;/p&gt;
&lt;p&gt;applicationContext:&lt;/p&gt;
&lt;pre&gt;&lt;code&gt;&amp;lt;bean id="google" class="org.pac4j.oauth.client.Google2Client"&amp;gt;
    &amp;lt;property name="key" value="key" /&amp;gt;
    &amp;lt;property name="secret" value="secret" /&amp;gt;
&amp;lt;/bean&amp;gt;
&amp;lt;bean id="clients" class="org.pac4j.core.client.Clients"&amp;gt;
  &amp;lt;property name="callbackUrl" value="http://localhost:8080/cas/login" /&amp;gt;
  &amp;lt;property name="clients"&amp;gt;
    &amp;lt;list&amp;gt;
      &amp;lt;ref bean="google" /&amp;gt;
    &amp;lt;/list&amp;gt;
  &amp;lt;/property&amp;gt;
&amp;lt;/bean&amp;gt;
&lt;/code&gt;&lt;/pre&gt;
&lt;p&gt;cas servlet:&lt;/p&gt;
&lt;pre&gt;&lt;code&gt;&amp;lt;bean id="clientAction" class="org.jasig.cas.support.pac4j.web.flow.ClientAction"&amp;gt;
    &amp;lt;constructor-arg index="0" ref="centralAuthenticationService"/&amp;gt;
    &amp;lt;constructor-arg index="1" ref="clients"/&amp;gt;
&amp;lt;/bean&amp;gt;
&lt;/code&gt;&lt;/pre&gt;
&lt;p&gt;deployerConfigContext:&lt;/p&gt;
&lt;pre&gt;&lt;code&gt;&amp;lt;property name="authenticationMetaDataPopulators"&amp;gt;
    &amp;lt;util:list&amp;gt;
       &amp;lt;bean class="org.jasig.cas.support.pac4j.authentication.ClientAuthenticationMetaDataPopulator" /&amp;gt;
    &amp;lt;/util:list&amp;gt;
&amp;lt;/property&amp;gt;
 &amp;lt;bean id="primaryAuthenticationHandler"        
    class="org.jasig.cas.support.pac4j.authentication.handler.support.ClientAuthenticationHandler"&amp;gt; 
    &amp;lt;constructor-arg index="0" ref="clients"/&amp;gt;
&amp;lt;/bean&amp;gt;
&lt;/code&gt;&lt;/pre&gt;
&lt;p&gt;Then I added an OAuth client in the deployerConfigContext:
registeredServicesList:
      &lt;/p&gt;
&lt;pre&gt;&lt;code&gt;  &amp;lt;bean class="org.jasig.cas.support.oauth.services.OAuthRegisteredService"&amp;gt;
    &amp;lt;property name="id" value="1" /&amp;gt;
    &amp;lt;property name="name" value="serviceName" /&amp;gt; 
    &amp;lt;property name="description" value="Service Description" /&amp;gt;
    &amp;lt;property name="serviceId" value="http://localhost:8080/A/" /&amp;gt;
    &amp;lt;property name="clientId" value="123" /&amp;gt;
    &amp;lt;property name="clientSecret" value="123" /&amp;gt;
 &amp;lt;/bean&amp;gt;
&lt;/code&gt;&lt;/pre&gt;</t>
  </si>
  <si>
    <t>2015-08-26 18:48:00.740000+00:00</t>
  </si>
  <si>
    <t>2015-08-27 19:35:00.460000+00:00</t>
  </si>
  <si>
    <t>authentication|cas</t>
  </si>
  <si>
    <t>python salt - Comment: No states found for this minion</t>
  </si>
  <si>
    <t>&lt;p&gt;wowee....trying to lean salt...my lord...trying to follow there online tutorial.  &lt;/p&gt;
&lt;p&gt;I am running the master and minion on localhost&lt;/p&gt;
&lt;p&gt;Here is my error &lt;/p&gt;
&lt;pre&gt;&lt;code&gt;sudo salt-call state.highstate -l debug
[DEBUG   ] Loaded upstart as virtual service
[DEBUG   ] Loaded useradd as virtual user
[DEBUG   ] Loaded dpkg as virtual lowpkg
[DEBUG   ] Loaded debconfmod as virtual debconf
[DEBUG   ] Loaded cmdmod as virtual cmd
[DEBUG   ] Loaded virtualenv_mod as virtual virtualenv
[DEBUG   ] Loaded djangomod as virtual django
[DEBUG   ] Loaded saltmod as virtual salt
[DEBUG   ] Loaded zcbuildout as virtual buildout
[DEBUG   ] Loaded debconfmod as virtual debconf
[DEBUG   ] Loaded virtualenv_mod as virtual virtualenv
[DEBUG   ] MinionEvent PUB socket URI: ipc:///var/run/salt/minion/minion_event_1d41c853af58d3a7ae54990ce29417d8_pub.ipc
[DEBUG   ] MinionEvent PULL socket URI: ipc:///var/run/salt/minion/minion_event_1d41c853af58d3a7ae54990ce29417d8_pull.ipc
[DEBUG   ] Fetching file from saltenv 'base', ** attempting ** 'salt://ssh.sls'
[INFO    ] Fetching file from saltenv 'base', ** skipped ** latest already in cache 'salt://ssh/init.sls'
[DEBUG   ] Loaded no_out as virtual quiet
[DEBUG   ] Loaded json_out as virtual json
[DEBUG   ] Loaded yaml_out as virtual yaml
[DEBUG   ] Loaded pprint_out as virtual pprint
local:
----------
          ID: states
    Function: no.None
      Result: False
     Comment: No states found for this minion
     Changes:   
Summary
------------
Succeeded: 0
Failed:    1
------------
Total:     1
&lt;/code&gt;&lt;/pre&gt;
&lt;p&gt;Here is my top.sls&lt;/p&gt;
&lt;pre&gt;&lt;code&gt;base:
  '*':
    - ssh
&lt;/code&gt;&lt;/pre&gt;
&lt;p&gt;here is my ssh/init.sls&lt;/p&gt;
&lt;pre&gt;&lt;code&gt;openssh-client:
  pkg.installed
/etc/ssh/ssh_config:
  file.managed:
    - user: root
    - group: root
    - mode: 644
    - source: salt://ssh/ssh_config
    - require:
      - pkg: openssh-client
&lt;/code&gt;&lt;/pre&gt;
&lt;p&gt;So?  What is the deal?  &lt;/p&gt;</t>
  </si>
  <si>
    <t>2014-04-21 07:54:31.913000+00:00</t>
  </si>
  <si>
    <t>2016-01-14 22:41:33.487000+00:00</t>
  </si>
  <si>
    <t>python|salt-stack</t>
  </si>
  <si>
    <t>certutil: function failed: SEC_ERROR_LEGACY_DATABASE: The certificate/key database is in an old, unsupported format</t>
  </si>
  <si>
    <t>&lt;p&gt;I had downloaded a verified (not self-signed) S/MIME certificate with iceweasel (firefox) which was stored in cert8.db&lt;/p&gt;
&lt;p&gt;Then I used:&lt;/p&gt;
&lt;pre&gt;&lt;code&gt;certutil -L -d &amp;lt;path_to_folder_that_cert8.db_resides&amp;gt;
&lt;/code&gt;&lt;/pre&gt;
&lt;p&gt;in order to list the certificates, and then I extracted the .p12 file using the name of my certificate that certutil gave me:&lt;/p&gt;
&lt;pre&gt;&lt;code&gt;pk12util -o mycertfile.p12 -n "&amp;lt;name_found_from_certutil&amp;gt;" -d &amp;lt;path_to_folder_that_cert8.db_resides&amp;gt;
&lt;/code&gt;&lt;/pre&gt;
&lt;p&gt;The problem is that &lt;strong&gt;I lost the access&lt;/strong&gt; to the PC that the p12 was stored and now I have only &lt;strong&gt;a cert8.db copy&lt;/strong&gt; to another PC. Thus I repeated the &lt;code&gt;certutil &amp;amp;&amp;amp; pk12util&lt;/code&gt; commands, but certutil fails with:&lt;/p&gt;
&lt;pre&gt;&lt;code&gt;certutil: function failed: SEC_ERROR_LEGACY_DATABASE: The certificate/key database is in an old, unsupported format.
&lt;/code&gt;&lt;/pre&gt;
&lt;p&gt;I have desperately tried at 3 different computers, including one with identical kernel and &lt;code&gt;libnss3-tools&lt;/code&gt; version, (like the initial desktop where I extracted the p12 successfully) which is:&lt;/p&gt;
&lt;pre&gt;&lt;code&gt;$ uname -a 
Linux commander 3.16.0-4-amd64 #1 SMP Debian 3.16.7-2 (2014-11-06) x86_64 GNU/Linux 
&lt;/code&gt;&lt;/pre&gt;
&lt;p&gt;&lt;code&gt;libnss3-tools&lt;/code&gt; version: 2:3.17.2-1&lt;/p&gt;
&lt;p&gt;Any thoughts?&lt;/p&gt;
&lt;p&gt;Thanks&lt;/p&gt;</t>
  </si>
  <si>
    <t>2014-12-27 10:49:31.090000+00:00</t>
  </si>
  <si>
    <t>2018-07-09 10:16:00.887000+00:00</t>
  </si>
  <si>
    <t>certificate|smime|nss|certificatestore|certutil</t>
  </si>
  <si>
    <t>How to draw angstrom (��) using AggPas?</t>
  </si>
  <si>
    <t>&lt;p&gt;&lt;strong&gt;Summarization:&lt;/strong&gt;&lt;/p&gt;
&lt;p&gt;No luck in finding how to output the angstrom sign using AggPas library.&lt;/p&gt;
&lt;p&gt;===============================================&lt;/p&gt;
&lt;p&gt;The text-drawing function in the AggPas library takes a PAnsiChar parameter. I am wondering how can I can use PAnsiChar to point to text containing angstrom (��)?&lt;/p&gt;
&lt;pre&gt;&lt;code&gt;  SetThreadLocale($0409);                                       // No difference.
  ShowMessage(Chr(0197));                                       // Correct
  ShowMessage(AnsiString(Chr(0197)));                           // Wrong - question mark
  ShowMessage(PAnsiChar(Chr(0197)));                            // AV
  ShowMessage(UTF8String(Chr(0197)));                           // Correct
  ShowMessage(UTF8Encode(Chr(0197)));                           // Correct
  ShowMessage(RawByteString(Chr(0197)));                        // Wrong - question mark
  ShowMessage(AnsiString(UTF8String(Chr(0197))));               // Wrong - question mark
  ShowMessage(AnsiString(UTF8Encode(Chr(0197))));               // Correct
  ShowMessage(RawByteString(UTF8String(Chr(0197))));            // Wrong - question mark
  ShowMessage(RawByteString(UTF8Encode(Chr(0197))));            // Correct
  ShowMessage(PAnsiChar(AnsiString(UTF8Encode(Chr(0197)))));    // Wrong - strange character
  ShowMessage(PAnsiChar(RawByteString(UTF8Encode(Chr(0197))))); // Wrong - strange character
&lt;/code&gt;&lt;/pre&gt;
&lt;p&gt;For your convenience, the DrawTextCenterAligned procedure in the following code cannot output the angstrom letter.&lt;/p&gt;
&lt;pre&gt;&lt;code&gt;    unit u2DRenderEngine_aggpas;
    interface
    uses
      u2DRenderEngine, uMathVector3D,
      agg_2D,
      Graphics, IniFiles, Types;
    type
      T2DRenderEngine_aggpas = class;
      T2DRenderEngine_aggpas = class(T2DRenderEngine)
      private
        fFontBMP: TBitmap;
        fVG: Agg2D;
      protected
        function GetActualStringBoundingBox(aText: string; aFont: TFont)
          : TRect; override;
      public
        constructor Create;
        destructor Destroy; override;
        procedure AttachBMP(aBMP: TBitmap; flip_y: Boolean);
        procedure Flush; override;
        procedure DrawLine(aP, bP: TPoint3D; aPen: TPen); override;
        procedure DrawCircle(Center: TPoint3D; Radius: Extended;
          R, G, B: Integer); override;
        procedure FillCircle(Center: TPoint3D; Radius: Extended;
          R, G, B: Integer); override;
        procedure DrawPolygon(aPts: TAPoint3D; R, G, B: Integer); override;
        procedure FillPolygon(aPts: TAPoint3D; R, G, B: Integer); override;
        procedure DrawTextLeftAligned(aLeft: TPoint3D; aText: string; aFont: TFont;
          clearBackground: Boolean); override;
        procedure DrawTextCenterAligned(aCenter: TPoint3D; aText: string;
          aFont: TFont; clearBackground: Boolean); override;
      end;
    implementation
    uses
      u2DUtils_Vcl, SysUtils, Math;
    { TRenderEngine_2D_aggpas }
    constructor T2DRenderEngine_aggpas.Create;
    begin
      inherited;
      fFontBMP := TBitmap.Create;
      fFontBMP.Width := 2;
      fFontBMP.Height := 2;
      fVG.Construct;
    end;
    destructor T2DRenderEngine_aggpas.Destroy;
    begin
      inherited;
    end;
    procedure T2DRenderEngine_aggpas.AttachBMP(aBMP: TBitmap; flip_y: Boolean);
    var
      tmpBuffer: pointer;
      tmpStride: Integer;
    begin
      if aBMP.Empty then
        raise Exception.Create('AttachBMP: aBMP is Empty!');
      if aBMP.PixelFormat &amp;lt;&amp;gt; pf32bit then
        raise Exception.Create('AttachBMP: aBMP should be 32bit!');
      tmpStride := Integer(aBMP.ScanLine[1]) - Integer(aBMP.ScanLine[0]);
      if tmpStride &amp;lt; 0 then
        tmpBuffer := aBMP.ScanLine[aBMP.Height - 1]
      else
        tmpBuffer := aBMP.ScanLine[0];
      if flip_y then
        tmpStride := tmpStride * -1;
      fVG.attach(tmpBuffer, aBMP.Width, aBMP.Height, tmpStride);
    end;
    procedure T2DRenderEngine_aggpas.Flush;
    begin
    end;
    procedure T2DRenderEngine_aggpas.DrawLine(aP, bP: TPoint3D; aPen: TPen);
    begin
      fVG.line(aP.X, aP.Y, bP.X, bP.Y);
    end;
    procedure T2DRenderEngine_aggpas.DrawCircle(Center: TPoint3D; Radius: Extended;
      R, G, B: Integer);
    begin
      fVG.lineColor(R, G, B);
      fVG.noFill;
      fVG.ellipse(Center.X, Center.Y, Radius, Radius);
    end;
    procedure T2DRenderEngine_aggpas.FillCircle(Center: TPoint3D; Radius: Extended;
      R, G, B: Integer);
    begin
      fVG.fillColor(R, G, B);
      fVG.noLine;
      fVG.ellipse(Center.X, Center.Y, Radius, Radius);
    end;
    procedure T2DRenderEngine_aggpas.DrawPolygon(aPts: TAPoint3D; R, G, B: Integer);
    var
      Len, I: Integer;
      poly: array of double;
    begin
      Len := Length(aPts);
      SetLength(poly, Len * 2);
      for I := 0 to Len - 1 do
      begin
        poly[2 * I] := aPts[I].X;
        poly[2 * I + 1] := aPts[I].Y;
      end;
      fVG.lineColor(R, G, B);
      fVG.noFill;
      fVG.polygon(@poly[0], 4);
    end;
    procedure T2DRenderEngine_aggpas.FillPolygon(aPts: TAPoint3D; R, G, B: Integer);
    var
      Len, I: Integer;
      poly: array of double;
    begin
      Len := Length(aPts);
      SetLength(poly, Len * 2);
      for I := 0 to Len - 1 do
      begin
        poly[2 * I] := aPts[I].X;
        poly[2 * I + 1] := aPts[I].Y;
      end;
      fVG.fillColor(R, G, B);
      fVG.noLine;
      fVG.polygon(@poly[0], 4);
    end;
    procedure T2DRenderEngine_aggpas.DrawTextLeftAligned(aLeft: TPoint3D;
      aText: string; aFont: TFont; clearBackground: Boolean);
    var
      tmpRect: TRect;
      tmpRectWidth, tmpRectHeight: Integer;
      tmpPt: TPoint3D;
    begin
      tmpRect := GetActualStringBoundingBox(aText, aFont);
      tmpRectWidth := tmpRect.Right - tmpRect.Left;
      tmpRectHeight := tmpRect.Bottom - tmpRect.Top;
      tmpPt.X := aLeft.X;
      tmpPt.Y := aLeft.Y - tmpRectHeight;
      if clearBackground then
      begin
        fVG.fillColor(255, 255, 255);
        fVG.noLine;
        fVG.Rectangle(tmpPt.X, tmpPt.Y, tmpPt.X + tmpRectWidth,
          tmpPt.Y + tmpRectHeight);
      end;
      // Font &amp;amp; Colors
      fVG.fillColor(0, 0, 0);
      fVG.noLine;
      fVG.TextHints(True);
      if Agg2DUsesFreeType then
        fVG.Font(PAnsiChar(AnsiString(UTF8Encode(LowerCase(aFont.Name) + '.ttf'))),
          Abs(aFont.Height))
      else
        fVG.Font('Arial', 40.0);
      // Text
      fVG.Text(tmpPt.X, tmpPt.Y + tmpRectHeight, PAnsiChar(AnsiString(aText)));
    end;
    procedure T2DRenderEngine_aggpas.DrawTextCenterAligned(aCenter: TPoint3D;
      aText: string; aFont: TFont; clearBackground: Boolean);
    var
      tmpRect: TRect;
      tmpRectWidth, tmpRectHeight: Integer;
      tmpPt: TPoint3D;
    begin
      tmpRect := GetActualStringBoundingBox(aText, aFont);
      tmpRectWidth := tmpRect.Right - tmpRect.Left;
      tmpRectHeight := tmpRect.Bottom - tmpRect.Top;
      tmpPt.X := aCenter.X - tmpRectWidth / 2.0;
      tmpPt.Y := aCenter.Y - tmpRectHeight / 2.0;
      if clearBackground then
      begin
        fVG.fillColor(255, 255, 255);
        fVG.noLine;
        fVG.Rectangle(tmpPt.X, tmpPt.Y, tmpPt.X + tmpRectWidth,
          tmpPt.Y + tmpRectHeight);
      end;
      // Font &amp;amp; Colors
      fVG.fillColor(0, 0, 0);
      fVG.noLine;
      fVG.TextHints(True);
      if Agg2DUsesFreeType then
        fVG.Font(PAnsiChar(AnsiString(UTF8Encode(LowerCase(aFont.Name) + '.ttf'))),
          Abs(aFont.Height))
      else
        fVG.Font('Arial', 40.0);
      // Text
      fVG.Text(tmpPt.X, tmpPt.Y + tmpRectHeight, PAnsiChar(AnsiString(aText)));
    end;
    function T2DRenderEngine_aggpas.GetActualStringBoundingBox(aText: string;
      aFont: TFont): TRect;
    var
      tmpRectWidth, tmpRectHeight: Integer;
    begin
      Self.fFontBMP.Canvas.Font.Assign(aFont);
      tmpRectWidth := Self.fFontBMP.Canvas.TextWidth(aText);
      tmpRectHeight := Self.fFontBMP.Canvas.TextHeight(aText);
      // 2011-03-07 hard-coded
      tmpRectWidth := Ceil(tmpRectWidth * 1.05);
      // 2011-03-07 hard-coded
      tmpRectHeight := Ceil(tmpRectHeight * 0.70);
      FillChar(Result, SizeOf(Result), 0);
      Result.Right := tmpRectWidth;
      Result.Bottom := tmpRectHeight;
    end;
    end.
&lt;/code&gt;&lt;/pre&gt;</t>
  </si>
  <si>
    <t>2011-03-09 19:48:03.167000+00:00</t>
  </si>
  <si>
    <t>2011-03-09 21:20:20.133000+00:00</t>
  </si>
  <si>
    <t>delphi|aggpas</t>
  </si>
  <si>
    <t>scanf function in a while loop</t>
  </si>
  <si>
    <t>&lt;p&gt;The output of the following code is very weird for me to understand.Can anybody explain me why it's behaving that way?&lt;/p&gt;
&lt;pre&gt;&lt;code&gt;#include&amp;lt;stdio.h&amp;gt;
int main()
{
    int i=0;
    char ch='a';
    while(ch!='q')
    {
       scanf("%c",&amp;amp;ch);
       printf("\t%d\n",i);
       i++;
    }
}
&lt;/code&gt;&lt;/pre&gt;
&lt;p&gt;Output&lt;/p&gt;
&lt;p&gt;&lt;a href="https://i.stack.imgur.com/UbB1J.png" rel="nofollow noreferrer"&gt;&lt;img src="https://i.stack.imgur.com/UbB1J.png" alt="enter image description here"&gt;&lt;/a&gt;&lt;/p&gt;</t>
  </si>
  <si>
    <t>2017-12-27 18:29:49.697000+00:00</t>
  </si>
  <si>
    <t>2017-12-27 18:42:43.010000+00:00</t>
  </si>
  <si>
    <t>c|while-loop|scanf</t>
  </si>
  <si>
    <t>How do I color tiles based on this?</t>
  </si>
  <si>
    <t>&lt;p&gt;I'm currently trying to create a Give up button that colors all the tiles based on certain conditions. My program generates numbers:&lt;/p&gt;
&lt;p&gt;let's say 25 5 6 7
This numbers are then placed in &lt;/p&gt;
&lt;pre&gt;&lt;code&gt;&amp;lt;List&amp;gt;String numberTracker= new ArrayList&amp;lt;String&amp;gt;(); 
&lt;/code&gt;&lt;/pre&gt;
&lt;p&gt;(I converted them to a string)&lt;/p&gt;
&lt;pre&gt;&lt;code&gt;{25,5,6,7}
&lt;/code&gt;&lt;/pre&gt;
&lt;p&gt;My program will then build 5 tiles and place each digit in each tile
2 5 5 6 7&lt;/p&gt;
&lt;p&gt;To build tiles I import Shape and create a class tile that has shape, color and position in it that also contains &lt;code&gt;setTile&lt;/code&gt;, &lt;code&gt;getTile&lt;/code&gt;, &lt;code&gt;getColor&lt;/code&gt;, &lt;code&gt;setColor&lt;/code&gt;, &lt;code&gt;getPosition&lt;/code&gt; and &lt;code&gt;setPosition&lt;/code&gt;.&lt;/p&gt;
&lt;p&gt;To keep track of of the the tiles, I keep them in &lt;/p&gt;
&lt;pre&gt;&lt;code&gt;List&amp;lt;Tile&amp;gt; tiles = new ArrayList&amp;lt;tile&amp;gt;();
&lt;/code&gt;&lt;/pre&gt;
&lt;p&gt;To keep track and place the numbers in the tile I use &lt;/p&gt;
&lt;pre&gt;&lt;code&gt;List&amp;lt;String&amp;gt; numberString= new ArrayList&amp;lt;String&amp;gt;;
&lt;/code&gt;&lt;/pre&gt;
&lt;p&gt;To generate a &lt;code&gt;Color&lt;/code&gt; I use &lt;code&gt;tile.changeCoulour()&lt;/code&gt; which increments after each use&lt;/p&gt;
&lt;p&gt;so if we go back to my previous example of 25 5 6 7
The tiles are created with &lt;/p&gt;
&lt;pre&gt;&lt;code&gt;List&amp;lt;Tile&amp;gt; tiles = new ArrayList&amp;lt;tile&amp;gt;();
&lt;/code&gt;&lt;/pre&gt;
&lt;p&gt;The string numbers inside each tile with &lt;/p&gt;
&lt;pre&gt;&lt;code&gt;List&amp;lt;String&amp;gt; numberString= new ArrayList&amp;lt;String&amp;gt;;
&lt;/code&gt;&lt;/pre&gt;
&lt;p&gt;each tile has 1 digit as I said, 2 5 5 6 7 (they are all strings and placed with &lt;code&gt;drawString()&lt;/code&gt;)&lt;/p&gt;
&lt;pre&gt;&lt;code&gt;{2,5,5,6,7}
&lt;/code&gt;&lt;/pre&gt;
&lt;p&gt;I need to somehow create a condition where 25 ( contained in 2 different tiles)  will be the same color where the rest of the tiles will be different&lt;/p&gt;
&lt;pre&gt;&lt;code&gt;for (Tile item: tiles) {
    int position = item.getPosition();
    if (numberString.get(position) == numberTracker.get(position)) {
        item.setColor(tile.changeColour());
        repaint();
    } else {
    }
}
&lt;/code&gt;&lt;/pre&gt;
&lt;p&gt;In that code I tried to equal the tile position to numberString position and then to itemTracker and if its the same it will change colour. However, I have trouble with the else statement&lt;/p&gt;</t>
  </si>
  <si>
    <t>2016-03-22 23:46:07.380000+00:00</t>
  </si>
  <si>
    <t>2016-03-23 04:07:39.147000+00:00</t>
  </si>
  <si>
    <t>2016-03-23 01:04:40.320000+00:00</t>
  </si>
  <si>
    <t>java|swing|colors</t>
  </si>
  <si>
    <t>Returning promises from MobX actions</t>
  </si>
  <si>
    <t>&lt;p&gt;Is it OK to return promises from the actions or is it against the store pattern?&lt;/p&gt;
&lt;p&gt;Setting an observable property after every successful fetch operation to update to the UI seems a lot of unnecessary work.&lt;/p&gt;
&lt;p&gt;So is this ok:&lt;/p&gt;
&lt;pre&gt;&lt;code&gt;@action signup(username: string, password: string) {
    return new Promise(async (resolve, reject) =&amp;gt; {
        if (success) {
            return resolve(username)
        }
        return reject('user_not_found')
    })
}
&lt;/code&gt;&lt;/pre&gt;</t>
  </si>
  <si>
    <t>2017-08-02 19:02:58.020000+00:00</t>
  </si>
  <si>
    <t>2017-08-03 08:32:32.273000+00:00</t>
  </si>
  <si>
    <t>reactjs|react-native|mobx</t>
  </si>
  <si>
    <t>"overflow: hidden;" for percentage sized table cells</t>
  </si>
  <si>
    <t>&lt;p&gt;I want a table filling the whole window, with 2 rows each filling half of the height of the table(as well as the window), and keeping this layout while the window is being resized. I can do it when the contents don't overflow, but when contents in the 1st row desires a height larger than the calculated height by percentage, the row doesn't keep the percentage any more, instead, it stays with the desired height and pushes the 2nd row out of the window. I tried "overflow: hidden;" for rows, but that's not the way it works. How can I do it then?&lt;/p&gt;
&lt;pre&gt;&lt;code&gt;&amp;lt;!doctype html&amp;gt;
&amp;lt;html&amp;gt;
    &amp;lt;head&amp;gt;
        &amp;lt;style&amp;gt;
            html,body{height:100%;}
            table{height:100%;}
            table&amp;gt;tbody&amp;gt;tr{height:50%;overflow:hidden;}
        &amp;lt;/style&amp;gt;
    &amp;lt;/head&amp;gt;
    &amp;lt;body&amp;gt;
        &amp;lt;table&amp;gt;
            &amp;lt;tr&amp;gt;
                &amp;lt;td&amp;gt;abc&amp;lt;br /&amp;gt;abc&amp;lt;br /&amp;gt;abc&amp;lt;br /&amp;gt;abc&amp;lt;br /&amp;gt;abc&amp;lt;br /&amp;gt;abc&amp;lt;br /&amp;gt;abc&amp;lt;br     /&amp;gt;abc&amp;lt;br /&amp;gt;&amp;lt;/td&amp;gt;
            &amp;lt;/tr&amp;gt;
            &amp;lt;tr&amp;gt;
                &amp;lt;td&amp;gt;def&amp;lt;/td&amp;gt;
            &amp;lt;/tr&amp;gt;
        &amp;lt;/table&amp;gt;
    &amp;lt;/body&amp;gt;
&amp;lt;/html&amp;gt;
&lt;/code&gt;&lt;/pre&gt;</t>
  </si>
  <si>
    <t>2014-10-10 07:26:35.300000+00:00</t>
  </si>
  <si>
    <t>2014-10-10 07:53:38.947000+00:00</t>
  </si>
  <si>
    <t>Locking for SQL Server concurrent accessing and modifying one record</t>
  </si>
  <si>
    <t>&lt;p&gt;I have a table saving a list of completed jobs. Each job is done and inserted into that table after completion. There are multi-users who can fetch and run the same jobs. But before running the job should be checked (against the completed jobs table I've just mentioned) to ensure that it's not been run by anyone.&lt;/p&gt;
&lt;p&gt;In fact the job is inserted into that table right before running the job, if the job is failed it will be removed from that table later. I have a stored procedure to check if a job exists in the table but I'm not really sure about the situation when multi-users can accidentally run the same jobs.&lt;/p&gt;
&lt;p&gt;Here is the basic logic (for each user's app)&lt;/p&gt;
&lt;ul&gt;
&lt;li&gt;&lt;p&gt;check if job A has been existed in the completed jobs table:&lt;/p&gt;
&lt;pre&gt;&lt;code&gt;if exists(select * from CompletedJobs where JobId = JobA_Id)
     select 1
else select 0
&lt;/code&gt;&lt;/pre&gt;&lt;/li&gt;
&lt;li&gt;&lt;p&gt;if job A has been existed (actually being run or has been completed), the current user's action should stop here. Otherwise the current user can continue by first inserting job A into the completed jobs table:&lt;/p&gt;
&lt;pre&gt;&lt;code&gt;insert into CompletedJobs(...) values(...)
&lt;/code&gt;&lt;/pre&gt;&lt;/li&gt;
&lt;/ul&gt;
&lt;p&gt;then it can just continue actually run the job and if it's failed, the Job A will be deleted from the table.&lt;/p&gt;
&lt;p&gt;So in multi-threading, I can use &lt;code&gt;lock&lt;/code&gt; to ensure that there is no other user's action involved between checking-inserting (kind of marking completion), so it should work safely. But in SQL Server I'm not so sure how that could be done. For example what if there are 2 users passing the step 1 (and both have the same result of &lt;code&gt;0&lt;/code&gt; - meaning job is free to run)?&lt;/p&gt;
&lt;p&gt;I guess both will then continue running the same job and that should be avoided. Unless at the phase of inserting the job (at the beginning of step 2), somehow I take benefit of unique constraint or primary key constraint to make SQL Server throw exception so that only one job can be continued successfully. But I feel that it's a bit hacky and not a nice solution. Are there some better (and more standard)  solutions to this issue.&lt;/p&gt;</t>
  </si>
  <si>
    <t>2018-02-26 11:34:30.880000+00:00</t>
  </si>
  <si>
    <t>2018-07-02 19:12:01.040000+00:00</t>
  </si>
  <si>
    <t>sql-server|concurrency|locking</t>
  </si>
  <si>
    <t>Run docker compose file without internet connection</t>
  </si>
  <si>
    <t>&lt;p&gt;I have a .NET project with docker support, so I run docker-compose.yml with docker-compose.override.yml file - Windows OS with Linux docker containers.&lt;/p&gt;
&lt;p&gt;My idea is to download all necessary images and then run that same docker-compose file without internet connection. So, i will have connection initially, download all the images, and then go offline and run the app. &lt;/p&gt;
&lt;p&gt;Any idea how can I do that?&lt;/p&gt;</t>
  </si>
  <si>
    <t>2018-05-16 09:23:50.343000+00:00</t>
  </si>
  <si>
    <t>2018-05-16 11:27:34.457000+00:00</t>
  </si>
  <si>
    <t>2018-05-16 09:28:49.507000+00:00</t>
  </si>
  <si>
    <t>docker|docker-compose|dockerfile</t>
  </si>
  <si>
    <t>Return a calculated element name from a XML FLWOR query</t>
  </si>
  <si>
    <t>&lt;p&gt;I have the following XML data in SQLServer 2008 R2&lt;/p&gt;
&lt;pre&gt;&lt;code&gt;DECLARE @data XML
SET @data = '&amp;lt;root attr1="val1" attr2="val2" attr3="val3"/&amp;gt;'
&lt;/code&gt;&lt;/pre&gt;
&lt;p&gt;I would like to get a list of the attribute names from root and output that as a list of elements, like this:&lt;/p&gt;
&lt;pre&gt;&lt;code&gt;&amp;lt;root&amp;gt;
  &amp;lt;attr1&amp;gt;val1&amp;lt;/attr1&amp;gt;
  &amp;lt;attr2&amp;gt;val2&amp;lt;/attr2&amp;gt;
  &amp;lt;attr3&amp;gt;val3&amp;lt;/attr3&amp;gt;
&amp;lt;/root&amp;gt;
&lt;/code&gt;&lt;/pre&gt;
&lt;p&gt;I have been playing around with FLWOR queries to get what I want. So far I have this:&lt;/p&gt;
&lt;pre&gt;&lt;code&gt;SELECT @data.query('
for $attr in /*/@*
return &amp;lt;test&amp;gt;{fn:string($attr)}&amp;lt;/test&amp;gt;
')
&lt;/code&gt;&lt;/pre&gt;
&lt;p&gt;Which is fine and is almost what I need, but when I try and do this...&lt;/p&gt;
&lt;pre&gt;&lt;code&gt;SELECT @data.query('
for $attr in /*/@*
return &amp;lt;{fn:local-name($attr)}&amp;gt;{fn:string($attr)}&amp;lt;/{fn:local-name($attr)}&amp;gt;
')
&lt;/code&gt;&lt;/pre&gt;
&lt;p&gt;its not happy. It's doesn't seem to like anything other than a hard coded element name.&lt;/p&gt;
&lt;p&gt;How can I return an element with a computed name?&lt;/p&gt;</t>
  </si>
  <si>
    <t>2011-11-18 10:11:54.683000+00:00</t>
  </si>
  <si>
    <t>2011-11-18 11:11:27.530000+00:00</t>
  </si>
  <si>
    <t>sql-server|xml|xquery|flwor</t>
  </si>
  <si>
    <t>Leaflet error: clearLayers is not a function</t>
  </si>
  <si>
    <t>&lt;p&gt;I'm using a Leaflet offline map with React where I manually load in a &lt;code&gt;countries.js&lt;/code&gt; GeoJSON file with every country in the world. I then conditionally color each country depending on data received from &lt;code&gt;this.props.data&lt;/code&gt;, which works initially.&lt;/p&gt;
&lt;p&gt;However, the issue comes from updating the colors when new &lt;code&gt;this.props.data&lt;/code&gt; is coming in.&lt;/p&gt;
&lt;p&gt;I have tried managing it in these two components:&lt;/p&gt;
&lt;pre&gt;&lt;code&gt;componentWillReceiveProps(nextProps) {
    if(this.props.data) {
        let map = this.map;
        console.log(map); // It shows the leaflet object!
        console.log(nextProps.data); // It's logged
        console.log(this.props.data); // Also logged
        if (nextProps.data !== this.props.data) {
            map.clearLayers(); // Error comes here?
            console.log("New data doesn't match old!"); // This logs correctly
        }
    }
},
componentDidUpdate(prevProps, prevState) {
    if(this.props.data){
        let map = this.map;
        if (prevProps.data !== this.props.data) {
            L.geoJson(this.countries, { // from import
            }).addTo(map);
         }
    }
},
&lt;/code&gt;&lt;/pre&gt;
&lt;p&gt;What am I doing wrong? The condition is met, if the old data doesn't match the new, the map should clear all layers with &lt;code&gt;clearLayers();&lt;/code&gt;. I could understand this error if the map couldn't be found; but I am accessing it with &lt;code&gt;this.map&lt;/code&gt;, so it doesn't appear to be a scoping issue. &lt;/p&gt;</t>
  </si>
  <si>
    <t>2017-03-22 09:49:21.167000+00:00</t>
  </si>
  <si>
    <t>2017-03-22 11:57:33.443000+00:00</t>
  </si>
  <si>
    <t>javascript|reactjs|leaflet</t>
  </si>
  <si>
    <t>Issue with Spark-Sql while splitting data</t>
  </si>
  <si>
    <t>&lt;p&gt;I am testing some basic queries from spark-1.5.1 on casandra 2.1.12. Having this wired issue when i try to split the data by '=' i.e. action column in the table. It parses correctly where as in case of '|'. It returns the individual character. Why is it so. &lt;/p&gt;
&lt;p&gt;Moreover, value of action column is not shown completely. So, how do view complete value of column on stdout.&lt;/p&gt;
&lt;pre&gt;&lt;code&gt; import org.apache.spark.sql.cassandra.CassandraSQLContext
    import org.apache.spark.sql.cassandra._
    import org.apache.spark.sql
    val csc = new CassandraSQLContext(sc)
    csc.setKeyspace("test")
    val maxDF = csc.sql("select action, split(action, '=')[0], split(action, '=')[1], split(action, '=')[2] from testdata" )
    maxDF.show
&lt;/code&gt;&lt;/pre&gt;
&lt;p&gt;&lt;strong&gt;Output of Splitting '='&lt;/strong&gt; &lt;/p&gt;
&lt;pre&gt;&lt;code&gt;    scala&amp;gt; maxDF.show
    +--------------------+------+-----------+---------+
    |              action|   _c1|        _c2|      _c3|
    +--------------------+------+-----------+---------+
    | car=10.288|city=262|   car|10.288|city|      262|
    |kms=0-|year=0-|bu...|   kms|    0-|year|0-|budget|
    |city=40|pc=40|car=10|  city|      40|pc|   40|car|
    |city=40|pc=40|car...|  city|      40|pc|   40|car|
    |city=40|pc=40|car...|  city|      40|pc|   40|car|
    |                pn=1|    pn|          1|     null|
    | city=10|pc=10|car=9|  city|      10|pc|   10|car|
    |city=10|pc=10|car...|  city|      10|pc|   10|car|
    |city=10|pc=10|car...|  city|      10|pc|   10|car|
    |city=10|pc=10|car...|  city|      10|pc|   10|car|
    |city=10|pc=10|car...|  city|      10|pc|   10|car|
    |  city=10|pc=10|pn=1|  city|      10|pc|    10|pn|
    |   year=0-|so=1|sc=0|  year|      0-|so|     1|sc|
    |year=0-|so=1|sc=0...|  year|      0-|so|     1|sc|
    |             year=8-|  year|         8-|     null|
    |budget=6-12|city=...|budget|  6-12|city|    10|pc|
    |budget=6-12|city=...|budget|  6-12|city|    10|pc|
    |budget=6-12|city=...|budget|  6-12|city|    10|pc|
    |budget=6-12|city=...|budget|  6-12|city|    10|pc|
    |car=9.266|city=24...|   car| 9.266|city|   246|pc|
    +--------------------+------+-----------+---------+
    only showing top 20 rows
&lt;/code&gt;&lt;/pre&gt;
&lt;p&gt;&lt;strong&gt;Output of splitting '|'&lt;/strong&gt;&lt;/p&gt;
&lt;pre&gt;&lt;code&gt;val maxDF = csc.sql("select action, split(action, '|')[0], split(action, '|')[1], split(action, '|')[2] from testdata" )
    maxDF.show
    +--------------------+---+---+---+
    |              action|_c1|_c2|_c3|
    +--------------------+---+---+---+
    | car=10.288|city=262|   |  c|  a|
    |kms=0-|year=0-|bu...|   |  k|  m|
    |city=40|pc=40|car=10|   |  c|  i|
    |city=40|pc=40|car...|   |  c|  i|
    |city=40|pc=40|car...|   |  c|  i|
    |                pn=1|   |  p|  n|
    | city=10|pc=10|car=9|   |  c|  i|
    |city=10|pc=10|car...|   |  c|  i|
    |city=10|pc=10|car...|   |  c|  i|
    |city=10|pc=10|car...|   |  c|  i|
    |city=10|pc=10|car...|   |  c|  i|
    |  city=10|pc=10|pn=1|   |  c|  i|
    |   year=0-|so=1|sc=0|   |  y|  e|
    |year=0-|so=1|sc=0...|   |  y|  e|
    |             year=8-|   |  y|  e|
    |budget=6-12|city=...|   |  b|  u|
    |budget=6-12|city=...|   |  b|  u|
    |budget=6-12|city=...|   |  b|  u|
    |budget=6-12|city=...|   |  b|  u|
    |car=9.266|city=24...|   |  c|  a|
    +--------------------+---+---+---+
&lt;/code&gt;&lt;/pre&gt;</t>
  </si>
  <si>
    <t>2016-03-17 06:43:01.900000+00:00</t>
  </si>
  <si>
    <t>2016-03-17 11:31:43.437000+00:00</t>
  </si>
  <si>
    <t>apache-spark|apache-spark-sql|spark-dataframe</t>
  </si>
  <si>
    <t>Firebase - secure location to be targeted with query</t>
  </si>
  <si>
    <t>&lt;p&gt;Hello guys,&lt;/p&gt;
&lt;p&gt;I started to work on securing my Firebase. I have a location containing a list of events :&lt;/p&gt;
&lt;pre&gt;&lt;code&gt;events:
    $event1: {
        name: test
        ...
    }
    $event2: {
        name: test2
        ...
    }
&lt;/code&gt;&lt;/pre&gt;
&lt;p&gt;In my app, I let the user add events using their name. For that, after the user validates his input (eventName), I'm looking if that name exists using&lt;/p&gt;
&lt;pre&gt;&lt;code&gt;ref.child("events").orderByChild("name").equalTo(eventName)
&lt;/code&gt;&lt;/pre&gt;
&lt;p&gt;And if so, I will add it to the list of user's events. My issue is with security. If I define security rules like so :&lt;/p&gt;
&lt;pre&gt;&lt;code&gt;"events": {
  "$eventId": {
    ".read": "auth != null"
  }
}
&lt;/code&gt;&lt;/pre&gt;
&lt;p&gt;Then it fails - it's completely expected since "events" location, which is targeted by the Firebase reference, has no "read" rule. The problem is, I don't want to open the "events" location for read by all connected users, since events are private and must be shared directly by their name.&lt;/p&gt;
&lt;p&gt;So, since this name must be unique, I could use it as the event object key in place of the Firebase generated key (I currently use .push() when a new event is created to add it to the list, Firebase generates me the key), but I really like the way it is now. So I ask before changing : is there another way to reach what I'm aiming to do ?&lt;/p&gt;
&lt;p&gt;Thanks a lot ahead.&lt;/p&gt;</t>
  </si>
  <si>
    <t>2015-09-09 08:03:22.067000+00:00</t>
  </si>
  <si>
    <t>2015-09-10 13:57:39.727000+00:00</t>
  </si>
  <si>
    <t>Math round java</t>
  </si>
  <si>
    <t>&lt;p&gt;I got project do convert from cm to inch.
I did it:
how can i round my number with Math.round?&lt;/p&gt;
&lt;pre&gt;&lt;code&gt;import java.util.Scanner;  
public class Centimer_Inch
{
public static void main (String[] args)
{
        // 2.54cm is 1 inch
       Scanner cm = new Scanner(System.in); //Get INPUT from pc-Keyboard
       System.out.println("Enter the CM:"); // Write input
       //double
       double centimeters = cm.nextDouble();
       double inches = centimeters/2.54;
       System.out.println(inches + " Inch Is " + centimeters + " centimeters");
    }
}
&lt;/code&gt;&lt;/pre&gt;</t>
  </si>
  <si>
    <t>2012-11-03 15:20:07.123000+00:00</t>
  </si>
  <si>
    <t>2012-11-03 17:08:37.360000+00:00</t>
  </si>
  <si>
    <t>java|math|rounding</t>
  </si>
  <si>
    <t>Report Builder 3.0 - How to get the name (not the label) of a parameter</t>
  </si>
  <si>
    <t>&lt;p&gt;I know that I can get the value (&lt;code&gt;Parameters!parm.Value -&amp;gt; 1&lt;/code&gt;) and the label (&lt;code&gt;Parameters!parm.Label -&amp;gt; "ParmLabel"&lt;/code&gt;), but how do I get the name of the parameter (&lt;code&gt;??? -&amp;gt; "parm"&lt;/code&gt;)?&lt;/p&gt;</t>
  </si>
  <si>
    <t>2018-04-18 13:36:32.683000+00:00</t>
  </si>
  <si>
    <t>2018-04-18 15:29:44.697000+00:00</t>
  </si>
  <si>
    <t>sql|vba|reporting-services|sql-server-2008-r2|reportbuilder3.0</t>
  </si>
  <si>
    <t>Polymer DOM update after viewport refresh</t>
  </si>
  <si>
    <t>&lt;p&gt;I've been trying to work this out but sofar have been unable to find an answer. My Polymer element loads a base template JSON file, which is then run through a &lt;code&gt;dom-repeat&lt;/code&gt; to create a basic HTML page.
Then another JSON text-file is loaded, which completes the various areas of the HTML with a JS function.
Upon button-click form child, a function is run that triggers the loading of another JSON file that adds additional info. This all works fine.
But when I go out of the page and back in it, it has remembered all my settings but does not display things correctly. It displays the &lt;code&gt;translatedText&lt;/code&gt; well and the html code is there, but it does not complete the html code for the &lt;code&gt;originalText&lt;/code&gt;.&lt;/p&gt;
&lt;p&gt;It seems to want to load the last JSON file before the DOM is properly rendered. So I want it to refresh the whole DOM, but how do I do this?&lt;/p&gt;
&lt;p&gt;My MWE:&lt;/p&gt;
&lt;pre&gt;&lt;code&gt;&amp;lt;template&amp;gt;
&amp;lt;iron-ajax
      auto
      url="basetext.json"
      handle-as="json"
      last-response="{{baseText}}"&amp;gt;&amp;lt;/iron-ajax&amp;gt;
  &amp;lt;div class="textcontent"&amp;gt;
      &amp;lt;template is="dom-repeat" items="{{baseText.lines}}" as="line"&amp;gt;
        &amp;lt;div class="lineblock"&amp;gt;
            &amp;lt;div class="line" id="line{{line.lineid}}" inner-h-t-m-l="{{line.linetext}}"&amp;gt;&amp;lt;/div&amp;gt;
              &amp;lt;template is="dom-if" if="[[extraShowEnabled]]"&amp;gt;
                      &amp;lt;div class="linepi" id='linepi{{line.lineid}}' inner-h-t-m-l="{{line.linetext}}"&amp;gt;&amp;lt;/div&amp;gt;
              &amp;lt;/template&amp;gt;
        &amp;lt;/div&amp;gt;
      &amp;lt;/template&amp;gt;
  &amp;lt;/div&amp;gt;
  &amp;lt;template is="dom-if" if="[[extraLoadEnabled]]"&amp;gt;
      &amp;lt;iron-ajax
              auto
              url="originaltext.json"
              handle-as="json"
              last-response="{{originalText}}"&amp;gt;&amp;lt;/iron-ajax&amp;gt;
  &amp;lt;/template&amp;gt;
&amp;lt;iron-ajax
      auto
      url="translatedtext.json"
      handle-as="json"
      last-response="{{translatedText}}"&amp;gt;&amp;lt;/iron-ajax&amp;gt;
&amp;lt;/template&amp;gt;
&amp;lt;script&amp;gt;
    Polymer({
      is: 'text-page',
      properties: {
        translatedText: Object,
        originalText: Object,
        extraShowEnabled: {
          type: Boolean,
          value: false
        },
        extraLoadEnabled: {
          type: Boolean,
          value: false
        },
        showViewer: {
          type: String,
          value: "none"
        }
      },
      observers: [
       'setView(showViewer)',
       ' _computeSegments(translatedText,".line")',
       ' _computeSegments(originalText,".linepi")'
      ],
      ready: function() {
        this.addEventListener('eventFromChild', this.changeView);
      },
      changeView: function(event) {
        this.showViewer = event.detail.selectedView;
      },
      setView: function(showViewer) {
        \\ first some code here to reset all css.
        if (showViewer === "none") {
          this.extraShowEnabled = false;
          this.extraLoadEnabled = false;
        }
        if (showViewer === "sidebyside") {
          this.extraShowEnabled = true;
          this.extraLoadEnabled = true;
          this._computeSegments(this.originalText,".linepi");
          this._addSideBySideCode();
        }
      },
      _computeSegments: function(inputText,linetype) {
        if (inputText) {
          Array.from(this.querySelectorAll(linetype+" sc-segment")).forEach(item =&amp;gt; item.innerHTML = inputText.segments[item.id]);
        }
      },
      _addSideBySideCode: function() {
        \\ this function just adds some css.
        },
    });
&amp;lt;/script&amp;gt;
&lt;/code&gt;&lt;/pre&gt;</t>
  </si>
  <si>
    <t>2017-05-08 08:01:57.213000+00:00</t>
  </si>
  <si>
    <t>2017-05-11 07:27:43.260000+00:00</t>
  </si>
  <si>
    <t>javascript|polymer|shadow-dom</t>
  </si>
  <si>
    <t>Time.sleep value dynamic - Python</t>
  </si>
  <si>
    <t>&lt;p&gt;I am taking backup of different network devices daily using paramiko. Each device takes different time interval to login in to the device and also take different time to complete each command. So if I keep time.sleep() with a static time value sometimes it is more time to wait and sometimes it is very less to wait. So how I can I write a program to wait until the first command execute and go for next one, irrespective time.sleep value.&lt;/p&gt;
&lt;pre&gt;&lt;code&gt;ssh = paramiko.SSHClient()
ssh.set_missing_host_key_policy(paramiko.AutoAddPolicy())
ssh.connect(ip, port='22', username=usr_name, password=pwd)
connection = ssh.invoke_shell()
connection.send("\n")
time.sleep(14)
connection.send("enable\n")
time.sleep(3)
connection.send("%s\n" %(pwd))
time.sleep(1)
connection.send("terminal length 0\n")
time.sleep(1)
connection.send("sh int status | ex (trunk|routed)\n")
&lt;/code&gt;&lt;/pre&gt;</t>
  </si>
  <si>
    <t>2018-10-10 06:40:08.320000+00:00</t>
  </si>
  <si>
    <t>2018-10-10 06:49:25.450000+00:00</t>
  </si>
  <si>
    <t>python|python-3.x|paramiko</t>
  </si>
  <si>
    <t>How to get JSON from HTTP to Java object on Android</t>
  </si>
  <si>
    <t>&lt;p&gt;I want to get JSON from HTTP and parse it into an object in my Android app.
I've tried Spring Framework with AsyncTask, but everyone says it's deprecated.&lt;/p&gt;
&lt;p&gt;So how can I make this happen, or does someone have a link to a tutorial for me?&lt;/p&gt;</t>
  </si>
  <si>
    <t>2015-08-01 06:05:27.007000+00:00</t>
  </si>
  <si>
    <t>2015-08-01 08:32:18.697000+00:00</t>
  </si>
  <si>
    <t>2015-08-01 06:48:44.523000+00:00</t>
  </si>
  <si>
    <t>java|android|json|http</t>
  </si>
  <si>
    <t>Create Azure Data Factory v2 withot AD app registration</t>
  </si>
  <si>
    <t>&lt;p&gt;Is there any way to create Azure Data Factory v2 client without create AD app in azure?&lt;/p&gt;</t>
  </si>
  <si>
    <t>2018-06-22 08:01:40.143000+00:00</t>
  </si>
  <si>
    <t>2018-06-22 14:34:13.260000+00:00</t>
  </si>
  <si>
    <t>azure|azure-data-factory-2</t>
  </si>
  <si>
    <t>Unable to fire an intent to applications</t>
  </si>
  <si>
    <t>&lt;p&gt;How to fire an intent from an activity to inbuilt applications in android? Am writing an application where i can set a shortcut key to the applications. Am able to save the key and other things. but how to launch that application from this activity? How to Fire an intent to inbuilt apps in android like Calculator, messaging etc..&lt;/p&gt;</t>
  </si>
  <si>
    <t>2011-06-29 10:28:25.320000+00:00</t>
  </si>
  <si>
    <t>2011-06-29 10:33:43.557000+00:00</t>
  </si>
  <si>
    <t>Syntax error (missing operator) in query expression (vb.net)</t>
  </si>
  <si>
    <t>&lt;p&gt;I am trying to make a form in which a user can create an account, but I am getting the following error:&lt;/p&gt;
&lt;p&gt;Additional information: Syntax error (missing operator) in query expression '@Re-Enter Password'.&lt;/p&gt;
&lt;p&gt;My code is as follows: &lt;/p&gt;
&lt;pre&gt;&lt;code&gt;Private Sub connect()
    dbProvider = "PROVIDER=Microsoft.ACE.OLEDB.12.0;" 'Sets the provider of the database
    dbSource = "Data Source= F:\CarphoneWarehouseDatabase.accdb" 'Sets the location of the database
    con.ConnectionString = dbProvider &amp;amp; dbSource 'tells the connection where to find the database and who provides it
    con.Open() 'Opens connection
End Sub
Private Sub SubmitBtn_Click(sender As Object, e As EventArgs) Handles SubmitBtn.Click
    connect() 'Start connect procedure
    Dim sql As String
    sqlquery.Connection = con
    sqlquery.CommandText = sql
    'sql = "INSERT INTO PersonalDetails([Forename],[Surname]) VALUES('test1','test1')" 'Insert the two values into the database
    sqlquery.CommandText = "INSERT INTO PersonalDetails([Forename],[Surname],[Username],[Password],[Re-Enter Password],[Email Address],[Re-Enter Email Address],[Date of Birth]) values (@Forename, @Surname, @Username, @Password, @Re-Enter Password, @Email Address, @Re-Enter Email Address, @Date of Birth)"
    sqlquery.Parameters.AddWithValue("@Forename", ForenameTxtBox.Text)
    sqlquery.Parameters.AddWithValue("@Surname", SurnameTxtBox.Text)
    sqlquery.Parameters.AddWithValue("@Username", UsernameTxtBox.Text)
    sqlquery.Parameters.AddWithValue("@Password", PasswordTxtBox.Text)
    sqlquery.Parameters.AddWithValue("@Re-Enter Password", ReEnterPasswordTxtBox.Text)
    sqlquery.Parameters.AddWithValue("@Email Address", EmailAddressTxtBox.Text)
    sqlquery.Parameters.AddWithValue("@Re-Enter Email Address", ReEnterEmailTxtBox.Text)
    sqlquery.Parameters.AddWithValue("@Date of Birth", DateOfBirthTxtBox.Text)
    sqlquery.ExecuteNonQuery()
    MsgBox("Row(s) Inserted !! ") 'Displays message box informing the user that the database has been added to
    con.Close() 'Connection closed
End Sub
&lt;/code&gt;&lt;/pre&gt;</t>
  </si>
  <si>
    <t>2015-10-21 13:55:57.970000+00:00</t>
  </si>
  <si>
    <t>2015-10-21 14:08:22.063000+00:00</t>
  </si>
  <si>
    <t>Can I put storyboard files into different physical folders?</t>
  </si>
  <si>
    <t>&lt;p&gt;I was moving project files around and noticed that by some reason XCode can't locate my storyboard files. I'm also unable to set their paths with File Inspector - files are not highlighted. Am I allowed to move storyboard files to physical folders?&lt;/p&gt;
&lt;p&gt;&lt;a href="https://i.stack.imgur.com/qKQyn.png" rel="nofollow noreferrer"&gt;&lt;img src="https://i.stack.imgur.com/qKQyn.png" alt="Part of the project"&gt;&lt;/a&gt;&lt;/p&gt;</t>
  </si>
  <si>
    <t>2017-07-07 10:22:54.327000+00:00</t>
  </si>
  <si>
    <t>2017-07-07 10:30:56.960000+00:00</t>
  </si>
  <si>
    <t>ios|swift|xcode|swift3|storyboard</t>
  </si>
  <si>
    <t>WPF Keep the UI responsive while wait for the user's choice</t>
  </si>
  <si>
    <t>&lt;p&gt;I have this code in VB.Net, in windows forms. I need to wait for the user's choice, but keeping the UI responsive, so the user can select a option from a ListBox. The listbox_SelectionChanged event will set a Boolean named selectedElement to true, so the execution continues. In WPF I have found that it is possible to do it with threading but I am not sure how to do it. Any advice? Thanks :)&lt;/p&gt;
&lt;pre&gt;&lt;code&gt;    Do
       System.Windows.Forms.Application.DoEvents()
    Loop Until selectedElement
&lt;/code&gt;&lt;/pre&gt;</t>
  </si>
  <si>
    <t>2013-10-03 22:37:45.497000+00:00</t>
  </si>
  <si>
    <t>2015-07-30 06:51:29.980000+00:00</t>
  </si>
  <si>
    <t>wpf|vb.net|vb6-migration</t>
  </si>
  <si>
    <t>Does the @@iterate_diff view from plone.app.iterate work with plone.app.stagingbehavior?</t>
  </si>
  <si>
    <t>&lt;p&gt;I have a custom type made using &lt;a href="http://plone.org/products/dexterity/" rel="nofollow"&gt;dexterity&lt;/a&gt; and &lt;a href="https://github.com/plone/plone.app.stagingbehavior" rel="nofollow"&gt;plone.app.stagingbehavior&lt;/a&gt; installed. I can check in and check out my custom type, but trying to view the diff results in a stack trace because &lt;a href="https://github.com/plone/plone.app.iterate/blob/master/plone/app/iterate/browser/diff.py" rel="nofollow"&gt;plone.app.iterate.browser.diff.DiffView&lt;/a&gt; doesn't seem to know how to get the baseline and working copy versions for objects made using dexterity/p.a.stagingbehavior.&lt;/p&gt;
&lt;p&gt;I did try overriding DiffView and changing it to use get_baseline and get_working_copy from from &lt;a href="https://github.com/plone/plone.app.stagingbehavior/blob/master/plone/app/stagingbehavior/utils.py" rel="nofollow"&gt;plone.app.stagingbehavior.utils&lt;/a&gt;, but the diff view still doesn't work (with a different exception, ten thousand levels deep in Products.Archetypes, so I assume it's not likely to work). Perhaps collective.dexteritydiff would help at this point.&lt;/p&gt;
&lt;p&gt;It's a bit confusing because p.a.stagingbehavior includes a link to @@iterate_diff in its version of the &lt;a href="https://github.com/plone/plone.app.stagingbehavior/blob/master/plone/app/stagingbehavior/browser/info_baseline.pt" rel="nofollow"&gt;plone.app.iterate.checkout_info&lt;/a&gt; portlet, which makes me think it's intended to work and maybe my setup is broken or I've done something wrong.&lt;/p&gt;</t>
  </si>
  <si>
    <t>2012-09-11 05:21:52.020000+00:00</t>
  </si>
  <si>
    <t>2014-07-28 09:08:59.677000+00:00</t>
  </si>
  <si>
    <t>plone|dexterity</t>
  </si>
  <si>
    <t>Xtext ScopeProvider: Accessing context object leads to errors</t>
  </si>
  <si>
    <t>&lt;p&gt;Every time I try to access the context object in the &lt;code&gt;ScopeProvider&lt;/code&gt; , I'll get a "cyclic resolution of lazy links" error or my &lt;code&gt;ScopeProvider&lt;/code&gt; will be fully ignored and the default scope is used.&lt;/p&gt;
&lt;p&gt;Heres a small example grammar:&lt;/p&gt;
&lt;pre&gt;&lt;code&gt;grammar org.xtext.example.mydsl.MyDsl with org.eclipse.xtext.common.Terminals
generate myDsl "http://www.xtext.org/example/mydsl/MyDsl"
Model:
    (greetings+=Greeting)*
    (farewells+=Farewell)*;
Greeting:
    'Hello' name=ID '!';
Farewell:
    'Bye' name=[Greeting] '.';
&lt;/code&gt;&lt;/pre&gt;
&lt;p&gt;This is the ScopeProvider:&lt;/p&gt;
&lt;pre&gt;&lt;code&gt;class MyDslScopeProvider extends org.eclipse.xtext.scoping.impl.AbstractDeclarativeScopeProvider {
def scope_Farewell_name(Farewell context,EReference reference){
    System.out.println(context.name);
    return IScope::NULLSCOPE
}
}
&lt;/code&gt;&lt;/pre&gt;
&lt;p&gt;Is there something wrong in my approach? &lt;/p&gt;
&lt;p&gt;Why I want to access the context:&lt;/p&gt;
&lt;p&gt;Im trying to create an Editor for the GLSL shading language. Ill need to distinguish between a struct member and a field selection operator: Example:&lt;/p&gt;
&lt;pre&gt;&lt;code&gt;struct Test{
vec4 x;
};
Test s;
s.x.x=5.0;
&lt;/code&gt;&lt;/pre&gt;
&lt;p&gt;The first &lt;code&gt;x&lt;/code&gt; is the struct member and the 2nd one is the x-coordinate of the vector.&lt;/p&gt;</t>
  </si>
  <si>
    <t>2014-07-18 16:19:37.557000+00:00</t>
  </si>
  <si>
    <t>2014-07-18 16:57:24.533000+00:00</t>
  </si>
  <si>
    <t>xtext|xtend</t>
  </si>
  <si>
    <t>How add .net Framework4 in Installshield 2009</t>
  </si>
  <si>
    <t>&lt;p&gt;I am using Installshield 2009 and I create a setup (install script project)&lt;/p&gt;
&lt;p&gt;Now I want to change my setup to .NET 4 in Installshield&lt;/p&gt;
&lt;p&gt;How do I do it?&lt;/p&gt;
&lt;p&gt;Thanks&lt;/p&gt;</t>
  </si>
  <si>
    <t>2013-02-16 08:02:39.420000+00:00</t>
  </si>
  <si>
    <t>2013-02-18 14:54:17.447000+00:00</t>
  </si>
  <si>
    <t>2013-02-16 08:09:26.667000+00:00</t>
  </si>
  <si>
    <t>c#|installshield</t>
  </si>
  <si>
    <t>how to set password to micro SD card programmatically?</t>
  </si>
  <si>
    <t>&lt;p&gt;is there any way to write protect micro sd card with password through programming (Java/C)?&lt;/p&gt;
&lt;p&gt;primarily I wanted to set a password to micro sd card and the sd card should have access only if we provide the password.&lt;/p&gt;
&lt;p&gt;I come to know that nokia mobile phones were doing this before, hope there is some way of doing this.&lt;/p&gt;
&lt;p&gt;thanks in advance.&lt;/p&gt;</t>
  </si>
  <si>
    <t>2013-02-20 04:15:49.403000+00:00</t>
  </si>
  <si>
    <t>2014-05-06 06:16:06.363000+00:00</t>
  </si>
  <si>
    <t>passwords|password-protection|copy-protection|password-encryption|data-protection</t>
  </si>
  <si>
    <t>Rails collection_select "selected" value is cancelled out by the default "prompt"</t>
  </si>
  <si>
    <t>&lt;p&gt;Couldn't find any reference to my problem in the API, so here goes:&lt;/p&gt;
&lt;pre&gt;&lt;code&gt;&amp;lt;%= f.collection_select :category_id, @categories, :id, 
                        :name, {prompt: true}, { selected: @selected_value } %&amp;gt;
&lt;/code&gt;&lt;/pre&gt;
&lt;p&gt;My users arrive to the form from different links, and depending on the link, they get their categories pre-selected for them from the @categories set. Sometimes they come from a general page, so instead of a pre-selected option they see the default prompt.&lt;/p&gt;
&lt;p&gt;Problem: with my current code prompt replaces the selected value. 
Thanks for any advice!&lt;/p&gt;</t>
  </si>
  <si>
    <t>2013-11-12 14:42:39.627000+00:00</t>
  </si>
  <si>
    <t>2013-11-12 15:21:06.493000+00:00</t>
  </si>
  <si>
    <t>ruby-on-rails|ruby-on-rails-3|ruby-on-rails-4</t>
  </si>
  <si>
    <t>How to specify a unique React$Element as the flow type</t>
  </si>
  <si>
    <t>&lt;p&gt;I am trying to specify that a function should only return a specific type of React$Element. Looking at the source code the following should work, but it doesn't:&lt;/p&gt;
&lt;pre&gt;&lt;code&gt;/* @flow */
import React, { Component } from 'react';
type Props = {
  testID: string
}
class Price extends Component {
    props: Props;
    render() {
        return null
    }
}
function bla() : React$Element&amp;lt;Price&amp;gt; {
  return &amp;lt;Price testID="fds"/&amp;gt;;
}
&lt;/code&gt;&lt;/pre&gt;
&lt;p&gt;I get the following error:&lt;/p&gt;
&lt;pre&gt;&lt;code&gt;18:   return &amp;lt;Price testID="fds"/&amp;gt;;
             ^ props of React element `Price`. This type is incompatible with
17: function bla() : React$Element&amp;lt;Price&amp;gt; {
                                   ^ Price
18:   return &amp;lt;Price testID="fds"/&amp;gt;;
             ^ property `testID`. Property not found in
17: function bla() : React$Element&amp;lt;Price&amp;gt; {
                                   ^ Price
&lt;/code&gt;&lt;/pre&gt;
&lt;p&gt;Here is a playground link of the error happening:&lt;/p&gt;
&lt;p&gt;&lt;a href="https://flow.org/try/#0PQKgBAAgZgNg9gdzCYAoVBLAtgBzgJwBcwAlAUwEMBjQgGjAG8wBhOXOAOzI+IF8wo+NmADk+SjREBudIQCeOMmAAKQnAGcwAXkaowYQmXWEAkgBEAXGGP4MHAOape6KjArrNqjFSVkAHoYcACaarOxcPLr6+jhq6laqcBoyqACQ4sFk+AAUAJRR0elkhACu+BxgHCUwMHrRzs6oUCUcNBicYABGbnlgVuTUhAAkAKIwZFjchAA8Xj4AfAXipeVgs7Y+BkamZloARFAhe8DzMrxAA" rel="nofollow noreferrer"&gt;https://flow.org/try/#0PQKgBAAgZgNg9gdzCYAoVBLAtgBzgJwBcwAlAUwEMBjQgGjAG8wBhOXOAOzI+IF8wo+NmADk+SjREBudIQCeOMmAAKQnAGcwAXkaowYQmXWEAkgBEAXGGP4MHAOape6KjArrNqjFSVkAHoYcACaarOxcPLr6+jhq6laqcBoyqACQ4sFk+AAUAJRR0elkhACu+BxgHCUwMHrRzs6oUCUcNBicYABGbnlgVuTUhAAkAKIwZFjchAA8Xj4AfAXipeVgs7Y+BkamZloARFAhe8DzMrxAA&lt;/a&gt;&lt;/p&gt;
&lt;p&gt;(you might have to switch the flow version to v0.43 from v0.43.1)&lt;/p&gt;
&lt;p&gt;edit: As Nate suggested below I can pass the Props as the type parameter but then, flow wouldn't complain if the function is returning another React Element with the same Props type. &lt;/p&gt;</t>
  </si>
  <si>
    <t>2017-04-09 02:34:40.190000+00:00</t>
  </si>
  <si>
    <t>2018-07-28 16:02:29.070000+00:00</t>
  </si>
  <si>
    <t>2017-04-09 19:47:59.277000+00:00</t>
  </si>
  <si>
    <t>reactjs|flowtype</t>
  </si>
  <si>
    <t>Android emulator craches when Using SmsManager to send SMS</t>
  </si>
  <si>
    <t>&lt;p&gt;I click on send button in my app and emulator craches with following error message : &lt;/p&gt;
&lt;blockquote&gt;
  &lt;p&gt;HAX is working and emulator runs in fast virt mode&lt;br&gt;
  dyld: lazy symbol binding failed: Symbol not found: _utf8_write
    Referenced from: /Users/Nabil/Documents/Development/Android/sdk/tools/emulator64-x86
    Expected in: flat namespace
  dyld: Symbol not found: _utf8_write
    Referenced from: /Users/Nabil/Documents/Development/Android/sdk/tools/emulator64-x86
    Expected in: flat namespace&lt;/p&gt;
&lt;/blockquote&gt;
&lt;p&gt;Here is my class code : &lt;/p&gt;
&lt;pre&gt;&lt;code&gt;public void Send (View view){
        txtnum = (EditText)findViewById(R.id.txtNum);
        txtmsg = (EditText)findViewById(R.id.txtMessage);
        String phoneNo = txtnum.getText().toString();
        String message = txtmsg.getText().toString();
        try {
            SmsManager smsManager = SmsManager.getDefault();
            smsManager.sendTextMessage(phoneNo, null, message, null, null);
            Toast.makeText(getApplicationContext(), "SMS sent.",
                    Toast.LENGTH_LONG).show();
        } catch (Exception e) {
            Toast.makeText(getApplicationContext(),
                    "SMS faild, please try again.",
                    Toast.LENGTH_LONG).show();
            e.printStackTrace();
        }
    }
&lt;/code&gt;&lt;/pre&gt;
&lt;p&gt;and my manifest file: &lt;/p&gt;
&lt;pre&gt;&lt;code&gt;&amp;lt;uses-permission android:name="android.permission.SEND_SMS" /&amp;gt;
    &amp;lt;application
        android:allowBackup="true"
        android:icon="@mipmap/ic_launcher"
        android:label="@string/app_name"
        android:theme="@style/AppTheme" &amp;gt;
        &amp;lt;activity
            android:name=".MainActivity"
            android:label="@string/app_name" &amp;gt;
            &amp;lt;intent-filter&amp;gt;
                &amp;lt;action android:name="android.intent.action.MAIN" /&amp;gt;
                &amp;lt;category android:name="android.intent.category.LAUNCHER" /&amp;gt;
            &amp;lt;/intent-filter&amp;gt;
        &amp;lt;/activity&amp;gt;
    &amp;lt;/application&amp;gt;
&lt;/code&gt;&lt;/pre&gt;</t>
  </si>
  <si>
    <t>2015-02-27 09:51:33.783000+00:00</t>
  </si>
  <si>
    <t>2015-04-29 06:24:58.080000+00:00</t>
  </si>
  <si>
    <t>Gtk Terminal Widget</t>
  </si>
  <si>
    <t>&lt;p&gt;Simple question: Is there a linux-style terminal widget for GTK? Preferably for Haskell, too, as I want to use gtk2hs&lt;/p&gt;</t>
  </si>
  <si>
    <t>2011-04-12 11:59:54.613000+00:00</t>
  </si>
  <si>
    <t>2011-04-12 12:24:13.727000+00:00</t>
  </si>
  <si>
    <t>haskell|gtk|terminal|widget|gtk2hs</t>
  </si>
  <si>
    <t>Web application written with Processing, using processing.js: how to debug?</t>
  </si>
  <si>
    <t>&lt;p&gt;I'm a newby in HTML, while I've some skill with Processing language.
I'm writing an application in Processing which I want to visualise in a local webpage.&lt;br&gt;
I've a basic index.html, which upload my sketch and the file processing.js.
It works. &lt;/p&gt;
&lt;p&gt;My problem is that sometimes, an application which runs with no proiblem using the Processing IDE, does not run in the webpage. I assume there are still some bugs in the porting from Processing to JavaScript.
What I would like to know is: is there some way to debug the webpage I try to visualise?
Just to seek "where" the webpage remains stuck! In this way I could bypass the problem!
For now, I'm using Firefox for html visualisation.
Thanks a lot, Valerio &lt;/p&gt;</t>
  </si>
  <si>
    <t>2014-08-04 11:17:21.967000+00:00</t>
  </si>
  <si>
    <t>2014-08-04 15:28:11.340000+00:00</t>
  </si>
  <si>
    <t>processing|processing.js</t>
  </si>
  <si>
    <t>Does Juggernaut work on Heroku?</t>
  </si>
  <si>
    <t>&lt;p&gt;I'm building a Rails app that includes live group chat. I've heard Juggernaut is the best option for this. Does it work on Heroku?&lt;/p&gt;</t>
  </si>
  <si>
    <t>2011-03-06 10:50:19.480000+00:00</t>
  </si>
  <si>
    <t>2011-11-15 11:04:09.860000+00:00</t>
  </si>
  <si>
    <t>ruby-on-rails-3|juggernaut</t>
  </si>
  <si>
    <t>jquery id identifier</t>
  </si>
  <si>
    <t>&lt;blockquote&gt;
  &lt;p&gt;&lt;strong&gt;Possible Duplicate:&lt;/strong&gt;&lt;br&gt;
  &lt;a href="https://stackoverflow.com/questions/5376431/wildcards-in-jquery-selectors"&gt;Wildcards in jQuery selectors&lt;/a&gt;  &lt;/p&gt;
&lt;/blockquote&gt;
&lt;p&gt;Say I have several buttons on my page, with id tags as &lt;code&gt;id_1&lt;/code&gt;, &lt;code&gt;id_2&lt;/code&gt;, &lt;code&gt;id_3&lt;/code&gt; etc&lt;/p&gt;
&lt;p&gt;I want a function to cover all of them being pressed, so something that checks if the first 3 characters are &lt;code&gt;id_&lt;/code&gt;.&lt;/p&gt;
&lt;pre&gt;&lt;code&gt; $("?????").click(function(event) {
&lt;/code&gt;&lt;/pre&gt;
&lt;p&gt;What replaces the &lt;code&gt;??????&lt;/code&gt;&lt;/p&gt;
&lt;p&gt;I can't use classes instead, in this instance.&lt;/p&gt;</t>
  </si>
  <si>
    <t>2012-07-21 15:28:37.130000+00:00</t>
  </si>
  <si>
    <t>2012-07-21 15:46:10.973000+00:00</t>
  </si>
  <si>
    <t>2017-05-23 11:48:13.980000+00:00</t>
  </si>
  <si>
    <t>js cookie is not shown in chrome developer tools</t>
  </si>
  <si>
    <t>&lt;p&gt;I created cookie with server side code (c#) and it was shown in chrome developer tools. (Resources-&gt;Cookies)
now I created it in js and it is not shown there anymore.
if I write in the console: "document.cookie" - I can see my cookie, but I want to see it in Resources-&gt;Cookies so I can easily delete it when I want to.
the code to create the cookie: (from: &lt;a href="http://www.w3schools.com/js/js_cookies.asp?output=print" rel="nofollow"&gt;http://www.w3schools.com/js/js_cookies.asp?output=print&lt;/a&gt;)&lt;/p&gt;
&lt;pre&gt;&lt;code&gt;function setCookie(c_name, value, exdays) {
var exdate = new Date();
exdate.setDate(exdate.getDate() + exdays);
var c_value = escape(value) + ((exdays == null) ? "" : "; expires=" +   exdate.toUTCString());
document.cookie = c_name + "=" + c_value;
}
&lt;/code&gt;&lt;/pre&gt;
&lt;p&gt;and:&lt;/p&gt;
&lt;pre&gt;&lt;code&gt;setCookie("myCookie", "true", 365);
&lt;/code&gt;&lt;/pre&gt;</t>
  </si>
  <si>
    <t>2012-07-02 14:31:06.430000+00:00</t>
  </si>
  <si>
    <t>2018-02-15 15:27:12.197000+00:00</t>
  </si>
  <si>
    <t>javascript|google-chrome|cookies|developer-tools</t>
  </si>
  <si>
    <t>Indentation between pages in UIScrollView</t>
  </si>
  <si>
    <t>&lt;p&gt;I am using UIScrollView with paging enabled. My code is based on &lt;a href="http://developer.apple.com/library/ios/#samplecode/PageControl/Introduction/Intro.html#//apple_ref/doc/uid/DTS40007795" rel="nofollow"&gt;PageControl example&lt;/a&gt;.&lt;/p&gt;
&lt;p&gt;Pages in UIScrollView stay close to each other. But I need to add some space between pages (like when you browsing photos in Camera Roll). Is there any way to add some horizontal indentation between pages?&lt;/p&gt;</t>
  </si>
  <si>
    <t>2013-01-06 12:18:11.127000+00:00</t>
  </si>
  <si>
    <t>2013-01-06 12:52:04.583000+00:00</t>
  </si>
  <si>
    <t>iphone|objective-c|ios|xcode|cocoa-touch</t>
  </si>
  <si>
    <t>python - Using pandas structures with large csv(iterate and chunksize)</t>
  </si>
  <si>
    <t>&lt;p&gt;I have a large csv file, about 600mb with 11 million rows and I want to create statistical data like pivots, histograms, graphs etc. Obviously trying to just to read it normally:&lt;/p&gt;
&lt;pre&gt;&lt;code&gt;df = pd.read_csv('Check400_900.csv', sep='\t')
&lt;/code&gt;&lt;/pre&gt;
&lt;p&gt;doesn't work so I found iterate and chunksize in a similar post so I used &lt;/p&gt;
&lt;pre&gt;&lt;code&gt;df = pd.read_csv('Check1_900.csv', sep='\t', iterator=True, chunksize=1000)
&lt;/code&gt;&lt;/pre&gt;
&lt;p&gt;All good, i can for example &lt;code&gt;print df.get_chunk(5)&lt;/code&gt;  and search the whole file with just &lt;/p&gt;
&lt;pre&gt;&lt;code&gt;for chunk in df:
    print chunk
&lt;/code&gt;&lt;/pre&gt;
&lt;p&gt;My problem is I don't know how to use stuff like these below for the whole df and not for just one chunk&lt;/p&gt;
&lt;pre&gt;&lt;code&gt;plt.plot()
print df.head()
print df.describe()
print df.dtypes
customer_group3 = df.groupby('UserID')
y3 = customer_group.size()
&lt;/code&gt;&lt;/pre&gt;
&lt;p&gt;I hope my question is not so confusing&lt;/p&gt;</t>
  </si>
  <si>
    <t>2015-11-11 01:48:32.227000+00:00</t>
  </si>
  <si>
    <t>2018-05-17 06:55:41.140000+00:00</t>
  </si>
  <si>
    <t>2015-11-11 07:54:27.910000+00:00</t>
  </si>
  <si>
    <t>python|csv|pandas|dataframe|bigdata</t>
  </si>
  <si>
    <t>column sorting in named sets power pivot (MDX)</t>
  </si>
  <si>
    <t>&lt;p&gt;i need help sorting columns in named sets created in power pivot
-data source is just plain .txt files on sharepoint&lt;/p&gt;
&lt;p&gt;for example i have named set &lt;/p&gt;
&lt;pre&gt;&lt;code&gt;  {([Measures].[Sum of broj_stavki_KKPPL]),
    ([Measures].[prose��an broj iskomisioniranih stavki KP i PL]),
    ([Measures].[procenat u��inka komisionara na KP i PL])}
&lt;/code&gt;&lt;/pre&gt;
&lt;p&gt;and i need formula to sort second column or even better if i can get multiple sort for all columns&lt;/p&gt;
&lt;p&gt;i have tried to use function ORDER but as i'm new to MDX function i just can get it right&lt;/p&gt;</t>
  </si>
  <si>
    <t>2018-08-07 20:26:42.627000+00:00</t>
  </si>
  <si>
    <t>mdx</t>
  </si>
  <si>
    <t>How can I use an svg file with lots of individual svg's in html5?</t>
  </si>
  <si>
    <t>&lt;p&gt;I downloaded an svg file from &lt;a href="http://svg-cards.sourceforge.net/" rel="nofollow"&gt;http://svg-cards.sourceforge.net/&lt;/a&gt;. Its a basic standard deck of playing cards. It's structure looks like this: &lt;/p&gt;
&lt;pre&gt;&lt;code&gt;&amp;lt;defs&amp;gt;
    &amp;lt;g&amp;gt;
        &amp;lt;text&amp;gt;&amp;lt;/text&amp;gt;
    &amp;lt;/g&amp;gt;
&amp;lt;/defs&amp;gt;
&amp;lt;g&amp;gt;
    &amp;lt;g id="king_spade"&amp;gt;
        &amp;lt;use&amp;gt;&amp;lt;/use&amp;gt;
    &amp;lt;/g&amp;gt;
    ... //50+ more cards
&amp;lt;/g&amp;gt;
&lt;/code&gt;&lt;/pre&gt;
&lt;p&gt;The readme says&lt;/p&gt;
&lt;blockquote&gt;
  &lt;p&gt;You can access to each either by rendering the file into a pixmap and clipping each card or by using their name with a DOM interface&lt;/p&gt;
&lt;/blockquote&gt;
&lt;p&gt;And then gives this example:&lt;/p&gt;
&lt;pre&gt;&lt;code&gt;&amp;lt;g id="king_spade"&amp;gt;
...
&amp;lt;/g&amp;gt;
&lt;/code&gt;&lt;/pre&gt;
&lt;p&gt;OK, great I see the relationship between the two but I don't understand how I can display just one card, since all of the cards are in the same file. Anything I have done has rendered the entire svg file (all 55 cards!)&lt;/p&gt;
&lt;p&gt;That includes:&lt;/p&gt;
&lt;pre&gt;&lt;code&gt;&amp;lt;img&amp;gt;
&amp;lt;embed&amp;gt;
&amp;lt;object&amp;gt;
&lt;/code&gt;&lt;/pre&gt;
&lt;p&gt;&lt;strong&gt;So my question:&lt;/strong&gt; How exactly do I do what the readme suggests should be so easy... How do I access the individual cards inside of the group without first displaying the entire file? &lt;/p&gt;
&lt;p&gt;Really what I am looking for is almost a way to use it like css. Include it as a resource in my head, and then be able to do in the body of the document &lt;code&gt;&amp;lt;g id="king_spade"&amp;gt;&amp;lt;/g&amp;gt;&lt;/code&gt; and have a the card king of spades show up. Can I not use it this way?&lt;/p&gt;
&lt;p&gt;&lt;strong&gt;Edit:&lt;/strong&gt; I am trying to do this all inside of a phonegap application, so there is no external server I am connecting to. All resources would be located on the phone, so the &lt;code&gt;ajax&lt;/code&gt; solution below doesn't work because of same origin restrictions.&lt;/p&gt;</t>
  </si>
  <si>
    <t>2013-06-24 17:17:13.977000+00:00</t>
  </si>
  <si>
    <t>2013-06-26 04:10:29.880000+00:00</t>
  </si>
  <si>
    <t>2013-06-25 18:21:00.923000+00:00</t>
  </si>
  <si>
    <t>javascript|html5|dom|svg|cordova</t>
  </si>
  <si>
    <t>Issue Accessing File Storage in Azure WorkerRole using Startup Script</t>
  </si>
  <si>
    <t>&lt;p&gt;I have an Azure Cloud Service Worker Role which needs a separate Windows Service installed to redirect application tracing to a centralized server.  I've placed the installation binaries for this Windows Service in a Storage Account's file storage as shown below. I then have my startup task call a batch file, which in turn executes a power-shell script to retrieve the file and install the service&lt;/p&gt;
&lt;p&gt;When Azure deploys a new instance of the role, the script execution fails with the following error:&lt;/p&gt;
&lt;blockquote&gt;
  &lt;p&gt;Cannot find path 
  '\\{name}.file.core.windows.net\utilities\slab1-1.zip' because it does 
  not exist&lt;/p&gt;
&lt;/blockquote&gt;
&lt;p&gt;However, when I run the script after connecting through RDP, all is fine.  Does anybody know why this might be happening?  Here is the script below...&lt;/p&gt;
&lt;pre&gt;&lt;code&gt;cmdkey /add:$storageAccountName.file.core.windows.net /user:$shareUser /pass:$shareAccessKey
net use * \\$storageAccountName.file.core.windows.net\utilities
mkdir slab
copy \\$storageAccountName.file.core.windows.net\utilities\$package .\slab\$package
&lt;/code&gt;&lt;/pre&gt;</t>
  </si>
  <si>
    <t>2016-04-15 12:14:47.050000+00:00</t>
  </si>
  <si>
    <t>2016-04-15 17:36:13.510000+00:00</t>
  </si>
  <si>
    <t>2016-04-15 12:22:04.680000+00:00</t>
  </si>
  <si>
    <t>powershell|azure|azure-worker-roles</t>
  </si>
  <si>
    <t>How to make jQuery dialog modal?</t>
  </si>
  <si>
    <t>&lt;p&gt;I am using jQuery dialog in asp.net. It is working fine for me. The problem is when I open the dialog box, I can still work parent page functionality. I don't want that. Just dialog to modal and should not allow focus on parent page.&lt;/p&gt;
&lt;pre&gt;&lt;code&gt;window.onload = function onloadFunction() {
        //setup edit person dialog
     $('#uploadPic').dialog({
             autoOpen: false,
             draggable: true,
             title: "Upload Picture",
             open: function(type, data) {
                 $(this).parent().appendTo("form");
             }
         });
     }
&lt;/code&gt;&lt;/pre&gt;
&lt;p&gt;Is there any way to make it modal? Or if lost focus on dialog box close it automatically?&lt;/p&gt;
&lt;p&gt;Please help me out.&lt;/p&gt;</t>
  </si>
  <si>
    <t>2010-10-15 18:42:45.953000+00:00</t>
  </si>
  <si>
    <t>2016-02-22 11:12:29.407000+00:00</t>
  </si>
  <si>
    <t>2010-10-15 18:58:26.033000+00:00</t>
  </si>
  <si>
    <t>javascript|asp.net|jquery|jquery-ui|modal-dialog</t>
  </si>
  <si>
    <t>Non-pageview testing in Google Website Optimiser not showing any results</t>
  </si>
  <si>
    <t>&lt;p&gt;I'm trying to set up a non-pageview test, so that a click on a link is indicated like a conversion in GWO. I did everything like said here: &lt;a href="http://support.google.com/websiteoptimizer/bin/answer.py?hl=en&amp;amp;answer=93181" rel="nofollow"&gt;http://support.google.com/websiteoptimizer/bin/answer.py?hl=en&amp;amp;answer=93181&lt;/a&gt;
And started the experiment. Control script works fine, traffic is split between variations, but the experiment report in GWO is not showing any visits (0 pageviews/0conversions). It has been 3 days since the experiment began, i'm pretty sured the test had aroung 40-60 visits and conversions (i asked my friends to parcitipate with all the browsers they have). Here's my test experiment: &lt;a href="http://www.artmetod.ru/a-b-test/" rel="nofollow"&gt;http://www.artmetod.ru/a-b-test/&lt;/a&gt;&lt;/p&gt;
&lt;p&gt;What am i doing wrong?&lt;/p&gt;</t>
  </si>
  <si>
    <t>2012-03-26 17:28:24.280000+00:00</t>
  </si>
  <si>
    <t>javascript|google-website-optimizer</t>
  </si>
  <si>
    <t>Deserialize jackson in spring boot</t>
  </si>
  <si>
    <t>&lt;p&gt;I am getting two types of json by calling RestTemplate   &lt;/p&gt;
&lt;pre&gt;&lt;code&gt;{"results":[{"testing":{"name":"soham"}},{"testing":{"firstname":"john","lastname":"don"}}]}
&lt;/code&gt;&lt;/pre&gt;
&lt;p&gt;Now I am parsing data using JsonDeserializer&lt;/p&gt;
&lt;pre&gt;&lt;code&gt;public class CustomJacksonDeserialize extends JsonDeserializer&amp;lt;Activity&amp;gt; {
    @Override
    public Activity deserialize(JsonParser jsonParser, DeserializationContext deserializationContext) throws
            IOException, NullPointerException {
        ObjectMapper objectMapper = new ObjectMapper();
        JsonNode actualObj = objectMapper.readTree(jsonParser.getValueAsString());
            return new Activity(actualObj.get("name").asText());
    }
}
&lt;/code&gt;&lt;/pre&gt;
&lt;p&gt;Here is my class &lt;/p&gt;
&lt;pre&gt;&lt;code&gt;@JsonDeserialize(using = CustomJacksonDeserialize.class)
public class Activity {
    private String name;
    public Activity(String name) {
        this.name = name;
    }
}
&lt;/code&gt;&lt;/pre&gt;
&lt;p&gt;Now my question is how to parse this json.&lt;code&gt;@JsonDeserialize&lt;/code&gt; isn't helpful in this case.Any other options?Or how to use &lt;code&gt;@JsonDeserialize&lt;/code&gt; in this case.&lt;/p&gt;</t>
  </si>
  <si>
    <t>2015-06-04 07:53:46.843000+00:00</t>
  </si>
  <si>
    <t>2015-06-04 12:04:46.547000+00:00</t>
  </si>
  <si>
    <t>java|json|jackson|spring-boot</t>
  </si>
  <si>
    <t>How to get date object from date string format</t>
  </si>
  <si>
    <t>&lt;p&gt;I'm trying to convert a date string to date format, something like this:&lt;/p&gt;
&lt;pre&gt;&lt;code&gt;var date = "07/11/2015"; //format is mm/dd/yyyy
&lt;/code&gt;&lt;/pre&gt;
&lt;p&gt;Now I want it to be in this format:&lt;/p&gt;
&lt;pre&gt;&lt;code&gt;date = Tue Sep 01 2015 00:00:00 GMT+0530 (India Standard Time)
&lt;/code&gt;&lt;/pre&gt;
&lt;p&gt;Can anyone suggest a way to achieve it. Thanks in advance!&lt;/p&gt;</t>
  </si>
  <si>
    <t>2015-09-01 10:35:05.950000+00:00</t>
  </si>
  <si>
    <t>2015-09-01 10:43:06.127000+00:00</t>
  </si>
  <si>
    <t>javascript|date</t>
  </si>
  <si>
    <t>Is it undesirable to defensively apply std::move to trivially-copyable types?</t>
  </si>
  <si>
    <t>&lt;p&gt;Imagine we have a trivially-copyable type:&lt;/p&gt;
&lt;pre&gt;&lt;code&gt;struct Trivial
{
    float A{};
    int B{};
}
&lt;/code&gt;&lt;/pre&gt;
&lt;p&gt;which gets constructed and stored in an &lt;code&gt;std::vector&lt;/code&gt;:&lt;/p&gt;
&lt;pre&gt;&lt;code&gt;class ClientCode
{
    std::vector&amp;lt;Trivial&amp;gt; storage{};
    ...
    void some_function()
    {
        ...
        Trivial t{};
        fill_trivial_from_some_api(t, other_args);
        storage.push_back(std::move(t));  // Redundant std::move.
        ...
    }
}
&lt;/code&gt;&lt;/pre&gt;
&lt;p&gt;Normally, this is a pointless operation, as the object will be copied anyway.&lt;/p&gt;
&lt;p&gt;However, an advantage of keeping the &lt;code&gt;std::move&lt;/code&gt; call is that if the &lt;code&gt;Trivial&lt;/code&gt; type would be changed to no longer be trivially-copyable, the client code will not  silently perform an extra copy operation, but a more appropriate move. (The situation is quite possible in my scenario, where the trivial type is used for managing external resources.)&lt;/p&gt;
&lt;p&gt;So my question is whether there any technical downsides to applying the redundant &lt;code&gt;std::move&lt;/code&gt;?&lt;/p&gt;</t>
  </si>
  <si>
    <t>2018-03-12 17:28:56.273000+00:00</t>
  </si>
  <si>
    <t>2018-03-12 17:35:14.843000+00:00</t>
  </si>
  <si>
    <t>How to search my textfile?</t>
  </si>
  <si>
    <t>&lt;p&gt;I was hoping someone could offer me a little help here please.  I have a text file which has two columns and each column is separated by a space (��� ���), the first column is a string and the second column is a numeric field.&lt;/p&gt;
&lt;p&gt;What I���m trying is to read the numeric field in textbox1 and match it to every numeric field in column2 and if the number in textbox1 is not greater than the field then to copy that row (column1 and column 2) into another textfile.&lt;/p&gt;
&lt;p&gt;I have the following coding so far.&lt;/p&gt;
&lt;pre&gt;&lt;code&gt;Dim l1Infos = Textbox1.text
        Select New With {.Line = l1, .Tokens = l1.Split(" "c)}
        Dim result = From l1 In l1Infos
                     Join l2 In IO.File.ReadAllLines("C:\Test2",)
                     On l1.Tokens(0) Equals l2
                     Select l1.Line
        IO.File.WriteAllLines("C:\Test2", result)
&lt;/code&gt;&lt;/pre&gt;</t>
  </si>
  <si>
    <t>2012-05-25 12:17:33.890000+00:00</t>
  </si>
  <si>
    <t>2012-05-25 13:39:42.620000+00:00</t>
  </si>
  <si>
    <t>.net|vb.net|vb.net-2010</t>
  </si>
  <si>
    <t>Subscript out of Range when choosing a Workbook</t>
  </si>
  <si>
    <t>&lt;p&gt;When I tried to get excel to  choose which workbook to use, it gives me an error for subscript out of range. I don't know whether I have to reference which folder it originates from. They are all in the same folder. I looked through other peoples solutions,but I don't have neither the same format nor task. The error is  on the line where it assigns workbook numbers&lt;/p&gt;
&lt;pre&gt;&lt;code&gt;Sub bringbookstogether()
Dim currentsheet As Worksheet
Set currentsheet = Application.ActiveSheet
Dim othersheets As Worksheet
Dim wbook As Workbook
Dim c As String
'assigns the number to start with
Dim a, b, d As Integer
a = 4
b = 6
d = 1
'assigns workbook numbers
If (d = 1) Then
    Set wbook = Workbooks("MaintPrep Sheet 1st")
    Else
    If (d = 2) Then
        Set wbook = Workbooks("MaintPrep Sheet 2nd")
        Else
        If (d = 3) Then
            Set wbook = Workbooks("MaintPrep Sheet 3rd")
        End If
    End If
End If
'End if it's done with all the workbooks
Do Until (d = 4)
'Looks for the sheet that has the same name
Do While (c = currentsheet.Name)
'Ends in row 99
Do While (b &amp;lt; 99)
'Ends in Column 52
Do While (a &amp;lt; 52)
currentsheet.Cells(b, a) = currentsheet.Cells(b, a) + Workbooks(d).Sheets(c).Cells(b, a)
a = a + 1
Loop
b = b + 1
Loop
Loop
d = d + 1
Loop
End Sub
&lt;/code&gt;&lt;/pre&gt;</t>
  </si>
  <si>
    <t>2017-07-03 13:35:45.083000+00:00</t>
  </si>
  <si>
    <t>2017-07-03 13:49:25.097000+00:00</t>
  </si>
  <si>
    <t>excel|vba|excel-vba|compiler-errors</t>
  </si>
  <si>
    <t>Facebook Graph API - My access token fails for 1% of public Event requests?</t>
  </si>
  <si>
    <t>&lt;p&gt;I'm using my &lt;code&gt;FACEBOOK_APP_ID|FACEBOOK_APP_SECRET&lt;/code&gt; access token to get events data from facebook.&lt;/p&gt;
&lt;ul&gt;
&lt;li&gt;It works for 99% of events :)&lt;/li&gt;
&lt;li&gt;But, it fails on 1%, even though &lt;strong&gt;they are public events&lt;/strong&gt;&lt;/li&gt;
&lt;li&gt;I cannot spot any difference between the events that fail and those that succeed.&lt;/li&gt;
&lt;li&gt;when trying in the &lt;a href="https://developers.facebook.com/tools/explorer?method=GET&amp;amp;path=481398338716859%3Ffields%3Did%2Cname%2Cstart_time%2Ccover%2Cplace%2Cdescription%2Cowner%2Ctype&amp;amp;version=v2.7" rel="nofollow"&gt;FB Graph Explorer&lt;/a&gt;, these requests work fine with the default access token, but do not work with my access token.&lt;/li&gt;
&lt;li&gt;the same events work/dont-work with my token in the Graph Explorer as in my php code.&lt;/li&gt;
&lt;li&gt;I've tried creating a new facebook application with new access token and the same behaviour occurs.&lt;/li&gt;
&lt;/ul&gt;
&lt;p&gt;This event, like almost all, works with my token:&lt;/p&gt;
&lt;blockquote&gt;
  &lt;p&gt;&lt;a href="https://www.facebook.com/events/1358567590825431/" rel="nofollow"&gt;https://www.facebook.com/events/1358567590825431/&lt;/a&gt;&lt;/p&gt;
&lt;/blockquote&gt;
&lt;p&gt;This event doesn't work:&lt;/p&gt;
&lt;blockquote&gt;
  &lt;p&gt;&lt;a href="https://www.facebook.com/events/481398338716859/" rel="nofollow"&gt;https://www.facebook.com/events/481398338716859/&lt;/a&gt;&lt;/p&gt;
  &lt;p&gt;Graph returned an error: Unsupported get request. Object with ID
  '481398338716859' does not exist, cannot be loaded due to missing
  permissions, or does not support this operation. Please read the Graph
  API documentation at
  https://developers.facebook.com/docs/graph-api&lt;/p&gt;
&lt;/blockquote&gt;
&lt;p&gt;Does anyone have any idea what's going on here? Is this a bug with facebook or am I doing something wrong?&lt;/p&gt;</t>
  </si>
  <si>
    <t>2016-07-29 08:54:08.293000+00:00</t>
  </si>
  <si>
    <t>facebook|facebook-graph-api|facebook-javascript-sdk|facebook-php-sdk</t>
  </si>
  <si>
    <t>Import specific rows and colums from excel to access</t>
  </si>
  <si>
    <t>&lt;p&gt;I have a problem with import table from MS Excel to MS Access. I need to import one table from excel sheet, where table starts on row 16. It is because the first rows are used for another tables, which I don��t want to import. I don��t have permission to change anything in Excel file. Is there any possibility how could I import only the table that I want? Thank You &lt;/p&gt;</t>
  </si>
  <si>
    <t>2016-05-10 11:11:32.383000+00:00</t>
  </si>
  <si>
    <t>2016-05-12 11:48:14.633000+00:00</t>
  </si>
  <si>
    <t>sql|excel|vba|ms-access|import</t>
  </si>
  <si>
    <t>When does the external script imported by the loadasync function get executed?</t>
  </si>
  <si>
    <t>&lt;pre class="lang-js prettyprint-override"&gt;&lt;code&gt;// Asynchronously load and execute a script from a specified URL
function loadasync(url) {
var head = document.getElementsByTagName("head")[0]; // Find document &amp;lt;head&amp;gt;
var s = document.createElement("script"); // Create a &amp;lt;script&amp;gt; element
s.src = url; // Set its src attribute
head.appendChild(s); // Insert the &amp;lt;script&amp;gt; into head
}
&lt;/code&gt;&lt;/pre&gt;
&lt;p&gt;&lt;strong&gt;JavaScript:The Definite Guide&lt;/strong&gt; introduces such a function that loads external scripts asynchronously. But I have no idea when the imported script executes.As soon as the script that loads it finishes running? Or, after the load event on window happens?&lt;br/&gt;
Considering the purpose of the function or the reason why it is introduced, the answer is not likely the first case, and the following test case demonstrates:&lt;/p&gt;
&lt;pre class="lang-html prettyprint-override"&gt;&lt;code&gt;&amp;lt;!DOCTYPE html&amp;gt;
&amp;lt;html&amp;gt;
&amp;lt;head&amp;gt;
    &amp;lt;meta charset='utf-8'&amp;gt;
    &amp;lt;script type="text/javascript"&amp;gt;
        (function loadasync(url) {
            var head = document.getElementsByTagName("head")[0];
            var s = document.createElement("script");
            s.src = url;
            head.appendChild(s);
        }("external.js"));
    &amp;lt;/script&amp;gt;
&amp;lt;/head&amp;gt;
&amp;lt;body&amp;gt;
    &amp;lt;h1&amp;gt;This is a test page.&amp;lt;/h1&amp;gt;
&amp;lt;/body&amp;gt;
&amp;lt;/html&amp;gt;
&lt;/code&gt;&lt;/pre&gt;
&lt;p&gt;The content in external.js:&lt;/p&gt;
&lt;pre class="lang-js prettyprint-override"&gt;&lt;code&gt;alert("external script executed, dead loop");
while(true);
&lt;/code&gt;&lt;/pre&gt;
&lt;p&gt;The "h1" element renders normally without being blocked by the dead loop caused by the external script. It means that the imported external script executes at a later time, instead of as soon as the script that loads it finishes running. But when exactly?&lt;/p&gt;</t>
  </si>
  <si>
    <t>2015-07-03 09:42:25.527000+00:00</t>
  </si>
  <si>
    <t>2015-07-03 10:05:21.810000+00:00</t>
  </si>
  <si>
    <t>2015-07-03 10:00:02.227000+00:00</t>
  </si>
  <si>
    <t>Azure function is not logging custom events to application insights</t>
  </si>
  <si>
    <t>&lt;p&gt;I have created a Service bus triggered Azure function and want to log custom events in application insights.&lt;/p&gt;
&lt;pre&gt;&lt;code&gt; private static string key = TelemetryConfiguration.Active.InstrumentationKey =
            System.Environment.GetEnvironmentVariable(
                "APPINSIGHTS_INSTRUMENTATIONKEY", EnvironmentVariableTarget.Process);
        private static TelemetryClient telemetryClient =
            new TelemetryClient() { InstrumentationKey = key };
        [FunctionName("Function1")]
        public static void Run([ServiceBusTrigger("xxxxx", "xxxxx", AccessRights.Manage, Connection = "SBConnectionKey")]string mySbMsg, ILogger logger, TraceWriter log)
        {
            log.Info($"C# ServiceBus topic trigger function processed message: {mySbMsg}");
            telemetryClient.Context.Cloud.RoleName = "AIFunction";
            logger.LogMetric("test", 123);
            telemetryClient.TrackEvent("Ack123 Recieved");
            telemetryClient.TrackMetric("Test Metric", DateTime.Now.Millisecond);
       }
&lt;/code&gt;&lt;/pre&gt;
&lt;p&gt;I can see only &lt;code&gt;log.Info($"C# ServiceBus topic trigger function processed message: {mySbMsg}");&lt;/code&gt;this logs in the trace. But custom events and metrics are not logging to application insights.
Any ideas what could be going on?&lt;/p&gt;</t>
  </si>
  <si>
    <t>2018-08-30 19:29:17.293000+00:00</t>
  </si>
  <si>
    <t>2018-08-31 22:07:01.827000+00:00</t>
  </si>
  <si>
    <t>c#|azure|azure-functions|azure-application-insights</t>
  </si>
  <si>
    <t>Trouble filtering information with relational databases in MySQL/PHP</t>
  </si>
  <si>
    <t>&lt;p&gt;I'm working on my first project (a project management system) to understand PHP and MySQL better. I currently have 3 tables in my database, one that lists all the projects ('projects' table), one that stores the users username and password ('users' table) and then a third, small 'permissions' table that is meant to filter out what projects a user can see from the projects table.&lt;/p&gt;
&lt;p&gt;The third 'permissions' table consists of an unique id, and then a "user_id" and a "project_id" in the other two columns. The "user_id" references the id of the user in the "users" table, and the "project_id" references the id of a project in the projects table. &lt;/p&gt;
&lt;p&gt;Note that more than one user can have access to a single project, that's why there isn't just a single column for this in the projects table, and I read that using comma separated lists for the multiple usernames is a bad way to go about it. As such I have set up foreign keys on "user_id" and "project_id" that reference the id of each accordingly.&lt;/p&gt;
&lt;p&gt;Now I'm not sure if this is a good way to set things up but it seems okay in my head.&lt;/p&gt;
&lt;p&gt;Really what I want to do is retrieve all the projects a certain user has access to. So something kind of like (but obviously works):&lt;/p&gt;
&lt;pre&gt;&lt;code&gt;SELECT * FROM projects WHERE user_id = 3;
&lt;/code&gt;&lt;/pre&gt;
&lt;p&gt;Is there a simpler way to do this? Something to do with the join command but I could never get it right.&lt;/p&gt;
&lt;p&gt;Thanks in advance!&lt;/p&gt;
&lt;p&gt;EDIT:&lt;/p&gt;
&lt;p&gt;Apologies for the ambiguity, gets a bit tricky to explain.&lt;/p&gt;
&lt;p&gt;Essentially I just want a way to filter what rows are displayed from the projects table by the user_id in the users table (note again more than one user can access a project so I can just put a "user_id" column in the projects table and leave out the third table altogether).&lt;/p&gt;
&lt;p&gt;My tables are pretty much like so:&lt;/p&gt;
&lt;p&gt;projects:&lt;/p&gt;
&lt;pre&gt;&lt;code&gt;|id|project_title|project_notes|project_status|
|1 |A Project    |Some Notes   |Finished      |
|2 |A 2nd Project|Some more... |In Progress   |
&lt;/code&gt;&lt;/pre&gt;
&lt;p&gt;users:&lt;/p&gt;
&lt;pre&gt;&lt;code&gt;|id|username|password|
|1 |johndoe |*********|
|2 |benhill |*********|
&lt;/code&gt;&lt;/pre&gt;
&lt;p&gt;permissions:&lt;/p&gt;
&lt;pre&gt;&lt;code&gt;|id|user_id|project_id|
|1 |1      |2         |
|2 |2      |2         |
&lt;/code&gt;&lt;/pre&gt;
&lt;p&gt;user_id = id from users table.
project_id = id from projects table.&lt;/p&gt;
&lt;p&gt;Then in HTML/PHP I only want to retrieve the projects that a user has access too.&lt;/p&gt;</t>
  </si>
  <si>
    <t>2015-06-05 02:33:14.677000+00:00</t>
  </si>
  <si>
    <t>2015-06-05 02:57:29.357000+00:00</t>
  </si>
  <si>
    <t>php|mysql|database|relational-database|foreign-key-relationship</t>
  </si>
  <si>
    <t>Retrieving value from NSXMLElement</t>
  </si>
  <si>
    <t>&lt;p&gt;I'm trying to retrieve "number" from the below mentioned code.&lt;/p&gt;
&lt;pre&gt;&lt;code&gt;&amp;lt;iq from='coven@chat.shakespeare.lit'
    id=���XYZ'
    to='hag66@shakespeare.lit/pda'
    type='result'&amp;gt;
  &amp;lt;query xmlns='urn:XYZ:number'&amp;gt;
    &amp;lt;number xmlns=���urn:XYZ:number'&amp;gt;4&amp;lt;/number&amp;gt;
  &amp;lt;/query&amp;gt;
&amp;lt;/iq&amp;gt;
&lt;/code&gt;&lt;/pre&gt;
&lt;p&gt;I tried the following but it always updates as "0" but i can see iq has different number than 0&lt;/p&gt;
&lt;pre&gt;&lt;code&gt;            NSXMLElement *query = [iq childElement];
            NSXMLElement *number = [query elementForName:@���number"];
            NSInteger number = [number attributeIntegerValueForName:@"number
"];
&lt;/code&gt;&lt;/pre&gt;</t>
  </si>
  <si>
    <t>2014-01-20 20:39:06.567000+00:00</t>
  </si>
  <si>
    <t>2014-01-21 18:30:37.777000+00:00</t>
  </si>
  <si>
    <t>ios|iphone|xmpp|nsxmlelement</t>
  </si>
  <si>
    <t>Import Multiple Excel Files</t>
  </si>
  <si>
    <t>&lt;p&gt;I have created the following to import 47 excel files into Access; all with the same naming convention REPORT01, REPORT02 etc.&lt;/p&gt;
&lt;p&gt;However, I now have a list of files with varying names.  Can someone suggest how I would tailor this to accomdate the change?  I was thinking that I could create a separate module with the excel file names in that the main code just references whilst it loops through the folder.  If it finds a match, import.&lt;/p&gt;
&lt;pre&gt;&lt;code&gt;Sub ImportTables()
' Define base path
Const cstrFolder As String = "F:\TCB_HR_KPI\Data View\"
Dim strExt As String
Dim strFile As String
Dim strTable As String
Dim i As Long
Dim fileCount As Long
' Check all 47 files exist
For i = 1 To 47
    strFile = cstrFolder &amp;amp; "REPORT" &amp;amp; Right("0" &amp;amp; i, 2) &amp;amp; ".xls"
    If Dir(strFile) &amp;lt;&amp;gt; "" Then fileCount = fileCount + 1
Next i
' Partial results allowed, only exit when no matches found
If fileCount = 0 Then
    MsgBox "Files not found"
    Exit Sub
End If
' Second loop to import data
fileCount = 0
For i = 1 To 47
    strFile = cstrFolder &amp;amp; "REPORT" &amp;amp; Right("0" &amp;amp; i, 2) &amp;amp; ".xls"
    If Dir(strFile) &amp;lt;&amp;gt; "" Then
        Debug.Print "Found: " &amp;amp; strFile
        DoCmd.TransferSpreadsheet acImport, acSpreadsheetTypeExcel9, "REPORT" &amp;amp; Right("0" &amp;amp; i, 2), strFile, True
        fileCount = fileCount + 1
    End If
Next i
MsgBox fileCount &amp;amp; " files imported."
End Sub
&lt;/code&gt;&lt;/pre&gt;</t>
  </si>
  <si>
    <t>2014-03-06 14:29:16.493000+00:00</t>
  </si>
  <si>
    <t>2014-03-06 17:54:11.740000+00:00</t>
  </si>
  <si>
    <t>2014-03-06 17:19:43.673000+00:00</t>
  </si>
  <si>
    <t>Make Google Protobuf 2.4 and 2.5 live together in a single project</t>
  </si>
  <si>
    <t>&lt;p&gt;I am developing a project, which have dependencies on 3rd party libraries, that use Google Protobuf both of 2.4.x and 2.5.x versions. Is there a way to make them live together in a single project?&lt;/p&gt;</t>
  </si>
  <si>
    <t>2014-10-02 14:31:20.857000+00:00</t>
  </si>
  <si>
    <t>2014-10-03 22:36:23.987000+00:00</t>
  </si>
  <si>
    <t>java|protocol-buffers</t>
  </si>
  <si>
    <t>GWT 2.7 - Xmx with localWorkers flag and &lt;collapse-all-properties /&gt;</t>
  </si>
  <si>
    <t>&lt;p&gt;Query 1 - If we have set -Xmx12288m in extraJvmArgs and set localWorkers flag to 4. Will this allot 12Gigs to each thread or split the 12 gigs into 3gigs each for the 4 threads?&lt;/p&gt;
&lt;p&gt;Query 2 - If we use &lt;code&gt;&amp;lt;collapse-all-properties /&amp;gt;&lt;/code&gt; then will the compiler still use 4 threads from localWorkers for single permutation? ( Not likely as per documentation )&lt;/p&gt;</t>
  </si>
  <si>
    <t>2015-01-04 07:49:46.463000+00:00</t>
  </si>
  <si>
    <t>2015-01-04 08:47:00.877000+00:00</t>
  </si>
  <si>
    <t>2015-01-04 08:35:04.257000+00:00</t>
  </si>
  <si>
    <t>gwt|gwt-2.7</t>
  </si>
  <si>
    <t>How to delete email field from Contacts via Google Apps Script</t>
  </si>
  <si>
    <t>&lt;pre&gt;&lt;code&gt;function matchAndReplace(){
  var oldDomain = "@olddomain.com";
  var newDomain = "@newdomain.com";
  // retrieve all the user's contacts
  var contacts = ContactsApp.getContacts();
  Logger.log('num '+contacts.length);
  for (var i = 0; i &amp;lt; contacts.length; i++) {
    var emails = contacts[i].getEmails();
    Logger.log(emails.length+' emails');
    for (var e in emails) {
      var email = emails[e].getAddress();
      //emails[e].setLabel(ContactsApp.Field.WORK_EMAIL);
      Logger.log(email);
      if (email.indexOf(oldDomain) !== -1) {
        //remove
        emails[e].deleteEmailField(); &amp;lt;-- error
        Logger.log(email+' removed');
        //add
        var newEmail = email.split("@")[0]+newDomain;
        var newEmailField = contacts[i].addEmail(ContactsApp.Field.WORK_EMAIL, newEmail);
        Logger.log(newEmail+' added');
      }
    }
    //break;
  }
}
&lt;/code&gt;&lt;/pre&gt;
&lt;p&gt;Error:&lt;/p&gt;
&lt;pre&gt;&lt;code&gt;Service error: ContactsApp: Entry does not have any fields set. (line 20, file "Code")
&lt;/code&gt;&lt;/pre&gt;</t>
  </si>
  <si>
    <t>2013-09-07 16:48:30.873000+00:00</t>
  </si>
  <si>
    <t>2013-09-08 13:32:58.880000+00:00</t>
  </si>
  <si>
    <t>2013-09-08 01:24:14.403000+00:00</t>
  </si>
  <si>
    <t>How to I setup OpenGL in Visual Studio 2017?</t>
  </si>
  <si>
    <t>&lt;p&gt;I'm looking for manuals about setup OpenGL in Visual Studio 2017, but most are old manuals about VS2010 or VS2015.
How to I setup OpenGL in VS2017? Is it different with 2015 version?&lt;/p&gt;</t>
  </si>
  <si>
    <t>2017-05-11 10:16:06.710000+00:00</t>
  </si>
  <si>
    <t>2017-05-19 18:35:35.920000+00:00</t>
  </si>
  <si>
    <t>user7791536</t>
  </si>
  <si>
    <t>opengl</t>
  </si>
  <si>
    <t>Polymer 1.x: Styling paper-input width and inline</t>
  </si>
  <si>
    <t>&lt;p&gt;&lt;a href="http://jsbin.com/mufuzodife/1/edit?html,output" rel="nofollow"&gt;Here is my jsBin&lt;/a&gt;.&lt;/p&gt;
&lt;p&gt;I want to put a &lt;code&gt;paper-input&lt;/code&gt; inline with a &lt;code&gt;paper-menu&lt;/code&gt;. However, my below attempts result in the &lt;code&gt;paper-input&lt;/code&gt; styled as &lt;code&gt;block&lt;/code&gt;. How do I style it &lt;code&gt;inline&lt;/code&gt;? I also want the width of the &lt;code&gt;paper-input&lt;/code&gt; to be &lt;code&gt;25px&lt;/code&gt; instead of &lt;code&gt;100%&lt;/code&gt;. How do I accomplish this?&lt;/p&gt;
&lt;p&gt;Please provide a working code example with your answer.&lt;/p&gt;
http://jsbin.com/mufuzodife/1/edit?html,output
&lt;pre&gt;&lt;code&gt;&amp;lt;!doctype html&amp;gt;
&amp;lt;head&amp;gt;
  &amp;lt;meta charset="utf-8"&amp;gt;
  &amp;lt;base href="https://polygit.org/components/"&amp;gt;
  &amp;lt;script src="webcomponentsjs/webcomponents-lite.min.js"&amp;gt;&amp;lt;/script&amp;gt;
  &amp;lt;link href="polymer/polymer.html" rel="import"&amp;gt;
  &amp;lt;link href="paper-menu/paper-menu.html" rel="import"&amp;gt;
  &amp;lt;link href="paper-item/paper-item.html" rel="import"&amp;gt;
  &amp;lt;link href="paper-input/paper-input.html" rel="import"&amp;gt; 
&amp;lt;/head&amp;gt;
&amp;lt;body&amp;gt;
&amp;lt;dom-module id="x-element"&amp;gt;
&amp;lt;template&amp;gt;
  &amp;lt;style&amp;gt;
    .inline, paper-item, paper-input {
      display: inline;
    }
    paper-input, --paper-input-container {
      width: 25px;
    }
  &amp;lt;/style&amp;gt;
  &amp;lt;div class="inline"&amp;gt;
    &amp;lt;paper-menu class="inline"&amp;gt;
      &amp;lt;paper-item&amp;gt;Item 1&amp;lt;/paper-item&amp;gt;
      &amp;lt;paper-item&amp;gt;Item 2&amp;lt;/paper-item&amp;gt;
    &amp;lt;/paper-menu&amp;gt;
    &amp;lt;paper-input label="text input"&amp;gt;&amp;lt;/paper-input&amp;gt;
  &amp;lt;/div&amp;gt;
&amp;lt;/template&amp;gt;
&amp;lt;script&amp;gt;
  (function(){
    Polymer({
      is: "x-element",
      properties: {},
    });
  })();
&amp;lt;/script&amp;gt;
&amp;lt;/dom-module&amp;gt;
&amp;lt;x-element&amp;gt;&amp;lt;/x-element&amp;gt;
&amp;lt;/body&amp;gt;
&lt;/code&gt;&lt;/pre&gt;</t>
  </si>
  <si>
    <t>2016-09-06 23:36:35.063000+00:00</t>
  </si>
  <si>
    <t>2016-09-07 06:46:07+00:00</t>
  </si>
  <si>
    <t>polymer|polymer-1.0|paper-elements</t>
  </si>
  <si>
    <t>Searching and indexing hyphenated words with Whoosh</t>
  </si>
  <si>
    <t>&lt;p&gt;I am using Whoosh to index and search a large number of documents, and many of the things I need to search on are hyphenated. Whoosh seems to treat hyphens as a special character of some kind, but for the life of me I can't figure out it's behavior. &lt;/p&gt;
&lt;p&gt;Can anyone advise on how Whoosh treats hyphens while indexing and searching?&lt;/p&gt;</t>
  </si>
  <si>
    <t>2016-04-08 19:25:49.720000+00:00</t>
  </si>
  <si>
    <t>python|whoosh</t>
  </si>
  <si>
    <t>NSArray to NSData for Core Data</t>
  </si>
  <si>
    <t>&lt;p&gt;I need to save array in core data, so i read that I can use NSData for it. So I think that I have problem with archiving. &lt;/p&gt;
&lt;pre&gt;&lt;code&gt;NSMutableArray *newArray = [[NSMutableArray alloc]init];
NSData *newData = [NSKeyedArchiver archivedDataWithRootObject:newArray];
[myEntity setValue:newData forKey:@"nameOfMyData"];
&lt;/code&gt;&lt;/pre&gt;
&lt;p&gt;And then I try to pick my array in another VIewController for filling&lt;/p&gt;
&lt;pre&gt;&lt;code&gt;NSData *newdata = [NSData dataWithData:self.myEntity.nameOfMyData];
NSMutableArray *photoArray = [[NSMutableArray alloc]init];
photoArray = [NSKeyedUnarchiver unarchiveObjectWithData:newdata];
&lt;/code&gt;&lt;/pre&gt;
&lt;p&gt;I have no crash, but in command line appear next:&lt;/p&gt;
&lt;pre&gt;&lt;code&gt;[NSKeyedUnarchiver initForReadingWithData:]: data is empty; 
did you forget to send -  finishEncoding to the NSKeyedArchiver?
&lt;/code&gt;&lt;/pre&gt;
&lt;p&gt;And when i try to add object to my array, it does not add&lt;/p&gt;
&lt;pre&gt;&lt;code&gt;[photoArray addObject:myImage];
&lt;/code&gt;&lt;/pre&gt;
&lt;p&gt;So myImage is creating and with it I have no trouble, but in debugger always write for photoArray:&lt;/p&gt;
&lt;pre&gt;&lt;code&gt;photoArray = (NSMutableArray*) 0x00000000 0 objects
&lt;/code&gt;&lt;/pre&gt;</t>
  </si>
  <si>
    <t>2012-12-17 19:00:25.037000+00:00</t>
  </si>
  <si>
    <t>2012-12-17 19:11:41.770000+00:00</t>
  </si>
  <si>
    <t>iphone|objective-c|ios|core-data</t>
  </si>
  <si>
    <t>How to show a Pop up notification Dialog box(not in the notifications) even when the app is Killed like in whatsapp</t>
  </si>
  <si>
    <t>&lt;p&gt;I nee to show the Pop up dialog box in my application even when the app is killed. how Can I Achive it.&lt;/p&gt;</t>
  </si>
  <si>
    <t>2018-07-12 11:39:46.677000+00:00</t>
  </si>
  <si>
    <t>Reason for C++ member function hiding</t>
  </si>
  <si>
    <t>&lt;blockquote&gt;
  &lt;p&gt;&lt;strong&gt;Possible Duplicate:&lt;/strong&gt;&lt;br&gt;
  &lt;a href="https://stackoverflow.com/questions/5928535/name-hiding-and-fragile-base-problem"&gt;name hiding and fragile base problem&lt;/a&gt;  &lt;/p&gt;
&lt;/blockquote&gt;
&lt;p&gt;I'm familiar with the rules involving member function hiding.  Basically, a derived class with a function that has the same name as a base class function doesn't actually overload the base class function - it completely hides it.&lt;/p&gt;
&lt;pre&gt;&lt;code&gt;struct Base
{
    void foo(int x) const
    {
    }
};
struct Derived : public Base
{
    void foo(const std::string&amp;amp; s) { }
};
int main()
{
    Derived d;
    d.foo("abc");
    d.foo(123); // Will not compile! Base::foo is hidden!
}
&lt;/code&gt;&lt;/pre&gt;
&lt;p&gt;So, you can get around this with a &lt;code&gt;using&lt;/code&gt; declaration.  But my question is, what is the reason for base class function hiding?  Is this a "feature" or just a "mistake" by the standards committee?  Is there some technical reason why the compiler can't look in the Base class for matching overloads when it doesn't find a match for &lt;code&gt;d.foo(123)&lt;/code&gt;?&lt;/p&gt;</t>
  </si>
  <si>
    <t>2012-08-12 16:39:35.140000+00:00</t>
  </si>
  <si>
    <t>2012-08-12 17:51:40.137000+00:00</t>
  </si>
  <si>
    <t>2017-05-23 11:54:50.260000+00:00</t>
  </si>
  <si>
    <t>how to apply standard and advanced theme to tinymce in drupal 7</t>
  </si>
  <si>
    <t>&lt;p&gt;I have integrated wysiwyg with tinymce editor.. now Tinymce asks to choose buttons which we want in editor... I want to apply its own theme like 'standard' or 'advanced' or any other and dont want to select buttons.. 
How can I do it ?&lt;br/&gt;&lt;br/&gt;
&lt;img src="https://i.stack.imgur.com/vR9AG.png" alt="Here in image, I have two options like &amp;#39;full_html&amp;#39; and &amp;#39;standard&amp;#39;.. I want to configure tinymce accrding their names.. standard theme for &amp;#39;standard&amp;#39; option and &amp;#39;advanced&amp;#39; theme for &amp;#39;full_html&amp;#39;.."&gt;&lt;/p&gt;</t>
  </si>
  <si>
    <t>2013-04-12 10:50:15.070000+00:00</t>
  </si>
  <si>
    <t>drupal-7|tinymce|wysiwyg</t>
  </si>
  <si>
    <t>Passing function as arguments in javascript benchmark [passing function vs direct acces]</t>
  </si>
  <si>
    <t>&lt;p&gt;well i'm building some javascript code and im just curious about benchmark of passing function in argument vs direct access&lt;/p&gt;
&lt;p&gt;I got following functions&lt;/p&gt;
&lt;pre&gt;&lt;code&gt;testIt(function(){
    alert('Hi test');
});
function testIt(func){
    func();
};
function testIt2(){
    alert('Hi test');
};
&lt;/code&gt;&lt;/pre&gt;
&lt;p&gt;And now how about testIt vs testIt2? Would testIt be slower?&lt;/p&gt;</t>
  </si>
  <si>
    <t>2014-10-22 16:11:33.477000+00:00</t>
  </si>
  <si>
    <t>2014-10-22 16:23:16.340000+00:00</t>
  </si>
  <si>
    <t>javascript|jquery|benchmarking|benchmark.js</t>
  </si>
  <si>
    <t>Swift: random delay generation not working?</t>
  </si>
  <si>
    <t>&lt;p&gt;Ok, so I'm creating a sprite kit game and what I'm trying to do is generate a random &lt;code&gt;Double&lt;/code&gt; and then feed it into an &lt;code&gt;SKAction.waitForDuration&lt;/code&gt; so that a random delay is executed. &lt;/p&gt;
&lt;p&gt;I'm using this delay to delay the spawning of my enemies within the game. Here is how I'm trying to generate and run a random delay:&lt;/p&gt;
&lt;pre&gt;&lt;code&gt;func randomDelay() {
        var randLower : UInt32 = 1
        var randUpper : UInt32 = 50
        var randDelayTime = arc4random_uniform(randUpper - randLower) + randLower
        var randDelayTimer = Double(randDelayTime) / 10
        runAction(SKAction.waitForDuration(randDelayTimer))
        println(randDelayTimer)
    } 
&lt;/code&gt;&lt;/pre&gt;
&lt;p&gt;Here I execute this function prior to spawning my enemy: &lt;/p&gt;
&lt;pre&gt;&lt;code&gt;runAction(SKAction.repeatActionForever(
            SKAction.sequence([
                SKAction.runBlock({self.randomDelay()}),
                SKAction.runBlock({self.spawnEnemy1()})
)))
&lt;/code&gt;&lt;/pre&gt;
&lt;p&gt;And the code doesn't crash but no delay is being executed. The enemies are just spawned over and over at the same rate.  &lt;/p&gt;
&lt;p&gt;I know that the &lt;code&gt;randomDelay()&lt;/code&gt; function is producing a random &lt;code&gt;Double&lt;/code&gt; because when I &lt;code&gt;println(randDelayTimer)&lt;/code&gt;, I get a random &lt;code&gt;Double&lt;/code&gt; every time like I should. &lt;/p&gt;
&lt;p&gt;Why isn't the delay in &lt;code&gt;randomDelay()&lt;/code&gt; being run? How can I fix this?&lt;/p&gt;</t>
  </si>
  <si>
    <t>2015-07-09 20:49:47.460000+00:00</t>
  </si>
  <si>
    <t>swift|random|sprite-kit</t>
  </si>
  <si>
    <t>Creating a partial view that contains a button that opens up a dialog window in asp.net mvc</t>
  </si>
  <si>
    <t>&lt;p&gt;My overall goal is to create a plug-able notes widget that can be placed on any primary view throughout my site. I imagine the widget itself being a single button 'Notes' which will open up a Kendo Window that has a simple form inside of it to add a note.&lt;/p&gt;
&lt;p&gt;Here is the code I currently have:&lt;/p&gt;
&lt;p&gt;&lt;strong&gt;_NotesPartial.cshtml:&lt;/strong&gt;&lt;br&gt;
As you can see there is no JavaScript to open the window here because you can't really put JavaScript in a PartialView in ASP.NET MVC from what I understand. However, it would be ideal to package everything into one place.&lt;/p&gt;
&lt;pre&gt;&lt;code&gt;@model MyApp.Web.ViewModels.Shared.NoteViewModel
&amp;lt;button id="open" class="btn btn-primary"&amp;gt;Notes&amp;lt;/button&amp;gt;
@{Html.Kendo().Window()
                .Name("window")
                .Width(630)
                .Height(315)
                .Draggable()
                .Resizable()
                .Title("Notes")
                .Actions(actions =&amp;gt; actions.Pin().Refresh().Maximize().Close())
                .Content(@&amp;lt;text&amp;gt;
        &amp;lt;form asp-action="_NotesPartial"&amp;gt;
            &amp;lt;div class="form-horizontal"&amp;gt;
                &amp;lt;h4&amp;gt;NoteViewModel&amp;lt;/h4&amp;gt;
                &amp;lt;hr /&amp;gt;
                &amp;lt;div asp-validation-summary="ValidationSummary.ModelOnly" class="text-danger"&amp;gt;&amp;lt;/div&amp;gt;
                &amp;lt;div class="form-group"&amp;gt;
                    &amp;lt;label asp-for="Subject" class="col-md-2 control-label"&amp;gt;&amp;lt;/label&amp;gt;
                    &amp;lt;div class="col-md-10"&amp;gt;
                        &amp;lt;input asp-for="Subject" class="form-control" /&amp;gt;
                        &amp;lt;span asp-validation-for="Subject" class="text-danger" /&amp;gt;
                    &amp;lt;/div&amp;gt;
                &amp;lt;/div&amp;gt;
                &amp;lt;div class="form-group"&amp;gt;
                    &amp;lt;label asp-for="Content" class="col-md-2 control-label"&amp;gt;&amp;lt;/label&amp;gt;
                    &amp;lt;div class="col-md-10"&amp;gt;
                        &amp;lt;textarea asp-for="Content" class="form-control" cols="40" rows="4"&amp;gt;
                        &amp;lt;/textarea&amp;gt;&amp;lt;span asp-validation-for="Content" class="text-danger" /&amp;gt;
                    &amp;lt;/div&amp;gt;
                &amp;lt;/div&amp;gt;
                &amp;lt;div class="form-group"&amp;gt;
                    &amp;lt;div class="col-md-offset-2 col-md-10"&amp;gt;
                        &amp;lt;input type="submit" value="Save" class="btn btn-default" /&amp;gt;
                    &amp;lt;/div&amp;gt;
                &amp;lt;/div&amp;gt;
            &amp;lt;/div&amp;gt;
        &amp;lt;/form&amp;gt;
        &amp;lt;/text&amp;gt;)
        .Render();
}
&lt;/code&gt;&lt;/pre&gt;
&lt;p&gt;&lt;strong&gt;PrimaryView.cshtml&lt;/strong&gt;&lt;/p&gt;
&lt;pre&gt;&lt;code&gt;@await Html.PartialAsync("_NotesPartial")
@section Scripts {
    &amp;lt;script&amp;gt;
        $("#open").click(function (e) {
            $("#window").data("kendoWindow").open;
        });
    &amp;lt;/script&amp;gt;
}
&lt;/code&gt;&lt;/pre&gt;
&lt;p&gt;Here are the problems that I am having:&lt;/p&gt;
&lt;ol&gt;
&lt;li&gt;I am having trouble getting the window to even open because I am getting errors saying 'Cannot read property 'open' of undefined'. This meaning that the js in the primary view isn't finding the kendo window.&lt;/li&gt;
&lt;li&gt;I am wondering why &lt;a href="http://docs.telerik.com/kendo-ui/aspnet-mvc/helpers/window/overview#using-htmlbeginform-inside-a-window" rel="nofollow"&gt;Telerik documentation recommends&lt;/a&gt; calling .Render() on the window. This makes the form content show on the PrimaryView page by default when I want it hidden by default.&lt;/li&gt;
&lt;li&gt;Is there a better way to make a plug-able widget in ASP.NET MVC. I am debating on whether the button to open the window should be part of the Partial View or in the PrimaryView even though I want everything packaged together as much as possible. &lt;/li&gt;
&lt;/ol&gt;
&lt;p&gt;I am also wondering if I should be creating a standard view instead of a Partial View and somehow loading the standard view into a kendo window.&lt;/p&gt;
&lt;p&gt;Regardless of what kind of dialog window I am using am I on the right track to creating a plug-gable notes dialog that can be placed on any page of the website?&lt;/p&gt;
&lt;p&gt;This is kind of frustrating for me because in ASP.NET Webforms I can create a UserControl that can do this with no problem.&lt;/p&gt;</t>
  </si>
  <si>
    <t>2016-01-30 07:08:22.483000+00:00</t>
  </si>
  <si>
    <t>2016-01-30 11:31:11.083000+00:00</t>
  </si>
  <si>
    <t>c#|asp.net|asp.net-mvc|kendo-ui|telerik</t>
  </si>
  <si>
    <t>Algorithm complexity Min and max</t>
  </si>
  <si>
    <t>&lt;p&gt;I have a question..I got an algorithm&lt;/p&gt;
&lt;pre&gt;&lt;code&gt;procedure summation(A[1...n])
s=0
for i= 1 to n do
     j=min{max{i,A[i],n^3}
     s= s + j
return s
&lt;/code&gt;&lt;/pre&gt;
&lt;p&gt;And I want to find the min and max output at this algorithm with the use of asymptotic notation ��. 
Any ideas on how to do that?
What I have to look on an algorithm to understand it's complexity?&lt;/p&gt;</t>
  </si>
  <si>
    <t>2017-03-23 15:01:19.420000+00:00</t>
  </si>
  <si>
    <t>2018-01-07 12:15:57.510000+00:00</t>
  </si>
  <si>
    <t>2017-03-23 16:25:42.233000+00:00</t>
  </si>
  <si>
    <t>algorithm|max|time-complexity|min</t>
  </si>
  <si>
    <t>Incorrect result in sequence of futures/either</t>
  </si>
  <si>
    <t>&lt;p&gt;Given the code below that combines sequence of futures and Either, I always get printed "not OK", why is that if the result is a List?&lt;/p&gt;
&lt;pre&gt;&lt;code&gt;def future1 (i: Int) = Future { if (i==0) Right(1) else Left("error 1") }
def future2 (i: Int) = Future { if (i==0) Right(2) else Left("error 2") }
...
...
val f1 = future1(0)
val f2 = future2(0)
val f3 = Future.sequence(Seq(f1, f2))
f3.map { result =&amp;gt;
    result match {
      case List(r) =&amp;gt; println("ok")
      case _ =&amp;gt; println("not OK)
    }
}
&lt;/code&gt;&lt;/pre&gt;</t>
  </si>
  <si>
    <t>2018-09-23 15:38:34.683000+00:00</t>
  </si>
  <si>
    <t>2018-09-23 16:01:28.933000+00:00</t>
  </si>
  <si>
    <t>Regex get name from string c#</t>
  </si>
  <si>
    <t>&lt;p&gt;hello everybody how i can get &lt;code&gt;NGG - Acid&lt;/code&gt;&lt;/p&gt;
&lt;p&gt;from this string&lt;/p&gt;
&lt;pre&gt;&lt;code&gt;"????log L 06/11/2012 - 06:45:28: \"NGG - Acid&amp;lt;5&amp;gt;&amp;lt;STEAM_ID_PENDING&amp;gt;&amp;lt;&amp;gt;\" connected, address \"46.49.70.30:27005\"\n\0"
&lt;/code&gt;&lt;/pre&gt;
&lt;p&gt;I have tried this &lt;/p&gt;
&lt;pre&gt;&lt;code&gt;int start = Data.ToString().IndexOf('"') + 1;
            int end = Data.ToString().IndexOf('&amp;lt;');
            return Data.ToString().Substring(start, end - start);
&lt;/code&gt;&lt;/pre&gt;
&lt;p&gt;This does not works when  username contains space or symbols&lt;/p&gt;
&lt;p&gt;Thank you&lt;/p&gt;
&lt;p&gt;&lt;code&gt;Update&lt;/code&gt; 
this code gets username but is there better solution:&lt;/p&gt;
&lt;pre&gt;&lt;code&gt;if (Data.EndsWith("\"")) Data = Data.Substring(0, Data.Length - 1);
            int start = Data.IndexOf("\"");
            int end = Data.IndexOf("&amp;lt;");
            var val = Data.Substring(start + 1, end - 1 - start);
&lt;/code&gt;&lt;/pre&gt;</t>
  </si>
  <si>
    <t>2012-06-11 13:54:38.247000+00:00</t>
  </si>
  <si>
    <t>2012-06-11 14:38:34.733000+00:00</t>
  </si>
  <si>
    <t>c#|regex|string</t>
  </si>
  <si>
    <t>How do I take a reference to an array slice in Perl?</t>
  </si>
  <si>
    <t>&lt;p&gt;How would you take a reference to an array slice such that when you modify elements of the slice reference, the original array is modified?&lt;/p&gt;
&lt;p&gt;The following code works due to &lt;code&gt;@_&lt;/code&gt; aliasing magic, but seems like a bit of a hack to me:&lt;/p&gt;
&lt;pre&gt;&lt;code&gt;my @a = 1 .. 10;
my $b = sub{\@_}-&amp;gt;(@a[2..7]);
@$b[0, -1] = qw/ &amp;lt; &amp;gt; /;
print "@a\n";
# 1 2 &amp;lt; 4 5 6 7 &amp;gt; 9 10
&lt;/code&gt;&lt;/pre&gt;
&lt;p&gt;Anyone have a better / faster way?&lt;/p&gt;
&lt;p&gt;Edit: the code example above is simply to illustrate the relationship required between @a and $b, it in no way reflects the way this functionality will be used in production code.&lt;/p&gt;</t>
  </si>
  <si>
    <t>2009-11-30 00:54:56.307000+00:00</t>
  </si>
  <si>
    <t>2009-12-29 22:57:36.147000+00:00</t>
  </si>
  <si>
    <t>2009-11-30 07:43:44.903000+00:00</t>
  </si>
  <si>
    <t>perl|arrays|syntax|reference|slice</t>
  </si>
  <si>
    <t>Swift parse framework and closures</t>
  </si>
  <si>
    <t>&lt;p&gt;This is srsly driving me crazy.&lt;/p&gt;
&lt;p&gt;I am trying to use &lt;code&gt;getFirstObjectInBackgroundWithBlock()&lt;/code&gt; method in swift but I can't figure out how to (not) use the optionals .. &lt;/p&gt;
&lt;p&gt;I just want to get the user's score from the parse server And I do it like this:&lt;/p&gt;
&lt;pre&gt;&lt;code&gt;func updateScoreForCurrentUser(score: Int){
    let user = PFUser.currentUser()
    // get gameScore for user
    var query = PFQuery(className: "GameScore")
    query.whereKey("User", equalTo: user!)
    query.getFirstObjectInBackgroundWithBlock { (gameScore: PFObject, error: NSError?) -&amp;gt; Void in
        gameScore["score"] = score
}
&lt;/code&gt;&lt;/pre&gt;
&lt;p&gt;I just get a "Cannot invoke 'getFirstObjectInBackgroundWithBlock' with an argument list of type '((PFObject?, NSError?) -&gt; Void)'"&lt;/p&gt;
&lt;p&gt;Can you pleaase help me? Thank you&lt;/p&gt;</t>
  </si>
  <si>
    <t>2015-06-05 16:55:21.287000+00:00</t>
  </si>
  <si>
    <t>2015-06-05 17:01:26.913000+00:00</t>
  </si>
  <si>
    <t>swift|closures|parse-framework</t>
  </si>
  <si>
    <t>Why do we use xml language for layouts?</t>
  </si>
  <si>
    <t>&lt;p&gt;I know that XML is used in android apps to follow MVC architecture. It gives a clarity by separating the UI and the program. &lt;/p&gt;
&lt;p&gt;But XML is said to be used to carry data over the network.. (well dats what i have read) then why do we use XML and not any other language like html??&lt;/p&gt;
&lt;p&gt;I am new to android so please forgive if I am missing something. Thanks&lt;/p&gt;</t>
  </si>
  <si>
    <t>2013-05-18 09:55:01.340000+00:00</t>
  </si>
  <si>
    <t>2013-05-18 10:02:36.883000+00:00</t>
  </si>
  <si>
    <t>NSCalendar returns same date component difference for two different dates</t>
  </si>
  <si>
    <t>&lt;p&gt;I'm calculating the difference in months and days between two dates using&lt;/p&gt;
&lt;pre&gt;&lt;code&gt;- NSCalendar components:fromDateComponents:toDateComponents:options:
&lt;/code&gt;&lt;/pre&gt;
&lt;p&gt;Interestingly I get the same result for two different days:&lt;/p&gt;
&lt;ul&gt;
&lt;li&gt;&lt;code&gt;2014-07-30&lt;/code&gt; - &lt;code&gt;2015-07-20&lt;/code&gt;: 11 months 20 days&lt;/li&gt;
&lt;li&gt;&lt;code&gt;2014-07-31&lt;/code&gt; - &lt;code&gt;2015-07-20&lt;/code&gt;: 11 months 20 days&lt;/li&gt;
&lt;/ul&gt;
&lt;p&gt;A gist with a full command line program to reproduce is here: &lt;a href="https://gist.github.com/p2/a1f7ad6acc9d555ee00b" rel="nofollow"&gt;https://gist.github.com/p2/a1f7ad6acc9d555ee00b&lt;/a&gt;&lt;/p&gt;
&lt;p&gt;The relevant parts:&lt;/p&gt;
&lt;pre&gt;&lt;code&gt;NSCalendar *calendar = [[NSCalendar alloc] initWithCalendarIdentifier:NSCalendarIdentifierGregorian];
calendar.timeZone = [NSTimeZone timeZoneWithAbbreviation:@"GMT"];
NSCalendarUnit flags = NSCalendarUnitMonth | NSCalendarUnitDay;
NSDateComponents *rslt = nil;
// between 7/30/2014 and 7/20/2015: 11 months 21 days
NSDateComponents *later = [NSDateComponents new];
later.year = 2015;
later.month = 7;
later.day = 20;
NSDateComponents *earlier = [NSDateComponents new];
earlier.year = 2014;
earlier.month = 7;
earlier.day = 30;
rslt = [calendar components:flags fromDateComponents:earlier toDateComponents:later options:0];
// rslt.month is 11, rslt.day is 20
// between 7/31/2014 and 7/20/2015: 11 months 20 days
earlier.day = 31;
rslt = [calendar components:flags fromDateComponents:earlier toDateComponents:later options:0];
// rslt.month is 11, rslt.day is 20
&lt;/code&gt;&lt;/pre&gt;
&lt;p&gt;Can anyone explain what's going on and what the problem might be?&lt;/p&gt;</t>
  </si>
  <si>
    <t>2015-07-21 09:02:19.023000+00:00</t>
  </si>
  <si>
    <t>2015-07-21 12:00:32.230000+00:00</t>
  </si>
  <si>
    <t>date|nscalendar</t>
  </si>
  <si>
    <t>My C program works great when I compile it in repl.it but the do/while loop is not functioning in codeblocks</t>
  </si>
  <si>
    <t>&lt;p&gt;My C intro to programming class has us use a compiler on repl.it. But me being ambitious and wanting to try and run before I crawl, I downloaded codeBlocks to learn more about IDE's in general. &lt;/p&gt;
&lt;p&gt;Although it's a great feeling that I set up the editor and compiler by myself I am now running into a problem maybe one of you guys can answer. First of all, the code I will be sending you guys is part of a homework assignment BUT it is completed and this is not a how do I do X to get Y. This is a question about why my do/while loop works in repl.it but not codeblocks! &lt;/p&gt;
&lt;p&gt;Second of all, here's my code: &lt;/p&gt;
&lt;pre&gt;&lt;code&gt;int main( void )
{
  int classSel; // variable for what class consumer chooses
  int seat[SIZE] = {0}; // initializing all seats to zero or false meaning 
                        //they are empty
  char nextFlight;
  unsigned int i, j = 1, k = 6;
  do
  {
    printf( "\nChoose only available options. Enter 1 (First Class; Seats 
Left: %d) or 2 (Economy Class Seats Left: %d) ", 6 - j, 11 - k );
    scanf( "%d", &amp;amp;classSel );
if ( classSel == 1 )
{
  if ( seat[j] == 0 &amp;amp;&amp;amp; j &amp;lt; 6 )
  {
    seat[j] = 1;
    printf( "\n******************\n" );
    printf( "*  COP AIRLINES  *\n" );
    printf( "*  FIRST  CLASS  *\n" );
    printf( "*   Seat No. %d   *\n", j );
    printf( "******************\n" );
    j++;
    i++;
    printf( "\n\nPage will reload for next customer...\n" );
  }
  else
  {
    printf( "First Class seats are full. Do you want Economy Class instead? (Press Y or N)");
    scanf( " %c", &amp;amp;nextFlight );
    if ( nextFlight == 'Y' || nextFlight == 'y')
    {
      if ( seat[k] == 0 &amp;amp;&amp;amp; k &amp;lt; SIZE )
      {
        printf( "\nYou chose to stay on this flight! You must be ready to get where you want to go!\n");
        seat[k] = 1;
        printf( "\n******************\n" );
        printf( "*  COP AIRLINES  *\n" );
        printf( "*   ECON CLASS   *\n" );
        printf( "*   Seat No. %d   *\n", k );
        printf( "******************\n" );
        printf( "\n\nPage will reload for next customer...\n" );
        k++;
        i++;
      }
    }
    else if ( nextFlight == 'N' || nextFlight == 'n' )
    {
      printf( "\nThe next flight is in three hours. See you then!\n\nPage will reload for next customer...\n");
    }      }
}
else if ( classSel == 2 )
{
  if ( seat[k] == 0 &amp;amp;&amp;amp; k &amp;lt; SIZE )
  {
    seat[k] = 1;
    printf( "\n******************\n" );
    printf( "*  COP AIRLINES  *\n" );
    printf( "*   ECON CLASS   *\n" );
    printf( "*   Seat No. %d   *\n", k );
    printf( "******************\n" );
    printf( "\n\nPage will reload for next customer...\n" );
    k++;
    i++;
  }
  else
  {
    printf( "Economy class seats are full. Do you want First Class instead? (Press Y or N)");
    scanf( " %c", &amp;amp;nextFlight );
    if ( nextFlight == 'Y' || nextFlight == 'y')
    {
      if ( seat[j] == 0 &amp;amp;&amp;amp; j &amp;lt; 6 )
        {
          printf( "\nYou chose to upgrade on this flight. Great choice!\n" );
          seat[j] = 1;
          printf( "******************\n" );
          printf( "*  COP AIRLINES  *\n" );
          printf( "*  FIRST  CLASS  *\n" );
          printf( "*   Seat No. %d   *\n", j );
          printf( "******************\n" );
          printf( "\n\nPage will reload for next customer...\n" );
          j++;
          i++;
        }
    }
    else if ( nextFlight == 'N' || nextFlight == 'n' )
    {
      printf( "\nThe next flight is in three hours. See you then!\n\nPage will reload for next customer...\n");
    }
  }
}
  } while( i &amp;lt; 10 );
  printf( "Plane is full. Sorry but you must wait for the next flight. It is 
in 3 hours.\n");
}
&lt;/code&gt;&lt;/pre&gt;
&lt;p&gt;For some reason it didn't like when i showed my definition for SIZE (its 11) or when I included &lt;code&gt;&amp;lt;stdio.h&amp;gt;&lt;/code&gt; BUT I HAVE BOTH OF THOSE IN MY CODE MIND YOU!&lt;/p&gt;
&lt;p&gt;Third of all, I am not looking for you to comment on how ugly and janky my code is, I'm very aware of this. All I want to know is why the do/while loop works in repl.it flawlessly but it only goes through one loop in codeBlocks. &lt;/p&gt;</t>
  </si>
  <si>
    <t>2017-10-26 02:10:38.783000+00:00</t>
  </si>
  <si>
    <t>2018-09-30 17:26:33.063000+00:00</t>
  </si>
  <si>
    <t>c|loops|do-while</t>
  </si>
  <si>
    <t>Why is ViewPager doesn't running class?</t>
  </si>
  <si>
    <t>&lt;p&gt;I have an activity that has a ViewPager, as following:&lt;/p&gt;
&lt;pre&gt;&lt;code&gt;public class timetables extends FragmentActivity {
private ViewPager viewPager;
private RelativeLayout page1;
private RelativeLayout page2;
@Override
protected void onCreate(Bundle savedInstanceState) {
    super.onCreate(savedInstanceState);
    setContentView(R.layout.activity_timetables);
    Intent intentTimetables = getIntent();
    setTitle(Global.lineName);
    viewPager = (ViewPager) findViewById(R.id.pager);
    viewPager.setAdapter(new MainPageAdapter());
}
 class MainPageAdapter extends PagerAdapter {
    @Override
    public int getCount() {
        return 2;
    }
    @Override
    public Object instantiateItem(ViewGroup collection, int position) {
        View page;
        switch (position) {
            case 0:
                if (page1 == null) {
                    page1 = (RelativeLayout) LayoutInflater.from(timetables.this).inflate(R.layout.activity_timetable_1, collection, false);
                }
                page = page1;
                break;
((ViewPager) collection).addView(page, 0);
        return page;
    }
}
&lt;/code&gt;&lt;/pre&gt;
&lt;p&gt;And when I run it, it loads good &lt;code&gt;activity_timetable_1&lt;/code&gt;, but it doesn't run the code I have in that class, for example:&lt;/p&gt;
&lt;pre&gt;&lt;code&gt;public class timetable_1 extends FragmentActivity {
@Override
protected void onCreate(Bundle savedInstanceState) {
    super.onCreate(savedInstanceState);
    setContentView(R.layout.activity_timetable_1);
    GridView gridWorking = (GridView) findViewById(R.id.gridWorking);
    gridWorking.setAdapter(new textAdapter(this));
}
}
&lt;/code&gt;&lt;/pre&gt;
&lt;p&gt;Could anyone tell me what I am doing wrong? Thank you so much&lt;/p&gt;</t>
  </si>
  <si>
    <t>2015-07-17 16:27:48.367000+00:00</t>
  </si>
  <si>
    <t>2015-07-17 22:13:14.823000+00:00</t>
  </si>
  <si>
    <t>2015-07-17 20:44:04.250000+00:00</t>
  </si>
  <si>
    <t>android|android-viewpager</t>
  </si>
  <si>
    <t>XDocument not exists</t>
  </si>
  <si>
    <t>&lt;p&gt;i'm using both &lt;/p&gt;
&lt;pre&gt;&lt;code&gt;using System.Xml;
using System.Linq;
&lt;/code&gt;&lt;/pre&gt;
&lt;p&gt;and there is not &lt;code&gt;XDocument&lt;/code&gt; Object exits.&lt;/p&gt;
&lt;p&gt;and also there is no &lt;/p&gt;
&lt;pre&gt;&lt;code&gt;using System.Xml.Linq;
&lt;/code&gt;&lt;/pre&gt;
&lt;p&gt;any idea?
thanks&lt;/p&gt;</t>
  </si>
  <si>
    <t>2012-01-23 08:45:42+00:00</t>
  </si>
  <si>
    <t>2012-01-23 15:14:37.743000+00:00</t>
  </si>
  <si>
    <t>iphone|.net|xamarin.ios|linq-to-xml</t>
  </si>
  <si>
    <t>sockJS own event names</t>
  </si>
  <si>
    <t>&lt;p&gt;I am using sockjs-node and I want to emit on my own events(using conn.write(...) i am able only to emit on 'data') is it possible to do so? And how?&lt;/p&gt;
&lt;pre&gt;&lt;code&gt;echo.on('connection', function(conn) {
conn.emit('message', {msg:'xd'}); //I know that it doesnt work, just i would like to know is it possible to achieve emitting on my own events using sockjs
conn.on('close', function() {
    console.log('close');
});
conn.end();
});
&lt;/code&gt;&lt;/pre&gt;
&lt;p&gt;for example, sth similar to the line with conn.emit&lt;/p&gt;</t>
  </si>
  <si>
    <t>2018-08-07 23:42:23.143000+00:00</t>
  </si>
  <si>
    <t>2018-08-08 00:02:26.177000+00:00</t>
  </si>
  <si>
    <t>javascript|node.js|sockets|sockjs</t>
  </si>
  <si>
    <t>How to configure Microsoft Encoder 4 Pro to stream http Live?</t>
  </si>
  <si>
    <t>&lt;p&gt;Well, I'm developing an iphone app, I want to stream some videos, I have already done the player app, but due to my own controls it is posible to play a partial video, like 6second only, this is carrying me some problems cause when I seek or start my player at any second it goes till the 10 seconds closer, I mean if i want to go to the second 43 it goes to the 40... if i ant to go to the second 46 it goes to the 50 one so... I think this is a problem of HTTP live streaming or most from the encoding??? &lt;/p&gt;
&lt;p&gt;Any help will be appreciated&lt;/p&gt;</t>
  </si>
  <si>
    <t>2012-04-24 14:40:00.333000+00:00</t>
  </si>
  <si>
    <t>2012-04-24 15:39:28.513000+00:00</t>
  </si>
  <si>
    <t>iphone|objective-c|ios|mpmovieplayercontroller|http-live-streaming</t>
  </si>
  <si>
    <t>How to have templated function overloads accept derived classes from different base classes?</t>
  </si>
  <si>
    <t>&lt;p&gt;I want to be able to define&lt;/p&gt;
&lt;pre&gt;&lt;code&gt;template &amp;lt;class TX&amp;gt;
void f(const TX &amp;amp;x){ ... }
template &amp;lt;class TY&amp;gt;
void f(const TY &amp;amp;x){ ... }
&lt;/code&gt;&lt;/pre&gt;
&lt;p&gt;where TX must be derived from BaseX and TY must be derived from BaseY (how do I specify this kind of thing?), and I want to be able to call it as&lt;/p&gt;
&lt;pre&gt;&lt;code&gt;f(DerivedX&amp;lt;T&amp;gt;())
&lt;/code&gt;&lt;/pre&gt;
&lt;p&gt;It is most important that I can avoid specifying the template parameters. Is this possible, and if so how would I implement it? If it's not possible, is there a way I can make a templated function accept only certain types, but still have it be implicitly instantiated? I cannot just make the overloads of f accept the base class because I need the derived class' type.&lt;/p&gt;</t>
  </si>
  <si>
    <t>2009-11-17 03:14:12.807000+00:00</t>
  </si>
  <si>
    <t>2009-11-17 03:50:12.157000+00:00</t>
  </si>
  <si>
    <t>c++|inheritance|templates</t>
  </si>
  <si>
    <t>Add submenu in menupopup mozilla extension developmet?</t>
  </si>
  <si>
    <t>&lt;p&gt;Here I am working with firefox extension development. I have using &lt;strong&gt;XUL Overlays&lt;/strong&gt;  to add menu popup item in my extension.&lt;/p&gt;
&lt;pre&gt;&lt;code&gt;          &amp;lt;menupopup id="menu_ToolsPopup"&amp;gt; 
             &amp;lt;menuitem label="HP Scheduler Options..."
                       insertafter="devToolsSeparator" 
                       oncommand="openPreferences('hpschedPane');" /&amp;gt;
           &amp;lt;/menupopup&amp;gt; 
&lt;/code&gt;&lt;/pre&gt;
&lt;p&gt;Here I need to add sub menu with menu item.&lt;/p&gt;</t>
  </si>
  <si>
    <t>2011-08-08 08:00:19.460000+00:00</t>
  </si>
  <si>
    <t>2017-05-03 06:53:28.383000+00:00</t>
  </si>
  <si>
    <t>firefox|firefox-addon</t>
  </si>
  <si>
    <t>Why rake assets precompile doesn't work</t>
  </si>
  <si>
    <t>&lt;p&gt;I am using letsrate gem&lt;br/&gt;
&lt;code&gt;rake assets: precompile raises&lt;/code&gt; the following.&lt;br/&gt;
I wanted to deploy on heroku and raises the same error.&lt;/p&gt;
&lt;pre&gt;&lt;code&gt;    /home/sunloverz/.rvm/rubies/ruby-1.9.3-p385/bin/ruby /home/sunloverz/.rvm/gems/ruby-1.9.3-p385/bin/rake assets:precompile:all RAILS_ENV=production RAILS_GROUPS=assets
    rake aborted!
    undefined method `rate_path' for #&amp;lt;Module:0x9d31338&amp;gt;
      (in /home/sunloverz/RubymineProjects/socialnews/app/assets/javascripts/letsrate.js.erb)
    /home/sunloverz/RubymineProjects/socialnews/app/assets/javascripts/letsrate.js.erb:13:in `block in singletonclass'
    /home/sunloverz/RubymineProjects/socialnews/app/assets/javascripts/letsrate.js.erb:65530:in `instance_eval'
    /home/sunloverz/RubymineProjects/socialnews/app/assets/javascripts/letsrate.js.erb:65530:in `singletonclass'
    /home/sunloverz/RubymineProjects/socialnews/app/assets/javascripts/letsrate.js.erb:65528:in `__tilt_74553360'
    /home/sunloverz/.rvm/gems/ruby-1.9.3-p385/gems/tilt-1.3.7/lib/tilt/template.rb:144:in `call'
    /home/sunloverz/.rvm/gems/ruby-1.9.3-p385/gems/tilt-1.3.7/lib/tilt/template.rb:144:in `evaluate'
    /home/sunloverz/.rvm/gems/ruby-1.9.3-p385/gems/tilt-1.3.7/lib/tilt/template.rb:77:in `render'
    /home/sunloverz/.rvm/gems/ruby-1.9.3-p385/gems/sprockets-2.2.2/lib/sprockets/context.rb:193:in `block in evaluate'
    /home/sunloverz/.rvm/gems/ruby-1.9.3-p385/gems/sprockets-2.2.2/lib/sprockets/context.rb:190:in `each'
    /home/sunloverz/.rvm/gems/ruby-1.9.3-p385/gems/sprockets-2.2.2/lib/sprockets/context.rb:190:in `evaluate'
    /home/sunloverz/.rvm/gems/ruby-1.9.3-p385/gems/sprockets-2.2.2/lib/sprockets/processed_asset.rb:12:in `initialize'
    /home/sunloverz/.rvm/gems/ruby-1.9.3-p385/gems/sprockets-2.2.2/lib/sprockets/base.rb:249:in `new'
    /home/sunloverz/.rvm/gems/ruby-1.9.3-p385/gems/sprockets-2.2.2/lib/sprockets/base.rb:249:in `block in build_asset'
    /home/sunloverz/.rvm/gems/ruby-1.9.3-p385/gems/sprockets-2.2.2/lib/sprockets/base.rb:270:in `circular_call_protection'
    /home/sunloverz/.rvm/gems/ruby-1.9.3-p385/gems/sprockets-2.2.2/lib/sprockets/base.rb:248:in `build_asset'
    /home/sunloverz/.rvm/gems/ruby-1.9.3-p385/gems/sprockets-2.2.2/lib/sprockets/index.rb:93:in `block in build_asset'
    /home/sunloverz/.rvm/gems/ruby-1.9.3-p385/gems/sprockets-2.2.2/lib/sprockets/caching.rb:19:in `cache_asset'
    /home/sunloverz/.rvm/gems/ruby-1.9.3-p385/gems/sprockets-2.2.2/lib/sprockets/index.rb:92:in `build_asset'
    /home/sunloverz/.rvm/gems/ruby-1.9.3-p385/gems/sprockets-2.2.2/lib/sprockets/base.rb:169:in `find_asset'
    /home/sunloverz/.rvm/gems/ruby-1.9.3-p385/gems/sprockets-2.2.2/lib/sprockets/index.rb:60:in `find_asset'
    /home/sunloverz/.rvm/gems/ruby-1.9.3-p385/gems/sprockets-2.2.2/lib/sprockets/processed_asset.rb:111:in `block in resolve_dependencies'
    /home/sunloverz/.rvm/gems/ruby-1.9.3-p385/gems/sprockets-2.2.2/lib/sprockets/processed_asset.rb:105:in `each'
    /home/sunloverz/.rvm/gems/ruby-1.9.3-p385/gems/sprockets-2.2.2/lib/sprockets/processed_asset.rb:105:in `resolve_dependencies'
    /home/sunloverz/.rvm/gems/ruby-1.9.3-p385/gems/sprockets-2.2.2/lib/sprockets/processed_asset.rb:97:in `build_required_assets'
    /home/sunloverz/.rvm/gems/ruby-1.9.3-p385/gems/sprockets-2.2.2/lib/sprockets/processed_asset.rb:16:in `initialize'
    /home/sunloverz/.rvm/gems/ruby-1.9.3-p385/gems/sprockets-2.2.2/lib/sprockets/base.rb:249:in `new'
    /home/sunloverz/.rvm/gems/ruby-1.9.3-p385/gems/sprockets-2.2.2/lib/sprockets/base.rb:249:in `block in build_asset'
    /home/sunloverz/.rvm/gems/ruby-1.9.3-p385/gems/sprockets-2.2.2/lib/sprockets/base.rb:270:in `circular_call_protection'
    /home/sunloverz/.rvm/gems/ruby-1.9.3-p385/gems/sprockets-2.2.2/lib/sprockets/base.rb:248:in `build_asset'
    /home/sunloverz/.rvm/gems/ruby-1.9.3-p385/gems/sprockets-2.2.2/lib/sprockets/index.rb:93:in `block in build_asset'
    /home/sunloverz/.rvm/gems/ruby-1.9.3-p385/gems/sprockets-2.2.2/lib/sprockets/caching.rb:19:in `cache_asset'
    /home/sunloverz/.rvm/gems/ruby-1.9.3-p385/gems/sprockets-2.2.2/lib/sprockets/index.rb:92:in `build_asset'
    /home/sunloverz/.rvm/gems/ruby-1.9.3-p385/gems/sprockets-2.2.2/lib/sprockets/base.rb:169:in `find_asset'
    /home/sunloverz/.rvm/gems/ruby-1.9.3-p385/gems/sprockets-2.2.2/lib/sprockets/index.rb:60:in `find_asset'
    /home/sunloverz/.rvm/gems/ruby-1.9.3-p385/gems/sprockets-2.2.2/lib/sprockets/bundled_asset.rb:16:in `initialize'
    /home/sunloverz/.rvm/gems/ruby-1.9.3-p385/gems/sprockets-2.2.2/lib/sprockets/base.rb:252:in `new'
    /home/sunloverz/.rvm/gems/ruby-1.9.3-p385/gems/sprockets-2.2.2/lib/sprockets/base.rb:252:in `build_asset'
    /home/sunloverz/.rvm/gems/ruby-1.9.3-p385/gems/sprockets-2.2.2/lib/sprockets/index.rb:93:in `block in build_asset'
    /home/sunloverz/.rvm/gems/ruby-1.9.3-p385/gems/sprockets-2.2.2/lib/sprockets/caching.rb:19:in `cache_asset'
    /home/sunloverz/.rvm/gems/ruby-1.9.3-p385/gems/sprockets-2.2.2/lib/sprockets/index.rb:92:in `build_asset'
    /home/sunloverz/.rvm/gems/ruby-1.9.3-p385/gems/actionpack-3.2.13/lib/sprockets/static_compiler.rb:19:in `block in compile'
    /home/sunloverz/.rvm/gems/ruby-1.9.3-p385/gems/sprockets-2.2.2/lib/sprockets/base.rb:219:in `block in each_logical_path'
    /home/sunloverz/.rvm/gems/ruby-1.9.3-p385/gems/sprockets-2.2.2/lib/sprockets/base.rb:206:in `block (2 levels) in each_file'
    /home/sunloverz/.rvm/gems/ruby-1.9.3-p385/gems/sprockets-2.2.2/lib/sprockets/base.rb:196:in `each'
    /home/sunloverz/.rvm/gems/ruby-1.9.3-p385/gems/sprockets-2.2.2/lib/sprockets/base.rb:196:in `each_entry'
    /home/sunloverz/.rvm/gems/ruby-1.9.3-p385/gems/sprockets-2.2.2/lib/sprockets/base.rb:204:in `block in each_file'
    /home/sunloverz/.rvm/gems/ruby-1.9.3-p385/gems/sprockets-2.2.2/lib/sprockets/base.rb:203:in `each'
    /home/sunloverz/.rvm/gems/ruby-1.9.3-p385/gems/sprockets-2.2.2/lib/sprockets/base.rb:203:in `each_file'
    /home/sunloverz/.rvm/gems/ruby-1.9.3-p385/gems/sprockets-2.2.2/lib/sprockets/base.rb:217:in `each_logical_path'
3.2.13/lib/sprockets/assets.rake:70:in `block (3 levels) in &amp;lt;top (required)&amp;gt;'
    /home/sunloverz/.rvm/gems/ruby-1.9.3-p385/gems/rake-10.0.4/lib/rake/task.rb:246:in `call'
    /home/sunloverz/.rvm/gems/ruby-1.9.3-p385/gems/rake-10.0.4/lib/rake/task.rb:246:in `block in execute'
    /home/sunloverz/.rvm/gems/ruby-1.9.3-p385/gems/rake-10.0.4/lib/rake/task.rb:241:in `each'
    /home/sunloverz/.rvm/gems/ruby-1.9.3-p385/gems/rake-10.0.4/lib/rake/task.rb:241:in `execute'
    /home/sunloverz/.rvm/gems/ruby-1.9.3-p385/gems/rake-10.0.4/lib/rake/task.rb:184:in `block in invoke_with_call_chain'
    /home/sunloverz/.rvm/gems/ruby-1.9.3-p385/gems/rake-10.0.4/lib/rake/task.rb:177:in `invoke_with_call_chain'
    /home/sunloverz/.rvm/gems/ruby-1.9.3-p385/gems/rake-10.0.4/lib/rake/task.rb:170:in `invoke'
    /home/sunloverz/.rvm/gems/ruby-1.9.3-p385/gems/actionpack-3.2.13/lib/sprockets/assets.rake:60:in `block (3 levels) in &amp;lt;top (required)&amp;gt;'
    /home/sunloverz/.rvm/gems/ruby-1.9.3-p385/gems/rake-10.0.4/lib/rake/task.rb:246:in `call'
    /home/sunloverz/.rvm/gems/ruby-1.9.3-p385/gems/rake-10.0.4/lib/rake/task.rb:246:in `block in execute'
    /home/sunloverz/.rvm/gems/ruby-1.9.3-p385/gems/rake-10.0.4/lib/rake/task.rb:241:in `each'
    /home/sunloverz/.rvm/gems/ruby-1.9.3-p385/gems/rake-10.0.4/lib/rake/task.rb:241:in `execute'
    /home/sunloverz/.rvm/gems/ruby-1.9.3-p385/gems/rake-10.0.4/lib/rake/task.rb:184:in `block in invoke_with_call_chain'
    /home/sunloverz/.rvm/gems/ruby-1.9.3-p385/gems/rake-10.0.4/lib/rake/task.rb:177:in `invoke_with_call_chain'
    /home/sunloverz/.rvm/gems/ruby-1.9.3-p385/gems/rake-10.0.4/lib/rake/task.rb:170:in `invoke'
    /home/sunloverz/.rvm/gems/ruby-1.9.3-p385/gems/rake-10.0.4/lib/rake/application.rb:143:in `invoke_task'
    /home/sunloverz/.rvm/gems/ruby-1.9.3-p385/gems/rake-10.0.4/lib/rake/application.rb:101:in `block (2 levels) in top_level'
    /home/sunloverz/.rvm/gems/ruby-1.9.3-p385/gems/rake-10.0.4/lib/rake/application.rb:101:in `each'
    /home/sunloverz/.rvm/gems/ruby-1.9.3-p385/gems/rake-10.0.4/lib/rake/application.rb:101:in `block in top_level'
    /home/sunloverz/.rvm/gems/ruby-1.9.3-p385/gems/rake-10.0.4/lib/rake/application.rb:110:in `run_with_threads'
    /home/sunloverz/.rvm/gems/ruby-1.9.3-p385/gems/rake-10.0.4/lib/rake/application.rb:95:in `top_level'
    /home/sunloverz/.rvm/gems/ruby-1.9.3-p385/gems/rake-10.0.4/lib/rake/application.rb:73:in `block in run'
    /home/sunloverz/.rvm/gems/ruby-1.9.3-p385/gems/rake-10.0.4/lib/rake/application.rb:160:in `standard_exception_handling'
    /home/sunloverz/.rvm/gems/ruby-1.9.3-p385/gems/rake-10.0.4/lib/rake/application.rb:70:in `run'
    Tasks: TOP =&amp;gt; assets:precompile:primary
    (See full trace by running task with --trace)
    rake aborted!
    Command failed with status (1): [/home/sunloverz/.rvm/rubies/ruby-1.9.3-p38...]
    /home/sunloverz/.rvm/gems/ruby-1.9.3-p385/gems/rake-10.0.4/lib/rake/file_utils.rb:53:in `block in create_shell_runner'
    /home/sunloverz/.rvm/gems/ruby-1.9.3-p385/gems/rake-10.0.4/lib/rake/file_utils.rb:45:in `call'
    Tasks: TOP =&amp;gt; assets:precompile
(See full trace by running task with --trace)
&lt;/code&gt;&lt;/pre&gt;</t>
  </si>
  <si>
    <t>2013-04-19 10:35:04.580000+00:00</t>
  </si>
  <si>
    <t>2015-09-27 22:17:45.907000+00:00</t>
  </si>
  <si>
    <t>2013-04-19 11:01:20.953000+00:00</t>
  </si>
  <si>
    <t>ruby-on-rails|heroku|asset-pipeline</t>
  </si>
  <si>
    <t>Method isBeingPresented in iOS 4.*</t>
  </si>
  <si>
    <t>&lt;p&gt;Method isBeingPresented is available for iOs 5.*
What analog method of isBeingPresented i can using for iOS 4.*&lt;/p&gt;</t>
  </si>
  <si>
    <t>2011-12-30 04:29:20.557000+00:00</t>
  </si>
  <si>
    <t>2011-12-30 04:49:39.150000+00:00</t>
  </si>
  <si>
    <t>iphone|objective-c|ios|ios4|ios5</t>
  </si>
  <si>
    <t>How to make an HTML element readonly based on PHP value</t>
  </si>
  <si>
    <t>&lt;p&gt;I have this code:&lt;/p&gt;
&lt;pre&gt;&lt;code&gt;&amp;lt;input type = "text" value = "$va" name = "n"/&amp;gt;
&lt;/code&gt;&lt;/pre&gt;
&lt;p&gt;and I want it to be readonly if va is not whitespace. How can I accomplish this?&lt;/p&gt;</t>
  </si>
  <si>
    <t>2017-07-08 03:23:05.167000+00:00</t>
  </si>
  <si>
    <t>2017-07-08 04:04:33.243000+00:00</t>
  </si>
  <si>
    <t>user8137082</t>
  </si>
  <si>
    <t>javascript|php|html|forms|whitespace</t>
  </si>
  <si>
    <t>Specify installdir/builddir with RPM</t>
  </si>
  <si>
    <t>&lt;p&gt;I am relatively new to building and distributing packages with RPM. &lt;/p&gt;
&lt;p&gt;I am trying to achieve the following functionality, and I am a bit confused about how to manage that:&lt;/p&gt;
&lt;ol&gt;
&lt;li&gt;On the build machine, the RPM package should be build under my account, e.g. under /home/username/rpmbuild. This folder has the proper structure (e.g. contains SPECS, RPMS, SOURCES etc). The file I want to package is basically the binaries of a .tgz file located at the SOURCES directory. I also have root access, so that shouldn't be a problem.&lt;/li&gt;
&lt;li&gt;On the ''client'' machines, software should be installed under a specific directory, e.g. /specific_mountpoint/program_name. This should happen even if the users should execute a simple rpm -ivh rpm_name.rpm command without additional parameters.&lt;/li&gt;
&lt;/ol&gt;
&lt;p&gt;I have the following questions:&lt;/p&gt;
&lt;ul&gt;
&lt;li&gt;My current understanding of the RPM process is that the build machine must mirror the client machine during the rpmbuild process. If that is correct, then I must have /specific_mountpoint/program_name created through the rpmbuild process at the build machine, right? Does this mean that I must copy files from RPM_BUILD_ROOT to that directory or is there a way to override RPM_BUILD_ROOT inside the spec file?&lt;/li&gt;
&lt;li&gt;My problem then is that under %files in the spec file, I cannot seem to be able to point rpmbuild to take the files from /specific_mountpoint/program_name  (as it currently goes to the /home/username/rpmbuild/BUILDROOT folder). I have tried overriding this behavior to no success.&lt;/li&gt;
&lt;/ul&gt;
&lt;p&gt;Any ideas and concrete spec files are more than welcome. &lt;/p&gt;
&lt;p&gt;I am using RPM v4.8. I am mentioning this since specific flags have been deprecated from what I am reading.&lt;/p&gt;
&lt;p&gt;Many thanks!&lt;/p&gt;</t>
  </si>
  <si>
    <t>2017-02-26 14:49:48.713000+00:00</t>
  </si>
  <si>
    <t>2017-02-26 17:10:02.593000+00:00</t>
  </si>
  <si>
    <t>rpm|rpmbuild</t>
  </si>
  <si>
    <t>what is right way to do API call in react js?</t>
  </si>
  <si>
    <t>&lt;p&gt;I have recently moved from Angular to ReactJs. I am using jQuery for API calls. I have an API which returns a random user list that is to be printed in a list.&lt;/p&gt;
&lt;p&gt;I am not sure how to write my API calls. What is best practice for this?&lt;/p&gt;
&lt;p&gt;I tried the following but I am not getting any output. I am open to implementing alternative API libraries if necessary.&lt;/p&gt;
&lt;p&gt;&lt;strong&gt;Below is my code:&lt;/strong&gt;&lt;/p&gt;
&lt;pre class="lang-js prettyprint-override"&gt;&lt;code&gt;import React from 'react';
export default class UserList extends React.Component {    
  constructor(props) {
    super(props);
    this.state = {
      person: []
    };
  }
  UserList(){
    return $.getJSON('https://randomuser.me/api/')
    .then(function(data) {
      return data.results;
    });
  }
  render() {
    this.UserList().then(function(res){
      this.state = {person: res};
    });
    return (
      &amp;lt;div id="layout-content" className="layout-content-wrapper"&amp;gt;
        &amp;lt;div className="panel-list"&amp;gt;
          {this.state.person.map((item, i) =&amp;gt;{
            return(
              &amp;lt;h1&amp;gt;{item.name.first}&amp;lt;/h1&amp;gt;
              &amp;lt;span&amp;gt;{item.cell}, {item.email}&amp;lt;/span&amp;gt;
            )
          })}
        &amp;lt;div&amp;gt;
      &amp;lt;/div&amp;gt;
    )
  }
}
&lt;/code&gt;&lt;/pre&gt;</t>
  </si>
  <si>
    <t>2016-08-03 11:30:16.533000+00:00</t>
  </si>
  <si>
    <t>2018-05-12 10:50:53.723000+00:00</t>
  </si>
  <si>
    <t>javascript|jquery|reactjs</t>
  </si>
  <si>
    <t>What is a good way to test whether a file has required permissions?</t>
  </si>
  <si>
    <t>&lt;p&gt;I see that ifstream::open() returns void and does not offer any way to see if the file did not open due to permissions.  What is a good api to test whether read permission or alternatively write permissions are available on a file for the current process in C++?&lt;/p&gt;</t>
  </si>
  <si>
    <t>2009-12-11 02:23:55.337000+00:00</t>
  </si>
  <si>
    <t>2018-11-20 11:22:08.337000+00:00</t>
  </si>
  <si>
    <t>c++|file|permissions</t>
  </si>
  <si>
    <t>Couchbase - what happens to old documents on a node when it comes back online?</t>
  </si>
  <si>
    <t>&lt;p&gt;Suppose I have a Couchbase cluster with 2 data nodes: 1 and 2.&lt;/p&gt;
&lt;p&gt;Document X is active on node 1 and replicated on node 2.&lt;/p&gt;
&lt;p&gt;Suppose node 1 goes down, and document X is promoted to 'active' on node 2. Node 1 is down for a while; in the meantime, lots of changes are made to document X.&lt;/p&gt;
&lt;p&gt;Some time later, node 1 comes back online. Remember that document X was 'active' in node 1.&lt;/p&gt;
&lt;p&gt;What happens? It seems like Document X would be active on both nodes. Can Couchbase handle this conflict itself or do I have to do anything in my application code to resolve it?&lt;/p&gt;</t>
  </si>
  <si>
    <t>2016-05-04 19:44:26.540000+00:00</t>
  </si>
  <si>
    <t>2016-05-05 16:41:41.327000+00:00</t>
  </si>
  <si>
    <t>couchbase</t>
  </si>
  <si>
    <t>How to make auto casting between list item?</t>
  </si>
  <si>
    <t>&lt;p&gt;I define 2 object: &lt;/p&gt;
&lt;pre&gt;&lt;code&gt;   public sealed class obj1
   {
       public int i1;
       public string str1
   }
   public sealed class obj2
   {
      public int i2;
      public string str2
   public static explicit operator obj2( obj1 e )
   {
       return new obj2()
       {
           i2   = e.i1;
           str2 = e.str; 
       }
   }
&lt;/code&gt;&lt;/pre&gt;
&lt;p&gt;}&lt;/p&gt;
&lt;p&gt;Now, i define 2 list that contain object  &lt;/p&gt;
&lt;pre&gt;&lt;code&gt;List&amp;lt;obj1&amp;gt; obj1item;
List&amp;lt;obj2&amp;gt; obj2item = new List&amp;lt;obj2&amp;gt;();
obj2item.add(o1);
obj2item.add(o2);
&lt;/code&gt;&lt;/pre&gt;
&lt;p&gt;And now, I want to add the object from &lt;code&gt;obj2item&lt;/code&gt; to &lt;code&gt;obj1item&lt;/code&gt;;&lt;/p&gt;
&lt;p&gt;That mean that i want to do &lt;/p&gt;
&lt;pre&gt;&lt;code&gt; obj1Item = obj2Item
&lt;/code&gt;&lt;/pre&gt;
&lt;p&gt;I used the linq to do it &lt;/p&gt;
&lt;pre&gt;&lt;code&gt;    var v = from t in obj2item
            select (obj1) t;
    foreach (var item in v)
    {
        obj1item.Add(item);
    }
&lt;/code&gt;&lt;/pre&gt;
&lt;p&gt;&lt;em&gt;&lt;strong&gt;My question:&lt;/em&gt;&lt;/strong&gt;&lt;/p&gt;
&lt;p&gt;Is there some other way to do add the obj2Item items to obj1Item ? &lt;/p&gt;</t>
  </si>
  <si>
    <t>2011-06-15 06:47:06.953000+00:00</t>
  </si>
  <si>
    <t>2011-06-15 06:52:00.727000+00:00</t>
  </si>
  <si>
    <t>Add json response content to a dialog box as links using google closure</t>
  </si>
  <si>
    <t>&lt;p&gt;I am getting the json content sent from a servlet properly but when I'm trying to set it inside the dialog box using a for loop I'm not able to,only the last element is getting updated. I can set it manually by specifying each element which i do not want to.&lt;/p&gt;
&lt;p&gt;my js file&lt;/p&gt;
&lt;pre&gt;&lt;code&gt;     goog.events.listen(request, "complete", function(e){
                var xhr = /** @type {goog.net.XhrIo} */ (e.target);
                res = xhr.getResponseJson();
                var dialog1 = new goog.ui.Dialog(null, true);
                var mycount = count(res);
            for(var m=0;m&amp;lt;mycount;m++)
            {
                dialog1.setContent("&amp;lt;a id='user' href='#'&amp;gt;"+res[m].user+
                                    "&amp;lt;/a&amp;gt;&amp;lt;br&amp;gt;");
            }
            /*
    dialog1.setContent(
     "&amp;lt;a id='user1' href='#'&amp;gt;"+res[0].user+"&amp;lt;/a&amp;gt;&amp;lt;br&amp;gt;&amp;lt;a id='user2' href='#'&amp;gt;"
      +res[1].user+"&amp;lt;/a&amp;gt;&amp;lt;br&amp;gt;&amp;lt;a id='user3' href='#'&amp;gt;"
      +res[2].user+"&amp;lt;/a&amp;gt;&amp;lt;br&amp;gt;&amp;lt;a id='user4' href='#'&amp;gt;"
      +res[3].user+"&amp;lt;/a&amp;gt;&amp;lt;br&amp;gt;&amp;lt;a id='user5' href='#'&amp;gt;"
      +res[4].user+"&amp;lt;/a&amp;gt;&amp;lt;br&amp;gt;&amp;lt;a id='user6' href='#'&amp;gt;"+res[5].user+"&amp;lt;/a&amp;gt;");
 */ //What I was using previously and want to get rid of it
                dialog1.setTitle('User Switch');
                dialog1.setVisible(true);
                dialog1.getButtonSet(false);
                for(var i=1;i&amp;lt;mycount+1;i++){
                goog.events.listen((goog.dom.getElement('user'+i)), goog.events.EventType.CLICK,
                function(e) {
                            myval = (goog.dom.getElement(e.target).innerHTML);
                            goog.dom.setTextContent(goog.dom.getElement('update'),myval);   
                            dialog1.dispose();
                        });
        }
Json sent from my servlet
     PrintWriter out = resp.getWriter();
         JSONArray json = new JSONArray();
         JSONObject userdet1 = new JSONObject();
         JSONObject userdet2 = new JSONObject();
         JSONObject userdet3 = new JSONObject();
         JSONObject userdet4= new JSONObject();
         JSONObject userdet5= new JSONObject();
         JSONObject userdet6= new JSONObject();
         userdet1.put( "user", "arjun1.daglur1@mesi.com");
         userdet2.put( "user", "arjun2.daglur2@mesi.com");
         userdet3.put( "user", "arjun3.daglur3@mesi.com");
         userdet4.put( "user", "arjun4.daglur4@mesi.com");
         userdet5.put( "user", "arjun5.daglur5@mesi.com");
         userdet6.put( "user", "arjun6.daglur6@mesi.com");
           json.add(userdet1);
           json.add(userdet2);
           json.add(userdet3);
           json.add(userdet4);
           json.add(userdet5);
           json.add(userdet6);
            out.print(json);
            out.close();
&lt;/code&gt;&lt;/pre&gt;</t>
  </si>
  <si>
    <t>2013-09-05 10:37:37.250000+00:00</t>
  </si>
  <si>
    <t>2013-09-05 14:35:43.610000+00:00</t>
  </si>
  <si>
    <t>javascript|google-closure|google-closure-library</t>
  </si>
  <si>
    <t>What is the best practice for creating a class to communicate with an external API in Rails?</t>
  </si>
  <si>
    <t>&lt;p&gt;I need to build a class that will be used to communicate with an external, legacy API from a Rails application. It is not a RESTful API and instead just has some arbitrary inputs that return structured JSON. This JSON then needs to be converted to ActiveRecord models (the key names in the JSON do not match the column names in the database) and saved.&lt;/p&gt;
&lt;p&gt;My current thinking is as follows (assuming that our old application is called &lt;code&gt;Legacy&lt;/code&gt;): a file at &lt;code&gt;lib/legacy/api.rb&lt;/code&gt; with contents much like:&lt;/p&gt;
&lt;pre&gt;&lt;code&gt;module Legacy
  class Api
    @@host = "https://api.legacy.com.au"
    def get_listings
      self.get_path("get_places")
    end
    protected
      def get_path(path)
        uri = URI.parse(@@host + "/#{path}"
        req = Net::HTTP.new(uri.host, uri.port)
        req.use_ssl = true
        res = req.get(uri.request_uri)
        self.parse_json(res.body)
      end
      def parse_json(response)
        ActiveSupport::JSON.decode(response)
      end
  end
end
&lt;/code&gt;&lt;/pre&gt;
&lt;p&gt;I would then expect to use the API in my code like &lt;code&gt;Legacy::Api.get_listings&lt;/code&gt;.&lt;/p&gt;
&lt;p&gt;What I am trying to work out is if this is the best practice, or if there is a better way to structure this kind of class. Furthermore, if this is the best way to make external calls to APIs.&lt;/p&gt;</t>
  </si>
  <si>
    <t>2014-07-20 04:57:23+00:00</t>
  </si>
  <si>
    <t>ruby-on-rails|ruby|json|api</t>
  </si>
  <si>
    <t>spring batch 3.0.3 get "updates to tables using non-transactional storage engines such as MyISAM " with mysql 5.6</t>
  </si>
  <si>
    <t>&lt;p&gt;I use spring batch 3.0.3.RELEASE in grails 2.4.4&lt;/p&gt;
&lt;p&gt;I found exception when i execute the code below.&lt;/p&gt;
&lt;blockquote&gt;
  &lt;p&gt;"When @@GLOBAL.ENFORCE_GTID_CONSISTENCY = 1, updates to non-transactional tables can only be done in either autocommitted statements or single-statement transactions, and never in the same statement as updates to transactional tables."&lt;/p&gt;
&lt;/blockquote&gt;
&lt;p&gt;the code is &lt;/p&gt;
&lt;pre&gt;&lt;code&gt;List&amp;lt;Flow&amp;gt; flowList = Lists.newArrayList()
    Shop.findAllByCityIdAndTypeAndStatus(cityId, 1 as byte, 1 as byte).each {
        Shop stationShop -&amp;gt;
            TaskletStep taskletStep = stepBuilderFactory.get("copy_city_item_to_station").tasklet(new Tasklet() {
                @Override
                RepeatStatus execute(StepContribution contribution, ChunkContext chunkContext) throws Exception {
                    copyCityItemToStationItem(item, stationShop)
                    return RepeatStatus.FINISHED
                }
            }).build()
            Flow flow = new FlowBuilder&amp;lt;Flow&amp;gt;("subflow").from(taskletStep).end();
            flowList.add(flow)
    }
    Flow splitFlow = new FlowBuilder&amp;lt;Flow&amp;gt;("split_city_item_to_station").split(eventTaskExecutor).add(flowList.toArray(new Flow[0])).build();
    FlowJobBuilder builder = jobBuilderFactory.get("push_item_to_all_station").start(splitFlow).end();
    Job job = builder.preventRestart().build()
    jobLauncher.run(job, new JobParametersBuilder().addLong("city.item.id", item.id).toJobParameters())
&lt;/code&gt;&lt;/pre&gt;
&lt;p&gt;the google say the problom maybe exist in "&lt;a href="https://dev.mysql.com/doc/refman/5.6/en/replication-gtids-restrictions.html" rel="nofollow"&gt;https://dev.mysql.com/doc/refman/5.6/en/replication-gtids-restrictions.html&lt;/a&gt;", so i replace all the ENGINE form MyISAM to InnoDB in file 'schema-mysql.sql', and it works.&lt;/p&gt;
&lt;p&gt;now i want to know what i do is right or not, is there a potential bug in my way ?&lt;/p&gt;</t>
  </si>
  <si>
    <t>2015-04-14 07:58:03.390000+00:00</t>
  </si>
  <si>
    <t>2015-04-14 12:58:32.813000+00:00</t>
  </si>
  <si>
    <t>spring-batch</t>
  </si>
  <si>
    <t>About Memory Address convention?</t>
  </si>
  <si>
    <t>&lt;p&gt;When we are representing the Memory address as 0x0 or 0xFFFFFFF0 what does it means.It's convention or have any specific meaning?&lt;/p&gt;</t>
  </si>
  <si>
    <t>2014-09-02 06:44:28.880000+00:00</t>
  </si>
  <si>
    <t>c|memory</t>
  </si>
  <si>
    <t>Update a field of a document in nano module of nodejs for couchdb</t>
  </si>
  <si>
    <t>&lt;p&gt;Say that there is a couchdb session opened through nano on node.js&lt;/p&gt;
&lt;pre&gt;&lt;code&gt;var dbserv = require('nano')('http://localhost:5984');
&lt;/code&gt;&lt;/pre&gt;
&lt;p&gt;At the couchdb server &lt;code&gt;dbserv&lt;/code&gt; can access, there is a database &lt;code&gt;users&lt;/code&gt; with users that have a field &lt;code&gt;groups&lt;/code&gt; that is an array.&lt;/p&gt;
&lt;p&gt;If I wanted to update &lt;code&gt;groups&lt;/code&gt; on a user &lt;code&gt;jim&lt;/code&gt; in &lt;code&gt;users&lt;/code&gt;, how would I do so without replacing the entire document?&lt;/p&gt;</t>
  </si>
  <si>
    <t>2012-01-24 06:17:39.123000+00:00</t>
  </si>
  <si>
    <t>2015-02-19 06:25:52.627000+00:00</t>
  </si>
  <si>
    <t>javascript|node.js|couchdb|database-update</t>
  </si>
  <si>
    <t>C# Retrieve field name from property</t>
  </si>
  <si>
    <t>&lt;p&gt;I am facing the issue of validating a property whose validation properties are associated with the corresponding field name.&lt;/p&gt;
&lt;pre&gt;&lt;code&gt;int _myIntField;
public int MyIntField {
    get { return _myIntField; }
    set { _myIntField = value; }
}
&lt;/code&gt;&lt;/pre&gt;
&lt;p&gt;Now, when validating a &lt;code&gt;Binding&lt;/code&gt; Object, I have access to the &lt;code&gt;BindingField&lt;/code&gt;, which returns the property name &lt;code&gt;MyIntField&lt;/code&gt;, not the field name &lt;code&gt;_myIntField&lt;/code&gt;.&lt;/p&gt;
&lt;p&gt;Is it possible to somehow retrieve &lt;code&gt;_myIntField&lt;/code&gt; for the property? If so, how?&lt;/p&gt;</t>
  </si>
  <si>
    <t>2016-08-05 14:50:54.053000+00:00</t>
  </si>
  <si>
    <t>2016-08-08 09:11:26.863000+00:00</t>
  </si>
  <si>
    <t>2016-08-05 16:16:15.220000+00:00</t>
  </si>
  <si>
    <t>c#|.net|reflection|binding</t>
  </si>
  <si>
    <t>Nested map function on parsed JSON data</t>
  </si>
  <si>
    <t>&lt;p&gt;I am receiving a JSON data from database which is
 &lt;code&gt;[{"table_cols":["id","stud_name","stud_school"]}]&lt;/code&gt;. &lt;/p&gt;
&lt;pre&gt;&lt;code&gt; console.log("Response is: " + resp._bodyText); {/*Response is: [{"table_cols":["id","stud_name","stud_school"]}]*/}
         let parsedData = JSON.parse(resp._bodyText);
         console.log(parsedData) //Object
        this.setState({...this.state,cols_of_sel_tab:parsedData})
        for(let i=0; i&amp;lt;this.state.cols_of_sel_tab.length;i++)
        {
            cols = [];
            console.log(this.state.cols_of_sel_tab[i])
            let cols = this.state.cols_of_sel_tab[i]
            console.log("WOW")
            for (let j = 0; j&amp;lt;cols.length; j++){
                console.log(cols[j])
            }
        }
&lt;/code&gt;&lt;/pre&gt;
&lt;p&gt;Output: {table_cols: Array(3)}
WOW&lt;/p&gt;
&lt;p&gt;Expected: To iterate through the inner for loop 
Desired output is: id, stud_name,stud_school&lt;/p&gt;
&lt;p&gt;Tried: using forEach instead of inner for loop
Error: ...\node_modules\react-native\Libraries\ReactNative\YellowBox.js:82 Possible Unhandled Promise Rejection (id: 0):
TypeError: Cannot read property 'forEach' of undefined
TypeError: Cannot read property 'forEach' of undefined&lt;/p&gt;
&lt;p&gt;I need help!&lt;/p&gt;</t>
  </si>
  <si>
    <t>2018-01-28 12:14:00.150000+00:00</t>
  </si>
  <si>
    <t>2018-01-28 14:16:57.410000+00:00</t>
  </si>
  <si>
    <t>2018-01-28 12:19:58.573000+00:00</t>
  </si>
  <si>
    <t>javascript|json|react-native</t>
  </si>
  <si>
    <t>WebApi can't deserialize XML into a list</t>
  </si>
  <si>
    <t>&lt;p&gt;I'm trying to POST a list or array of values that are automatically deserialized to a complex object called RejectModel. This works perfectly when receiving the data as JSON, but when sending XML data, the automatic serializer makes rejectionList NULL.&lt;/p&gt;
&lt;p&gt;I have tried using the default Xml serializer instead of the dataContract serializer. This gives me the following error:&lt;/p&gt;
&lt;blockquote&gt;
  &lt;p&gt;No MediaTypeFormatter is available to read an object of type 'List'1'
  from content with media type 'application/xml'.&lt;/p&gt;
&lt;/blockquote&gt;
&lt;p&gt;I have tried changing the list to an Array with the same results.&lt;/p&gt;
&lt;p&gt;I feel like I'm just not naming my XML containing element correctly. Any suggestions would be appreciated.&lt;/p&gt;
&lt;hr&gt;
&lt;p&gt;Post declaration. Accept a list of rejectModels.&lt;/p&gt;
&lt;pre&gt;&lt;code&gt;public HttpResponseMessage Post(List&amp;lt;RejectModel&amp;gt; rejectionList)
        {
            if (rejectionList == null)
            {
                return Request.CreateErrorResponse(HttpStatusCode.BadRequest, "The request was empty, malformed, or did not include an array of values.");
            }
            else if (rejectionList.Rejections.Length == 0)
            {
                return Request.CreateErrorResponse(HttpStatusCode.BadRequest, "An empty array was passed.");
            }
        }
&lt;/code&gt;&lt;/pre&gt;
&lt;p&gt;Reject Model, I want to accept a list/array of these&lt;/p&gt;
&lt;pre&gt;&lt;code&gt;[DataContract]
public class RejectModel : BaseModel
{
    [Required]
    [DataMember(IsRequired = true)]
    public int LeadId { get; set; }
    [DataMember]
    public int? PropertyId { get; set; }
    [DataMember]
    public string PartnerPropertyId { get; set; }
    [DataMember]
    public string OriginalSource { get; set; }
    [DataMember]
    public DateTime OriginalReferralDate { get; set; }
}
&lt;/code&gt;&lt;/pre&gt;
&lt;p&gt;One of my many request attempts. I have tried many tag names for "rejectList". I include "Accept: application/xml" in the request header.&lt;/p&gt;
&lt;pre&gt;&lt;code&gt;&amp;lt;?xml version="1.0" encoding="UTF-8"?&amp;gt;
&amp;lt;rejectList&amp;gt;
 &amp;lt;RejectModel&amp;gt;
&amp;lt;LeadId&amp;gt;10102085&amp;lt;/LeadId&amp;gt;
&amp;lt;PropertyId&amp;gt;60278&amp;lt;/PropertyId&amp;gt;
 &amp;lt;/RejectModel&amp;gt;
&amp;lt;/rejectList&amp;gt;
&lt;/code&gt;&lt;/pre&gt;</t>
  </si>
  <si>
    <t>2013-09-16 19:58:48.687000+00:00</t>
  </si>
  <si>
    <t>2013-09-16 21:32:52.070000+00:00</t>
  </si>
  <si>
    <t>.net|xml|serialization|asp.net-web-api</t>
  </si>
  <si>
    <t>C++ &amp; SDL2 - "Auto-Generate" used DLLs?</t>
  </si>
  <si>
    <t>&lt;p&gt;I have this question for quite some time now and it's really annoying.&lt;/p&gt;
&lt;p&gt;I'd like to know if there's some way to "auto-generate" the DLLs I used in my project on the executable folder(the "Debug" folder, to be specific).
I mean, the way I learned, every time I create a new project, I need to execute it first, so the "Debug" folder can be created, then I receive a error message saying that some DLLs are missing(like SDL2.dll), and then I copy/paste the missing DLLs from the libraries I used on this folder.&lt;/p&gt;
&lt;p&gt;So, is there a way that, when executing my project for the first time, it creates the Debug folder AND the DLLs so I don't need to do it manually every single time? Also, is there a way to put them in another folder and the project still finds it, for organization's sake?(This way I can have the project folder and inside it only folders for the "resources" and the executable)&lt;/p&gt;
&lt;p&gt;NOTE: I'm using Visual Studio 2013&lt;/p&gt;</t>
  </si>
  <si>
    <t>2014-06-14 23:22:08.173000+00:00</t>
  </si>
  <si>
    <t>2014-07-05 03:22:26.247000+00:00</t>
  </si>
  <si>
    <t>c++|c|dll|sdl|sdl-2</t>
  </si>
  <si>
    <t>How do I control the Nuget output for ASP.NET 5 project.json</t>
  </si>
  <si>
    <t>&lt;p&gt;I have a css/js framework I am building.  This may have been a mistake, but I have a test mvc application (MVC6 Asp.net5) in the same project that I am developing the css/js framework.  I would like to publish the framework via Nuget to my company repo, but I don't want to carry with it any of the source code or dll dependencies of the test application.  Is there a way to excluded these components in the Nuget package?   I see publish exclude in the project.json but I'm not sure exactly what that does and I haven't found any good documentation on project.json.&lt;/p&gt;</t>
  </si>
  <si>
    <t>2015-11-09 16:22:30.250000+00:00</t>
  </si>
  <si>
    <t>asp.net|nuget|asp.net-core</t>
  </si>
  <si>
    <t>How do I write a binary file in a Windows Store App?</t>
  </si>
  <si>
    <t>&lt;p&gt;I'm trying to implement a StreamSocket communication and the server is now sending me a ".zip" file in byte[] chuncks. It looks like my byte[] in memory is fine (amount of bytes are the same as original .zip file in the server) but when I save those bytes in a file the unzip program says it's 'corrupted'.&lt;/p&gt;
&lt;p&gt;I've tried several options but none of them worked for me:&lt;/p&gt;
&lt;p&gt;1&lt;/p&gt;
&lt;pre&gt;&lt;code&gt;var file = await StorageFile.CreateFileAsync();
using(var stream = await file.OpenStreamForWriteAsync())
{
    stream.Write(myBytes, ...);
}
&lt;/code&gt;&lt;/pre&gt;
&lt;p&gt;2&lt;/p&gt;
&lt;pre&gt;&lt;code&gt;var file = await StorageFile.CreateFileAsync();
await FileIO.WriteBytesAsync(file, myBytes);
&lt;/code&gt;&lt;/pre&gt;
&lt;p&gt;3&lt;/p&gt;
&lt;pre&gt;&lt;code&gt;var file = await StorageFile.CreateFileAsync();
using (var fileStream = await file.OpenStreamForWriteAsync())
{
    var sessionData = new MemoryStream(myBytes);
    sessionData.Seek(0, SeekOrigin.Begin);
    await sessionData.CopyToAsync(fileStream);
}
&lt;/code&gt;&lt;/pre&gt;
&lt;p&gt;4&lt;/p&gt;
&lt;pre&gt;&lt;code&gt;var file = await StorageFile.CreateFileAsync();
using (var writer = new BinaryWriter(await file.OpenStreamForWriteAsync())
{
    writer.WriteBytes(myBytes);
}
&lt;/code&gt;&lt;/pre&gt;
&lt;p&gt;If anyone has some new ideas please share.&lt;/p&gt;
&lt;p&gt;Regards.&lt;/p&gt;</t>
  </si>
  <si>
    <t>2015-04-21 15:31:44.553000+00:00</t>
  </si>
  <si>
    <t>How to check if a Server and Client are in the same concurrency model?</t>
  </si>
  <si>
    <t>&lt;p&gt;The concurrency model can be either &lt;strong&gt;apartment-threaded&lt;/strong&gt; or &lt;strong&gt;multi-threaded&lt;/strong&gt;&lt;/p&gt;
&lt;p&gt;&lt;strong&gt;Question:&lt;/strong&gt;&lt;/p&gt;
&lt;ul&gt;
&lt;li&gt;How to ensure that both the Client and Server &lt;strong&gt;are&lt;/strong&gt; operating from within the &lt;strong&gt;same&lt;/strong&gt; concurrency model?&lt;/li&gt;
&lt;/ul&gt;</t>
  </si>
  <si>
    <t>2009-01-28 02:49:40.993000+00:00</t>
  </si>
  <si>
    <t>2009-02-10 05:54:47.030000+00:00</t>
  </si>
  <si>
    <t>2009-01-28 02:54:44.947000+00:00</t>
  </si>
  <si>
    <t>Atklin</t>
  </si>
  <si>
    <t>c++|visual-studio-2008|com</t>
  </si>
  <si>
    <t>forcing VLC to play h264 video file</t>
  </si>
  <si>
    <t>&lt;p&gt;I have an h264 video file without video container information, but I am using only a 8.3 FAT File system.
When opening a *.h264 file with VLC, VLC plays it correctly since it understands that this is an h264 encoded video.
But how can this be done if I am only able to have 8.3 format for filenames?
How can I tell VLC that a file named X.264 for example is an h264 video file?
Windows Media Player 10 and above is able to identify this automatically.
Thanks,
Avi Tal.&lt;/p&gt;</t>
  </si>
  <si>
    <t>2016-12-14 17:59:02.753000+00:00</t>
  </si>
  <si>
    <t>2018-10-10 12:06:36.150000+00:00</t>
  </si>
  <si>
    <t>video|filenames|h.264|vlc</t>
  </si>
  <si>
    <t>C# Split with contains</t>
  </si>
  <si>
    <t>&lt;p&gt;I have a few trouble with my project.&lt;/p&gt;
&lt;p&gt;My string is&lt;/p&gt;
&lt;pre&gt;&lt;code&gt;11713,Julia's_Candy,Julia's Candy
1713,Julia's_Head,Julia's Head
&lt;/code&gt;&lt;/pre&gt;
&lt;p&gt;Now I am using my code like this &lt;code&gt;string line;&lt;/code&gt;&lt;/p&gt;
&lt;pre&gt;&lt;code&gt;using (StreamReader file = new StreamReader(@"db.txt"))
{
    while ((line = file.ReadLine()) != null)
    {
        if (line.Contains(("1713"+",")))
        {
            label1.Text = line.Split(',')[2];
        }
    }
}
&lt;/code&gt;&lt;/pre&gt;
&lt;p&gt;I want &lt;code&gt;Julia's Head&lt;/code&gt; to be print out but it have the same number that including in &lt;code&gt;11713,Julia's_Candy,Julia's Candy&lt;/code&gt;.And its print &lt;code&gt;Julia's Candy&lt;/code&gt;&lt;/p&gt;
&lt;p&gt;So I want to ask that how can I fix this code for more accurate. &lt;/p&gt;
&lt;p&gt;Thank you&lt;/p&gt;</t>
  </si>
  <si>
    <t>2018-06-26 22:02:33.377000+00:00</t>
  </si>
  <si>
    <t>2018-06-26 22:13:18.300000+00:00</t>
  </si>
  <si>
    <t>2018-06-26 22:11:34.503000+00:00</t>
  </si>
  <si>
    <t>SQLAlchemy finds record from relational query result based on certain attribute/column value</t>
  </si>
  <si>
    <t>&lt;p&gt;I have DB model with 1 to many relationship on 2 diffrent tables.&lt;/p&gt;
&lt;p&gt;the relationship is working fine and I manage to query all:&lt;/p&gt;
&lt;pre&gt;&lt;code&gt;items = user.Items.all()
for item in items :
    print('&amp;gt;&amp;gt;&amp;gt;&amp;gt;&amp;gt; TEST: %s &amp;lt;&amp;lt;&amp;lt;&amp;lt;&amp;lt;', item.name)
    # I can iterate item.name here
&lt;/code&gt;&lt;/pre&gt;
&lt;p&gt;i tried to find/grab item based on &lt;code&gt;item.name&lt;/code&gt; (could be more than one or None)
above code is work fine, and i could just run through the loop to find the item that i want. however, i believe there is a better way to achieve this, rather than i should iterate the record 1 by one and do if comparison.&lt;/p&gt;
&lt;p&gt;i have tried:&lt;/p&gt;
&lt;pre&gt;&lt;code&gt;item = user.Items.filter(user.Items.Name == needle)
&lt;/code&gt;&lt;/pre&gt;
&lt;p&gt;and it throwing me error: &lt;/p&gt;
&lt;blockquote&gt;
  &lt;p&gt;'AppenderBaseQuery' object has no attribute 'Name'&lt;/p&gt;
&lt;/blockquote&gt;
&lt;p&gt;question: is there a single statement to find a record based on certain attribute/column value (not ID)?&lt;/p&gt;</t>
  </si>
  <si>
    <t>2017-06-18 05:54:47.413000+00:00</t>
  </si>
  <si>
    <t>python|python-3.x|sqlalchemy|flask-sqlalchemy</t>
  </si>
  <si>
    <t>WCF - DataContract by copy/paste original code or by auto-generated code for shared abstract class?</t>
  </si>
  <si>
    <t>&lt;pre&gt;&lt;code&gt;[DataContract]
public abstract class FooBase
{
    [DataMember]
    public int Bar { get; set; }
}
&lt;/code&gt;&lt;/pre&gt;
&lt;p&gt;That is a base class that I use as the base class for other classes that are also DataContracts. Here's the problem though...&lt;/p&gt;
&lt;p&gt;In Proj1 I choose Add Service Reference... (MyService) and it generates the code for me, including the FooBase code.
In Proj2 I choose Add Service Reference... (OtherService) and it does the same.&lt;/p&gt;
&lt;p&gt;But, I want the Foo base class to be in it's own assembly that both projects can reference... so, is it better to:&lt;/p&gt;
&lt;p&gt;Copy/paste the FooBase class into the other shared assembly as it is?&lt;/p&gt;
&lt;pre&gt;&lt;code&gt;[DataContract]
public abstract class FooBase
{
    [DataMember]
    public int Bar { get; set; }
}
&lt;/code&gt;&lt;/pre&gt;
&lt;p&gt;Or, copy/paste the generated code for the FooBase class into the other shared assembly?&lt;/p&gt;
&lt;pre&gt;&lt;code&gt;[System.Diagnostics.DebuggerStepThroughAttribute()]
[System.CodeDom.Compiler.GeneratedCodeAttribute("System.Runtime.Serialization", "4.0.0.0")]
[System.Runtime.Serialization.DataContractAttribute(Name="FooBase", Namespace="http://schemas.datacontract.org/2004/07/MyNamespace")]
[System.SerializableAttribute()]
[System.Runtime.Serialization.KnownTypeAttribute(typeof(MyNamespace.Proj1.TypeA))]
[System.Runtime.Serialization.KnownTypeAttribute(typeof(MyNamespace.Proj1.TypeB))]
public partial class FooBase : object, System.Runtime.Serialization.IExtensibleDataObject, System.ComponentModel.INotifyPropertyChanged {
    [System.NonSerializedAttribute()]
    private System.Runtime.Serialization.ExtensionDataObject extensionDataField;
    private int BarField;
    [global::System.ComponentModel.BrowsableAttribute(false)]
    public System.Runtime.Serialization.ExtensionDataObject ExtensionData {
        get {
            return this.extensionDataField;
        }
        set {
            this.extensionDataField = value;
        }
    }
    [System.Runtime.Serialization.DataMemberAttribute(IsRequired=true)]
    public int Bar {
        get {
            return this.BarField;
        }
        set {
            if ((this.BarField.Equals(value) != true)) {
                this.BarField = value;
                this.RaisePropertyChanged("Bar");
            }
        }
    }
    public event System.ComponentModel.PropertyChangedEventHandler PropertyChanged;
    protected void RaisePropertyChanged(string propertyName) {
        System.ComponentModel.PropertyChangedEventHandler propertyChanged = this.PropertyChanged;
        if ((propertyChanged != null)) {
            propertyChanged(this, new System.ComponentModel.PropertyChangedEventArgs(propertyName));
        }
    }
}
&lt;/code&gt;&lt;/pre&gt;</t>
  </si>
  <si>
    <t>2011-06-20 19:04:53.540000+00:00</t>
  </si>
  <si>
    <t>2011-06-22 16:55:18.920000+00:00</t>
  </si>
  <si>
    <t>2011-06-20 19:11:20.873000+00:00</t>
  </si>
  <si>
    <t>c#|wcf|abstract-class|datacontract|service-reference</t>
  </si>
  <si>
    <t>How to check for Adobe flash Player installed on Mac with Applescript or Java?</t>
  </si>
  <si>
    <t>&lt;p&gt;I am trying to installl the AdobeFlashPlayer programmatically, before that i need to chk Whether if its already installed?, if yes then i need to get the version of the same. Since flash player will be added as a plugin, i need to chk the same in Safari and Firefox browsers. Pls suggest how to achieve the same using Applescripts (if possible without using SWFObjects).&lt;/p&gt;</t>
  </si>
  <si>
    <t>2012-11-30 06:41:26.647000+00:00</t>
  </si>
  <si>
    <t>2012-11-30 12:13:17.007000+00:00</t>
  </si>
  <si>
    <t>java|applescript</t>
  </si>
  <si>
    <t>How to return 1 if x*x can fit in a 32-bit integer, and 0 otherwise?</t>
  </si>
  <si>
    <t>&lt;p&gt;I am working on a question and I am supposed to write a method  that 
returns 1 if x*x can fit in a 32-bit integer, and 0 otherwise. 
&lt;br&gt; 
I thought that I could check if the number is larger than 46340 ( square root of the largest number that can be represented using 2's complement binary representation.) However I can't because I am limited to use upmost 255. &lt;/p&gt;
&lt;pre&gt;&lt;code&gt; /*
 * squaredOK - Return 1 if x*x can 
fit 
 in 
 a 32-bit integer, and 0 otherwise.
  *  Examples: squaredOK(10) = 1
 *            squaredOK(1000000) = 0
 *  Legal ops: ! ~ &amp;amp; ^ | + - &amp;lt;&amp;lt; &amp;gt;&amp;gt;
 *  Max ops: 20
 */
int squaredOK(int x) {
return ; /* no idea */
}
&lt;/code&gt;&lt;/pre&gt;
&lt;p&gt;Okay after reading the comments I decided to add the limitations:
use ONLY the following:&lt;/p&gt;
&lt;ul&gt;
&lt;li&gt;Integer constants 0 through 255 (0xFF), inclusive. You are not allowed to use big constants such as 0xffffffff.&lt;/li&gt;
&lt;li&gt;Function arguments and local variables (no global variables).&lt;/li&gt;
&lt;li&gt;Unary integer operations ! ~&lt;/li&gt;
&lt;li&gt;Binary integer operations &amp;amp; ^ | + &amp;lt;&amp;lt; &gt;&gt;&lt;/li&gt;
&lt;/ul&gt;</t>
  </si>
  <si>
    <t>2018-10-12 20:41:33.290000+00:00</t>
  </si>
  <si>
    <t>2018-10-14 19:49:08.707000+00:00</t>
  </si>
  <si>
    <t>2018-10-12 20:55:48.393000+00:00</t>
  </si>
  <si>
    <t>c|binary|bit-manipulation|bitwise-operators</t>
  </si>
  <si>
    <t>Listing *.json files recursively using php</t>
  </si>
  <si>
    <t>&lt;p&gt;I'm using php to list all files in a folder recursively:&lt;/p&gt;
&lt;pre&gt;&lt;code&gt;&amp;lt;?php
$it = new RecursiveDirectoryIterator(".");
foreach(new RecursiveIteratorIterator($it) as $file)
{
    echo $file . "&amp;lt;br/&amp;gt; \n";
}
&lt;/code&gt;&lt;/pre&gt;
&lt;p&gt;But I would like this script to only list *.json files instead of all the files. How can I achieve this?&lt;/p&gt;
&lt;p&gt;Many thanks for your help.&lt;/p&gt;</t>
  </si>
  <si>
    <t>2014-10-10 02:25:29.620000+00:00</t>
  </si>
  <si>
    <t>2014-10-29 07:36:49.303000+00:00</t>
  </si>
  <si>
    <t>looking up strings in different columns in R</t>
  </si>
  <si>
    <t>&lt;p&gt;I have a dataset of 4 columns with hundreds of rows, here's a little sample:&lt;/p&gt;
&lt;pre&gt;&lt;code&gt;A      B     C     D     
V1     V2    V100    V4
V15    V5    V6    V100 
V8     V3    V9    V10
V3     V11   V12   V13
&lt;/code&gt;&lt;/pre&gt;
&lt;p&gt;I would like to get a list of variables that are in column A but not in the others (like V1 in the above example), then another list of variables that are in column C and D but not in others (Like V100 in the example) and so on. Any simple command that can do this without having to go into complicated for loops?&lt;/p&gt;
&lt;p&gt;Important note: the names I have are way too much complicated (AND THEY CONTAIN BRACKETS, SLASHES, BACKSLASHES AND UNDESCORES) this is just a simple representation of what I have.&lt;/p&gt;
&lt;p&gt;Thanks,&lt;/p&gt;</t>
  </si>
  <si>
    <t>2013-04-23 15:20:06.387000+00:00</t>
  </si>
  <si>
    <t>2013-04-23 15:47:14.443000+00:00</t>
  </si>
  <si>
    <t>2013-04-23 15:37:30.070000+00:00</t>
  </si>
  <si>
    <t>string|r|variables|search|multiple-columns</t>
  </si>
  <si>
    <t>Working with data from table</t>
  </si>
  <si>
    <t>&lt;p&gt;I am just wondering if I could get some advice on implementing an algorithm for creating a JFreeChart. Basically, I am extracting some data from a JTable which contains information about patients. There are age categories for all patients such as 20-26, 26-30, 31-35, 35-40, 50-55, 55-60 etc. There are about 30 of them and every patient belongs to their corresponding age category. There is a button on top of the JTable which opens a frame containing the age distribution graph. What I am thinking of doing:&lt;/p&gt;
&lt;ol&gt;
&lt;li&gt;Create an integer variable for every category&lt;/li&gt;
&lt;li&gt;Loop through the age details for all patients in the JTable&lt;/li&gt;
&lt;li&gt;Compare variables with the JTable data and increment by 1 if there is a match (lots of if statements to go in the loop)&lt;/li&gt;
&lt;li&gt;Store the categories names and the amount of people registered under every category in a HashMap&lt;/li&gt;
&lt;li&gt;Pass the map to the ChartFrame &lt;/li&gt;
&lt;/ol&gt;
&lt;p&gt;I suppose this might be a relatively good way of doing this but I was wondering if somebody could possibly suggest a way of avoiding having to create a variable for every category and then having to do all those comparisons using about 30 if statements.&lt;/p&gt;
&lt;p&gt;EDIT: I do not have the patient's exact age - only the category they belong to. &lt;/p&gt;</t>
  </si>
  <si>
    <t>2014-03-21 22:09:24.523000+00:00</t>
  </si>
  <si>
    <t>2014-03-23 09:58:59.190000+00:00</t>
  </si>
  <si>
    <t>java|swing|jtable|hashmap</t>
  </si>
  <si>
    <t>Editing has_one objects with form_for in Rails</t>
  </si>
  <si>
    <t>&lt;p&gt;I have a has_one / belongs_to association between two models -&gt; User and ContactCard. While I am able to create a contact card for a user, whenever I try to edit the card the create action is called from the ContactCardsController rather than update (I can tell because I have different success messages on each).  It changes the attributes of the contact card just fine I have to say.  I'm mostly happy it's working but would rather patch up any gaps in my understanding of rails paths and associations.  What am I missing? Why isn't it using the action I expect? Also if you know of any relevant examples on the web or on github I could study up on, I'm all ears.  Thanks!&lt;/p&gt;
&lt;p&gt;Contact Cards Controller...&lt;/p&gt;
&lt;pre&gt;&lt;code&gt;class ContactCardsController &amp;lt; ApplicationController      
 def create 
   current_user.build_contact_card(params[:contact_card]) 
   if current_user.contact_card.save
     flash[:success] = "Contact Card created!"
     redirect_to '/account'
   else
     flash[:error] = "Fail!"
     redirect_to '/account'
  end
 end  
  def update
    if current_user.contact_card.update_attributes(params[:contact_card])
      flash[:success] = "Profile updated."
      redirect_to '/account'
    else
      flash[:error] = "Fail!"
      redirect_to '/account'
    end
  end
&lt;/code&gt;&lt;/pre&gt;
&lt;p&gt;Link to edit form...&lt;/p&gt;
&lt;pre&gt;&lt;code&gt;&amp;lt;%= link_to "Edit Profile", edit_user_contact_card_path(current_user) %&amp;gt;   
&lt;/code&gt;&lt;/pre&gt;
&lt;p&gt;Edit form...&lt;/p&gt;
&lt;pre&gt;&lt;code&gt;&amp;lt;%= form_for [current_user, current_user.build_contact_card], :url =&amp;gt; user_contact_card_path(current_user) do |f| %&amp;gt;
&amp;lt;%= f.label :first_name %&amp;gt;
&amp;lt;%= f.text_field :first_name %&amp;gt;    
&amp;lt;%= f.label :last_name %&amp;gt; 
&amp;lt;%= f.text_field :last_name %&amp;gt;
&amp;lt;%= f.submit "Save Contact Details", :class =&amp;gt; "btn btn-large btn-primary" %&amp;gt;
&amp;lt;% end %&amp;gt;                                                           
&lt;/code&gt;&lt;/pre&gt;
&lt;p&gt;Relevant Routes...&lt;/p&gt;
&lt;pre&gt;&lt;code&gt;resources :users do      
  resource :contact_card    
   .....
&lt;/code&gt;&lt;/pre&gt;
&lt;p&gt;The User model has_one :contact_card and the ContactCard model belongs_to:user&lt;/p&gt;</t>
  </si>
  <si>
    <t>2012-04-13 00:57:59.093000+00:00</t>
  </si>
  <si>
    <t>2012-04-17 17:22:29.227000+00:00</t>
  </si>
  <si>
    <t>ruby-on-rails|ruby-on-rails-3.2|form-for|has-one</t>
  </si>
  <si>
    <t>How VARCHAR/CHAR manages to store/render multinational symbols in SQL Server?</t>
  </si>
  <si>
    <t>&lt;p&gt;I have used to read that varchar (char) is used for storing ASCII characters with 1 bute per character while nvarchar (varchar) uses UNICODE with 2 bytes.&lt;br&gt;
But which ASCII?  In SSMS 2008 R2 &lt;/p&gt;
&lt;pre&gt;&lt;code&gt;DECLARE @temp VARCHAR(3); --CHAR(3)   
SET @temp = '������'; --cyryllic + portuguese-specific letters
select @temp,datalength(@temp) 
-- results in 
-- ������  3
&lt;/code&gt;&lt;/pre&gt;
&lt;p&gt;Update:  Ooops, the result was really ������ but not ������. Thanks, Martin &lt;/p&gt;</t>
  </si>
  <si>
    <t>2010-10-16 19:32:10.367000+00:00</t>
  </si>
  <si>
    <t>2010-10-17 03:39:00.053000+00:00</t>
  </si>
  <si>
    <t>sql-server|unicode|internationalization|ascii|non-ascii-characters</t>
  </si>
  <si>
    <t>returning variables from objective c to javascript</t>
  </si>
  <si>
    <t>&lt;p&gt;I have a phonegap application and I want to run a very simple "does file exist" command in the Documents folder.  And I've got it mostly working.  In js, I have:&lt;/p&gt;
&lt;pre&gt;&lt;code&gt;fileDownloadMgr.fileexists("logo.png");
......
PixFileDownload.prototype.fileexists = function(filename) {   
    PhoneGap.exec("PixFileDownload.fileExists", filename);
};
&lt;/code&gt;&lt;/pre&gt;
&lt;p&gt;Then in Objective C, I have:&lt;/p&gt;
&lt;pre&gt;&lt;code&gt;-(BOOL) fileExists:(NSMutableArray*)paramArray withDict:(NSMutableDictionary*)options;{
  NSString * fileName = [paramArray objectAtIndex:0];
  NSArray *paths = NSSearchPathForDirectoriesInDomains(NSDocumentDirectory, NSUserDomainMask, YES);
  NSString *documentsDirectory = [paths objectAtIndex:0];   
  NSString *newFilePath = [documentsDirectory stringByAppendingString:[NSString stringWithFormat: @"/%@", fileName]];
  BOOL isMyFileThere = [[NSFileManager defaultManager] fileExistsAtPath:newFilePath];
  //i'm stuck here  
}
&lt;/code&gt;&lt;/pre&gt;
&lt;p&gt;I can use NSLog to print this to the console to see that the logic does work and the BOOL is set correctly.  But I need that variable back in javascript world.  I'm aware of stringByEvaluatingJavaScriptFromString, but that will just execute javascript, ie call a callback function.  That's not what I need here, I need (in javascript):&lt;/p&gt;
&lt;pre&gt;&lt;code&gt;var bool = fileDownloadMgr.fileexists("logo.png");
if(bool) alert('The file is there!!!!!!');
&lt;/code&gt;&lt;/pre&gt;
&lt;p&gt;What do I need to do to return that bool from objective c back into javascript?&lt;/p&gt;</t>
  </si>
  <si>
    <t>2011-08-26 20:32:53.100000+00:00</t>
  </si>
  <si>
    <t>2011-08-27 00:17:48.813000+00:00</t>
  </si>
  <si>
    <t>javascript|objective-c|cordova</t>
  </si>
  <si>
    <t>Returning a list from a function in clojure</t>
  </si>
  <si>
    <t>&lt;p&gt;I want to return a list from a clojure function. How do I do that. I've tried the following:&lt;/p&gt;
&lt;pre&gt;&lt;code&gt;(lst val)
&lt;/code&gt;&lt;/pre&gt;
&lt;p&gt;This fails because lst is not an &lt;code&gt;IFn&lt;/code&gt;. &lt;/p&gt;
&lt;pre&gt;&lt;code&gt;'(lst val)
&lt;/code&gt;&lt;/pre&gt;
&lt;p&gt;This returns a list of two symbols &lt;code&gt;lst&lt;/code&gt; and &lt;code&gt;val&lt;/code&gt;. What I want is to return a list which contains the values of &lt;code&gt;lst&lt;/code&gt; and &lt;code&gt;val&lt;/code&gt;. How do I do that?&lt;/p&gt;</t>
  </si>
  <si>
    <t>2018-03-29 04:02:04.967000+00:00</t>
  </si>
  <si>
    <t>2018-03-29 04:55:15.187000+00:00</t>
  </si>
  <si>
    <t>list|function|clojure|return</t>
  </si>
  <si>
    <t>Android getBitmap can't find the specified image</t>
  </si>
  <si>
    <t>&lt;p&gt;I'm trying to retrieve an image that is stored on my storage after using the Camera's PictureCallback however the getBitmap method can't seem to find the image and it returns the following error:&lt;/p&gt;
&lt;blockquote&gt;
  &lt;p&gt;java.io.FileNotFoundException: No content provider:
  file://storage/emulated/0/MyApp/IMG_20150903_154338.jpg&lt;/p&gt;
&lt;/blockquote&gt;
&lt;p&gt;I assure you, the image is available at that location. I checked the location.&lt;/p&gt;
&lt;blockquote&gt;
  &lt;p&gt;Take the Photo&lt;/p&gt;
  &lt;p&gt;Get the image through the callback&lt;/p&gt;
  &lt;p&gt;Display the image in an ImageView&lt;/p&gt;
&lt;/blockquote&gt;
&lt;p&gt;&lt;strong&gt;Image gets saved. Doesn't get displayed.&lt;/strong&gt;&lt;/p&gt;
&lt;p&gt;Here's my code:&lt;/p&gt;
&lt;pre&gt;&lt;code&gt;captureImage.setOnClickListener(new OnClickListener() {
            @Override
            public void onClick(View v) {
                mCamera.takePicture(null, null, new PictureCallback() {
                    @Override
                    public void onPictureTaken(byte[] data, Camera camera) {
File storageDir = new File(Environment.getExternalStorageDirectory() + "/", "MyApp");
                        if (!storageDir.exists()) {
                            storageDir.mkdirs();//directory created
                        }
                        // get the current timestamp
                        String timest = new SimpleDateFormat("yyyyMMdd_HHmmss")
                                .format(new Date());
                        //Create your picture file
                        File pictureFile;
                        pictureFile = new File(storageDir.getPath() + File.separator + "IMG_" + timest + ".jpg");
                        try {
                            FileOutputStream fos = new FileOutputStream(pictureFile);
                            fos.write(data);
                            fos.close();
                        } catch (Exception e) {
                            Log.d("MyApp", e.toString());
                        }
                        Uri uri = Uri.fromFile(pictureFile);
                        try {
                                Bitmap bmp = MediaStore.Images.Media.getBitmap(CameraActivity.this.getContentResolver() , Uri.parse("file://"+ storageDir.getPath() + File.separator + "IMG_" + timest + ".jpg"));
                                imageViewer = (ImageView) findViewById(R.id.imageViewer);
                                imageViewer.setImageBitmap(bmp);
                            } catch (Exception e) {
                                Log.d("MyApp", e.toString());
                            }
&lt;/code&gt;&lt;/pre&gt;</t>
  </si>
  <si>
    <t>2015-09-03 10:11:25.723000+00:00</t>
  </si>
  <si>
    <t>2015-09-03 10:18:25.973000+00:00</t>
  </si>
  <si>
    <t>android|android-layout|android-camera</t>
  </si>
  <si>
    <t>Count occurrences of each value for every specific id</t>
  </si>
  <si>
    <t>&lt;p&gt;I have a customer table like this:&lt;/p&gt;
&lt;pre&gt;&lt;code&gt;trans-id | cust-id | trans-type | amount
----------------------------------------
   t1    |   c1    |    buy     |  700
   t2    |   c2    |    sell    |  200
   t3    |   c1    |    sell    |  400
   t4    |   c3    |    buy     |  900
   t5    |   c2    |    sell    |  100
&lt;/code&gt;&lt;/pre&gt;
&lt;p&gt;I am trying to group up each of this customer with each of their type and amount. Below is the expected table that I want to get.&lt;/p&gt;
&lt;pre&gt;&lt;code&gt;cust-id | num_of_trans | num_of_buy | num-of-sell | total_amount | total_buy | total_sell|
------------------------------------------------------------------------------------------
   c1   |      2       |     1      |      1      |     1100     |    700    |    400
   c2   |      2       |     0      |      2      |     300      |    0      |    300
   c3   |      1       |     1      |      0      |     900      |    900    |    0
&lt;/code&gt;&lt;/pre&gt;
&lt;p&gt;I already try to use 'group by', but i can only get num_of_trans and total_amount. I have no idea how to split them as buy and sell. Anyone can help me? Thanks in advance.&lt;/p&gt;</t>
  </si>
  <si>
    <t>2017-08-21 06:43:54.067000+00:00</t>
  </si>
  <si>
    <t>2017-08-21 06:49:16.453000+00:00</t>
  </si>
  <si>
    <t>mysql|pivot</t>
  </si>
  <si>
    <t>Route content is not being displayed</t>
  </si>
  <si>
    <t>&lt;p&gt;I have a route on my application called &lt;code&gt;home&lt;/code&gt; and there's some content on it. The problem is this content is not being showed, it just shows the menu that is in &lt;code&gt;app.component&lt;/code&gt;. I feel like I'm missing something silly, can someone help me? This is the code:&lt;/p&gt;
&lt;p&gt;THis is Home.component:&lt;/p&gt;
&lt;pre&gt;&lt;code&gt;import {Component} from '@angular/core';
    @Component({
      moduleId: module.id,
      selector: 'home',
      templateUrl: `home.component.html`
    })
    export class HomeComponent{}
&lt;/code&gt;&lt;/pre&gt;
&lt;p&gt;App.routing.ts:&lt;/p&gt;
&lt;pre&gt;&lt;code&gt;import {ModuleWithProviders} from '@angular/core';
import {Routes, RouterModule} from '@angular/router';
import {HomeComponent} from './home.component'
const appRoutes: Routes = [
    {
        path:'',
        redirectTo: '/',
        pathMatch: 'full'
    },
    {
        path: 'home',
        component: HomeComponent
    },
]
export const routing: ModuleWithProviders = RouterModule.forRoot(appRoutes);
&lt;/code&gt;&lt;/pre&gt;
&lt;p&gt;app.module.ts:&lt;/p&gt;
&lt;pre&gt;&lt;code&gt;import { NgModule }      from '@angular/core';
import { BrowserModule } from '@angular/platform-browser';
import { AppComponent }  from './app.component';
import {HomeComponent} from './home.component';
@NgModule({
  imports:      [ BrowserModule ],
  declarations: [ AppComponent, HomeComponent ],
  bootstrap:    [ AppComponent ]
})
export class AppModule { }
&lt;/code&gt;&lt;/pre&gt;
&lt;p&gt;and theres index.html:&lt;/p&gt;
&lt;pre&gt;&lt;code&gt;&amp;lt;!DOCTYPE html&amp;gt;
&amp;lt;html&amp;gt;
  &amp;lt;head&amp;gt;
    &amp;lt;title&amp;gt;Angular QuickStart&amp;lt;/title&amp;gt;
    &amp;lt;base href="/"&amp;gt;
    &amp;lt;meta charset="UTF-8"&amp;gt;
    &amp;lt;meta name="viewport" content="width=device-width, initial-scale=1"&amp;gt;
    &amp;lt;link rel="stylesheet" href="styles.css"&amp;gt;
    &amp;lt;link rel="stylesheet" href="css/meu-css.css"&amp;gt;
    &amp;lt;link type="text/css" rel="stylesheet" href="css/materialize.min.css"  media="screen,projection"/&amp;gt;
    &amp;lt;!-- Polyfill(s) for older browsers --&amp;gt;
    &amp;lt;script src="node_modules/core-js/client/shim.min.js"&amp;gt;&amp;lt;/script&amp;gt;
    &amp;lt;script src="node_modules/zone.js/dist/zone.js"&amp;gt;&amp;lt;/script&amp;gt;
    &amp;lt;script src="node_modules/systemjs/dist/system.src.js"&amp;gt;&amp;lt;/script&amp;gt;
    &amp;lt;script src="systemjs.config.js"&amp;gt;&amp;lt;/script&amp;gt;
    &amp;lt;script&amp;gt;
      System.import('main.js').catch(function(err){ console.error(err); });
    &amp;lt;/script&amp;gt;
  &amp;lt;/head&amp;gt;
  &amp;lt;body&amp;gt;
    &amp;lt;base href="/"&amp;gt;
    &amp;lt;my-app&amp;gt;Loading AppComponent content here ...&amp;lt;/my-app&amp;gt;
  &amp;lt;/body&amp;gt;
&amp;lt;/html&amp;gt;
&lt;/code&gt;&lt;/pre&gt;</t>
  </si>
  <si>
    <t>2017-05-26 17:31:06.917000+00:00</t>
  </si>
  <si>
    <t>2017-05-26 18:39:35.403000+00:00</t>
  </si>
  <si>
    <t>angular|typescript|routes</t>
  </si>
  <si>
    <t>What happened to Android AAPT?</t>
  </si>
  <si>
    <t>&lt;p&gt;I downloaded the most recent version of Android for Linux (android-sdk_r05-linux_86.tgz). I was trying to use the the Android Ant task(s) for packaging, building, and deploying my code. I should mention that I'm running AMD64, but I have the 32-bit libraries installed. The Android Ant tasks are all broken.&lt;/p&gt;
&lt;p&gt;First, the start-emulator task never gets the emulator running. It does get past starting adb, but then it just sits there.&lt;/p&gt;
&lt;p&gt;Second, the SDK is missing the AAPT binary in the tools directory. So, the example notepad sample application will not even package correctly.&lt;/p&gt;
&lt;blockquote&gt;
  &lt;p&gt;java.lang.IllegalStateException: Can't find aapt inside the sdk &lt;br&gt; at /home/user/bin/android-sdk-linux_86 &lt;br/&gt;
   at com.googlecode.autoandroid.lib.AndroidTools.locateTool(AndroidTools.java:116) &lt;br/&gt;
  at com.googlecode.autoandroid.lib.AndroidTools.startTool(AndroidTools.java:103) &lt;br/&gt;
   at com.googlecode.autoandroid.lib.AndroidTools.startTool(AndroidTools.java:91) &lt;br/&gt;
   at com.googlecode.autoandroid.lib.UnixAndroidTools.aapt(UnixAndroidTools.java:9)&lt;/p&gt;
&lt;/blockquote&gt;
&lt;p&gt;I have all the dependencies configured for Android. I can run it from the command line just fine.&lt;/p&gt;
&lt;p&gt;I assume the Ant code is out of sync with the recent SDK updates. Can anyone shed some light on this problem? At this point, I'm considering writing my own Python scripts to interact with the Android SDK. Ugh.&lt;/p&gt;</t>
  </si>
  <si>
    <t>2010-03-16 02:57:08.063000+00:00</t>
  </si>
  <si>
    <t>2018-01-23 16:45:43.527000+00:00</t>
  </si>
  <si>
    <t>java|android|exception|ant</t>
  </si>
  <si>
    <t>mxnet-cpp operator lookup failing</t>
  </si>
  <si>
    <t>&lt;p&gt;In c++ mx:&lt;/p&gt;
&lt;pre&gt;&lt;code&gt;#include &amp;lt;mxnet-cpp/MxNetCpp.h&amp;gt;
namespace mx {
    using namespace mxnet::cpp;
}
int main(int argc, char *argv[])
{
    auto data = mx::Symbol::Variable("input");
    mx::Symbol conv_w("conv1_w"), conv_b("conv1_b");
    auto a = mx::Convolution("conv1", data, conv_w, conv_b, mx::Shape(5, 5), 20);
    return 0;
}
&lt;/code&gt;&lt;/pre&gt;
&lt;p&gt;It is linked against: libmxnet.a libnnvm.a libdmlc.a&lt;/p&gt;
&lt;p&gt;On execution it fails at:&lt;/p&gt;
&lt;pre&gt;&lt;code&gt;inline Operator::Operator(const std::string &amp;amp;operator_name) {
  handle_ = op_map()-&amp;gt;GetSymbolCreator(operator_name);
  const char *name;
  const char *description;
  mx_uint num_args;
  const char **arg_names;
  const char **arg_type_infos;
  const char **arg_descriptions;
  const char *key_var_num_args;
  &amp;gt;&amp;gt;&amp;gt;&amp;gt;&amp;gt; MXSymbolGetAtomicSymbolInfo(handle_,
      &amp;amp;name,
      &amp;amp;description,
      &amp;amp;num_args,
      &amp;amp;arg_names,
      &amp;amp;arg_type_infos,
      &amp;amp;arg_descriptions,
      &amp;amp;key_var_num_args);
  for (mx_uint i = 0; i &amp;lt; num_args; ++i) {
    arg_names_.push_back(arg_names[i]);
  }
}
&lt;/code&gt;&lt;/pre&gt;
&lt;p&gt;Do I need to run an initializer somewhere first to register Operators?  I cannot find documentation.&lt;/p&gt;</t>
  </si>
  <si>
    <t>2018-08-07 19:01:09.060000+00:00</t>
  </si>
  <si>
    <t>2018-12-01 00:20:38.827000+00:00</t>
  </si>
  <si>
    <t>2018-08-07 19:09:51.363000+00:00</t>
  </si>
  <si>
    <t>c++|mxnet</t>
  </si>
  <si>
    <t>'App not Installed' error for release apk but working fine for Debug apk</t>
  </si>
  <si>
    <t>&lt;p&gt;I have already install my app in Redmi 4A with USB.
Now i am installing release.apk but while installing 'App not installed' error is showing.
I have checked in both the versions (v1 and v2).
Strange Part it is that the same configuration is working perfectly fine when i am installing debug.apk
Please help and guide me through this.&lt;/p&gt;</t>
  </si>
  <si>
    <t>2018-06-25 18:26:25.153000+00:00</t>
  </si>
  <si>
    <t>Kohana Auth module can't login</t>
  </si>
  <si>
    <t>&lt;p&gt;For those familiar with the Auth module in Kohana, I can't login a user. I can create a user fine, but apparently the hashes aren't matching. I've used the provide MySql schema to create the db and I'm using the the modules models. &lt;/p&gt;
&lt;p&gt;Here's my create a user code:&lt;/p&gt;
&lt;pre&gt;&lt;code&gt;    public function user_create()
    {
        $user = ORM::factory('user');
        $user-&amp;gt;username = "user";
        $this-&amp;gt;auth = Auth::instance();
        $user-&amp;gt;email = "info@test.com";
        $user-&amp;gt;password = $this-&amp;gt;auth-&amp;gt;hash_password('admin');
        $user-&amp;gt;add(ORM::factory('role', 'login'));
        $user-&amp;gt;add(ORM::factory('role', 'admin'));
        if ($user-&amp;gt;save())
            {
                $this-&amp;gt;template-&amp;gt;title = "user saved";
                $this-&amp;gt;template-&amp;gt;content = "user saved";
            }
        }
&lt;/code&gt;&lt;/pre&gt;
&lt;p&gt;It creates a user with a hashed password and gives it the proper login/admin roles. Everything looks fine in the DB. Here's my login code. I skipped the begining part that checks if the user is logged in.&lt;/p&gt;
&lt;pre&gt;&lt;code&gt;            $user = $this-&amp;gt;input-&amp;gt;post('username');
        $password = $this-&amp;gt;input-&amp;gt;post('password');
        if(!empty($user))
            {
                $find_user = ORM::factory('user')-&amp;gt;where('username', $user)-&amp;gt;find();
                $username = $find_user-&amp;gt;username;
                $this-&amp;gt;auth = Auth::instance();
                if($this-&amp;gt;auth-&amp;gt;login($username, $password))
                    {
                        $error = "logged in";
                    }
                else
                    {
                        $error = "not logged in at all";
                    }
            }
        $this-&amp;gt;template-&amp;gt;content = new View('admin/login_view');
        $this-&amp;gt;template-&amp;gt;content-&amp;gt;user_info = $username . " " . $password;
        $this-&amp;gt;template-&amp;gt;title = "Login Admin";
        $this-&amp;gt;template-&amp;gt;content-&amp;gt;bind('error', $error);
&lt;/code&gt;&lt;/pre&gt;
&lt;p&gt;It always returns "not logged in at all". I verify I entered the correct username and password, but it doesn't log in. I cannot figure out why. I'm using the built in hash_password function to create the password and I've followed the docs, but I can't spot the error. Any help?&lt;/p&gt;</t>
  </si>
  <si>
    <t>2009-11-17 20:42:02.153000+00:00</t>
  </si>
  <si>
    <t>2009-11-18 00:32:39.553000+00:00</t>
  </si>
  <si>
    <t>php|kohana</t>
  </si>
  <si>
    <t>Sqlite: is it possible to iterate select results in sql?</t>
  </si>
  <si>
    <t>&lt;p&gt;I have problem. I need trigger after insert. But trigger have to insert few rows depends on select from other table.&lt;/p&gt;
&lt;p&gt;is it possibe in sql?&lt;/p&gt;
&lt;p&gt;&lt;strong&gt;Update:&lt;/strong&gt;&lt;/p&gt;
&lt;p&gt;ok, sorry.&lt;/p&gt;
&lt;p&gt;Example (no-logic) 
tables: 
users(id,name,type_user) 
type_user(id,type) 
items(id,name,type_user) - some type of users can posses only few items users_items(id,item_id,user_id) &lt;/p&gt;
&lt;p&gt;And when i insert into users i want to insert into users_items all items which user can posses&lt;/p&gt;</t>
  </si>
  <si>
    <t>2013-12-12 18:20:52.743000+00:00</t>
  </si>
  <si>
    <t>2013-12-12 19:36:36.540000+00:00</t>
  </si>
  <si>
    <t>2013-12-12 18:55:02.130000+00:00</t>
  </si>
  <si>
    <t>sql|sqlite|foreach|triggers</t>
  </si>
  <si>
    <t>Why is my new ID always "1"</t>
  </si>
  <si>
    <t>&lt;p&gt;I have a parent-child relationship between two objects.&lt;/p&gt;
&lt;pre&gt;&lt;code&gt;Parent :has_many :children
Child  :belongs_to :parent
&lt;/code&gt;&lt;/pre&gt;
&lt;p&gt;When creating a new parent, in the same controller, I'm creating the child.&lt;/p&gt;
&lt;pre&gt;&lt;code&gt;@mom = Parent.new
@child = Child.new
@mom.children &amp;lt;&amp;lt; @child
&lt;/code&gt;&lt;/pre&gt;
&lt;p&gt;That all seems to go okay, but this parent has one more attribute - this parent has a favorite child&lt;/p&gt;
&lt;pre&gt;&lt;code&gt;@mom.favorite_child = @child
&lt;/code&gt;&lt;/pre&gt;
&lt;p&gt;Seems like this should work, except let's say that this is the 61st child in the database, so it gets an ID of 61 (and I know this is happening, because when I check the database, the child record has an ID of 61). For some reason, when I assign the @child to the parent's "favorite_child" attribute, "favorite_child" gets set to "1" - when I need it to be set to "61".&lt;/p&gt;
&lt;p&gt;Clues?&lt;/p&gt;</t>
  </si>
  <si>
    <t>2010-04-27 01:57:36.033000+00:00</t>
  </si>
  <si>
    <t>2010-04-27 03:23:05.807000+00:00</t>
  </si>
  <si>
    <t>ruby-on-rails|activerecord</t>
  </si>
  <si>
    <t>odbc [package suddenly incompatible</t>
  </si>
  <si>
    <t>&lt;p&gt;To my knowledge I didn't change any aspect of RSTUDIO (currently have 1.0.153), however after 48 hours of not touching a script I'm working on, numerous packages are now needing an install, whereas previously the require or library functions would work. &lt;/p&gt;
&lt;p&gt;Additionally, and more troubling is that now I get an error that odbc isn't compatible with this version of R, and since that's how I'm presently connecting to the Azure SQL where my tables live, the entire script is non-functional. &lt;/p&gt;
&lt;p&gt;I feel as though there's something obvious I'm missing despite exhausting all obvious solutions I could think of. &lt;/p&gt;
&lt;p&gt;session info is as follows:&lt;/p&gt;
&lt;pre&gt;&lt;code&gt;R version 3.3.2 (2016-10-31)
Platform: x86_64-w64-mingw32/x64 (64-bit)
Running under: Windows 7 x64 (build 7601) Service Pack 1
&lt;/code&gt;&lt;/pre&gt;
&lt;p&gt;locale:&lt;/p&gt;
&lt;pre&gt;&lt;code&gt;[1] LC_COLLATE=English_United States.1252  LC_CTYPE=English_United States.1252   
[3] LC_MONETARY=English_United States.1252 LC_NUMERIC=C                          
[5] LC_TIME=English_United States.1252 
&lt;/code&gt;&lt;/pre&gt;
&lt;p&gt;attached base packages:&lt;/p&gt;
&lt;pre&gt;&lt;code&gt;[1] stats     graphics  grDevices utils     datasets  methods   base
&lt;/code&gt;&lt;/pre&gt;
&lt;p&gt;other attached packages:&lt;/p&gt;
&lt;pre&gt;&lt;code&gt;[1] RODBC_1.3-14         stringr_1.1.0        RMySQL_0.10.9        DBI_0.5-1            dplyr_0.5.0         
 [6] tidyr_0.6.0          httr_1.2.1           readxl_0.1.1         data.table_1.9.6     dtplyr_0.0.1        
[11] RevoUtilsMath_10.0.0 RevoUtils_10.0.2     RevoMods_10.0.0      MicrosoftML_1.0.0    mrsdeploy_1.0       
[16] RevoScaleR_9.0.1     lattice_0.20-34      rpart_4.1-10  
&lt;/code&gt;&lt;/pre&gt;
&lt;p&gt;loaded via a namespace (and not attached):&lt;/p&gt;
&lt;blockquote&gt;
  &lt;p&gt;Error in x[["Version"]] : subscript out of bounds
  In addition: Warning message:
  In FUN(X[[i]], ...) :
    DESCRIPTION file of package 'jsonlite' is missing or broken&lt;/p&gt;
&lt;/blockquote&gt;
&lt;p&gt;odbc error I'm getting: &lt;/p&gt;
&lt;blockquote&gt;
  &lt;p&gt;Error in loadNamespace(name) : there is no package called ���odbc���&lt;/p&gt;
&lt;/blockquote&gt;
&lt;p&gt;jsonlite I get, before "installing.package":&lt;/p&gt;
&lt;p&gt;Loading required package: jsonlite&lt;/p&gt;
&lt;blockquote&gt;
  &lt;p&gt;Warning message:
  In library(package, lib.loc = lib.loc, character.only = TRUE, logical.return = TRUE,  :
    there is no package called ���jsonlite���&lt;/p&gt;
&lt;/blockquote&gt;</t>
  </si>
  <si>
    <t>2018-02-16 19:32:36.673000+00:00</t>
  </si>
  <si>
    <t>2018-02-17 03:25:31.907000+00:00</t>
  </si>
  <si>
    <t>2018-02-16 20:24:22.090000+00:00</t>
  </si>
  <si>
    <t>r|odbc</t>
  </si>
  <si>
    <t>How to calculate the time that has passed since a file was created</t>
  </si>
  <si>
    <t>&lt;p&gt;I want to calculate the time since the file was created, for example if the file was created 12 months ago I want to delete it.
I have this right now:&lt;/p&gt;
&lt;pre&gt;&lt;code&gt;DateTime fileCreatedDate = File.GetCreationTime(path);
&lt;/code&gt;&lt;/pre&gt;
&lt;p&gt;Thank you!&lt;/p&gt;</t>
  </si>
  <si>
    <t>2013-07-25 16:07:03.390000+00:00</t>
  </si>
  <si>
    <t>2013-07-25 16:26:37.103000+00:00</t>
  </si>
  <si>
    <t>c#|file|date|time</t>
  </si>
  <si>
    <t>How to recognise Successful Swipe on the text not UItextView</t>
  </si>
  <si>
    <t>&lt;p&gt;I want to recognize the &lt;strong&gt;swipe gesture&lt;/strong&gt; on the &lt;strong&gt;Text&lt;/strong&gt; presented on the &lt;strong&gt;UItextview&lt;/strong&gt;.&lt;/p&gt;
&lt;p&gt;If I have &lt;strong&gt;"Enter your text"&lt;/strong&gt; in the &lt;strong&gt;UITextView&lt;/strong&gt;&lt;/p&gt;
&lt;p&gt;I want to recognise the swipe for "Enter your text" 
and also I want to recognise it separately for each word
like&lt;/p&gt;
&lt;p&gt;&lt;strong&gt;"Enter"&lt;/strong&gt; If i do swipe on text &lt;strong&gt;Enter&lt;/strong&gt;&lt;/p&gt;
&lt;p&gt;&lt;strong&gt;"your"&lt;/strong&gt;  If i do swipe on text &lt;strong&gt;your&lt;/strong&gt;&lt;/p&gt;
&lt;p&gt;I didn't find anything related in internet&lt;/p&gt;</t>
  </si>
  <si>
    <t>2014-01-17 13:05:45.850000+00:00</t>
  </si>
  <si>
    <t>2014-02-17 14:09:53.490000+00:00</t>
  </si>
  <si>
    <t>objective-c|text|ios7|uiswipegesturerecognizer|swipe-gesture</t>
  </si>
  <si>
    <t>How to send email using mail.php on an app running on RoR</t>
  </si>
  <si>
    <t>&lt;p&gt;I am trying to integrate one of my web developer's work into the existing Ruby on Rails app.&lt;/p&gt;
&lt;p&gt;The developer wrote a function in &lt;code&gt;public/mails.php&lt;/code&gt; which get called when a user clicks send feedback on the &lt;code&gt;public/index.html&lt;/code&gt; page. (He doesn't know RoR.)&lt;/p&gt;
&lt;p&gt;Here is html snippet.&lt;/p&gt;
&lt;pre&gt;&lt;code&gt;&amp;lt;form id="feedbackForm" method='post' action='mail.php' name="feedbackForm"&amp;gt;
&lt;/code&gt;&lt;/pre&gt;
&lt;p&gt;&lt;strong&gt;The problem is:&lt;/strong&gt;
This feedback email sent fine when the app is running on a php enabled server.
But, expectedly, it doesn't work when I run the app on my rails server.&lt;/p&gt;
&lt;p&gt;I am hoping there must be some quick solution to enable this php specific functionality in Rails server.&lt;/p&gt;
&lt;p&gt;Maybe by installing some extra gem through app/Gemfile?&lt;/p&gt;
&lt;p&gt;Let me know if you like to see &lt;code&gt;mail.php&lt;/code&gt; code too. And, if you need more details to understand my problem. The entire app is a RoR app.&lt;/p&gt;
&lt;p&gt;The app is hosted on Heroku.&lt;/p&gt;
&lt;p&gt;I am new to Ruby on Rails too.&lt;/p&gt;</t>
  </si>
  <si>
    <t>2013-06-09 18:48:44.650000+00:00</t>
  </si>
  <si>
    <t>2013-06-09 18:55:54.967000+00:00</t>
  </si>
  <si>
    <t>php|ruby-on-rails|heroku</t>
  </si>
  <si>
    <t>How to create dynamic jpa query?</t>
  </si>
  <si>
    <t>&lt;p&gt;Is that possible to create a dynamic "where" jpa (persistance layer) query with  getting from filtered u�� data (Service layer) &lt;/p&gt;</t>
  </si>
  <si>
    <t>2018-05-17 13:33:07.860000+00:00</t>
  </si>
  <si>
    <t>2018-05-18 20:22:00.320000+00:00</t>
  </si>
  <si>
    <t>java|sql|jpa|odata|olingo</t>
  </si>
  <si>
    <t>Dependency injection special case</t>
  </si>
  <si>
    <t>&lt;p&gt;Have a look at the following:&lt;/p&gt;
&lt;pre&gt;&lt;code&gt;angular.module('myapp').controller('Gallery',Gallery);
Gallery.$inject=['GalleryService'];
function Gallery(GalleryService){...}
angular.module('myapp',[]).service('GalleryService',GalleryService);
GalleryService.$inject=['$http'];
function GalleryService($http){...};
&lt;/code&gt;&lt;/pre&gt;
&lt;p&gt;Could someone explain to me &lt;strong&gt;why the second block needs [ ]&lt;/strong&gt; inside angular.module? In case I omit it I am getting Exception Error...&lt;/p&gt;</t>
  </si>
  <si>
    <t>2016-05-21 16:35:01.647000+00:00</t>
  </si>
  <si>
    <t>2016-05-21 16:46:00.747000+00:00</t>
  </si>
  <si>
    <t>private method `split' called for nil:NilClass (NoMethodError)</t>
  </si>
  <si>
    <t>&lt;p&gt;I'm trying to use domainatrix with nokogiri and am coming up with a holdup. Being relatively new to ruby, I've tried every syntax variation on the Domainatrix.parse function I can to get the a href's to parse properly. They do print during the "puts" command but when I uncomment the domainatrix code problems start:&lt;/p&gt;
&lt;pre&gt;&lt;code&gt;require 'rubygems'
require 'domainatrix'
require 'anemone'
require 'open-uri'
require 'nokogiri'
doc = Nokogiri::HTML(open("http://www.cnn.com"))
doc.xpath('//a/@href').each do |node|
  linkage = node.text
  puts linkage
  url = Domainatrix.parse(linkage)
  print url.domain
  print url.public_suffix
end
&lt;/code&gt;&lt;/pre&gt;
&lt;p&gt;Anyone have any ideas on this? I think it is just a syntax issue or perhaps I cannot use the Domainatrix function where I'm using it? &lt;/p&gt;</t>
  </si>
  <si>
    <t>2010-08-04 11:10:28.720000+00:00</t>
  </si>
  <si>
    <t>2010-08-07 08:29:59.770000+00:00</t>
  </si>
  <si>
    <t>2010-08-04 12:01:56.030000+00:00</t>
  </si>
  <si>
    <t>ruby|rubygems</t>
  </si>
  <si>
    <t>How should I build autolayout constraints varied by iPhone Devices</t>
  </si>
  <si>
    <t>&lt;p&gt;I am attempting to vary my auto layout constraint by iPhone version. The vary for traits allows you to differ by size classes. However all the iPhones in portrait orientation are all compact width and regular height.&lt;/p&gt;
&lt;p&gt;Assuming I have an element that is horizontally centered but I want my distance from the top of my main view to vary based upon device size, how should I accomplish this?&lt;/p&gt;</t>
  </si>
  <si>
    <t>2017-05-10 16:25:01.850000+00:00</t>
  </si>
  <si>
    <t>2017-05-10 18:09:36.953000+00:00</t>
  </si>
  <si>
    <t>ios|autolayout|interface-builder</t>
  </si>
  <si>
    <t>Issue with download speed with DownloadOperation</t>
  </si>
  <si>
    <t>&lt;p&gt;I have an UWP (Universal Windows Platform) application on Windows Store and this application is nothing but an audio/video downloader on internet with my &lt;code&gt;DownloadOperation&lt;/code&gt; class.&lt;/p&gt;
&lt;p&gt;&lt;code&gt;DownloadOperation&lt;/code&gt; speed is very slow regardless of internet speed.&lt;/p&gt;
&lt;p&gt;When the audio/video size is less than average of 5MB then the speed of downloading is very slow compared to file size greater then 30-40 MB. But the overall speed of my downloading is in Kilobytes per second.&lt;/p&gt;
&lt;p&gt;I notice this download speed from task manager application sometimes and sometimes using my network tools. Tried using &lt;code&gt;HttpClient&lt;/code&gt; instead of &lt;code&gt;DownloadOperation&lt;/code&gt; but that doesn't produce any difference in my case.&lt;/p&gt;
&lt;p&gt;Example Code : &lt;/p&gt;
&lt;pre&gt;&lt;code&gt;        string source =
            @"https://r1---sn-nv47lnes.googlevideo.com/videoplayback?id=o-AF3ULlrgm4d4p8IDGAzJbL8LUsQ7xOkiD5zYJAiTJGTT&amp;amp;mv=m&amp;amp;mt=1531996353&amp;amp;ms=au,onr&amp;amp;mn=sn-nv47lnes,sn-4g5ednly&amp;amp;mm=31,26&amp;amp;ip=213.14.6.130&amp;amp;pl=22&amp;amp;itag=17&amp;amp;gir=yes&amp;amp;requiressl=yes&amp;amp;initcwndbps=493750&amp;amp;source=youtube&amp;amp;ei=K2lQW4uRNYyRgAOi7rPYDA&amp;amp;lmt=1385600724132940&amp;amp;sparams=clen,dur,ei,gir,id,initcwndbps,ip,ipbits,itag,lmt,mime,mm,mn,ms,mv,pl,requiressl,source,expire&amp;amp;ipbits=0&amp;amp;fexp=23709359,23745105&amp;amp;fvip=1&amp;amp;clen=2754619&amp;amp;dur=268.329&amp;amp;c=WEB&amp;amp;key=yt6&amp;amp;mime=video/3gpp&amp;amp;expire=1532018060&amp;amp;signature=9DB761B443EAB96C65E69BAF1A3923D9E64093C4.4AAF9E5E8CA43E0426D59ECFFF9D84638AA8DD81&amp;amp;ratebypass=yes";
        StorageFile file = await ApplicationData.Current.LocalFolder.CreateFileAsync("omansak.mp4", CreationCollisionOption.GenerateUniqueName);
        BackgroundDownloader backgroundDownloader = new BackgroundDownloader();
        DownloadOperation downloadOperation = backgroundDownloader.CreateDownload(new Uri(source), file);
        await downloadOperation.StartAsync().AsTask(new Progress&amp;lt;DownloadOperation&amp;gt;(operation =&amp;gt;
        {
            BackgroundDownloadProgress currentProgress = downloadOperation.Progress;
            if (currentProgress.TotalBytesToReceive &amp;gt; 0)
            {
                var percent = (int)(currentProgress.BytesReceived * 100 / currentProgress.TotalBytesToReceive);
                button1.Content = percent.ToString() + "-" + currentProgress.TotalBytesToReceive.ToString();
            }
        }));
&lt;/code&gt;&lt;/pre&gt;
&lt;p&gt;For example , this download code take 40 sec wirh DownloadOperation but normally avg 3sec . 
How to use maximum network (i.e., maximum speed of internet) while downloading file?&lt;/p&gt;</t>
  </si>
  <si>
    <t>2018-07-18 17:30:04.303000+00:00</t>
  </si>
  <si>
    <t>2018-07-19 11:04:15.210000+00:00</t>
  </si>
  <si>
    <t>c#|uwp|httpclient</t>
  </si>
  <si>
    <t>Dynamically create types : Emit vs Compilation performance</t>
  </si>
  <si>
    <t>&lt;p&gt;&lt;strong&gt;EDIT&lt;/strong&gt; (TLDR), my question is : &lt;strong&gt;&lt;em&gt;why is there a huge gap between the two methods (a factor of 10)&lt;/em&gt;&lt;/strong&gt;.&lt;/p&gt;
&lt;p&gt;There are (I think) two ways of creating types dynamically : with Emit, and from source code at runtime. I wanted to benchmark the two, and I found that compilation from source code is 10 times faster. Is that Normal? I feel i'm doing something wrong.&lt;/p&gt;
&lt;p&gt;Here I define the number of types I'm creating (4000).&lt;/p&gt;
&lt;pre&gt;&lt;code&gt;static int limit = 4000;
&lt;/code&gt;&lt;/pre&gt;
&lt;p&gt;This is the code that allows me to create 4000 types with CSharpCodeProvider&lt;/p&gt;
&lt;pre&gt;&lt;code&gt;    [TestMethod]
    public void TEST_WITH_COMPILATION()
    {
        System.Diagnostics.Stopwatch watch = new System.Diagnostics.Stopwatch();
        watch.Start();
        StringBuilder builder = new StringBuilder();
        builder.Append("using System;\n");      
        builder.Append("namespace MyDynamicAssembly\n");
        builder.Append("{\n");
        for (int i = 0; i &amp;lt; limit; i++)
        {
            builder.Append(@"   
public class MyType"+i+ @"
{
    public int ID { get; set; }
    public string Name { get; set; }
}");
        }          
        builder.Append("\n}");
        CompilerResults results = new CSharpCodeProvider().CompileAssemblyFromSource(new CompilerParameters
        {
            GenerateInMemory = true,
            GenerateExecutable = false,
        }, builder.ToString());                     
        var types = results.CompiledAssembly.GetTypes();
        System.Diagnostics.Debug.WriteLine(watch.Elapsed, " Compiled");
    }
&lt;/code&gt;&lt;/pre&gt;
&lt;p&gt;This is the code that allows me to create 4000 types with Emit&lt;/p&gt;
&lt;pre&gt;&lt;code&gt;    [TestMethod]
    public void TEST_WITH_EMIT()
    {
        System.Diagnostics.Stopwatch watch = new System.Diagnostics.Stopwatch();
        watch.Start();            
        ModuleBuilder moduleBuilder = AppDomain
         .CurrentDomain
         .DefineDynamicAssembly(new AssemblyName("MyDynamicAssembly"), AssemblyBuilderAccess.Run)
         .DefineDynamicModule("MyModule");
        List&amp;lt;Type&amp;gt; types = new List&amp;lt;Type&amp;gt;();
        for (int i=0; i &amp;lt; limit; i++)
        {
            TypeBuilder typeBuilder = moduleBuilder.DefineType("MyType" + i, TypeAttributes.Public);
            typeBuilder.DefineDefaultConstructor(MethodAttributes.Public);               
            CreateAutoImplementedProperty(typeBuilder, "ID", typeof(int));
            CreateAutoImplementedProperty(typeBuilder, "Name", typeof(string));
            types.Add(typeBuilder.CreateType());
        }
        System.Diagnostics.Debug.WriteLine(watch.Elapsed, " Emitted");       
    }      
&lt;/code&gt;&lt;/pre&gt;
&lt;p&gt;Source code for CreateAutoImplementedProperty :&lt;/p&gt;
&lt;pre&gt;&lt;code&gt;    public static void CreateAutoImplementedProperty(TypeBuilder builder, string propertyName, Type propertyType)
    {
        const string PrivateFieldPrefix = "m_";
        const string GetterPrefix = "get_";
        const string SetterPrefix = "set_";
        FieldBuilder fieldBuilder = builder.DefineField(
            string.Concat(PrivateFieldPrefix, propertyName),
                          propertyType, FieldAttributes.Private);
        PropertyBuilder propertyBuilder = builder.DefineProperty(
            propertyName, PropertyAttributes.HasDefault, propertyType, null);
        MethodAttributes propertyMethodAttributes =
            MethodAttributes.Public | MethodAttributes.SpecialName |
            MethodAttributes.HideBySig;
        MethodBuilder getterMethod = builder.DefineMethod(
            string.Concat(GetterPrefix, propertyName),
            propertyMethodAttributes, propertyType, Type.EmptyTypes);
        ILGenerator getterILCode = getterMethod.GetILGenerator();
        getterILCode.Emit(OpCodes.Ldarg_0);
        getterILCode.Emit(OpCodes.Ldfld, fieldBuilder);
        getterILCode.Emit(OpCodes.Ret);
        MethodBuilder setterMethod = builder.DefineMethod(
            string.Concat(SetterPrefix, propertyName),
            propertyMethodAttributes, null, new Type[] { propertyType });
        ILGenerator setterILCode = setterMethod.GetILGenerator();
        setterILCode.Emit(OpCodes.Ldarg_0);
        setterILCode.Emit(OpCodes.Ldarg_1);
        setterILCode.Emit(OpCodes.Stfld, fieldBuilder);
        setterILCode.Emit(OpCodes.Ret);
        propertyBuilder.SetGetMethod(getterMethod);
        propertyBuilder.SetSetMethod(setterMethod);
    }
&lt;/code&gt;&lt;/pre&gt;
&lt;p&gt;Here are the results :&lt;/p&gt;
&lt;ul&gt;
&lt;li&gt;Compiled: 00:00:00.8716579&lt;/li&gt;
&lt;li&gt;Emitted: 00:00:09.6288015&lt;/li&gt;
&lt;/ul&gt;
&lt;p&gt;How could one explain the performance gap? &lt;/p&gt;</t>
  </si>
  <si>
    <t>2018-02-12 15:26:38.520000+00:00</t>
  </si>
  <si>
    <t>2018-02-12 15:48:44.063000+00:00</t>
  </si>
  <si>
    <t>c#|dynamic-compilation</t>
  </si>
  <si>
    <t>Javascript es6 combine 2 static classes into an object</t>
  </si>
  <si>
    <t>&lt;p&gt;I am having this code:&lt;/p&gt;
&lt;pre&gt;&lt;code&gt;class A {
   static b() {
   }
}
class B {
  static c() {
  }
}
&lt;/code&gt;&lt;/pre&gt;
&lt;p&gt;I am trying to combine these 2 static classes into one:&lt;/p&gt;
&lt;pre&gt;&lt;code&gt;const combined = { ...A, ...B };
&lt;/code&gt;&lt;/pre&gt;
&lt;p&gt;However, the combined object results in an empty one while I am expecting an object containing all the static methods combined.&lt;/p&gt;
&lt;p&gt;What am I doing wrong ?&lt;/p&gt;</t>
  </si>
  <si>
    <t>2018-01-20 22:17:18.030000+00:00</t>
  </si>
  <si>
    <t>2018-01-21 12:47:42.687000+00:00</t>
  </si>
  <si>
    <t>2018-01-20 22:20:59.973000+00:00</t>
  </si>
  <si>
    <t>hive query to find number of days in current month</t>
  </si>
  <si>
    <t>&lt;p&gt;Could you please help me to write a hive query to find total number of days,number of week days and number of week ends in the current month.&lt;/p&gt;
&lt;p&gt;Thanks in advance.&lt;/p&gt;</t>
  </si>
  <si>
    <t>2016-08-05 11:13:30.893000+00:00</t>
  </si>
  <si>
    <t>2016-08-05 18:57:04.190000+00:00</t>
  </si>
  <si>
    <t>Bake Flash swf using dynamic parameters on server-side?</t>
  </si>
  <si>
    <t>&lt;p&gt;For examples sake, lets say I have a Flash SWF on my web server. The SWF is quite simple, it just displays a text string in some font in the middle of the stage. The SWF takes certain parameters, one of which determines what text string is displayed. So if the parameter's value is "hello world!" the SWF would display the text "hello world!" in the middle of the stage.&lt;/p&gt;
&lt;p&gt;Is it possible using either Actionscript or some type of server-side code to generate a copy of this SWF except it would have the parameter text &lt;em&gt;baked&lt;/em&gt; into it?&lt;/p&gt;
&lt;p&gt;It sounds kind of confusing so let me give an example:&lt;/p&gt;
&lt;ol&gt;
&lt;li&gt;You specify the parameter value of "hello stack overflow!"&lt;/li&gt;
&lt;li&gt;Some server-side or actionscript process takes place&lt;/li&gt;
&lt;li&gt;A SWF is created that has the "hello stack overflow!" text &lt;em&gt;baked&lt;/em&gt; into it without the need for the parameter.&lt;/li&gt;
&lt;/ol&gt;
&lt;p&gt;So I could take this newly created SWF and display it on a webpage and it would say "hello stack overflow!", but I would no longer have to feed it the parameter of "hello stack overflow!".&lt;/p&gt;
&lt;p&gt;Basically what I'm looking for, is to create a SWF with static content from an SWF that was feed dynamic content. Is this possible?&lt;/p&gt;
&lt;p&gt;&lt;strong&gt;edit&lt;/strong&gt;&lt;/p&gt;
&lt;p&gt;Thanks for the replies guys.  I'll try those out.&lt;/p&gt;</t>
  </si>
  <si>
    <t>2009-09-27 07:17:30.417000+00:00</t>
  </si>
  <si>
    <t>2013-07-19 15:17:43.650000+00:00</t>
  </si>
  <si>
    <t>2009-09-27 18:54:29.393000+00:00</t>
  </si>
  <si>
    <t>flash|actionscript-3|dynamic|parameters|adobe</t>
  </si>
  <si>
    <t>git changing repository renaming</t>
  </si>
  <si>
    <t>&lt;p&gt;I am trying to rename the git repository, but I have trouble.&lt;/p&gt;
&lt;p&gt;After, I changed the name, I reset the remote --&lt;/p&gt;
&lt;pre&gt;&lt;code&gt;git remote set-url origin git@bitbucket.org:xxx/new_repo_name.git
&lt;/code&gt;&lt;/pre&gt;
&lt;p&gt;But after that, I am getting error : &lt;/p&gt;
&lt;pre&gt;&lt;code&gt;fatal: Could not chdir to '../../../original_repo_name': No such file or directory
&lt;/code&gt;&lt;/pre&gt;
&lt;p&gt;What is the right way to do this? Thanks&lt;/p&gt;</t>
  </si>
  <si>
    <t>2017-12-04 08:41:34.267000+00:00</t>
  </si>
  <si>
    <t>Detecting presence of music in ambient sound</t>
  </si>
  <si>
    <t>&lt;p&gt;I hoping to create an application that would listen to ambient sound and detect if music is being played. It is &lt;em&gt;not&lt;/em&gt; important to identify the music being played; just detecting that some music is being played is enough.&lt;/p&gt;
&lt;p&gt;I looked around for existing solutions but couldn't find any. Does anyone know algorithms that I can use to solve this problem? If source code is available, all the better.
I found are a couple of academic papers and implemented solutions suggested in them. But the results I obtained were not satisfactory.&lt;/p&gt;
&lt;p&gt;PS: 
i) It would be a bonus if the algorithm is not computationally intensive; if algorithm is completely in time-domain that would be wonderful. ii) It is okay if the solution is not very accurate; occasional false-positives are okay.&lt;/p&gt;</t>
  </si>
  <si>
    <t>2013-11-22 07:16:45.430000+00:00</t>
  </si>
  <si>
    <t>2013-11-26 20:40:58.367000+00:00</t>
  </si>
  <si>
    <t>2013-11-22 07:24:45.953000+00:00</t>
  </si>
  <si>
    <t>algorithm|audio|open-source|signal-processing|noise</t>
  </si>
  <si>
    <t>Change package name after publishing</t>
  </si>
  <si>
    <t>&lt;p&gt;Some times ago I published an application on the Google Store, with a random package name because I didn't know what it was for at the time (I was a newbie to Android)
Now my app works, is installed on a number of devices, and I want to change this package name, since it seems it's used for ranking in search and such.&lt;/p&gt;
&lt;p&gt;Is it possible to change the public package name of an application without creating a new application on the store?&lt;/p&gt;</t>
  </si>
  <si>
    <t>2015-11-30 10:09:24.287000+00:00</t>
  </si>
  <si>
    <t>2015-11-30 10:25:04.490000+00:00</t>
  </si>
  <si>
    <t>android|google-play|package</t>
  </si>
  <si>
    <t>Check if the generic type is a function type in Swift</t>
  </si>
  <si>
    <t>&lt;p&gt;I have defined a generic class as follows&lt;/p&gt;
&lt;pre&gt;&lt;code&gt;class A&amp;lt;T:Any&amp;gt;{
   var value:T? 
}
&lt;/code&gt;&lt;/pre&gt;
&lt;p&gt;I would like to know how I could limit T to be of a function type and can write code like value() in Class A.&lt;/p&gt;
&lt;pre&gt;&lt;code&gt;let a = A&amp;lt;()-&amp;gt;()&amp;gt;()
&lt;/code&gt;&lt;/pre&gt;</t>
  </si>
  <si>
    <t>2016-10-11 07:48:08.347000+00:00</t>
  </si>
  <si>
    <t>2016-10-11 11:46:55.430000+00:00</t>
  </si>
  <si>
    <t>2016-10-11 08:22:18.267000+00:00</t>
  </si>
  <si>
    <t>swift|function|generics|types</t>
  </si>
  <si>
    <t>Can I create a custom class that can be initialized with curly bracers?</t>
  </si>
  <si>
    <t>&lt;p&gt;I want to build my own class in C# that is initialized by multiple parameters with curly bracers, like &lt;code&gt;string[]&lt;/code&gt;&lt;/p&gt;
&lt;pre&gt;&lt;code&gt;string[] x = new string[] {
"string1",
"string2",
"string3"
}
&lt;/code&gt;&lt;/pre&gt;
&lt;p&gt;Is it possible?&lt;/p&gt;
&lt;p&gt;&lt;strong&gt;Edit&lt;/strong&gt; I am sorry for not making myself clear. I wanted a class that can be initialized in an elegant way, with variable amount of parameters.&lt;/p&gt;</t>
  </si>
  <si>
    <t>2012-02-01 20:28:24.177000+00:00</t>
  </si>
  <si>
    <t>2012-02-01 20:42:01.943000+00:00</t>
  </si>
  <si>
    <t>2012-02-01 20:37:31.537000+00:00</t>
  </si>
  <si>
    <t>Check/uncheck checkbox depend on data come from database</t>
  </si>
  <si>
    <t>&lt;p&gt;I am trying to check or uncheck a checkbox depending on the data from mysql database. I use nusoap webservice/webclient to read data and data value can be 1 or 0.&lt;/p&gt;
&lt;p&gt;My code is:&lt;/p&gt;
&lt;pre&gt;&lt;code&gt;&amp;lt;input name="check1" type="checkbox" id="check1" class="sag"&amp;gt;
&amp;lt;script&amp;gt;
    function control() {
        $.ajax({
            type: "POST",
            url: "check.php",
            data: {
                checkdata: 1
            },
            success: function(asd) {
                if (asd == '1') {
                    document.getElementById('check1').setAttribute("checked", true);
                    alert('data is 1');
                } else {
                    document.getElementById('check1').removeAttribute("checked");
                    alert('data is 0');
                }
            }
        });
    }
&amp;lt;/script&amp;gt;
&amp;lt;body onload="control()"&amp;gt;
&lt;/code&gt;&lt;/pre&gt;
&lt;p&gt;With this code i can get data from database correctly and alert() works fine. But these codes don't add checked attribute to checkbox. How can i change check status of checkbox according to the data come from database on load of the page?&lt;/p&gt;</t>
  </si>
  <si>
    <t>2015-05-26 21:05:50.480000+00:00</t>
  </si>
  <si>
    <t>2015-05-26 21:50:01.933000+00:00</t>
  </si>
  <si>
    <t>javascript|jquery|html5|checkbox|setattribute</t>
  </si>
  <si>
    <t>Making form fields nonempty and calculating averages from form data involving some empty fields using php</t>
  </si>
  <si>
    <t>&lt;p&gt;I've been trying to:(i) make my form fields nonempty using php scripts and
(ii) calculate average of numerical form data inserted into an array and an element of the array could be empty. For instance, suppose the form is used to harvest students' scores, some student might not offer an optional subject. How to adapt the count() array function in this instance is my headache. I admit that some folks have posed  questions that partially addressed it but some issues remain unsolved,  hence this post.
In summary:(i) the code below executes even when some form fields are empty, against my wish.(ii) If I grant some form fields to be empty; the result of the average calculation is incorrect; also against my wish
Code:&lt;/p&gt;
&lt;pre&gt;&lt;code&gt;&amp;lt;?php
$name = $_POST['candidate'];
$Eng_CA = $_POST['Eng_CA'];
$Eng_Ex = $_POST['Eng_Ex'];
$Math_CA = $_POST['Math_CA'];
$Math_Ex = $_POST['Math_Ex'];
$Comp_CA = $_POST['Comp_CA'];
$Comp_Ex = $_POST['Comp_Ex'];
$engSum = $Eng_CA + $Eng_Ex;
$mathSum = $Math_CA + $Math_Ex;
$compSum = $Comp_CA + $Comp_Ex;
$tot = array();
$tot[] = $engSum;
 $tot[]=  $mathSum;
$tot[] = $compSum;
 $total = array_sum($tot);
 $Average = $total/count($tot); // Average is incorrcet if some fields are empty
$notEmpty = array();
$notEmpty = array('$name', '$Eng_CA', '$Eng_Ex', '$Math_CA', '$Math_Ex', '$Comp_CA', '$Comp_Ex');
foreach ($notEmpty as $notEmp){ // this is not working; code executes anyway
&lt;/code&gt;&lt;/pre&gt;
&lt;p&gt;HTML&lt;/p&gt;
&lt;pre&gt;&lt;code&gt;&amp;lt;form action ='test_Code.php' method ='post'&amp;gt;
&amp;lt;table width ='600'&amp;gt;
&amp;lt;tr&amp;gt;&amp;lt;td&amp;gt; Cand Name&amp;lt;/td&amp;gt;&amp;lt;td colspan ='2'&amp;gt;&amp;lt;input type ='text' name = 'candidate' size = '60'&amp;gt;&amp;lt;/td&amp;gt;&amp;lt;/tr&amp;gt;
&amp;lt;th&amp;gt;Subject&amp;lt;/th&amp;gt;&amp;lt;th&amp;gt;CA&amp;lt;/th&amp;gt;&amp;lt;th&amp;gt;Exam&amp;lt;/th&amp;gt;
&amp;lt;tr&amp;gt;&amp;lt;td&amp;gt;Eng&amp;lt;/td&amp;gt;&amp;lt;td&amp;gt;&amp;lt;input type ='text' name = 'Eng_CA'/&amp;gt;&amp;lt;/td&amp;gt;&amp;lt;td&amp;gt;&amp;lt;input type ='text' name = 'Eng_Ex'/&amp;gt;&amp;lt;/td&amp;gt;&amp;lt;/tr&amp;gt;
&amp;lt;tr&amp;gt;&amp;lt;td&amp;gt;Math&amp;lt;/td&amp;gt;&amp;lt;td&amp;gt;&amp;lt;input type ='text' name = 'Math_CA'/&amp;gt;&amp;lt;/td&amp;gt;&amp;lt;td&amp;gt;&amp;lt;input type ='text' name = 'Math_Ex'/&amp;gt;&amp;lt;/td&amp;gt;&amp;lt;/tr&amp;gt;
&amp;lt;tr&amp;gt;&amp;lt;td&amp;gt;Computer&amp;lt;/td&amp;gt;&amp;lt;td&amp;gt;&amp;lt;input type ='text' name = 'Comp_CA'/&amp;gt;&amp;lt;/td&amp;gt;&amp;lt;td&amp;gt;&amp;lt;input type ='text' name = 'Comp_Ex'/&amp;gt;&amp;lt;/td&amp;gt;&amp;lt;/tr&amp;gt;
&lt;/code&gt;&lt;/pre&gt;
&lt;p&gt;&lt;/p&gt;
&lt;p&gt;&lt;/p&gt;
&lt;pre&gt;&lt;code&gt;if(empty($notEmp)){
    echo"You have left some fields empty, fill them pls";
die();
&lt;/code&gt;&lt;/pre&gt;
&lt;p&gt;}&lt;/p&gt;
&lt;pre&gt;&lt;code&gt;}
echo"&amp;lt;table border ='1'&amp;gt;";
echo"&amp;lt;th&amp;gt;Candidate&amp;lt;/th&amp;gt;&amp;lt;th&amp;gt;Eng Ca&amp;lt;/th&amp;gt;&amp;lt;th&amp;gt;Eng Ex&amp;lt;/th&amp;gt;&amp;lt;th&amp;gt;Math Ca&amp;lt;/th&amp;gt; &amp;lt;th&amp;gt;Math Ex&amp;lt;/th&amp;gt; &amp;lt;th&amp;gt;Comp Ca&amp;lt;/th&amp;gt;&amp;lt;th&amp;gt;Comp ex&amp;lt;/th&amp;gt;&amp;lt;th&amp;gt;Total&amp;lt;/th&amp;gt;&amp;lt;th&amp;gt;Average&amp;lt;/th&amp;gt;";
echo"&amp;lt;tr&amp;gt;&amp;lt;td&amp;gt;";
echo $name ."&amp;lt;/td&amp;gt;&amp;lt;td&amp;gt;".$Eng_CA."&amp;lt;/td&amp;gt;&amp;lt;td&amp;gt;".$Eng_Ex."&amp;lt;/td&amp;gt;&amp;lt;td&amp;gt;".$Math_CA."&amp;lt;/td&amp;gt;&amp;lt;td&amp;gt;".$Math_Ex."&amp;lt;/td&amp;gt;&amp;lt;td&amp;gt;".$Comp_CA."&amp;lt;/td&amp;gt;&amp;lt;td&amp;gt;". $Comp_Ex."&amp;lt;/td&amp;gt;&amp;lt;td&amp;gt;".$total."&amp;lt;/td&amp;gt;&amp;lt;td&amp;gt;".$Average."&amp;lt;/td&amp;gt;&amp;lt;/tr&amp;gt;&amp;lt;/table&amp;gt;";
?&amp;gt;
&lt;/code&gt;&lt;/pre&gt;</t>
  </si>
  <si>
    <t>2015-02-05 18:51:27.470000+00:00</t>
  </si>
  <si>
    <t>2015-02-06 02:10:54.857000+00:00</t>
  </si>
  <si>
    <t>php|arrays|foreach|count</t>
  </si>
  <si>
    <t>How do I add a click event to a directed graph using dagre d3.js(javascript library)?</t>
  </si>
  <si>
    <t>&lt;p&gt;I have been able to draw a directed graph using dagre. However, now I would like to delete a node/edge &lt;strong&gt;on clicking it&lt;/strong&gt;. I can use g.delEdge and g.delNode for deleting but how do I get to know that someone has clicked on the node? Please see my javascript dagre code below and advise me what I need to add to it.(I am reading the required nodes and edges from a json file, parsing the data and plotting them)&lt;/p&gt;
&lt;pre&gt;&lt;code&gt;function MyFunc()
{
var buffer = JSON.parse(data);
var nodesarray = new Array();
for(var i=0;i&amp;lt;Object.keys(buffer[0].nodes).length;i++)
{
 nodesarray.push(buffer[0].nodes[i].name);
}
// Create the input graph
var g = new dagreD3.Digraph();
for(i=0;i&amp;lt;nodesarray.length;i++)
{
 //To give styles to nodes
 //g.addNode(0,  { label: 'Female', labelStyle: 'font-weight: bold;', style: 'stroke: #f66; stroke-width: 10px;', nodeclass: 'type-TOP' });
 g.addNode(nodesarray[i],{label:nodesarray[i]});
}
for(var i=0;i&amp;lt;Object.keys(buffer[0].edges).length;i++)
{ 
 var source = buffer[0].edges[i].source; 
 var destination = buffer[0].edges[i].destination;
 var weight = buffer[0].edges[i].weight;
 var strokewidth = weight*10;
 var mystyle='stroke:#f66; stroke-width:';
 mystyle = mystyle + strokewidth + 'px';
 //To give styles to edges 
 //g.addEdge(null, 5, 7, { style: 'stroke: #f66; stroke-width: 3px;',label: "Label for the edge" });
 g.addEdge(i,source,destination,{style:  mystyle,label:weight});
}
/* Deleting a node/edge example */
//g.delNode(nodesarray[0]);
//g.delNode(nodesarray[1]);
//g.delEdge(0);
// Create the renderer
var renderer = new dagreD3.Renderer();
var l = dagreD3.layout()
              .nodeSep(100)
              .rankSep(200)
              .edgeSep(80)
              .rankDir("LR");
renderer.layout(l);
// Override drawNodes to add nodeclass as a class to each node in the output
// graph.
var oldDrawNodes = renderer.drawNodes();
renderer.drawNodes(function(graph, root) {
  var svgNodes = oldDrawNodes(graph, root);
  svgNodes.each(function(u) { d3.select(this).classed(graph.node(u).nodeclass, true); });
  return svgNodes;
});
// Disable pan and zoom
renderer.zoom(false);
//renderer.edgeInterpolate('linear');
// Set up an SVG group so that we can translate the final graph.
var svg = d3.select('svg'),
    svgGroup = svg.append('g');
// Run the renderer. This is what draws the final graph.
var layout = renderer.run(g, d3.select('svg g'));
// Center the graph
var xCenterOffset = (svg.attr('width') - layout.graph().width) / 2;
svgGroup.attr('transform', 'translate(' + xCenterOffset + ', 80)');
svg.attr('height', layout.graph().height + 200);
}
&lt;/code&gt;&lt;/pre&gt;</t>
  </si>
  <si>
    <t>2014-09-30 08:01:46.943000+00:00</t>
  </si>
  <si>
    <t>2016-08-11 11:31:31.707000+00:00</t>
  </si>
  <si>
    <t>2015-01-09 13:34:21.987000+00:00</t>
  </si>
  <si>
    <t>javascript|d3.js|graph|onclicklistener|dagre-d3</t>
  </si>
  <si>
    <t>How does Matlab's simulannealbnd enforce bound constraints?</t>
  </si>
  <si>
    <t>&lt;p&gt;I'm using the &lt;a href="http://ch.mathworks.com/help/gads/simulannealbnd.html" rel="nofollow"&gt;simulannealbnd&lt;/a&gt; Function of Matlab for finding the minimum of a function using simulated annealing. As arguments one can pass lower and upper bounds of the variables. In the documentation it is described how simulated annealing works but there is nothing about how the bound constraints are enforced.&lt;/p&gt;
&lt;p&gt;Does somebody know (or can imagine) how this is done in this case?&lt;/p&gt;</t>
  </si>
  <si>
    <t>2016-06-01 21:21:21.577000+00:00</t>
  </si>
  <si>
    <t>matlab|simulated-annealing</t>
  </si>
  <si>
    <t>jQuery moving a control while move the mouse on another element</t>
  </si>
  <si>
    <t>&lt;p&gt;I have a div containing a time range. I also have a scroll for the div when moving the mouse. What I am trying to move the time control along with the scroll, while the mouse is moving on the time range.The issue is time control does not move according to mouse move.&lt;/p&gt;
&lt;p&gt;Here is what I did:&lt;/p&gt;
&lt;p&gt;&lt;div class="snippet" data-lang="js" data-hide="false" data-console="true" data-babel="false"&gt;_x000D_
&lt;div class="snippet-code"&gt;_x000D_
&lt;pre class="snippet-code-js lang-js prettyprint-override"&gt;&lt;code&gt;$('#timeTable').on('mousemove', function(e) {_x000D_
  var xPrev = 600;_x000D_
  var inc = 0;_x000D_
  var position = $('#nowTime').offset().left;_x000D_
  var leftOffset = $(this).offset().left;_x000D_
  if (xPrev &amp;lt; e.pageX) {_x000D_
    inc = -255;_x000D_
  }_x000D_
  $('#timeTableInner').css('left', -e.clientX + leftOffset + inc);_x000D_
});&lt;/code&gt;&lt;/pre&gt;_x000D_
&lt;pre class="snippet-code-html lang-html prettyprint-override"&gt;&lt;code&gt;&amp;lt;script src="https://ajax.googleapis.com/ajax/libs/jquery/2.1.1/jquery.min.js"&amp;gt;&amp;lt;/script&amp;gt;_x000D_
_x000D_
&amp;lt;time id="nowTime"&amp;gt;10:00&amp;lt;/time&amp;gt;_x000D_
&amp;lt;div id="timeTable"&amp;gt;_x000D_
  &amp;lt;div id="timeTableInner"&amp;gt;_x000D_
 &amp;lt;ul id="timeText"&amp;gt;_x000D_
     &amp;lt;li class="t0000"&amp;gt;&amp;lt;span class="hourText"&amp;gt;0:00&amp;lt;/span&amp;gt;&amp;lt;/li&amp;gt;_x000D_
     &amp;lt;li class="t0015"&amp;gt;&amp;amp;nbsp;&amp;lt;/li&amp;gt;_x000D_
     &amp;lt;li class="t0030"&amp;gt;&amp;amp;nbsp;&amp;lt;/li&amp;gt;_x000D_
         ------------_x000D_
      &amp;lt;li class="t2400"&amp;gt;&amp;lt;span class="hourText"&amp;gt;24:00&amp;lt;/span&amp;gt;&amp;lt;/li&amp;gt;_x000D_
  &amp;lt;/ul&amp;gt;_x000D_
  &amp;lt;/div&amp;gt;_x000D_
&amp;lt;/div&amp;gt;&lt;/code&gt;&lt;/pre&gt;_x000D_
&lt;/div&gt;_x000D_
&lt;/div&gt;_x000D_
&lt;/p&gt;</t>
  </si>
  <si>
    <t>2017-09-18 04:16:45.777000+00:00</t>
  </si>
  <si>
    <t>2017-09-18 06:49:10.983000+00:00</t>
  </si>
  <si>
    <t>2017-09-18 04:57:45.193000+00:00</t>
  </si>
  <si>
    <t>Can't use JNI to call a dll method</t>
  </si>
  <si>
    <t>&lt;p&gt;I try to write a wrapper for the CDRip library. But I'm very new in JNI. I have a problem to get a native method to work:&lt;/p&gt;
&lt;pre&gt;&lt;code&gt;public class CDRipJNI {
  static {
    System.loadLibrary("CDRip");
  }
  // Get the DLL version number
  static native int CR_GetCDRipVersion();
}
&lt;/code&gt;&lt;/pre&gt;
&lt;p&gt;In another class I call this method:&lt;/p&gt;
&lt;pre&gt;&lt;code&gt;int version = CDRipJNI.CR_GetCDRipVersion();
&lt;/code&gt;&lt;/pre&gt;
&lt;p&gt;The dll is loaded successfully but the method call fails:&lt;/p&gt;
&lt;pre&gt;&lt;code&gt;Exception in thread "main" java.lang.UnsatisfiedLinkError: com.test.CDRipJNI.CR_GetCDRipVersion()J
    at com.test.CDRipJNI.CR_GetCDRipVersion(Native Method)
    at Test.main(Test.java:5)
&lt;/code&gt;&lt;/pre&gt;</t>
  </si>
  <si>
    <t>2017-11-01 06:04:23.677000+00:00</t>
  </si>
  <si>
    <t>2017-11-01 07:16:57.617000+00:00</t>
  </si>
  <si>
    <t>java|dll|jni</t>
  </si>
  <si>
    <t>Angular E2E scenario selector does not detect if hyperlink is visible</t>
  </si>
  <si>
    <t>&lt;p&gt;I have the following e2e test: &lt;/p&gt;
&lt;pre&gt;&lt;code&gt;expect(element('a[name="prevStepButton"]:visible').count()).toEqual(1);
&lt;/code&gt;&lt;/pre&gt;
&lt;p&gt;On the following template:&lt;/p&gt;
&lt;pre&gt;&lt;code&gt;&amp;lt;a class="btn btn-primary" name="prevStepButton" ng-show="wizardstep &amp;gt; 1" 
 ng-click="prevStep()"&amp;gt;Previous&amp;lt;/a&amp;gt;
&lt;/code&gt;&lt;/pre&gt;
&lt;p&gt;Where &lt;code&gt;$scope.wizardstep = 2&lt;/code&gt;&lt;/p&gt;
&lt;p&gt;Unfortunately the expectation is always 0.&lt;/p&gt;
&lt;p&gt;Anyone any idea what is wrong with this code/test?&lt;/p&gt;</t>
  </si>
  <si>
    <t>2013-07-08 12:38:26.477000+00:00</t>
  </si>
  <si>
    <t>2013-07-12 00:16:36.593000+00:00</t>
  </si>
  <si>
    <t>angularjs|angular-scenario</t>
  </si>
  <si>
    <t>Open zipped html/javascript/css in browser</t>
  </si>
  <si>
    <t>&lt;p&gt;I have a webservice which provides some zipped html files (index + directory with all required resources). &lt;/p&gt;
&lt;p&gt;On client side, I would like to extract this zipped file, then open the say index.html file directly in the browser.&lt;/p&gt;
&lt;p&gt;I managed to unzip all files but I don't know how I am suppose to save them somewhere so relative links within the files work. I don't even know if it is possible to save these files in a /tmp directory.&lt;/p&gt;</t>
  </si>
  <si>
    <t>2018-03-06 01:33:06.180000+00:00</t>
  </si>
  <si>
    <t>javascript|reactjs|typescript|npm</t>
  </si>
  <si>
    <t>How do I set default terminal to terminator?</t>
  </si>
  <si>
    <t>&lt;p&gt;Using Xubuntu.&lt;/p&gt;
&lt;p&gt;I'd like to have terminator replace the default terminal.  For instance, when right-clicking inside a folder then selecting open terminal, I'd like Terminator to open instead of the default.&lt;/p&gt;
&lt;p&gt;How can I achieve this ?&lt;/p&gt;</t>
  </si>
  <si>
    <t>2013-05-29 07:47:32.040000+00:00</t>
  </si>
  <si>
    <t>2016-02-21 03:34:06.013000+00:00</t>
  </si>
  <si>
    <t>ubuntu|terminal|xubuntu</t>
  </si>
  <si>
    <t>How to show all threads on a specific CPU on Solaris?</t>
  </si>
  <si>
    <t>&lt;p&gt;Some process (or threads) is hammering CPU0 as you can see in &lt;strong&gt;mpstat 30 2&lt;/strong&gt;&lt;/p&gt;
&lt;pre&gt;&lt;code&gt;CPU minf mjf xcal  intr ithr  csw icsw migr smtx  srw syscl  usr sys  wt idl
  0    0   0    0    13    0    2    7    0  151    0  4250   99   1   0   0
  1  114   0    2   197   84 5220    5   10  109    0 10518   30   2   0  67
  2   79   0    1   184   83 5208    5    5   89    0  9788   30   2   0  68
  3   67   0    1   181   84 5150    5    4   87    0  9510   30   2   0  69
  4   53   0    3   171   72 12238    4    7  183    0 22214    3   3   0  94
  5   43   0    3   135    7  218    2    6   16    0   162    0   1   0  99
  6  110   0    2   172   79 4918    5    3  164    0  9553   34   2   0  64
  7  120   0    1   180   80 4873    4    4  194    0  9494   32   2   0  66
  8   53   0    1    23    2 28665    5    7  494    0 62023   12   9   0  79
  9   43   0    0    34    2 21469    6    8  676    0 58090   10  13   0  77
 10   59   0    1   210    2 33462    4    4  227    0 63500    7  16   0  78
 11   93   0    2 16940 16627 1261    2    6 1027    0  2043    0  10   0  90
 12   17   0    1    65    3   59    0    3    3    0    19    0   0   0 100
 13    6   0    1    89    4  104    0    3    2    0     9    0   0   0 100
 14    4   0   10    65    5   54    0    3    1    0    12    0   0   0 100
 15    4   0    1    66    6   56    0    3    2    0    21    0   0   0 100
 16    2   0    0    91   16   78    0    3    2    0    30    0   0   0 100
 17   17   0    1    80   15   70    0    4    2    0    79    0   0   0 100
 18   76   0    3 14946 14928   25    0    4   24    0   102    0   4   0  96
 19   57   0    0    20    2   17    0    3   15    0   107    0   0   0 100
 20   18   0    0    26    0   25    0    3   10    0    21    0   0   0 100
 21    0   0    0   106   70   46    0    3    4    0    40    0   1   0  99
 22   13   0    0    31    3   28    0    3    4    0    49    0   0   0 100
 23    0   0    0    35    5   24    0    3    5    0    54    0   0   0 100
&lt;/code&gt;&lt;/pre&gt;
&lt;p&gt;but with &lt;strong&gt;prstat -P0&lt;/strong&gt; only see the ndbmtd running wit around 15% on CPU0&lt;/p&gt;
&lt;pre&gt;&lt;code&gt;   PID USERNAME  SIZE   RSS STATE  PRI NICE      TIME  CPU PROCESS/NLWP       
 20028 root       77G   75G cpu0    40    0 8369:33:0  15% ndbmtd/44
   660 root     6200K 3700K sleep   59    0   0:00:53 0.0% inetd/4
   159 daemon   4540K 2408K sleep   59    0   0:00:09 0.0% kcfd/3
    11 root       11M   10M sleep   59    0   0:00:58 0.0% svc.configd/15
&lt;/code&gt;&lt;/pre&gt;
&lt;p&gt;Is there a way to show all processes and treads on CPU0?&lt;/p&gt;</t>
  </si>
  <si>
    <t>2015-08-24 12:58:46.560000+00:00</t>
  </si>
  <si>
    <t>2015-08-24 14:12:23.007000+00:00</t>
  </si>
  <si>
    <t>2015-08-24 13:01:12.610000+00:00</t>
  </si>
  <si>
    <t>unix|solaris|cpu-usage</t>
  </si>
  <si>
    <t>Swift Problems - NSUserDefault and Settings Bundle not responding</t>
  </si>
  <si>
    <t>&lt;p&gt;So I had set up a settings bundle to just do one thing. Allow the Users to choose between the The TouchUI and GestureUI in my app and for some odd reason, I am unable to get the Settings Bundle to control it. It stays with one and doesn't switch even when I have the If else Statement. originally I had &lt;code&gt;var touchCheck = userDefaults.boolForKey("myGestureEnabledDisabled")&lt;/code&gt; but it didn't change boolean at all when i keep  closing app(Multitask &gt; SwipeUp app) and re running the app via springboard. The Settings App could have the bundle at &lt;code&gt;NO&lt;/code&gt; but log says gestures are on. After watching a Tutorial, i changed &lt;code&gt;boolForKey&lt;/code&gt; to &lt;code&gt;valueForKey&lt;/code&gt; which causes the build to fail and there is no error in the code the way i have it below.&lt;/p&gt;
&lt;pre&gt;&lt;code&gt;    override func viewDidLoad() {
    var userDefaults = NSUserDefaults.standardUserDefaults()
    userDefaults.synchronize()
    var touchCheck = Bool(userDefaults.valueForKey("myGestureEnabledDisabled"))
    if touchCheck {
        whenGuestureIsEnabled()
    } else {
        whenGestureIsDisabled()
        self.navBar.hidden = false
    }
}
func whenGuestureIsEnabled() {
    NSLog("Gesture is suppose to be on")
}
func whenGestureIsDisabled() {
    NSLog("Gesture is OFF")
}
&lt;/code&gt;&lt;/pre&gt;
&lt;p&gt;Maybe from what I was thinking, I shouldn't do this in UIViewController but I had seen this in action in a youtube tutorial and it was in OBJ-C. &lt;/p&gt;</t>
  </si>
  <si>
    <t>2014-07-12 07:46:41.530000+00:00</t>
  </si>
  <si>
    <t>2014-07-15 23:31:06.853000+00:00</t>
  </si>
  <si>
    <t>ios|if-statement|boolean|swift|nsuserdefaults</t>
  </si>
  <si>
    <t>How do I specify CSS classes for specific rows in a GridView?</t>
  </si>
  <si>
    <t>&lt;p&gt;I am creating a SharePoint web part in C# and part of it outputs a GridView control to the page. While I can get fairly extensive control over the way it is displayed by setting the CSS class of the GridView itself, what I would really like to do is be able to specify classes to certain specific td elements. I'm not sure how to go about doing this, or if it would be done at the time that the GridView is being populated with rows, or at the time the GridView is added to the page.&lt;/p&gt;
&lt;p&gt;In pseudocode, what I had essentially envisioned was to be able to say something like &lt;code&gt;gridView.Row[4].CssClass = "header"&lt;/code&gt;, which would set the td of the fifth row in the GridView to the class "header."&lt;/p&gt;
&lt;p&gt;I've looked into using the RowDataBound event, so I just used the following to test it:&lt;/p&gt;
&lt;pre&gt;&lt;code&gt;protected void outputGrid1_RowDataBound(object sender, GridViewRowEventArgs e)
{
    e.Row.CssClass = "outputHeader";
}
&lt;/code&gt;&lt;/pre&gt;
&lt;p&gt;It's probably my misunderstanding of how to use that properly, but it doesn't appear to do anything. I thought it would set all of the rows to the class "header," and if it had, I was going to work on my logic from there, but I can't even get that to work. Thanks for any help anyone can provide!&lt;/p&gt;</t>
  </si>
  <si>
    <t>2010-03-05 21:54:19.470000+00:00</t>
  </si>
  <si>
    <t>2011-06-15 01:13:08.543000+00:00</t>
  </si>
  <si>
    <t>asp.net|gridview|css</t>
  </si>
  <si>
    <t>Mounting and untar'ing a file in Java</t>
  </si>
  <si>
    <t>&lt;p&gt;I'm currently working on a web application that involves mounting a drive and extracting a tar.gz file, all in Java. Since the application runs in a linux environment, I figured I'd try using unix commands like "mount" and "tar".&lt;/p&gt;
&lt;pre&gt;&lt;code&gt;Runtime runtime = Runtime.getRuntime();
Process proc;
String mountCommand = "mount -t cifs -o username=...";
String extractCommand = "tar xzf ..."
proc = runtime.exec(mountCommand);
proc.waitFor();
proc = runtime.exec(extractCommand);
proc.waitFor();
&lt;/code&gt;&lt;/pre&gt;
&lt;p&gt;Running the mount command and extract command in the terminal works fine, but fails when FIRST run in java. The second proc.waitFor() returns exit code 2. However, running this code after the first failed attempt works fine. I have a feeling that the problem is that waitFor() isn't waiting until the mount command is fully completed. Am I missing anything important in my code?&lt;/p&gt;
&lt;p&gt;Also, I'd rather do this all in Java, but I had a really hard time figuring out how to untar a file, so I'm taking this approach. (oh if anyone can tell me how to do this i would be very happy). Any suggestions would be muuuuuuuuuuch appreciated!&lt;/p&gt;</t>
  </si>
  <si>
    <t>2009-07-08 23:12:50.693000+00:00</t>
  </si>
  <si>
    <t>2009-07-09 17:35:43.477000+00:00</t>
  </si>
  <si>
    <t>java|process|runtime|tar|mount</t>
  </si>
  <si>
    <t>angular.js:68 Uncaught Error: [$injector:unpr] Unknown provider: pendingRequestsProvider &lt;- pendingRequests &lt;- $http &lt;- $templateRequest &lt;- $compile</t>
  </si>
  <si>
    <t>&lt;p&gt;I have looked at every example I could find on the web and have not been able to resolve this one. We are using TypeScript with AngularJs. I continue to get the unknown provider error regardless of the changes we have made. Since it is an httpInterceptor I am tying it in to Application.TS and placing the call in _Layout.cshtml. Thank you for your help!&lt;/p&gt;
&lt;p&gt;This is my Application.TS file&lt;/p&gt;
&lt;pre&gt;&lt;code&gt;/// &amp;lt;reference path='../Typescript/angularjs/angular.d.ts' /&amp;gt;
/// &amp;lt;reference path='../Typescript/angular-growl-v2/angular-growl-v2.d.ts' /&amp;gt;
/// &amp;lt;reference path="Controllers/PendingRequests.ts" /&amp;gt;
module TrainingTrackerAdmin {
    import ILocationProvider = ng.ILocationProvider;
    import ICompileProvider = ng.ICompileProvider;
    import IGrowlProvider = ng.growl.IGrowlProvider;
    import IHttpProvider = ng.IHttpProvider;
    import IPendingRequests = PendingRequests.IPendingRequests;
    var myApp = angular.module('trainingTrackerAdmin', ['ngAnimate', 
'ui.bootstrap', 'ui.tree', 'angular-growl']);
myApp.controller(
  "AppController",
  function ($scope: any, $http: any, pendingRequests: IPendingRequests) {
    $scope.PendingRequests = pendingRequests; 
  }
);
myApp.config([
  '$locationProvider', '$compileProvider', 'growlProvider', '$httpProvider',
      ($location: ILocationProvider, $compile: ICompileProvider, growl: 
IGrowlProvider, $httpProvider: IHttpProvider, pendingRequests: 
IPendingRequests) =&amp;gt; {
            $location.html5Mode(true);
            $httpProvider.defaults.cache = false;
          //turn off caching for admin
            $httpProvider.defaults.headers.get = { 'Cache-Control': 'no-
cache', 'Pragma': 'no-cache' }; 
            $compile.debugInfoEnabled(true);
            growl.onlyUniqueMessages(false)
                .globalTimeToLive(5000)
              .globalDisableCountDown(true);
            function interceptHttp($q: any, pendingRequests: 
IPendingRequests) {
              function interceptRequest(config: any) {
                alert('interceptRequest');
                pendingRequests.startRequest();
                return config;
              }
              function interceptRequestError(rejection: any) {
                alert('interceptRequest');
                pendingRequests.startRequest();
                return $q.reject(rejection);
              }
              function interceptResponse(response: any) {
                alert('interceptRequest');
                pendingRequests.endRequest();
                return response;
              }
              function interceptResponseError(response: any) {
                alert('interceptRequest');
                pendingRequests.endRequest();
                return $q.reject(response);
              }
              return {
                request: interceptRequest,
                requestError: interceptRequestError,
                response: interceptResponse,
                responseError: interceptResponseError
              };
            }
            $httpProvider.interceptors.push(interceptHttp);
        }
    ]);
}
&lt;/code&gt;&lt;/pre&gt;
&lt;p&gt;and this is the class it is referencing:&lt;/p&gt;
&lt;pre&gt;&lt;code&gt;module TrainingTrackerAdmin.PendingRequests {
  export interface IPendingRequests {
    startRequest(): void;
    endRequest(): void;
    any: boolean;
    none: boolean;
  }
export class PendingRequests implements ng.IServiceProvider, IPendingRequests 
{
private requests: number;
constructor() {
  this.requests = 0;
}
public startRequest(): void {
  this.requests++;
  console.log(`pendingRequests : ${this.requests}`);
}
public endRequest(): void {
  this.requests--;
  console.log(`pendingRequests : ${this.requests}`);
}
public get any(): boolean {
  console.log(`${this.requests} !== 0 :${this.requests !== 0} `);
  return this.requests !== 0;
}
public get none(): boolean {
  console.log(`${this.requests} === 0 :${this.requests === 0} `);
  return this.requests === 0;
}
$get(): IPendingRequests {
  return this;
}
}
angular.module('trainingTrackerAdmin').provider('PendingRequests', 
PendingRequests)
.config(['PendingRequestsProvider', function (PendingRequests: 
ng.IServiceProvider) {
}]);
}
&lt;/code&gt;&lt;/pre&gt;
&lt;p&gt;The html for it is called in _Layout.cshtml like this:`&lt;/p&gt;
&lt;pre&gt;&lt;code&gt;&amp;lt;div class="loadingBackground"  ng-show="pendingRequests.any"&amp;gt;
&amp;lt;div class="loadingCell"&amp;gt;
  &amp;lt;p class="loadingImage"&amp;gt; &amp;lt;/p&amp;gt;
  &amp;lt;p&amp;gt;
    &amp;lt;strong&amp;gt;Loading&amp;lt;/strong&amp;gt;
  &amp;lt;/p&amp;gt;
&amp;lt;/div&amp;gt;
&lt;/code&gt;&lt;/pre&gt;
&lt;p&gt;&lt;/p&gt;</t>
  </si>
  <si>
    <t>2017-08-02 22:10:18.153000+00:00</t>
  </si>
  <si>
    <t>2017-08-02 22:52:48.440000+00:00</t>
  </si>
  <si>
    <t>2017-08-02 22:24:25.643000+00:00</t>
  </si>
  <si>
    <t>javascript|angularjs|typescript|angular-http-interceptors</t>
  </si>
  <si>
    <t>Javascript / HTML syntax format error</t>
  </si>
  <si>
    <t>&lt;p&gt;I have one line of code that I'm mixing JQuery / HTML but I think I have a syntax error somewhere around the &lt;code&gt;&amp;lt;a href&lt;/code&gt; Can anyone spot the issue please?&lt;/p&gt;
&lt;p&gt;Here is the code:&lt;/p&gt;
&lt;pre&gt;&lt;code&gt;$("&amp;lt;div&amp;gt;&amp;lt;a href="http://google.com&amp;gt;""+today+"&amp;lt;/a&amp;gt;&amp;lt;/div&amp;gt;")
&lt;/code&gt;&lt;/pre&gt;</t>
  </si>
  <si>
    <t>2011-05-18 18:59:13.907000+00:00</t>
  </si>
  <si>
    <t>2011-05-18 19:45:23.980000+00:00</t>
  </si>
  <si>
    <t>javascript|html|escaping</t>
  </si>
  <si>
    <t>Does anyone know where ASP themes are?</t>
  </si>
  <si>
    <t>&lt;p&gt;Does anyone know where I can go to get some ASP themes for Visual Studio? I've Googled it, but it doesn't seem that there are many out there. I was hoping someone here knew something that I don't. Thanks&lt;/p&gt;</t>
  </si>
  <si>
    <t>2011-08-05 13:21:28.480000+00:00</t>
  </si>
  <si>
    <t>2011-08-05 14:02:22.007000+00:00</t>
  </si>
  <si>
    <t>How to get my rotation animated rss feed working correctly with jQuery and php?</t>
  </si>
  <si>
    <t>&lt;p&gt;I am a graphic design student and this is my first question here. For one of my projects I am trying to make a graphic rotation display for an rss feed. Ten lines of newsfeeds make up a star that rotates clockwise. I am a beginner when it comes to jQuery, Ajax and PHP. My teacher has helped me along, but due to limited time he hasn't been able to explain everything to me in such a way that I understand everything. So I am stuck with a piece of coding that more or less does what I want it to do except rotate the way I intended. &lt;/p&gt;
&lt;p&gt;&lt;img src="https://i.stack.imgur.com/6g14M.jpg" alt="This is an image of what it looks like"&gt;&lt;/p&gt;
&lt;p&gt;It is supposed to rotate clockwise and continue rotating while it refreshes, but somehow after a couple of seconds separate lines start to rotate counterclockwise. I think it has to do with the set rotation angles, but I am clueless on how to solve it. &lt;/p&gt;
&lt;p&gt;This is my code so far: 
index.html&lt;/p&gt;
&lt;pre&gt;&lt;code&gt;&amp;lt;html&amp;gt;
    &amp;lt;head&amp;gt;
        &amp;lt;title&amp;gt;News&amp;lt;/title&amp;gt;
        &amp;lt;link rel='stylesheet' type='text/css' href='stylesheet.css' /&amp;gt;
        &amp;lt;script src="zepto.js"&amp;gt;&amp;lt;/script&amp;gt;
        &amp;lt;script src="zepto.fx.js"&amp;gt;&amp;lt;/script&amp;gt;
        &amp;lt;script type='text/javascript' src='script.js'&amp;gt;&amp;lt;/script&amp;gt;
    &amp;lt;/head&amp;gt;
    &amp;lt;body&amp;gt;
        test
    &amp;lt;/body&amp;gt;
&amp;lt;/html&amp;gt;
&lt;/code&gt;&lt;/pre&gt;
&lt;p&gt;stylesheet.css&lt;/p&gt;
&lt;pre&gt;&lt;code&gt;body {
    background-color: #000;
}
div {
    font-family: Arial;
    color: #FFFFFF;
    font-size: 10pt;
}
.line {
    transform-origin: 50% 50%;
    text-align: center;
    width: 1200px;
    margin-left: auto;
    margin-right: auto;
    position: absolute;
    top: 0px;
    left: 0px;
}
.block {
    text-align: center;
    width: 1200px;
    margin-left: auto;
    margin-right: auto;
    position: relative;
    height: 500px;
}
&lt;/code&gt;&lt;/pre&gt;
&lt;p&gt;This is then the JQuery/Zepto section: 
script.js   &lt;/p&gt;
&lt;pre&gt;&lt;code&gt;var rotations = [0,18,36,54,72,90,108,126,144,162];
$(document).ready(function(){
    $.get( "ajax.php", function(r) {
        var json = $.parseJSON(r);
        console.log(json);
        for(var i = 0; i &amp;lt; json.length; i++) {
            var block = $('&amp;lt;div class="block"&amp;gt;&amp;lt;/div&amp;gt;');
            $("body").append(block);
            for(var j = 0; j &amp;lt; json[i]["lines"].length; j++) {
                var line = $('&amp;lt;div class="line"&amp;gt;'+json[i]["lines"][j]+'&amp;lt;/div&amp;gt;');
                block.append(line);
                rotateLine(line);
            }
        };
    });
});
function rotateLine(obj) {
    i = obj.index();
    rotation = obj.attr("rotation");
    if(!rotation) rotation = rotations[i];
    else rotation = rotation*1+180;
    if(rotation &amp;gt; 360) rotation -= 360;
    obj.attr("rotation", rotation);
    console.log(rotation);
    obj.animate({
        'rotateZ': rotation+'deg'
    }, 
        10000,
        'linear', function() { rotateLine(obj)});
}
&lt;/code&gt;&lt;/pre&gt;
&lt;p&gt;And final section:
ajax.php&lt;/p&gt;
&lt;pre&gt;&lt;code&gt;     &amp;lt;?php
    $f = file_get_contents("http://news.google.nl/news?pz=1&amp;amp;cf=all&amp;amp;ned=nl_nl&amp;amp;hl=nl&amp;amp;output=rss");//http://news.google.nl/news?pz=1&amp;amp;cf=all&amp;amp;ned=nl_nl&amp;amp;hl=nl&amp;amp;output=rss");
    $news = new SimpleXMLElement($f);
    $result = array();
    for($i=0; $i &amp;lt; 10; $i++) {
        preg_match("/story\?ncl=([^&amp;amp;]*)/",$news-&amp;gt;channel-&amp;gt;item[$i]-&amp;gt;description, $matches);
        //var_dump( $matches);      
        $g = file_get_contents('http://news.google.nl/news?pz=1&amp;amp;cf=all&amp;amp;ned=nl_nl&amp;amp;hl=nl&amp;amp;output=rss&amp;amp;ncl='.$matches[1]);
        $item = new SimpleXMLElement($g);
        //echo '&amp;lt;div class="line"&amp;gt;'.( $news-&amp;gt;channel-&amp;gt;item[$i]-&amp;gt;title).' - &amp;lt;a href="http://news.google.nl/news?pz=1&amp;amp;cf=all&amp;amp;ned=nl_nl&amp;amp;hl=nl&amp;amp;output=rss&amp;amp;ncl='.$matches[1].'"&amp;gt;link&amp;lt;/a&amp;gt;&amp;lt;br /&amp;gt;';
        $resultitem = array();
        $resultitem["title"] = ( $news-&amp;gt;channel-&amp;gt;item[$i]-&amp;gt;title).' - '.$news-&amp;gt;channel-&amp;gt;item[$i]-&amp;gt;pubDate;
        $resultitem["lines"] = array();
        for($j=0; $j &amp;lt; 10; $j++) {
            $resultitem["lines"][] = ($item-&amp;gt;channel-&amp;gt;item[$j]-&amp;gt;title).' - '.$item-&amp;gt;channel-&amp;gt;item[$j]-&amp;gt;pubDate;
        }
        $result[] = $resultitem;
    }
    echo json_encode($result);
?&amp;gt;
&lt;/code&gt;&lt;/pre&gt;
&lt;p&gt;My apologies for the amount of text, but as I said, I am a beginner that has been given a lot of code by his teacher to work with. Any help will be much appreciated! 
Best regards, Eelke (NL)&lt;/p&gt;</t>
  </si>
  <si>
    <t>2015-05-01 17:04:10.763000+00:00</t>
  </si>
  <si>
    <t>2015-05-01 17:59:10.483000+00:00</t>
  </si>
  <si>
    <t>2015-05-01 17:49:07.603000+00:00</t>
  </si>
  <si>
    <t>php|jquery|animation</t>
  </si>
  <si>
    <t>Find by intermediary attribute in a has_many :through in Rails</t>
  </si>
  <si>
    <t>&lt;blockquote&gt;
  &lt;p&gt;&lt;strong&gt;Possible Duplicate:&lt;/strong&gt;&lt;br&gt;
  &lt;a href="https://stackoverflow.com/questions/408872/rails-has-many-through-find-by-extra-attributes-in-join-model"&gt;Rails has_many :through Find by Extra Attributes in Join Model&lt;/a&gt;  &lt;/p&gt;
&lt;/blockquote&gt;
&lt;p&gt;I have the following many to many setup in my model:&lt;/p&gt;
&lt;pre&gt;&lt;code&gt;class Project &amp;lt; ActiveRecord::Base
  has_many :projectcollaborations
  has_many :partners, :through =&amp;gt; :projectcollaborations, :source =&amp;gt; :partner
end
class Partner &amp;lt; ActiveRecord::Base
  has_many :projectcollaborations
  has_many :projects, :through =&amp;gt; :projectcollaborations, :source =&amp;gt; :project
end
class Projectcollaboration &amp;lt; ActiveRecord::Base
  belongs_to :project
  belongs_to :partner
end
&lt;/code&gt;&lt;/pre&gt;
&lt;p&gt;I can access:&lt;/p&gt;
&lt;pre&gt;&lt;code&gt;@partner = Partner.first
@partner.projects
@partner.projectcollaborations.find_by_myrole('creator')
....
&lt;/code&gt;&lt;/pre&gt;
&lt;p&gt;now how can I access the &lt;code&gt;@partner&lt;/code&gt;'s all project having myrole creator in my many-to-many relationship table?&lt;/p&gt;</t>
  </si>
  <si>
    <t>2011-09-23 13:53:45.633000+00:00</t>
  </si>
  <si>
    <t>2011-09-23 22:16:35.523000+00:00</t>
  </si>
  <si>
    <t>2017-05-23 11:47:52.347000+00:00</t>
  </si>
  <si>
    <t>ruby-on-rails|many-to-many|relationships</t>
  </si>
  <si>
    <t>Lists in Python</t>
  </si>
  <si>
    <t>&lt;blockquote&gt;
  &lt;p&gt;&lt;strong&gt;Possible Duplicate:&lt;/strong&gt;&lt;br&gt;
  &lt;a href="https://stackoverflow.com/questions/2424412/what-is-the-easiest-way-to-convert-list-with-str-into-list-with-int"&gt;What is the easiest way to convert list with str into list with int? =) &lt;/a&gt;  &lt;/p&gt;
&lt;/blockquote&gt;
&lt;p&gt;Is it possible to transform:&lt;/p&gt;
&lt;p&gt;a = ['1', '2', '3', '4'] &lt;/p&gt;
&lt;p&gt;to &lt;/p&gt;
&lt;p&gt;a = [1, 2, 3, 4]&lt;/p&gt;
&lt;p&gt;Thank You!&lt;/p&gt;</t>
  </si>
  <si>
    <t>2010-10-10 12:47:51.207000+00:00</t>
  </si>
  <si>
    <t>2010-10-10 12:49:55.273000+00:00</t>
  </si>
  <si>
    <t>2017-05-23 12:04:10.023000+00:00</t>
  </si>
  <si>
    <t>python|list|transformation</t>
  </si>
  <si>
    <t>Javascript : How to scroll horizontally to given position within an overflowed div?</t>
  </si>
  <si>
    <t>&lt;p&gt;I have following situation&lt;/p&gt;
&lt;pre&gt;&lt;code&gt;WRAPPER (100% width of page)
----------------------------------------------
|                                            |  
|                                            |
|     CONTENT (8000px width)                 |  
|                                            |  
|                                            |
----------------------------------------------
|     HORIZONTAL SLIDER FOR CONTENT          |
----------------------------------------------
&lt;/code&gt;&lt;/pre&gt;
&lt;p&gt;Dragging the slider is moving thought the content.&lt;/p&gt;
&lt;p&gt;I would like to ask how can i programatically trigger horizontal slider click to move for give position. Or how move to the given position on axis X.&lt;/p&gt;
&lt;p&gt;I tried &lt;strong&gt;scrollTo&lt;/strong&gt; but without the luck (it works only for document object.&lt;/p&gt;
&lt;p&gt;Maybe use the anchors, but i would like the simplest solution.&lt;/p&gt;
&lt;p&gt;Many thanks for any advice.&lt;/p&gt;</t>
  </si>
  <si>
    <t>2017-03-02 13:27:37.980000+00:00</t>
  </si>
  <si>
    <t>2017-03-02 13:35:02.290000+00:00</t>
  </si>
  <si>
    <t>javascript|jquery|scroll|slider|horizontal-scrolling</t>
  </si>
  <si>
    <t>Printing a page using Bootstrap on a Drupal site</t>
  </si>
  <si>
    <t>&lt;p&gt;I am building a site on Drupal 7 and I am using Bootstrap. 
When trying to print the page, everything looks like one big mess (you can see that on the print preview).&lt;/p&gt;
&lt;p&gt;How can I fix this?&lt;/p&gt;
&lt;p&gt;Example page:
 &lt;a href="http://newcmsqa2.discountbank.co.il/node/420" rel="nofollow"&gt;http://newcmsqa2.discountbank.co.il/node/420&lt;/a&gt;&lt;/p&gt;</t>
  </si>
  <si>
    <t>2014-11-20 15:31:00.233000+00:00</t>
  </si>
  <si>
    <t>2015-08-10 10:15:40.957000+00:00</t>
  </si>
  <si>
    <t>twitter-bootstrap|printing|drupal-7</t>
  </si>
  <si>
    <t>Problems Deploying a hosted WCF Service in a Windows Service</t>
  </si>
  <si>
    <t>&lt;p&gt;I have a WCF Service which I am hosting in a windows service. The Windows host service has an App.config to consume a service endpoint and the service has an App.config which exposes the metadata endpoints. When the service is deployed via the VS development system it all works great. With a Web Browser loaded, the &lt;a href="http://localhost:9001/" rel="nofollow noreferrer"&gt;http://localhost:9001/&lt;/a&gt; url resolves to the metadata webpage exposing the wsdl link for the service. It even works with the WCF Test Client as well and I can send the service messages and it responds.&lt;/p&gt;
&lt;p&gt;However, with the projectInstaller loaded on the hosted service in VS and deployed outside of the VS development system, I can no longer access the &lt;a href="http://localhost:9001/" rel="nofollow noreferrer"&gt;http://localhost:9001/&lt;/a&gt; metadata endpoint when the hosted service is deployed in Windows. The service is started and running, but the endpoint doesn���t respond. The Service is deployed from the debug folder using the ���sc create binpath= ���Service.exe��� start= auto��� command. Maybe this is not the correct way to deploy it, not sure or maybe my app.Config files are not correct or being referenced correctly. Could someone let me know the process for this and maybe verify that my app.Config files are correct for both the windows Host and Service side. This is pretty tricky to configure, so any help is appreciated.&lt;/p&gt;
&lt;p&gt;Window host service App.config to consume the endpoints:&lt;/p&gt;
&lt;pre&gt;&lt;code&gt;  &amp;lt;system.serviceModel&amp;gt;
    &amp;lt;client&amp;gt;
    &amp;lt;/client&amp;gt;
    &amp;lt;bindings&amp;gt;
      &amp;lt;basicHttpBinding&amp;gt;
        &amp;lt;binding name="basicHttpBinding_WindowsService" maxReceivedMessageSize="20000000" /&amp;gt;
      &amp;lt;/basicHttpBinding&amp;gt;
    &amp;lt;/bindings&amp;gt;
    &amp;lt;services&amp;gt;
        &amp;lt;!-- Service endpoint to consume --&amp;gt;
        &amp;lt;service name="WindowsService.Service"&amp;gt;
            &amp;lt;endpoint address="http://localhost:9001/Service" binding="basicHttpBinding"
                contract="WindowsService.IService" /&amp;gt;
        &amp;lt;/service&amp;gt;
    &amp;lt;/services&amp;gt;
    &amp;lt;protocolMapping&amp;gt;
      &amp;lt;add binding="basicHttpsBinding" scheme="https"/&amp;gt;
    &amp;lt;/protocolMapping&amp;gt;
    &amp;lt;serviceHostingEnvironment aspNetCompatibilityEnabled="true" multipleSiteBindingsEnabled="true"/&amp;gt;
  &amp;lt;/system.serviceModel&amp;gt;
&lt;/code&gt;&lt;/pre&gt;
&lt;p&gt;Service Web.config to expose the endpoints:&lt;/p&gt;
&lt;pre&gt;&lt;code&gt;  &amp;lt;system.serviceModel&amp;gt;
    &amp;lt;bindings&amp;gt;
      &amp;lt;basicHttpBinding&amp;gt;
        &amp;lt;binding name="basicHttpBinding_WindowsService" /&amp;gt;
      &amp;lt;/basicHttpBinding&amp;gt;
    &amp;lt;/bindings&amp;gt;
    &amp;lt;behaviors&amp;gt;
      &amp;lt;serviceBehaviors&amp;gt;
        &amp;lt;behavior name="defaultbehavior"&amp;gt;
          &amp;lt;serviceMetadata httpGetEnabled="true" httpsGetEnabled="true"/&amp;gt;
          &amp;lt;serviceDebug includeExceptionDetailInFaults="false"/&amp;gt;
        &amp;lt;/behavior&amp;gt;
      &amp;lt;/serviceBehaviors&amp;gt;
    &amp;lt;/behaviors&amp;gt;
    &amp;lt;services&amp;gt;
        &amp;lt;service behaviorConfiguration="defaultbehavior" name="WindowsService.Service"&amp;gt;
          &amp;lt;!-- Base address for exposing Metadata and Service --&amp;gt;
          &amp;lt;host&amp;gt;
            &amp;lt;baseAddresses&amp;gt;
              &amp;lt;add baseAddress="http://localhost:9001/" /&amp;gt;
            &amp;lt;/baseAddresses&amp;gt;
          &amp;lt;/host&amp;gt;
          &amp;lt;!-- Metadata service endpoint to expose --&amp;gt;
          &amp;lt;endpoint address="" binding="mexHttpBinding" contract="IMetadataExchange" /&amp;gt;
          &amp;lt;!-- Service contract endpoint to expose --&amp;gt;
          &amp;lt;endpoint address="Service" binding="basicHttpBinding" contract="WindowsService.IService" /&amp;gt;
        &amp;lt;/service&amp;gt;
    &amp;lt;/services&amp;gt;
    &amp;lt;protocolMapping&amp;gt;
      &amp;lt;add binding="basicHttpsBinding" scheme="https"/&amp;gt;
    &amp;lt;/protocolMapping&amp;gt;
    &amp;lt;serviceHostingEnvironment aspNetCompatibilityEnabled="true" multipleSiteBindingsEnabled="true"/&amp;gt;
  &amp;lt;/system.serviceModel&amp;gt;
&lt;/code&gt;&lt;/pre&gt;</t>
  </si>
  <si>
    <t>2018-07-02 05:56:56.050000+00:00</t>
  </si>
  <si>
    <t>2018-07-06 22:45:49.183000+00:00</t>
  </si>
  <si>
    <t>c#|.net|wcf|service</t>
  </si>
  <si>
    <t>How to pass the process.env to the child process in node js</t>
  </si>
  <si>
    <t>&lt;p&gt;On clicking a button i was trying to open windows file explorer. My node js code for this-&lt;/p&gt;
&lt;pre&gt;&lt;code&gt;const exec = require('child_process').exec;
        var cmdString = 'start '+'C:/myApp/dropbox/';
        const child = exec(cmdString,
        (error, stdout, stderr) =&amp;gt; {
            console.log(`stdout: ${stdout}`);
            console.log(`stderr: ${stderr}`);
            if (error !== null) {
                console.log(`exec error: ${error}`);
            }
        })
&lt;/code&gt;&lt;/pre&gt;
&lt;p&gt;If i start my application from command line, its working fine.
If i start my application using service, it don't work in this case.&lt;/p&gt;
&lt;p&gt;After a lot of investigation, i came to know that we need to pass to pass the process.env at the time we are executing the command.&lt;/p&gt;
&lt;p&gt;&lt;strong&gt;Can anyone tell me how i can pass the process.env to the child process.&lt;/strong&gt;&lt;/p&gt;</t>
  </si>
  <si>
    <t>2017-10-24 08:35:42.753000+00:00</t>
  </si>
  <si>
    <t>arrayList for(int data:) checkout iteration times</t>
  </si>
  <si>
    <t>&lt;p&gt;Maybe this is a stupid question, but i still wonder&lt;/p&gt;
&lt;p&gt;if i use &lt;/p&gt;
&lt;pre&gt;&lt;code&gt;ArrayList&amp;lt;Integer&amp;gt; Data=new ArrayList&amp;lt;Integer&amp;gt;();
for(int data:Data)
 //some code here
 //print out the iteration times
&lt;/code&gt;&lt;/pre&gt;
&lt;p&gt;i want to print out the iteration times (not the execution time)&lt;br/&gt;
&lt;em&gt;without using&lt;/em&gt; &lt;/p&gt;
&lt;pre&gt;&lt;code&gt;for int i;i&amp;lt;blahblahblah;i++) output i
&lt;/code&gt;&lt;/pre&gt;
&lt;p&gt;for example output&lt;/p&gt;
&lt;pre&gt;&lt;code&gt;output:
This is iteration times: 1   the data is : blahblahblah
This is iteration times: 2   the data is : blahblahblah
This is iteration times: 3   the data is : blahblahblah
&lt;/code&gt;&lt;/pre&gt;</t>
  </si>
  <si>
    <t>2012-11-12 04:12:07.783000+00:00</t>
  </si>
  <si>
    <t>2012-11-12 04:35:20.750000+00:00</t>
  </si>
  <si>
    <t>java|for-loop|foreach</t>
  </si>
  <si>
    <t>Rule not recognized</t>
  </si>
  <si>
    <t>&lt;p&gt;I've written a grammar which should allow me to define variables and arrays. Everything worked fine until I split up the variables into local and global variables. Now my parser doesn't recognize the arrays anymore (it says it would be a variable and gives me syntax errors for that).  &lt;/p&gt;
&lt;p&gt;&lt;strong&gt;My Grammar:&lt;/strong&gt;  &lt;/p&gt;
&lt;pre&gt;&lt;code&gt;grammar sqf.Sqf with org.eclipse.xtext.common.Terminals
generate sqf "http://www.Sqf.sqf" 
Model:
    elements += Element*
;
    Element:
        Declaration ";" | Command ";"
    ;
        Declaration:
            Array | Variable
        ;
            Variable:
                LocalVariable | GlobalVariable
            ;
            LocalVariable:
                name=LOCALVARNAME "=" content=VARCONTENT (("+"|"-"|"*"|"/") content2+=VARCONTENT)*
            ;
            GlobalVariable:
                name=GLOBALVARNAME "=" content=VARCONTENT (("+"|"-"|"*"|"/") content2+=VARCONTENT)*
            ;
            Array:
                name=ID "=" content=ArrayLiteral | name=ID "=" "+" content2=[Array]
            ;
                ArrayLiteral:
                    "[" (content += ArrayContent)* "]" (("+"|"-")content1+=Extension)*
                ;
                    ArrayContent:
                        content01=Acontent ("," content02+=Acontent)*
                    ;
                        Acontent:
                            STRING | DOUBLE | ArrayLiteral
                        ;
                    Extension:
                        STRING | DOUBLE
                    ;
    Command:
        Interaction
    ;
        Interaction:
            hint
        ;
            hint:
                Normal | Format | Special
            ;
                Normal:
                    name=("hint" | "hintC" | "hintCadet" | "hintSilent") content=STRING
                ;
                Format:
                    name=("hint" | "hintC" | "hintCadet" | "hintSilent") "format" "[" content=STRING "," variable=DECREF "]"
                ;
                Special:
                    hintCArray
                ;
                    hintCArray:
                        title=STRING "hintC" (content1=ArrayLiteral | content=STRING)
                    ;
VARCONTENT:
    STRING | DOUBLE | DECREF | "true" | "false" | "nil"
;
DOUBLE:
    INT ("."INT)?
;
DECREF:
    ref1=[Array|ID] | ref2=[LocalVariable|LOCALVARNAME] | ref3=[GlobalVariable|GLOBALVARNAME]
;
terminal LOCALVARNAME:
    "_" ('a'..'z'|'A'..'Z') ('a'..'z'|'A'..'Z'|'_'|'0'..'9')*
;
terminal GLOBALVARNAME:
    '^'?('a'..'z'|'A'..'Z') ('a'..'z'|'A'..'Z'|'_'|'0'..'9')*
;
&lt;/code&gt;&lt;/pre&gt;
&lt;p&gt;Has anybody of you an idea what the problem is?&lt;br&gt;
(Any other code improvements are welcome, too)&lt;br&gt;
Greets Krzmbrzl&lt;/p&gt;</t>
  </si>
  <si>
    <t>2014-08-06 20:27:23.017000+00:00</t>
  </si>
  <si>
    <t>2014-08-07 07:58:48.563000+00:00</t>
  </si>
  <si>
    <t>eclipse|xtext|ambiguous-grammar</t>
  </si>
  <si>
    <t>Calling Google API after having access Token to fetch profiledata</t>
  </si>
  <si>
    <t>&lt;p&gt;I am very new to OAuth Arena and Google ApI but what I am trying to achieve here is very simple.&lt;/p&gt;
&lt;p&gt;User Clicks on Google Connect button and my webservice should be able to get all the user Profile Info from Google server:&lt;/p&gt;
&lt;p&gt;I have already written code to get AccessToken(I am yet to test it) but assuming that is working fine, now how should I ask Google API to give me user profile? I do see static function called Get Contacts in GoogleConsumer Class but I do not see any option to get profiledata. May be there is something that I am missing?&lt;/p&gt;
&lt;p&gt;Here is my code using which i am getting accessToken:&lt;/p&gt;
&lt;pre&gt;&lt;code&gt;IConsumerTokenManager tokenManager = 
                              new LocalTokenManager(consumerKey,consumerSecret);
var googleConsumer = 
               new WebConsumer(GoogleConsumer.ServiceDescription, tokenManager);
var tokenResult = googleConsumer.ProcessUserAuthorization();
return tokenResult.AccessToken;
&lt;/code&gt;&lt;/pre&gt;
&lt;p&gt;Now, how do I get user profile out of it? &lt;/p&gt;</t>
  </si>
  <si>
    <t>2012-04-12 17:45:46.043000+00:00</t>
  </si>
  <si>
    <t>2014-12-13 14:57:42.800000+00:00</t>
  </si>
  <si>
    <t>2012-04-12 18:55:53.093000+00:00</t>
  </si>
  <si>
    <t>c#|oauth|google-api</t>
  </si>
  <si>
    <t>Scope a variable when assigning inside an if condition</t>
  </si>
  <si>
    <t>&lt;p&gt;Is there a way to scope a variable that is assigned within an if statement's condition?&lt;/p&gt;
&lt;p&gt;The following will of course assign &lt;code&gt;el&lt;/code&gt; to my element and will be globally scoped (as will &lt;code&gt;date&lt;/code&gt;).
&lt;/p&gt;
&lt;pre&gt;&lt;code&gt;if (el = document.querySelector('.footer__year'), el) {
    var date = new Date();
    el.textContent = date.getFullYear();
}
&lt;/code&gt;&lt;/pre&gt;
&lt;p&gt;But say I wrap that in an iife.
&lt;/p&gt;
&lt;pre&gt;&lt;code&gt;(function() {
    if (el = document.querySelector('.footer__year'), el) {
        var date = new Date();
        el.textContent = date.getFullYear();
    }
})();
&lt;/code&gt;&lt;/pre&gt;
&lt;p&gt;&lt;code&gt;el&lt;/code&gt; is still accessible via &lt;code&gt;window.el&lt;/code&gt; but &lt;code&gt;date&lt;/code&gt; is not.&lt;/p&gt;
&lt;p&gt;Using &lt;code&gt;if (var el = document.querySelector('.footer__year'))&lt;/code&gt; ends up with an unexpected token error.&lt;/p&gt;
&lt;p&gt;Is there a way to scope this?&lt;/p&gt;
&lt;p&gt;Also, I am aware that the following would fix my issue.&lt;/p&gt;
&lt;pre&gt;&lt;code&gt;(function() {
    var el = document.querySelector('.footer__year');
    if (el) {
        var date = new Date();
        el.textContent = date.getFullYear();
    }
})();
&lt;/code&gt;&lt;/pre&gt;
&lt;p&gt;But would like to know if this is even possible!&lt;/p&gt;
&lt;p&gt;&lt;strong&gt;UPDATE&lt;/strong&gt;&lt;/p&gt;
&lt;p&gt;Overall variable scoping is not the problem here (the last example works just fine and &lt;code&gt;el&lt;/code&gt; is not globally scoped), it is the ability to declare vs. assign a variable within the condition of an if statement.&lt;/p&gt;</t>
  </si>
  <si>
    <t>2018-11-23 23:11:49.170000+00:00</t>
  </si>
  <si>
    <t>2018-11-23 23:47:58.227000+00:00</t>
  </si>
  <si>
    <t>Symfony2 retrieve the parameter values from URL</t>
  </si>
  <si>
    <t>&lt;p&gt;when i try to get the parameter from url its returning nothing&lt;/p&gt;
&lt;p&gt;Here is my url : &lt;code&gt;http://localhost/myapp/web/dailydata/payment/amount/1000&lt;/code&gt;&lt;/p&gt;
&lt;p&gt;&lt;strong&gt;Here is my symfony script :&lt;/strong&gt;&lt;/p&gt;
&lt;pre&gt;&lt;code&gt;use Symfony\Component\HttpFoundation\Request;
.
.
public function MyAction()
{
    $request = $this-&amp;gt;getRequest();
    $amount = $request-&amp;gt;request-&amp;gt;get('amount');
    echo 'Amount ='.$amount;
    exit;
}
&lt;/code&gt;&lt;/pre&gt;</t>
  </si>
  <si>
    <t>2016-08-07 22:38:11.380000+00:00</t>
  </si>
  <si>
    <t>2016-08-08 05:14:59.300000+00:00</t>
  </si>
  <si>
    <t>php|symfony|url|parameters</t>
  </si>
  <si>
    <t>How to improve the Xpath using the regular expression</t>
  </si>
  <si>
    <t>&lt;p&gt;I am using &lt;code&gt;SeleniumWebdriver&lt;/code&gt; to identify the elements and in one of the instance, I have defined one of the xPath as mentione below.&lt;/p&gt;
&lt;pre&gt;&lt;code&gt;//div[contains(@id,'confirm1_container') or contains
(@id,'confirm2_container') or contains(@id,'confirm3_container') or contains
(@id,'confirm4_container')or contains
(@id,'permanentSuppressionPopUp_container')]
&lt;/code&gt;&lt;/pre&gt;
&lt;p&gt;The reason for this, it should pass one of them and identify the element.&lt;/p&gt;
&lt;p&gt;The question here, Is there a easy way or any suggestion to improve this xpath instead of having multiple OR operators.If you see theid's only change is the "number" in between confirm and _container.&lt;/p&gt;
&lt;p&gt;I did go through old suggestion but they talk about xPath 2.0 functions which cannot be used in my case.&lt;/p&gt;</t>
  </si>
  <si>
    <t>2016-09-07 13:33:07.340000+00:00</t>
  </si>
  <si>
    <t>2016-09-07 14:51:25.113000+00:00</t>
  </si>
  <si>
    <t>2016-09-07 13:34:05.527000+00:00</t>
  </si>
  <si>
    <t>regex|selenium|xpath</t>
  </si>
  <si>
    <t>In UITableViewController template missing TableViewCell allocation</t>
  </si>
  <si>
    <t>&lt;p&gt;Recently I noticed that when we creates a new Class template, (Xcode -&gt; File -&gt; New -&gt; File) which is a subclass of UITableViewController implementation is partial in &lt;code&gt;cellForRowAtIndexPath&lt;/code&gt; method. I pasted the method below.&lt;/p&gt;
&lt;pre&gt;&lt;code&gt;- (UITableViewCell *)tableView:(UITableView *)tableView cellForRowAtIndexPath:(NSIndexPath *)indexPath
{
   static NSString *CellIdentifier = @"Cell";
   UITableViewCell *cell = [tableView dequeueReusableCellWithIdentifier:CellIdentifier forIndexPath:indexPath];
   // Configure the cell...
   return cell;
}
&lt;/code&gt;&lt;/pre&gt;
&lt;p&gt;I think statements like (which is missing),&lt;/p&gt;
&lt;pre&gt;&lt;code&gt;if (cell == nil) {
    cell = [[UITableViewCell alloc] initWithStyle:UITableViewCellStyleDefault reuseIdentifier:CellIdentifier];
}
&lt;/code&gt;&lt;/pre&gt;
&lt;p&gt;is must in implementation. Is this a bug or something else ?&lt;/p&gt;</t>
  </si>
  <si>
    <t>2013-09-23 17:54:29.120000+00:00</t>
  </si>
  <si>
    <t>2013-09-23 17:59:29.883000+00:00</t>
  </si>
  <si>
    <t>Website build with asp, link are boken</t>
  </si>
  <si>
    <t>&lt;p&gt;I have inherited work from a previous employee. The issue I'm having is a bunch of links are broken,  here the site &lt;a href="http://www.essexdrugaction.org" rel="nofollow"&gt;http://www.essexdrugaction.org&lt;/a&gt;. If you visit the site and click on the slider, then click "about us" menu link this message show up &lt;/p&gt;
&lt;p&gt;&lt;code&gt;http://www.essexdrugaction.org/Aboutus2.asp?Category=About%20Us&amp;amp;SubCategory=EDAP&lt;/code&gt;&lt;/p&gt;
&lt;p&gt;I dont know &lt;code&gt;"asp"&lt;/code&gt;&lt;/p&gt;
&lt;p&gt;Can anyone help me fix it&lt;/p&gt;</t>
  </si>
  <si>
    <t>2012-06-19 10:26:02.890000+00:00</t>
  </si>
  <si>
    <t>2012-06-19 13:03:12.413000+00:00</t>
  </si>
  <si>
    <t>2012-06-19 11:46:41.183000+00:00</t>
  </si>
  <si>
    <t>user997404</t>
  </si>
  <si>
    <t>Loading from file and save to array</t>
  </si>
  <si>
    <t>&lt;p&gt;I have proble. I have this code, first part with while works I mean good, because by debug code (I print what is save i array, and is looks good). But in for in array inst what i want.&lt;/p&gt;
&lt;p&gt;I file I have names in this format:&lt;/p&gt;
&lt;pre&gt;&lt;code&gt;Peter News
Martin Clear
.
.
.
&lt;/code&gt;&lt;/pre&gt;
&lt;p&gt;And my code print in for only last line. I try print other lines in array but in first or last is only last line. I try everthink but it not works. &lt;/p&gt;
&lt;p&gt;Here is simple code:&lt;/p&gt;
&lt;pre&gt;&lt;code&gt;#include &amp;lt;stdio.h&amp;gt;
#include &amp;lt;stdlib.h&amp;gt;
int main()
{
    FILE *soubor;
    char radek[80];
    char *data[100];
    int pos = 0;
    int i;
    soubor = fopen("names.txt","r");
    while(fscanf(soubor,"%[^\n]", radek) != EOF){
        getc(soubor);
        data[pos] = radek;
        printf("%d radek = %s pole = %s \n", pos, radek, data[pos]); // debug
        pos++;
    }
    for(i=0;i&amp;lt;100;i++){
        printf("%s \n",data[i]);
    }
    return 0;
}
&lt;/code&gt;&lt;/pre&gt;</t>
  </si>
  <si>
    <t>2014-04-20 09:54:35.580000+00:00</t>
  </si>
  <si>
    <t>2015-06-17 21:08:33.530000+00:00</t>
  </si>
  <si>
    <t>c|arrays|file</t>
  </si>
  <si>
    <t>PHP Redirect breaking iframe communication with parent</t>
  </si>
  <si>
    <t>&lt;p&gt;Can't seem to find anyone to figure this out.  Just trying to get &lt;code&gt;&amp;lt;iframe&amp;gt;&lt;/code&gt; BTN to talk to parent.&lt;/p&gt;
&lt;p&gt;Simple problem, need to get a button inside an &lt;code&gt;&amp;lt;iframe&amp;gt;&lt;/code&gt; to call function on main.html. &lt;/p&gt;
&lt;p&gt;The setup is as follows: &lt;/p&gt;
&lt;ul&gt;
&lt;li&gt;main.html has &lt;code&gt;&amp;lt;iframe&amp;gt;&lt;/code&gt; with products.php inside.&lt;/li&gt;
&lt;li&gt;Products.php has button that loads confirmation.php&lt;/li&gt;
&lt;li&gt;Confirmation.php has the BUTTON we need to call function on parent. &lt;/li&gt;
&lt;li&gt;&lt;em&gt;all files are on the same server/domain&lt;/em&gt;&lt;/li&gt;
&lt;/ul&gt;
&lt;p&gt;The traditional method of button inside products.php changing src on main to confirmation.php works as expected.  &lt;/p&gt;
&lt;p&gt;&lt;strong&gt;The problem is happening here:&lt;/strong&gt;  On products.php the way it loads the confirmation page is with this: &lt;/p&gt;
&lt;pre&gt;&lt;code&gt;private $base_url = "https://xxxxxxxx.com/";
$returnURL = $this-&amp;gt;base_url . "confirmation.php";
&lt;/code&gt;&lt;/pre&gt;
&lt;p&gt;Products page &lt;code&gt;&amp;lt;form&amp;gt;&lt;/code&gt; submission calls this PHP.  This action is somehow embedding the confirmation page, or appending it in a way it can't communicate with parent.&lt;/p&gt;
&lt;p&gt;Button &amp;amp; function on confirmation.php:&lt;/p&gt;
&lt;pre&gt;&lt;code&gt;&amp;lt;button type="button" onClick="test()"&amp;gt;BACK&amp;lt;/button&amp;gt;
&amp;lt;script&amp;gt; 
function test() {
    parent.mainTest();
}
&amp;lt;/script&amp;gt;
&lt;/code&gt;&lt;/pre&gt;
&lt;p&gt;All of the below have been tested in confirmation page func and failed.&lt;/p&gt;
&lt;ul&gt;
&lt;li&gt;parent.mainTest();&lt;/li&gt;
&lt;li&gt;window.parent.mainTest();&lt;/li&gt;
&lt;li&gt;document.parent.mainTest();&lt;/li&gt;
&lt;li&gt;parent.document.getElementById('iframe1_id').src = "iframeTest.php";&lt;/li&gt;
&lt;li&gt;window.parent.frames["iframe1"]&lt;/li&gt;
&lt;/ul&gt;
&lt;p&gt;Script on main.html:&lt;/p&gt;
&lt;pre&gt;&lt;code&gt;&amp;lt;script&amp;gt;
function test (){
  alert("Worked");  
}
&amp;lt;/script&amp;gt;
&amp;lt;iframe src="products.php" id="iframe1_id" name="iframe1"&amp;gt;&amp;lt;/iframe&amp;gt;
&lt;/code&gt;&lt;/pre&gt;</t>
  </si>
  <si>
    <t>2017-08-29 15:34:35.917000+00:00</t>
  </si>
  <si>
    <t>2017-08-29 16:19:48.760000+00:00</t>
  </si>
  <si>
    <t>javascript|php|forms|iframe</t>
  </si>
  <si>
    <t>switch case in XSL</t>
  </si>
  <si>
    <t>&lt;p&gt;I have a loop with the same tags to load content in ten cells but has a difference div title and background image, so I wonder is there any way to use the switch case just to put correct div title when I do for-each to load content for each cells in XSL?
something like this:
&amp;lt;...load the same tags content here...&gt;
Please help me because I'm new in XSL, and thank you in anyway!!&lt;/p&gt;</t>
  </si>
  <si>
    <t>2009-08-03 10:02:49.093000+00:00</t>
  </si>
  <si>
    <t>2014-01-22 06:15:36.337000+00:00</t>
  </si>
  <si>
    <t>2013-09-30 08:33:07.423000+00:00</t>
  </si>
  <si>
    <t>xslt|if-statement|switch-statement|conditional-statements|xsl-choose</t>
  </si>
  <si>
    <t>jQuery - Colorbox is loading content with Google Maps multiple times</t>
  </si>
  <si>
    <t>&lt;p&gt;this is driving me crazy. All the colorboxes in my site are working great. But when I try to open one with a google map inside it opens with two or more maps!! I tried both API maps, and iframe embedded ones. &lt;/p&gt;
&lt;p&gt;Sometimes, when I open other colorboxes in my site first, it repeats the google maps many many times. &lt;/p&gt;
&lt;p&gt;If I do nothing but go to open the map, the colorbox opens with 2 maps. It's driving me insane!&lt;/p&gt;
&lt;p&gt;This is the specific code I'm using to open the colorbox:&lt;/p&gt;
&lt;pre&gt;&lt;code&gt;        $(document).on('click', '.btn_map', function (e) {
            var salonId = $(e.currentTarget).attr('id').substr(4);
            $.colorbox({
                width:"715px",
                height:"568px",
                title:false,
                iframe:true,
                open:true,
                href:"content/map.php?id="+salonId
            });
            return false;
        });
&lt;/code&gt;&lt;/pre&gt;
&lt;p&gt;I read on other questions to user href:this.href&lt;/p&gt;
&lt;p&gt;But when I tried that, the colorbox begins to open, and suddenly it loads as a new page.&lt;/p&gt;
&lt;p&gt;Here is the site in question:&lt;/p&gt;
&lt;p&gt;&lt;a href="http://testing.fyrastudio.com/lab/gaf/angarano/" rel="nofollow"&gt;http://testing.fyrastudio.com/lab/gaf/angarano/&lt;/a&gt;&lt;/p&gt;
&lt;p&gt;In order to reach the troublesome colorbox, you have to go to SALONI, then select any REGIONE and CITTA and click on INVIA. Once the table is populate, at the end of each row you will see the link "vedi mappa". That opens the colorbox. &lt;/p&gt;
&lt;p&gt;Ahhh I almost forgot. When you open the map alone here:&lt;/p&gt;
&lt;p&gt;&lt;a href="http://testing.fyrastudio.com/lab/gaf/angarano/content/map.php?id=1" rel="nofollow"&gt;http://testing.fyrastudio.com/lab/gaf/angarano/content/map.php?id=1&lt;/a&gt;&lt;/p&gt;
&lt;p&gt;It works perfectly, so I don't think the problem is there.&lt;/p&gt;
&lt;p&gt;jQuery is 1.9.1
Colorbox is 1.4.3&lt;/p&gt;
&lt;p&gt;So I think they are both the latest.&lt;/p&gt;
&lt;p&gt;I appreciate any kind of help.
Thanks!!&lt;/p&gt;</t>
  </si>
  <si>
    <t>2013-03-06 07:41:28.997000+00:00</t>
  </si>
  <si>
    <t>2013-03-06 09:16:37.527000+00:00</t>
  </si>
  <si>
    <t>javascript|jquery|google-maps|colorbox</t>
  </si>
  <si>
    <t>php output buffering inserts double quotes around the picture tag</t>
  </si>
  <si>
    <t>&lt;p&gt;output buffering insert double quotes around the picture tag. How to fix this.&lt;/p&gt;
&lt;p&gt;I have &lt;code&gt;htmlToBeInserted.html&lt;/code&gt; file with contents :  &lt;/p&gt;
&lt;pre&gt;&lt;code&gt;&amp;lt;noscript&amp;gt;&amp;lt;picture class="slider2pict remJs"  own-display="inline-block"  &amp;gt;
&amp;lt;source media="(min-width: 320px)" srcset="https://typejoy.biz/exm/book/book170722/public/img/imgSlider/red366sel/0_0_IMG_20170418_112243_M320.webp" type="image/webp" comment="actually code is longer" /&amp;gt; &amp;lt;/picture&amp;gt;&amp;lt;/noscript&amp;gt;&amp;lt;img src="https://typejoy.biz/exm/book/book170722/public/img/testJpg.jpg" comment="actually code is longer" /&amp;gt;
&lt;/code&gt;&lt;/pre&gt;
&lt;p&gt;I insert this file to output.php&lt;/p&gt;
&lt;pre&gt;&lt;code&gt;ob_start();
include ( $v['filename'] ); 
$imgStr = ob_get_contents();
ob_end_clean(); 
echo $imgStr;
&lt;/code&gt;&lt;/pre&gt;
&lt;p&gt;The result contains extra quote marks around picture element, thus picture is understood as a piece of text instead of normal html.  How it may happen?&lt;/p&gt;
&lt;pre&gt;&lt;code&gt;&amp;lt;noscript&amp;gt;"&amp;lt;picture  .... &amp;lt;/picture&amp;gt;"&amp;lt;/noscript&amp;gt;&amp;lt;img ....  /&amp;gt;
&lt;/code&gt;&lt;/pre&gt;</t>
  </si>
  <si>
    <t>2018-02-17 14:02:44.397000+00:00</t>
  </si>
  <si>
    <t>2018-02-17 14:46:39.223000+00:00</t>
  </si>
  <si>
    <t>2018-02-17 14:04:40.863000+00:00</t>
  </si>
  <si>
    <t>php|ob-start</t>
  </si>
  <si>
    <t>Mapping Geography to byte[]: PSQLException: Invalid endian flag value encountered</t>
  </si>
  <si>
    <t>&lt;p&gt;I'm trying to persist an entity with a &lt;code&gt;Geography(POINT, 4326)&lt;/code&gt; data type. Since Hibernate Spatial doesn't support Geography anyway, I'm using &lt;code&gt;byte[]&lt;/code&gt; to map it (then JTS to transform).&lt;/p&gt;
&lt;p&gt;It works fine when saving the entity the first time, but then I'm loading it again and saving it after updating another property, and getting &lt;code&gt;Invalid endian flag value encountered&lt;/code&gt; upon the &lt;code&gt;save()&lt;/code&gt;.&lt;/p&gt;
&lt;p&gt;Definition in the entity:&lt;/p&gt;
&lt;pre&gt;&lt;code&gt;@Column(columnDefinition="geography(POINT, 4326)")
private byte[] location;
&lt;/code&gt;&lt;/pre&gt;
&lt;p&gt;Here's the code which fails on &lt;code&gt;save()&lt;/code&gt;:&lt;/p&gt;
&lt;pre&gt;&lt;code&gt;task.setProcessed(true);
TaskRepository.save(task);
&lt;/code&gt;&lt;/pre&gt;
&lt;p&gt;Here's the exception:&lt;/p&gt;
&lt;pre&gt;&lt;code&gt;2014-06-16 10:24:33.740  INFO 10948 --- [           main] org.hibernate.dialect.Dialect            : HHH000400: Using dialect: org.hibernate.spatial.dialect.postgis.PostgisDialect
.....
2014-06-16 10:24:36.859  WARN 10948 --- [           main] o.h.engine.jdbc.spi.SqlExceptionHelper   : SQL Error: 0, SQLState: XX000
2014-06-16 10:24:36.860 ERROR 10948 --- [           main]  o.h.engine.jdbc.spi.SqlExceptionHelper   : ERROR: Invalid endian flag value encountered.
2014-06-16 10:24:36.862  INFO 10948 --- [           main]  o.h.e.j.b.internal.AbstractBatchImpl     : HHH000010: On release of batch it still contained JDBC statements
Exception in thread "main" org.springframework.orm.jpa.JpaSystemException: could not execute statement; nested exception is org.hibernate.exception.GenericJDBCException: could not execute statement
at org.springframework.orm.jpa.vendor.HibernateJpaDialect.convertHibernateAccessException(HibernateJpaDialect.java:244)
at org.springframework.orm.jpa.vendor.HibernateJpaDialect.translateExceptionIfPossible(HibernateJpaDialect.java:155)
at org.springframework.orm.jpa.JpaTransactionManager.doCommit(JpaTransactionManager.java:519)
at org.springframework.transaction.support.AbstractPlatformTransactionManager.processCommit(AbstractPlatformTransactionManager.java:757)
at org.springframework.transaction.support.AbstractPlatformTransactionManager.commit(AbstractPlatformTransactionManager.java:726)
at org.springframework.transaction.interceptor.TransactionAspectSupport.commitTransactionAfterReturning(TransactionAspectSupport.java:478)
at org.springframework.transaction.interceptor.TransactionAspectSupport.invokeWithinTransaction(TransactionAspectSupport.java:272)
at org.springframework.transaction.interceptor.TransactionInterceptor.invoke(TransactionInterceptor.java:95)
at org.springframework.aop.framework.ReflectiveMethodInvocation.proceed(ReflectiveMethodInvocation.java:179)
at org.springframework.dao.support.PersistenceExceptionTranslationInterceptor.invoke(PersistenceExceptionTranslationInterceptor.java:136)
at org.springframework.aop.framework.ReflectiveMethodInvocation.proceed(ReflectiveMethodInvocation.java:179)
at org.springframework.data.jpa.repository.support.CrudMethodMetadataPostProcessor$CrudMethodMetadataPopulatingMethodIntercceptor.invoke(CrudMethodMetadataPostProcessor.java:111)
at org.springframework.aop.framework.ReflectiveMethodInvocation.proceed(ReflectiveMethodInvocation.java:179)
at org.springframework.aop.interceptor.ExposeInvocationInterceptor.invoke(ExposeInvocationInterceptor.java:92)
at org.springframework.aop.framework.ReflectiveMethodInvocation.proceed(ReflectiveMethodInvocation.java:179)
at org.springframework.aop.framework.JdkDynamicAopProxy.invoke(JdkDynamicAopProxy.java:207)
at com.sun.proxy.$Proxy63.save(Unknown Source)
at myapp.backend.Main.processTask(Main.java:75)
    ...
Caused by: org.hibernate.exception.GenericJDBCException: could not execute statement
at org.hibernate.exception.internal.StandardSQLExceptionConverter.convert(StandardSQLExceptionConverter.java:54)
at org.hibernate.engine.jdbc.spi.SqlExceptionHelper.convert(SqlExceptionHelper.java:126)
at org.hibernate.engine.jdbc.spi.SqlExceptionHelper.convert(SqlExceptionHelper.java:112)
at org.hibernate.engine.jdbc.internal.ResultSetReturnImpl.executeUpdate(ResultSetReturnImpl.java:190)
at org.hibernate.engine.jdbc.batch.internal.NonBatchingBatch.addToBatch(NonBatchingBatch.java:62)
at org.hibernate.persister.entity.AbstractEntityPersister.update(AbstractEntityPersister.java:3281)
at org.hibernate.persister.entity.AbstractEntityPersister.updateOrInsert(AbstractEntityPersister.java:3183)
at org.hibernate.persister.entity.AbstractEntityPersister.update(AbstractEntityPersister.java:3525)
at org.hibernate.action.internal.EntityUpdateAction.execute(EntityUpdateAction.java:158)
at org.hibernate.engine.spi.ActionQueue.executeActions(ActionQueue.java:453)
at org.hibernate.engine.spi.ActionQueue.executeActions(ActionQueue.java:345)
at org.hibernate.event.internal.AbstractFlushingEventListener.performExecutions(AbstractFlushingEventListener.java:350)
at org.hibernate.event.internal.DefaultFlushEventListener.onFlush(DefaultFlushEventListener.java:56)
at org.hibernate.internal.SessionImpl.flush(SessionImpl.java:1218)
at org.hibernate.internal.SessionImpl.managedFlush(SessionImpl.java:421)
at org.hibernate.engine.transaction.internal.jdbc.JdbcTransaction.beforeTransactionCommit(JdbcTransaction.java:101)
at org.hibernate.engine.transaction.spi.AbstractTransactionImpl.commit(AbstractTransactionImpl.java:177)
at org.hibernate.jpa.internal.TransactionImpl.commit(TransactionImpl.java:77)
at org.springframework.orm.jpa.JpaTransactionManager.doCommit(JpaTransactionManager.java:515)
... 17 more
Caused by: org.postgresql.util.PSQLException: ERROR: Invalid endian flag value encountered.
at org.postgresql.core.v3.QueryExecutorImpl.receiveErrorResponse(QueryExecutorImpl.java:2161)
at org.postgresql.core.v3.QueryExecutorImpl.processResults(QueryExecutorImpl.java:1890)
at org.postgresql.core.v3.QueryExecutorImpl.execute(QueryExecutorImpl.java:255)
at org.postgresql.jdbc2.AbstractJdbc2Statement.execute(AbstractJdbc2Statement.java:559)
at org.postgresql.jdbc2.AbstractJdbc2Statement.executeWithFlags(AbstractJdbc2Statement.java:417)
at org.postgresql.jdbc2.AbstractJdbc2Statement.executeUpdate(AbstractJdbc2Statement.java:363)
at org.hibernate.engine.jdbc.internal.ResultSetReturnImpl.executeUpdate(ResultSetReturnImpl.java:187)
... 32 more
&lt;/code&gt;&lt;/pre&gt;
&lt;p&gt;I'm using Hibernate Core (4.3.1.Final), hibernate-spatial-4.3-SNAPSHOT (I needed SNAPSHOT for some other issue I ran into), with PostgreSQL JDBC driver 9.3-1101-jdbc41 and PostgreSQL 9.3 database w/ PostGIS 2.1.3 on Windows 7 64-bit.&lt;/p&gt;
&lt;p&gt;P.S. I've looked at the other stackoverflow questions on this but they relate to mapping to &lt;code&gt;Geometry&lt;/code&gt; rather than &lt;code&gt;byte[]&lt;/code&gt;.&lt;/p&gt;</t>
  </si>
  <si>
    <t>2014-06-16 09:31:44.170000+00:00</t>
  </si>
  <si>
    <t>2014-06-16 10:11:34.897000+00:00</t>
  </si>
  <si>
    <t>hibernate|postgresql|postgis</t>
  </si>
  <si>
    <t>How to import component (incl image) from npm package in Webpack 4</t>
  </si>
  <si>
    <t>&lt;p&gt;Right now we're in the process of extracting our monolith on an old application out into multiple smaller npm packages.&lt;/p&gt;
&lt;p&gt;Both the main application, but also each new npm package, is being built and transpiled to es5 by our webpack 4 + babel "build engine" npm package.&lt;/p&gt;
&lt;p&gt;In one of the packages we might have a simple component such as this:&lt;/p&gt;
&lt;pre&gt;&lt;code&gt;// c:\my-component-with-image-lib\src\index.js
import myImg from './my-img.jpg'
export const MyComponentWithImage = () =&amp;gt; {
  return {
    &amp;lt;div&amp;gt;
      &amp;lt;p&amp;gt;A simple react component with an image&amp;lt;/p&amp;gt;
      &amp;lt;img src={myImg}/&amp;gt;
    &amp;lt;/div&amp;gt;
  }
};
&lt;/code&gt;&lt;/pre&gt;
&lt;p&gt;Which works just fine if we only run the package by itself with &lt;code&gt;npx start&lt;/code&gt;.&lt;/p&gt;
&lt;p&gt;But if we do an &lt;code&gt;npx build&lt;/code&gt; from each of the packages we end up with a &lt;code&gt;dist&lt;/code&gt; folder and &lt;code&gt;assets/images&lt;/code&gt; folder, which is also fine.&lt;/p&gt;
&lt;p&gt;The problem is that from the main app, when we import the packages we just built, none of the images/static assets will be shown, since the main app will not look in each node_modules/package-name for assets. &lt;/p&gt;
&lt;pre&gt;&lt;code&gt;// c:\consumer-application\src\App.jsx
import  { MyComponentWithImage } from 'my-component-with-image-lib'
export const App = () =&amp;gt; {
  return {
    &amp;lt;div&amp;gt;
      &amp;lt;p&amp;gt;The image in MyComponentWithImage will result in a 404&amp;lt;/p&amp;gt;
      &amp;lt;MyComponentWithImage /&amp;gt;
    &amp;lt;/div&amp;gt;
  }
};
&lt;/code&gt;&lt;/pre&gt;
&lt;p&gt;So while it works on the dev server when running each package, it won't work if another app is importing the packages, since it only knows its own assets folder - not packages from node_modules folder.&lt;/p&gt;
&lt;p&gt;Because of this problem people at work started talking about not building the modules to es5 first, but import them directly and then make scoped packages such as &lt;code&gt;node_modules/@companyScope/packageA-Z&lt;/code&gt;. The idea is then to configure webpack to build all package inside &lt;code&gt;node_modules/@companyScope&lt;/code&gt; from the consuming application, instead of in each package.&lt;/p&gt;
&lt;p&gt;The reason is simply to solve the issue with the (from the consuming app) unknown static assets path in transpiled/built packages.&lt;/p&gt;
&lt;p&gt;I would prefer to avoid this, since I believe each package should be built and transpiled to es5, but the only solution I can see in that case, would be to use copy-webpack-plugin to explicitly configure it to copy files from &lt;code&gt;node_modules/packageA/assets&lt;/code&gt; to &lt;code&gt;currentApp/src/assets&lt;/code&gt;.&lt;/p&gt;
&lt;p&gt;The problem with that is that the packages would then be dependent on webpack to be imported and used, and that is not exactly something I want.&lt;/p&gt;
&lt;p&gt;Lastly I guess the url-loader and returning a dataUrl instead of the using file-loader would work for smaller images, but not really be ideal in production. Also I'm not sure it would work for other static assets, and inlining it like this feels a bit "hacky".&lt;/p&gt;
&lt;p&gt;It used to be the same problem with CSS, until styled-components came to the rescue, but for images and other static assets, I cannot really see a great way to import Components (including images and potentially other static assets) from external npm packages with webpack 4.&lt;/p&gt;
&lt;p&gt;Really hope this is possible somehow.&lt;/p&gt;</t>
  </si>
  <si>
    <t>2018-09-24 20:09:30.460000+00:00</t>
  </si>
  <si>
    <t>2018-09-24 20:42:40.460000+00:00</t>
  </si>
  <si>
    <t>reactjs|webpack|webpack-4</t>
  </si>
  <si>
    <t>Number of files for a Website</t>
  </si>
  <si>
    <t>&lt;p&gt;i just want to ask what is the number of files we are supposed to create for a website? (Subjective)&lt;/p&gt;
&lt;p&gt;I mean, you need 1 file (html) for each redirection (page) .. and 1 file for each manipulation to do (php) --&gt; it depends...   1 file for css .. etc&lt;/p&gt;
&lt;p&gt;My way of thinking is right? ... or my architecture is not really what it suppose to be?&lt;/p&gt;
&lt;p&gt;Thanks to answer (Subjective..evidently:D)&lt;/p&gt;
&lt;p&gt;P.S. : I ask that because i really have a bunch of files in a project (around 40)  :S...&lt;/p&gt;</t>
  </si>
  <si>
    <t>2011-02-19 18:43:14.630000+00:00</t>
  </si>
  <si>
    <t>2011-02-19 18:48:59.260000+00:00</t>
  </si>
  <si>
    <t>iPhone Swift Changing your initial Scene</t>
  </si>
  <si>
    <t>&lt;p&gt;Now, I know how to transition scenes in SpriteKit games. The tricky thing I can't wrap my brain around is changing the initial one that is loaded. My game I have created jumps straight into the game. That initial scene is called GameScene.swift. I created a MainMenuScene.swift and I am trying to change it to load that first instead. Then once clicked I'll do an SKTransition to the next scene just as I have working later in the game. &lt;/p&gt;
&lt;p&gt;This is my view Controller code:&lt;/p&gt;
&lt;pre&gt;&lt;code&gt;override func viewDidLoad() {
    super.viewDidLoad()
    if let scene = GameScene.unarchiveFromFile("GameScene") as? GameScene {
        // Configure the view.
        let skView = self.view as SKView
        //skView.showsFPS = true
        //skView.showsNodeCount = true
        /* Sprite Kit applies additional optimizations to improve rendering performance */
        skView.ignoresSiblingOrder = true
        /* Set the scale mode to scale to fit the window */
        scene.scaleMode = .AspectFill
        skView.presentScene(scene)
    }
}
&lt;/code&gt;&lt;/pre&gt;
&lt;p&gt;I thought changing the "GameScene" to "MainMenuScene" would do the trick but nothing gets loaded at all. Then I thought maybe it was the size but that all gets the same setting as the other Scene. Even trying to add the Node count, nothing shows up. So I am assuming nothing is being loaded at all. Maybe I am blind and stupid but I just can't see it. &lt;/p&gt;
&lt;p&gt;Thanks in advance.&lt;/p&gt;</t>
  </si>
  <si>
    <t>2015-09-14 16:59:46.163000+00:00</t>
  </si>
  <si>
    <t>2015-09-14 17:39:53.110000+00:00</t>
  </si>
  <si>
    <t>iphone|swift|ios8|sprite-kit</t>
  </si>
  <si>
    <t>Popup Never Closes</t>
  </si>
  <si>
    <t>&lt;p&gt;WPF is really getting me out of my nerves here. I configured a popup with some complex content (grid, buttons etc..). I set its StaysOpen property to False and IsOpen to True on a textbox MouseDown preview event. &lt;/p&gt;
&lt;p&gt;Ths thing is that it opens but never closes when clicking anywhere outside the window.&lt;/p&gt;
&lt;p&gt;Any suggestions? &lt;/p&gt;
&lt;p&gt;Thanks!&lt;/p&gt;
&lt;p&gt;&lt;strong&gt;UPDATE:&lt;/strong&gt;&lt;/p&gt;
&lt;p&gt;My popup has buttons inside. When I click one of those, the popup closes when I click outside of it. Is some weird stuff happening to the events routing?&lt;/p&gt;</t>
  </si>
  <si>
    <t>2011-09-29 21:13:59.987000+00:00</t>
  </si>
  <si>
    <t>2015-05-26 09:52:04.190000+00:00</t>
  </si>
  <si>
    <t>2012-10-31 11:05:31.383000+00:00</t>
  </si>
  <si>
    <t>wpf|popup</t>
  </si>
  <si>
    <t>How to get array with same key into one in php</t>
  </si>
  <si>
    <t>&lt;p&gt;I would like to get the array with same value into one. &lt;/p&gt;
&lt;p&gt;This is the array I have &lt;/p&gt;
&lt;pre&gt;&lt;code&gt;Array
(
    [0] =&amp;gt; Array
        (
            [id] =&amp;gt; 6
            [name] =&amp;gt; role
        )
    [1] =&amp;gt; Array
        (
            [id] =&amp;gt; 5
            [name] =&amp;gt; role
        )
    [2] =&amp;gt; Array
        (
            [id] =&amp;gt; 3
            [name] =&amp;gt; category
        )
    [3] =&amp;gt; Array
        (
            [id] =&amp;gt; 4
            [name] =&amp;gt; category
        )   
)
&lt;/code&gt;&lt;/pre&gt;
&lt;p&gt;This is what I want to achieve.&lt;/p&gt;
&lt;pre&gt;&lt;code&gt;Array
(
     [0] =&amp;gt; 5,
     [1] =&amp;gt; 6
)
Array
(
     [0] =&amp;gt; 4,
     [1] =&amp;gt; 3
)  
&lt;/code&gt;&lt;/pre&gt;
&lt;p&gt;This is my code &lt;/p&gt;
&lt;pre&gt;&lt;code&gt;$result = array();
foreach ($items as $key =&amp;gt; $value) {
   $name  = $value['name']; 
   $result[$name] = array($value['id']);
}
foreach($result as $key =&amp;gt; $val){
  print_r($val);
}  
&lt;/code&gt;&lt;/pre&gt;
&lt;p&gt;What I am getting is&lt;/p&gt;
&lt;pre&gt;&lt;code&gt;Array (
    [0] =&amp;gt; 5 
) 
Array (
    [0] =&amp;gt; 4 
)
&lt;/code&gt;&lt;/pre&gt;
&lt;p&gt;Can anyone here to help me for solving this? Any help really 
appreciated. 
Thanks.&lt;/p&gt;</t>
  </si>
  <si>
    <t>2017-07-31 12:27:08.220000+00:00</t>
  </si>
  <si>
    <t>2017-08-01 04:55:13.843000+00:00</t>
  </si>
  <si>
    <t>2017-07-31 14:20:30.450000+00:00</t>
  </si>
  <si>
    <t>php|arrays|foreach</t>
  </si>
  <si>
    <t>Continue Increment after firing off() or unbind()</t>
  </si>
  <si>
    <t>&lt;p&gt;I'm trying to complete a increment and decrement thru minus and plus sign.&lt;/p&gt;
&lt;p&gt;I achieved the increment but there's a condition that if it reaches 20, it will stop. So to do that i used off('click') to stop the click function. It stops however when I click the minus and click the plus again it wont increment no more.  Maybe because the handler was removed. &lt;/p&gt;
&lt;p&gt;I tried unbind() but its the same or even set return false; or preventDefault();&lt;/p&gt;
&lt;p&gt;&lt;a href="https://jsfiddle.net/ryuchix/nakgac59/18/" rel="nofollow noreferrer"&gt;https://jsfiddle.net/ryuchix/nakgac59/18/&lt;/a&gt;&lt;/p&gt;
&lt;pre&gt;&lt;code&gt;var skill = 0;
$(function() { // on page load
  $('.plus').on('click', function(){
    skill++;
   var input = $('.inputplus').val(skill);
   $('figcaption').html($('.inputplus').val() +'/20');
   if($('.inputplus').val() == 20) {
   $(this).unbind('click');
   }
  });
  $('.minus').on('click', function(){
    skill--;
    $('figcaption').text(skill +'/20');
  });
}); 
&amp;lt;div id="container"&amp;gt;
&amp;lt;figure class="skill1"&amp;gt;
        &amp;lt;img src="http://placehold.it/100?text=IMG" alt=""&amp;gt;
          &amp;lt;span class="glyphicon glyphicon-minus-sign minus"&amp;gt;&amp;lt;/span&amp;gt;
          &amp;lt;span class="glyphicon glyphicon-plus-sign plus"&amp;gt;&amp;lt;/span&amp;gt;
          &amp;lt;figcaption&amp;gt;0/20&amp;lt;/figcaption&amp;gt;
          &amp;lt;input type="hidden" class="inputplus" min="0" max="20"&amp;gt;
      &amp;lt;/figure&amp;gt;
&amp;lt;/div&amp;gt;
&lt;/code&gt;&lt;/pre&gt;</t>
  </si>
  <si>
    <t>2018-02-18 03:38:02.030000+00:00</t>
  </si>
  <si>
    <t>2018-02-18 03:48:27.053000+00:00</t>
  </si>
  <si>
    <t>How can we upload images into firebase storage if there is no network connection in android</t>
  </si>
  <si>
    <t>&lt;p&gt;I am doing the offline update to the &lt;code&gt;firebase&lt;/code&gt; database.Using the below line. Is there any way to upload the images into storage in offline.         &lt;/p&gt;
&lt;pre&gt;&lt;code&gt;firebaseDatabase.setPersistenceEnabled(true);
&lt;/code&gt;&lt;/pre&gt;
&lt;p&gt;Please help me to resolve this issue. Thanks in advance.&lt;/p&gt;</t>
  </si>
  <si>
    <t>2018-03-07 04:43:09.807000+00:00</t>
  </si>
  <si>
    <t>2018-03-07 04:56:10.010000+00:00</t>
  </si>
  <si>
    <t>2018-03-07 04:46:57.117000+00:00</t>
  </si>
  <si>
    <t>android|firebase|storage|image-upload</t>
  </si>
  <si>
    <t>HTML5 Speech Synthesis API voice/languages support</t>
  </si>
  <si>
    <t>&lt;p&gt;I'm trying to use speech synthesis in html5 to talk messages in Arabic however, it is not working. I run the following script in to check languages supported by chrome and Arabic isn't one of them.&lt;/p&gt;
&lt;pre&gt;&lt;code&gt;window.addEventListener("DOMContentLoaded", function () {
  if (window.speechSynthesis != undefined) {
    document.getElementById("playback").addEventListener("click", function () {
      var stimmen = window.speechSynthesis.getVoices();
      for (var i = 0; i &amp;lt; stimmen.length; i++) {
        console.log("Voice " + i.toString() + " " + stimmen[i].name);
      }
    }, false)
  }
}, false)
&lt;/code&gt;&lt;/pre&gt;
&lt;p&gt;and this is the script I used&lt;/p&gt;
&lt;pre&gt;&lt;code&gt;var msg = new SpeechSynthesisUtterance();
msg.text = '���������� ���������� ��������������';
msg.lang = 'ar-SA';
window.speechSynthesis.speak(msg);
&lt;/code&gt;&lt;/pre&gt;
&lt;p&gt;Is there a way to install voice/language in Arabic to get this feature to work. If not, can anyone lead me to embedded text to speech service for websites, it has to support Arabic? or anything that will do it?
I've contacted  readspeech but their  prices are higher than my budget&lt;/p&gt;</t>
  </si>
  <si>
    <t>2014-12-30 09:33:10.127000+00:00</t>
  </si>
  <si>
    <t>2017-08-21 16:47:56.483000+00:00</t>
  </si>
  <si>
    <t>2014-12-31 03:08:52.333000+00:00</t>
  </si>
  <si>
    <t>html5|text-to-speech|freetts</t>
  </si>
  <si>
    <t>Get data JsonArray and JsonObject via $.each Jquery</t>
  </si>
  <si>
    <t>&lt;p&gt;I have this, data json create from laravel API&lt;/p&gt;
&lt;pre&gt;&lt;code&gt;[
    [{
        "id": 4,
        "name": "Customer-izlgy",
        "email": "ycgjl@xxyin.com"
    }, {
        "id": 5,
        "name": "Customer-bkxjn",
        "email": "wlrew@iloiv.com"
    }],
    [{
        "id": 1,
        "name": "Customer-izlgyt",
        "email": "ycgjl@xxysdin.com"
    }, {
        "id": 2,
        "name": "Customer-bkxjnyf",
        "email": "wlrew@iloifsv.com"
    }]
]
&lt;/code&gt;&lt;/pre&gt;
&lt;p&gt;I trying to get data id 4 and and id 1 via ajax, but always error &lt;strong&gt;Uncaught TypeError: Cannot read property 'name' of undefined&lt;/strong&gt;&lt;/p&gt;
&lt;p&gt;This is my code to get name from above data json.&lt;/p&gt;
&lt;pre&gt;&lt;code&gt;// get customer data that has been handled
function callHandledCustomer() {
  $.ajax({
    type: "GET",
    url: rootUrl + "/api/chat/getHandledCustomer",
    dataType: "json",
    success: function(response){
      $.each(response, function(i, customer) {
        console.log(customer[0][0].name); // get name
      });
    }
  });
}
&lt;/code&gt;&lt;/pre&gt;
&lt;p&gt;Thanks a lot&lt;/p&gt;</t>
  </si>
  <si>
    <t>2018-08-15 15:00:03.467000+00:00</t>
  </si>
  <si>
    <t>2018-08-15 15:06:57.557000+00:00</t>
  </si>
  <si>
    <t>jquery|arrays|json|ajax</t>
  </si>
  <si>
    <t>Monitor process standard output that does not necessarily use CR/LF</t>
  </si>
  <si>
    <t>&lt;p&gt;My application periodically starts console programs with process.start. I need to monitor the output of the programs in "realtime".&lt;/p&gt;
&lt;p&gt;For example, the program writes the following text to the console:
Processing................. &lt;/p&gt;
&lt;p&gt;Every second or so a new dot appears to let the user know the program is still processing. However,... until the programm outputs a CR/LF, I am not able to retrieve the standard output of the program (while it is still running).&lt;/p&gt;
&lt;p&gt;What can I do to get the output in realtime for - let's say - piping it into a database for instance in VB.NET?&lt;/p&gt;</t>
  </si>
  <si>
    <t>2009-06-29 14:33:51.513000+00:00</t>
  </si>
  <si>
    <t>2011-09-27 14:29:51.600000+00:00</t>
  </si>
  <si>
    <t>vb.net|console-application|real-time|redirectstandardoutput</t>
  </si>
  <si>
    <t>Catering for android Google Play Services on Jelly Bean</t>
  </si>
  <si>
    <t>&lt;p&gt;I have made an android app and I am trying to work on its backwards compatability to Android Jelly Bean.  The only limitation I have right now is Firebase Notifications and Google Play Services because I am targeting a low income market who likely won't have money to update their Google Play Services to the latest.  What versions of them should I realistically target to reduce the chance that the user has to download a new Google Play Services?  &lt;/p&gt;
&lt;p&gt;Additionally I can't get version numbers for firebase from before 2015.  I do see that Firebase and Google Play support a minimum Android API of 14 which is before my target market but although the latest versions of both will work on API 14, I cannot expect my user base to download 42mb of Google Play Services over mobile data just to use my app.&lt;/p&gt;</t>
  </si>
  <si>
    <t>2017-06-16 15:09:54.233000+00:00</t>
  </si>
  <si>
    <t>2017-06-16 15:28:49.443000+00:00</t>
  </si>
  <si>
    <t>android|google-play-services|firebase-notifications</t>
  </si>
  <si>
    <t>Is there a way to send an in-progress Android app to someone to test?</t>
  </si>
  <si>
    <t>&lt;p&gt;I've been developing an Android app in Android Studio. I'd like to be able to send my current app to a friend privately, for feedback purposes.&lt;/p&gt;
&lt;p&gt;Is there a function in Android Studio that will let me do this?&lt;/p&gt;</t>
  </si>
  <si>
    <t>2016-05-03 13:13:06.613000+00:00</t>
  </si>
  <si>
    <t>2016-05-03 13:17:21.883000+00:00</t>
  </si>
  <si>
    <t>How to send the same data into multiple forms using php?</t>
  </si>
  <si>
    <t>&lt;p&gt;I'm writing a php file that can send the same form data to different urls on different servers.&lt;/p&gt;
&lt;pre&gt;&lt;code&gt;&amp;lt;?php 
$urls = array("some_url_num1.php", "some_url_num2.php", "some_url_num3.php");
foreach ($urls as $url) {
echo '&amp;lt;form action="'.$url.'" method="post"&amp;gt;
Time From: &amp;lt;br&amp;gt; &amp;lt;input type="text" name="timefrom"&amp;gt;&amp;lt;br&amp;gt;
Time to: &amp;lt;br&amp;gt;&amp;lt;input type="text" name="timeto"&amp;gt;&amp;lt;br&amp;gt;
Password: &amp;lt;br&amp;gt; &amp;lt;input type="password" name="password"&amp;gt;&amp;lt;br&amp;gt;
&amp;lt;input type="submit"&amp;gt;&amp;lt;br&amp;gt;&amp;lt;/form&amp;gt;';
}
?&amp;gt;
&lt;/code&gt;&lt;/pre&gt;
&lt;p&gt;Currently there are 3 forms on the page, and the user needs to enter the same data (timefrom, timeto, password) three times in order to get the result from some_url_num1.php, some_url_num2.php, some_url_num3.php.&lt;/p&gt;
&lt;p&gt;Is there anyway, using php, to let the user enter only once, and get the result from the three .php files?&lt;/p&gt;</t>
  </si>
  <si>
    <t>2015-02-12 17:52:32.570000+00:00</t>
  </si>
  <si>
    <t>2015-02-12 18:01:12.373000+00:00</t>
  </si>
  <si>
    <t>how to escape jquery click event in Asp.net mvc action link?</t>
  </si>
  <si>
    <t>&lt;pre&gt;&lt;code&gt;&amp;lt;%: Html.ActionLink("Remove from cart", "RemoveFromCart", new { id = item.RecordId }, new  {  @class ="remove" })%&amp;gt;
&lt;/code&gt;&lt;/pre&gt;
&lt;p&gt;The rendering of this action  is : &lt;/p&gt;
&lt;pre&gt;&lt;code&gt;&amp;lt;a href="/JqueryTest/Delete/23" class="Delete-item"&amp;gt;Delete&amp;lt;/a&amp;gt;
&lt;/code&gt;&lt;/pre&gt;
&lt;p&gt;And i have the JQuery code :&lt;/p&gt;
&lt;pre&gt;&lt;code&gt; $(document).ready(function () {
        $('a.remove').click(function () {
            $.ajax({
                type: "post",
                url: $(this).attr('href'),
                success: function (data) { alert('ok') },
                error: function () {
                    alert('error');
                },
                               });
&lt;/code&gt;&lt;/pre&gt;
&lt;p&gt;What i want is, when i click delete link, I lunch an  ajax request
without responding to click event (without goining in /JqueryTest/Delete/23 page ).&lt;/p&gt;
&lt;p&gt;thanks&lt;/p&gt;</t>
  </si>
  <si>
    <t>2011-04-18 07:53:12.523000+00:00</t>
  </si>
  <si>
    <t>2011-04-18 08:00:03.440000+00:00</t>
  </si>
  <si>
    <t>Why the executable produced in "release " mode gives a bad result?</t>
  </si>
  <si>
    <t>&lt;pre&gt;&lt;code&gt;#include &amp;lt;iostream&amp;gt;
int maxComDiv(int mayor, int menor)
{
    int resto = mayor % menor;
    if (resto &amp;gt; 0) maxComDiv(menor, resto);
    else return menor;
}
int main()
{
    std::cout &amp;lt;&amp;lt; "max comon divisor: " &amp;lt;&amp;lt; maxComDiv(3654, 1365) &amp;lt;&amp;lt; std::endl;
}
&lt;/code&gt;&lt;/pre&gt;
&lt;p&gt;Using visual studio 2015 community update 2 --&gt; fails in release mode. Well in debug mode.
Using mingw64 --&gt; well in both modes.&lt;/p&gt;</t>
  </si>
  <si>
    <t>2016-04-15 12:48:21.500000+00:00</t>
  </si>
  <si>
    <t>2016-04-15 17:08:35.220000+00:00</t>
  </si>
  <si>
    <t>filter Click event in document</t>
  </si>
  <si>
    <t>&lt;p&gt;I have the following code witch works fine:&lt;/p&gt;
&lt;pre&gt;&lt;code&gt;$(document).on('click','.with-hidden-caption', function(){
    if (window.matchMedia("(min-width: "+colum+")").matches || !$(this).parents(".my-wrapper").length) {
        $(this).toggleClass('show-caption')
        $(this).find('figcaption').slideToggle("fast");
    }
});
&lt;/code&gt;&lt;/pre&gt;
&lt;p&gt;Now i would like to find out where in .with-hidden-caption' is clicked to toggleClass in depend where the click is. With other words: If the click is on newToolBar it shout not run.&lt;/p&gt;
&lt;p&gt;Here my HTML:&lt;/p&gt;
&lt;pre&gt;&lt;code&gt;    &amp;lt;figure class="with-hidden-caption"&amp;gt;
&amp;lt;figcaption&amp;gt;Hello    
   &amp;lt;div class="newToolBar"&amp;gt; if here is clicked do something else but not $(this).toggleClass('show-caption') &amp;lt;/div&amp;gt;
          &amp;lt;/figcaption&amp;gt;
                            &amp;lt;/figure&amp;gt;
&lt;/code&gt;&lt;/pre&gt;
&lt;p&gt;How do I get it.&lt;/p&gt;</t>
  </si>
  <si>
    <t>2013-04-29 11:44:42.817000+00:00</t>
  </si>
  <si>
    <t>2013-04-29 11:51:43.687000+00:00</t>
  </si>
  <si>
    <t>nHibernate Linq Projection</t>
  </si>
  <si>
    <t>&lt;p&gt;I am using the version 1.0 release of Linq for nHibernate. When I run
the following linq statements I receive the error&lt;/p&gt;
&lt;p&gt;&lt;strong&gt;not a single-length projection: Surname&lt;/strong&gt;&lt;/p&gt;
&lt;p&gt;I can find very few references to this on the web and looking into the
source it says it should never occur! ClientID is a Int type and
Surname is a string. When I comment out all the string fields in the
projection and just leave ClientID it runs ok, but as soon as I add
surname back it errors.&lt;/p&gt;
&lt;pre&gt;&lt;code&gt;var context = m_ClientRepository.Linq;
var result = (from client in context
              from address in client.Addresses
              from contact in client.Contacts
              where client.Surname.StartsWith(surname)
              &amp;amp;&amp;amp; client.GivenName.StartsWith(givenName)
              &amp;amp;&amp;amp; contact.Value.StartsWith(phoneNumber)
              group client by new { client.ClientID, client.Surname, client.GivenName } into clientGroup
              select new ClientSearchDTO()
              {
                  ClientID = clientGroup.Key.ClientID,
                  Surname = clientGroup.Key.Surname,
                  GivenName = clientGroup.Key.GivenName,
                  Address = clientGroup.Max(x =&amp;gt; x.Addresses.FirstOrDefault().Address),
                  PhoneNumber = clientGroup.Max(x =&amp;gt; x.Contacts.FirstOrDefault().Value)
              })
              .Skip(Paging.FirstRecord(pageNumber))
              .Take(5);
&lt;/code&gt;&lt;/pre&gt;</t>
  </si>
  <si>
    <t>2009-08-20 22:35:28.387000+00:00</t>
  </si>
  <si>
    <t>2010-05-12 19:00:06.447000+00:00</t>
  </si>
  <si>
    <t>c#|.net|linq|nhibernate</t>
  </si>
  <si>
    <t>Phonegap window.open does not work on Android</t>
  </si>
  <si>
    <t>&lt;p&gt;I have an iOS/Android app built on cordova 2.6 and jqm 1.3. I need to open a link to an external website after the user clicks on a button. The code I am using is:&lt;/p&gt;
&lt;pre&gt;&lt;code&gt;var ref = window.open('http://google.com','_self','location=yes');
ref.addEventListener('loadstart',function(event) {
    console.log('load started');
});
ref.addEventListener('loadstop',function(event) {    
    console.log('load stopped');
});
ref.addEventListener('loaderror',function(event) {
    console.log('load error = ' + JSON.stringify(event));
});
&lt;/code&gt;&lt;/pre&gt;
&lt;p&gt;On iOS everything performs like I would expect. A new browser window opens with the google website loaded. But I cannot get anything to to load in Android. When I click on the button, nothing happens. I have put in console statements before and after the window.open, so I know the code is at least being executed.&lt;/p&gt;
&lt;p&gt;My config.xml should be wide open for white listed sites:&lt;/p&gt;
&lt;pre&gt;&lt;code&gt;&amp;lt;access origin=".*"/&amp;gt;;
&lt;/code&gt;&lt;/pre&gt;
&lt;p&gt;I have tested on a Nexus 7 (android 4.2) and an android 2.2 emulator with the same results on both.&lt;/p&gt;
&lt;p&gt;Does anyone know why window.open would not be firing correctly on android?&lt;/p&gt;</t>
  </si>
  <si>
    <t>2013-05-02 17:55:41.093000+00:00</t>
  </si>
  <si>
    <t>2013-05-03 15:51:14.690000+00:00</t>
  </si>
  <si>
    <t>how does the mapper element used in mappers element in mybatis</t>
  </si>
  <si>
    <t>&lt;p&gt;Recently, i read a mybatis project using a special mappers configuration, like this:&lt;/p&gt;
&lt;pre&gt;&lt;code&gt;&amp;lt;mapper resource="com/demo/mapper/User-70kocDJShTI4.static" /&amp;gt;
&lt;/code&gt;&lt;/pre&gt;
&lt;p&gt;I can not figure out how this is used. Can someone help me out? &lt;/p&gt;
&lt;p&gt;======================================================================&lt;/p&gt;
&lt;p&gt;[EDIT]&lt;/p&gt;
&lt;p&gt;It is my fault not finding the static file in correct directory.
It finally shows that the static files are also xml format, however with
a different suffix.&lt;/p&gt;</t>
  </si>
  <si>
    <t>2014-09-02 14:23:57.400000+00:00</t>
  </si>
  <si>
    <t>2014-09-04 02:08:59.387000+00:00</t>
  </si>
  <si>
    <t>mybatis</t>
  </si>
  <si>
    <t>How to fix broken unit testing after upgrading Typesafe Stack?</t>
  </si>
  <si>
    <t>&lt;p&gt;I just upgraded to Typesafe IDE for Scala 2.10.1 (I had been using 2.9.something). Scala works, but unit testing with &lt;code&gt;org.scalatest&lt;/code&gt; no longer works. I get&lt;/p&gt;
&lt;pre&gt;&lt;code&gt;  java.lang.NoClassDefFoundError: scala/reflect/ClassManifest
&lt;/code&gt;&lt;/pre&gt;
&lt;p&gt;(This is on Mac OS X 10.7.5.) How do I fix this?&lt;/p&gt;
&lt;p&gt;In an existing project I have scalatest_2.9.2 in the folder org.scalatest, and scalatest_2.9.2-1.8.jar in Referenced Libraries. There are no compilation issues. What do I need to install or move?&lt;/p&gt;
&lt;p&gt;Thanks.&lt;/p&gt;</t>
  </si>
  <si>
    <t>2013-04-22 13:56:04.633000+00:00</t>
  </si>
  <si>
    <t>2013-04-22 14:01:38.523000+00:00</t>
  </si>
  <si>
    <t>2013-04-22 13:59:29.120000+00:00</t>
  </si>
  <si>
    <t>eclipse|scala|noclassdeffounderror|scala-2.10|scalatest</t>
  </si>
  <si>
    <t>jQuery Clone for showing single image</t>
  </si>
  <si>
    <t>&lt;p&gt;If we select multiple images, how can we show only single image when we are dragging?
when I tried to drag, it was showing all the three selected images appended to it.
As I'm showing the total count on drag images.&lt;/p&gt;
&lt;p&gt;My benchmark is Picasa Web Albums.&lt;/p&gt;</t>
  </si>
  <si>
    <t>2009-11-20 11:50:51.740000+00:00</t>
  </si>
  <si>
    <t>2009-11-23 10:53:04.780000+00:00</t>
  </si>
  <si>
    <t>2009-11-20 11:54:50.033000+00:00</t>
  </si>
  <si>
    <t>jquery|clone</t>
  </si>
  <si>
    <t>Regex for well-known text</t>
  </si>
  <si>
    <t>&lt;p&gt;I am looking at regexes to validate and parse well-known text, which is a format used to transfer spatial data and looks like: &lt;/p&gt;
&lt;pre&gt;&lt;code&gt;POLYGON((51.124 -3.973, 51.1 -3.012, ....))
&lt;/code&gt;&lt;/pre&gt;
&lt;p&gt;or&lt;/p&gt;
&lt;pre&gt;&lt;code&gt;MULTIPOLYGON(((POLYGON((51.124 -3.973, 51.1 -3.012, ....)),POLYGON((50.14 -13.973, 51.1 -13.012, ....))
&lt;/code&gt;&lt;/pre&gt;
&lt;p&gt;among other variations.&lt;/p&gt;
&lt;p&gt;There is a good answer here: &lt;a href="https://stackoverflow.com/questions/16731461/parsing-a-wkt-file"&gt;Parsing a WKT-file&lt;/a&gt; which uses the regex:&lt;/p&gt;
&lt;pre&gt;&lt;code&gt;\d+(?:\.\d*)?
&lt;/code&gt;&lt;/pre&gt;
&lt;p&gt;From other places I have also seen &lt;/p&gt;
&lt;pre&gt;&lt;code&gt;\d*\.\d+|\d+
&lt;/code&gt;&lt;/pre&gt;
&lt;p&gt;and&lt;/p&gt;
&lt;pre&gt;&lt;code&gt;(\d*\.)?\d+
&lt;/code&gt;&lt;/pre&gt;
&lt;p&gt;These all seem to do the same thing, but it got me wondering about the relative workings of these 3 regexes, and if there are any performance issues or subtleties under the hood to be aware of.&lt;/p&gt;
&lt;p&gt;To be clear, I am aware that there are libraries for parsing WKT in various languages. My question is purely about the relative behavior of number extracting regexes.&lt;/p&gt;</t>
  </si>
  <si>
    <t>2014-03-12 15:22:53.403000+00:00</t>
  </si>
  <si>
    <t>2014-03-12 17:26:54.520000+00:00</t>
  </si>
  <si>
    <t>2017-05-23 10:26:59.793000+00:00</t>
  </si>
  <si>
    <t>regex|wkt</t>
  </si>
  <si>
    <t>IPhone - free up memory</t>
  </si>
  <si>
    <t>&lt;p&gt;Is there a programmatic way to free up an iPhone's memory that is as effective as rebooting an iPhone?&lt;/p&gt;
&lt;p&gt;Thanks a lot.&lt;/p&gt;</t>
  </si>
  <si>
    <t>2011-05-28 19:23:18.523000+00:00</t>
  </si>
  <si>
    <t>2011-05-28 20:42:41.947000+00:00</t>
  </si>
  <si>
    <t>iphone|objective-c|memory</t>
  </si>
  <si>
    <t>Convert a single hex character to its byte value in java</t>
  </si>
  <si>
    <t>&lt;p&gt;I have a single hexadecimal character, say&lt;/p&gt;
&lt;pre&gt;&lt;code&gt;char c = 'A';
&lt;/code&gt;&lt;/pre&gt;
&lt;p&gt;What's the proper way of converting that to its integer value &lt;/p&gt;
&lt;pre&gt;&lt;code&gt;int value =??; 
assert(a == 10);
&lt;/code&gt;&lt;/pre&gt;
&lt;p&gt;Doesn't matter really for now if &lt;strong&gt;a&lt;/strong&gt; is an int or a byte.&lt;/p&gt;</t>
  </si>
  <si>
    <t>2009-07-11 18:42:26.070000+00:00</t>
  </si>
  <si>
    <t>2009-11-09 17:52:10.860000+00:00</t>
  </si>
  <si>
    <t>java|hex</t>
  </si>
  <si>
    <t>How to set loading icon for transition between pages?</t>
  </si>
  <si>
    <t>&lt;pre&gt;&lt;code&gt;$(window).load(function() {
    $('#loading').hide();
    $('#container').show();
});
&lt;/code&gt;&lt;/pre&gt;
&lt;p&gt;In all my php file, I have above mentioned code for displaying loading icon till the page loads. For example : If I execute &lt;code&gt;index.php&lt;/code&gt;, loading icon will be shown till &lt;code&gt;index.php&lt;/code&gt; gets fully loaded.If it is redirected to &lt;code&gt;example.php&lt;/code&gt; when redirecting, no loading icon is displayed, its fully blank. And if it is redirected fully then loading icon is displayed till that page loads fully.&lt;/p&gt;
&lt;p&gt;&lt;strong&gt;Expected:&lt;/strong&gt;
When redirecting to next page, in that meanwhile too I need loading icon to be displayed . &lt;/p&gt;
&lt;p&gt;so How to display loading icon between the transition of pages?&lt;/p&gt;</t>
  </si>
  <si>
    <t>2015-03-13 09:12:06.923000+00:00</t>
  </si>
  <si>
    <t>2015-03-13 09:27:56.190000+00:00</t>
  </si>
  <si>
    <t>2015-03-13 09:24:40.690000+00:00</t>
  </si>
  <si>
    <t>javascript|php|jquery|html|loading</t>
  </si>
  <si>
    <t>Qt moving slots function to another cpp file</t>
  </si>
  <si>
    <t>&lt;p&gt;I have a Qt project made by Qt creator.
I let the creator itself generate a private slots function fx. on_pushbutton_clicked().
This function is declared in header, the function itself is in the cpp file created by the Qt creator.
When I move the function from cpp file generated by Qt creator to another cpp file (it is added in the project, it has the same includes as the generated cpp.
When I try to compile it, I get lnk2019 error.
Is there any way to have slots functions in different files?
I am using VC compiler.
Okay, here is extract from the code. (it is quite long)
gui.h&lt;/p&gt;
&lt;pre&gt;&lt;code&gt;#ifndef GUI_H
#define GUI_H
#include &amp;lt;QMainWindow&amp;gt;
#include "buffer.h"
#include &amp;lt;string&amp;gt;
#include &amp;lt;map&amp;gt;
#include &amp;lt;math.h&amp;gt;
#include &amp;lt;sstream&amp;gt;
#include &amp;lt;stdlib.h&amp;gt;
#include "qcustomplot.h"
#include &amp;lt;limits&amp;gt;
#include &amp;lt;time.h&amp;gt;
#include &amp;lt;random&amp;gt;
namespace Ui {
class GUI;
}
class GUI : public QMainWindow
{
    Q_OBJECT
public:
    explicit GUI(QWidget *parent = 0);
    ~GUI();
private slots:
    void on_setall_clicked();
    void on_integrace_button_clicked();
    void on_elipsy_button_clicked();
    void on_grafy_button_clicked();
private:
    Ui::GUI *ui;
};
#endif // GUI_H
&lt;/code&gt;&lt;/pre&gt;
&lt;p&gt;gui.cpp&lt;/p&gt;
&lt;pre&gt;&lt;code&gt;#include "gui.h"
#include "ui_gui.h"
double drand(double from, double to){
    double f = (double)rand()/RAND_MAX;
    return from + f * (to - from);
}
GUI::GUI(QWidget *parent) :
    QMainWindow(parent),
    ui(new Ui::GUI)
{
    ui-&amp;gt;setupUi(this);
    srand(time(0));
}
GUI::~GUI()
{
    delete ui;
}
void GUI::on_setall_clicked(){...};
void GUI::on_grafy_button_clicked(){...};
void GUI::on_integrace_button_clicked(){...};
&lt;/code&gt;&lt;/pre&gt;
&lt;p&gt;elipsy.cpp&lt;/p&gt;
&lt;pre&gt;&lt;code&gt;#include "gui.h"
void GUI::on_elipsy_button_clicked(){...};
&lt;/code&gt;&lt;/pre&gt;
&lt;p&gt;GUI.pro&lt;/p&gt;
&lt;pre&gt;&lt;code&gt;#-------------------------------------------------
#
# Project created by QtCreator 2013-03-27T09:01:31
#
#-------------------------------------------------
QT       += core gui
greaterThan(QT_MAJOR_VERSION, 4): QT += widgets printsupport
TARGET = GUI
TEMPLATE = app
SOURCES += main.cpp\
        gui.cpp \
    solve_rpn.cpp \
    shunting_yard.cpp \
    qcustomplot.cpp \
    elipsy.cpp \
    grafy.cpp \
    integrace.cpp
HEADERS  += gui.h \
    buffer.h \
    qcustomplot.h
FORMS    += gui.ui
&lt;/code&gt;&lt;/pre&gt;
&lt;p&gt;And the error code it gives me when i try to compile with the function elipsy_button_clicked() in file other than gui.cpp&lt;/p&gt;
&lt;pre&gt;&lt;code&gt;moc_gui.obj:-1: Chyba:LNK2019: unresolved external symbol "private: void __cdecl GUI::on_elipsy_button_clicked(void)" (?on_elipsy_button_clicked@GUI@@AEAAXXZ) referenced in function "private: static void __cdecl GUI::qt_static_metacall(class QObject *,enum QMetaObject::Call,int,void * *)" (?qt_static_metacall@GUI@@CAXPEAVQObject@@W4Call@QMetaObject@@HPEAPEAX@Z)
debug\GUI.exe:-1: Chyba:LNK1120: 1 unresolved externals
&lt;/code&gt;&lt;/pre&gt;
&lt;p&gt;Well, in case you need the entire sourcecode, I uploaded it
&lt;a href="http://seed.gweana.eu/public/GUI.7z" rel="nofollow"&gt;http://seed.gweana.eu/public/GUI.7z&lt;/a&gt;&lt;/p&gt;
&lt;p&gt;FIXED: The file was ignored by the project, running qmake again solved the issue. Many thanks for the answers :)&lt;/p&gt;</t>
  </si>
  <si>
    <t>2014-01-20 08:01:11.720000+00:00</t>
  </si>
  <si>
    <t>2014-01-23 11:05:10.140000+00:00</t>
  </si>
  <si>
    <t>c++|qt|visual-c++|qt-creator|slots</t>
  </si>
  <si>
    <t>The following cacheable resources have a short freshness lifetime</t>
  </si>
  <si>
    <t>&lt;p&gt;I have tested my website using &lt;a href="https://tools.pingdom.com/" rel="nofollow noreferrer"&gt;pingdom&lt;/a&gt; .&lt;/p&gt;
&lt;p&gt;Its showing :&lt;/p&gt;
&lt;p&gt;The following cacheable resources have a short freshness lifetime. Specify an expiration at least one week in the future for the following resources:&lt;/p&gt;
&lt;p&gt;&lt;a href="http://maps.googleapis.com/maps/api/js" rel="nofollow noreferrer"&gt;http://maps.googleapis.com/maps/api/js&lt;/a&gt;&lt;/p&gt;
&lt;p&gt;&lt;a href="http://nht-2.extreme-dm.com/t.js" rel="nofollow noreferrer"&gt;http://nht-2.extreme-dm.com/t.js&lt;/a&gt;&lt;/p&gt;
&lt;p&gt;&lt;a href="http://fonts.googleapis.com/css?family=Oswald:400,700,300&amp;amp;subset=latin" rel="nofollow noreferrer"&gt;http://fonts.googleapis.com/css?family=Oswald:400,700,300&amp;amp;subset=latin&lt;/a&gt;&lt;/p&gt;
&lt;p&gt;&lt;a href="http://fonts.googleapis.com/css?family=Patua+One&amp;amp;ver=4.8" rel="nofollow noreferrer"&gt;http://fonts.googleapis.com/css?family=Patua+One&amp;amp;ver=4.8&lt;/a&gt;&lt;/p&gt;
&lt;p&gt;&lt;a href="http://fonts.googleapis.com/css?family=Roboto&amp;amp;ver=4.8" rel="nofollow noreferrer"&gt;http://fonts.googleapis.com/css?family=Roboto&amp;amp;ver=4.8&lt;/a&gt;&lt;/p&gt;
&lt;p&gt;I have given below code in htaccess , but its showing the same.&lt;/p&gt;
&lt;pre&gt;&lt;code&gt;## EXPIRES CACHING ##
&amp;lt;IfModule mod_expires.c&amp;gt;
ExpiresActive On
ExpiresByType image/jpg "access 1 year"
ExpiresByType image/jpeg "access 1 year"
ExpiresByType image/gif "access 1 year"
ExpiresByType image/png "access 1 year"
ExpiresByType text/css "access 1 month"
ExpiresByType application/pdf "access 1 month"
ExpiresByType text/x-javascript "access 1 month"
ExpiresByType application/x-shockwave-flash "access 1 month"
ExpiresByType image/x-icon "access 1 year"
ExpiresDefault "access plus 1 year"
&amp;lt;/IfModule&amp;gt;
## EXPIRES CACHING ##
&lt;/code&gt;&lt;/pre&gt;</t>
  </si>
  <si>
    <t>2017-07-05 10:05:02.520000+00:00</t>
  </si>
  <si>
    <t>Jquery dynamic Adding Row to HtmlDatatable not validating?</t>
  </si>
  <si>
    <t>&lt;p&gt;I have a form which shows &lt;code&gt;Center Details&lt;/code&gt; and its &lt;code&gt;PartnerDetails&lt;/code&gt; in the same page.During the edit page scenario I have bound all the current partner details along with the provision to &lt;code&gt;Add New Row&lt;/code&gt; if new &lt;code&gt;Partners&lt;/code&gt;are to be added.&lt;/p&gt;
&lt;p&gt;The &lt;code&gt;jquery unobstrusive validation&lt;/code&gt; shows successfully for the currently bounded items,but it new row is added no validation is performed for the newly added row.&lt;/p&gt;
&lt;p&gt;&lt;strong&gt;HTML DataTable is&lt;/strong&gt;&lt;/p&gt;
&lt;pre&gt;&lt;code&gt;&amp;lt;table id="tblPartnerDetails" class="table table-bordered table-hover"&amp;gt;
  &amp;lt;thead&amp;gt;
       &amp;lt;tr&amp;gt;
          &amp;lt;th&amp;gt;&amp;lt;/th&amp;gt;
          &amp;lt;th&amp;gt;Name&amp;lt;/th&amp;gt;
          &amp;lt;th&amp;gt;ContactNo&amp;lt;/th&amp;gt;
          &amp;lt;th&amp;gt;EmailId&amp;lt;/th&amp;gt;
          &amp;lt;th&amp;gt;Alt ContactNo&amp;lt;/th&amp;gt;
          &amp;lt;th&amp;gt;Alt EmailId&amp;lt;/th&amp;gt;
          &amp;lt;th&amp;gt;&amp;lt;/th&amp;gt;
       &amp;lt;/tr&amp;gt;
       &amp;lt;/thead&amp;gt;
           &amp;lt;tbody&amp;gt;
               @for (int i = 0; i &amp;lt; Model.CenterCodePartnerDetail.Count; i++)
               {
                  &amp;lt;tr&amp;gt;
                      @Html.HiddenFor(m =&amp;gt; Model.CenterCodePartnerDetail[i].Id)
                      &amp;lt;td class="slno"&amp;gt;
                           @Convert.ToInt32(i + 1)
                      &amp;lt;/td&amp;gt;
                      &amp;lt;td&amp;gt;
                           @Html.TextBoxFor(m =&amp;gt; m.CenterCodePartnerDetail[i].PartnerName,
                           new { @class = "form-control PartnerName", @placeholder = "PartnerName" })
                           @Html.ValidationMessageFor(m =&amp;gt; m.CenterCodePartnerDetail[i].PartnerName)
                      &amp;lt;/td&amp;gt;
                      &amp;lt;td&amp;gt;
                          @Html.TextBoxFor(m =&amp;gt; m.CenterCodePartnerDetail[i].ContactNumber,
                          new { @class = "form-control ContactNumber numberOnly", @placeholder = "ContactNumber", @id = "txtContactNumber" })
                          @Html.ValidationMessageFor(m =&amp;gt; m.CenterCodePartnerDetail[i].ContactNumber)
                      &amp;lt;/td&amp;gt;
                      &amp;lt;td&amp;gt;
                          @Html.TextBoxFor(m =&amp;gt; m.CenterCodePartnerDetail[i].EmailId,
                         new { @class = "form-control EmailId", @placeholder = "Email", @id = "txtEmailId" })
                          @Html.ValidationMessageFor(m =&amp;gt; m.CenterCodePartnerDetail[i].EmailId)
                      &amp;lt;/td&amp;gt;
                      &amp;lt;td&amp;gt;
                          @Html.TextBoxFor(m =&amp;gt; m.CenterCodePartnerDetail[i].AltContactNumber,
                           new { @class = "form-control AltContactNumber numberOnly", @placeholder = "AltContactNo", @id = "txtAltContactNo" })
                          @Html.ValidationMessageFor(m =&amp;gt; m.CenterCodePartnerDetail[i].AltContactNumber)
                      &amp;lt;/td&amp;gt;
                      &amp;lt;td&amp;gt;
                          @Html.TextBoxFor(m =&amp;gt; m.CenterCodePartnerDetail[i].AltEmailId,
                         new { @class = "form-control AltEmailId", @placeholder = "AltContactNo", @id = "txtAltEmailId" })
                          @Html.ValidationMessageFor(m =&amp;gt; m.CenterCodePartnerDetail[i].AltEmailId)
                      &amp;lt;/td&amp;gt;
                &amp;lt;/tr&amp;gt;
               }
          &amp;lt;/tbody&amp;gt;
          &amp;lt;tfoot&amp;gt;
                &amp;lt;tr&amp;gt;
                   &amp;lt;th colspan="6"&amp;gt;
                        &amp;lt;button  id="btnAddRow" class="btn btn-sm btn-info pull-right "&amp;gt;
                        &amp;lt;i class="fa  fa-plus"&amp;gt;&amp;lt;/i&amp;gt;
                                                Add Row
                        &amp;lt;/button&amp;gt;
                   &amp;lt;/th&amp;gt;
                &amp;lt;/tr&amp;gt;
        &amp;lt;/tfoot&amp;gt;       
&lt;/code&gt;&lt;/pre&gt;
&lt;p&gt;&lt;/p&gt;
&lt;p&gt;&lt;strong&gt;Jquery AddRow function is&lt;/strong&gt;&lt;/p&gt;
&lt;pre class="lang-js prettyprint-override"&gt;&lt;code&gt;$(document).on("click", "#btnAddRow", function(e) {
  var rowCount = $('#tblPartnerDetails tbody tr').length;
  AddRow(rowCoun);
  return false;
});
var AddRow = function(rows) {
  var slno = parseInt(rows + 1);
  var i = parseInt(rows);
  var $row = $('&amp;lt;tr/&amp;gt;');
  $row.append(' &amp;lt;td class="slno"&amp;gt;' + slno + '&amp;lt;/td&amp;gt;');
  $row.append(' &amp;lt;td&amp;gt;&amp;lt;input name="CenterCodePartnerDetail[' + i + '].PartnerName" type="text" class="form-control capitalise  PartnerName valid" data-val="true" data-val-required="PartnerName" placeholder="PartnerName"  /&amp;gt;'
 + '&amp;lt;span class="field-validation-valid spanPartnerName" data-valmsg-for="CenterCodePartnerDetail[' + i + '].PartnerName" data-valmsg-replace="true"&amp;gt;&amp;lt;/span&amp;gt; &amp;lt;/td&amp;gt;');
  $row.append(' &amp;lt;td&amp;gt;&amp;lt;input name="CenterCodePartnerDetail[' + i + '].ContactNumber" type="text" class="form-control  ContactNumber numberOnly" data-val="true" data-val-required="ContactNumber" placeholder="ContactNo" id="txtContactNumber" /&amp;gt;' 
+ '&amp;lt;span class="field-validation-valid spanContactNumber" data-valmsg-for="CenterCodePartnerDetail[' + i + '].ContactNumber" data-valmsg-replace="true"&amp;gt;&amp;lt;/span&amp;gt; &amp;lt;/td&amp;gt;');
  $row.append(' &amp;lt;td&amp;gt;&amp;lt;input name="CenterCodePartnerDetail[' + i + '].EmailId" type="text" class="form-control  EmailId" data-val="true" data-val-required="EmailId" data-val-email="Invalid EmailId" placeholder="EmailId" id="txtEmailId" /&amp;gt;' 
+ '&amp;lt;span class="field-validation-valid spanEmailId" data-valmsg-for="CenterCodePartnerDetail[' + i + '].EmailId" data-valmsg-replace="true"&amp;gt;&amp;lt;/span&amp;gt; &amp;lt;/td&amp;gt;');
  $row.append(' &amp;lt;td&amp;gt;&amp;lt;input name="CenterCodePartnerDetail[' + i + '].AltContactNumber" type="text" class="form-control  AltContactNumber numberOnly" data-val="true" data-val-required="AltContactNumber" placeholder="AltContactNo" id="txtAltContactNumber" /&amp;gt;' 
+ '&amp;lt;span class="field-validation-valid spanAltContactNumber" data-valmsg-for="CenterCodePartnerDetail[' + i + '].AltContactNumber" data-valmsg-replace="true"&amp;gt;&amp;lt;/span&amp;gt; &amp;lt;/td&amp;gt;');
  $row.append(' &amp;lt;td&amp;gt;&amp;lt;input name="CenterCodePartnerDetail[' + i + '].AltEmailId" type="text" class="form-control  AltEmailId"  data-val="true" data-val-required="AltContactNumber" data-val-email="Invalid EmailId" placeholder="AltEmailId" id="txtAltContactNumber" /&amp;gt;' 
+ '&amp;lt;span class="field-validation-valid spanAltEmailId" data-valmsg-for="CenterCodePartnerDetail[' + i + '].AltEmailId" data-valmsg-replace="true"&amp;gt;&amp;lt;/span&amp;gt; &amp;lt;/td&amp;gt;');
  $row.append('&amp;lt;td&amp;gt;&amp;lt;div class="tools"&amp;gt;&amp;lt;a class="btn rowDelete"&amp;gt;&amp;lt;i class="fa  fa-trash-o " style="color:red"&amp;gt;&amp;lt;/i&amp;gt;&amp;lt;/a&amp;gt;&amp;lt;/div&amp;gt;&amp;lt;/td&amp;gt;');
  $("#tblPartnerDetails tbody tr:last").after($row);
};
&lt;/code&gt;&lt;/pre&gt;
&lt;p&gt;&lt;strong&gt;Center Class is&lt;/strong&gt;&lt;/p&gt;
&lt;pre&gt;&lt;code&gt;public class CenterCodePartnerDetailsMetaData
{
    [Required(ErrorMessage = "PartnerName", AllowEmptyStrings = false)]
    public string PartnerName { get; set; }
    [Required(ErrorMessage = "ContactNumber", AllowEmptyStrings = false)]
    public string ContactNumber { get; set; }
    [Required(ErrorMessage = "EmailId", AllowEmptyStrings = false)]
    [EmailAddress(ErrorMessage="Invalid EmailId")]
    public string EmailId { get; set; }
    [Required(ErrorMessage = "AltContactNumber", AllowEmptyStrings = false)]
    public string AltContactNumber { get; set; }
    [Required(ErrorMessage = "AltEmailId", AllowEmptyStrings = false)]
    [EmailAddress(ErrorMessage = "Invalid EmailId")]
    public string AltEmailId { get; set; }
}
&lt;/code&gt;&lt;/pre&gt;</t>
  </si>
  <si>
    <t>2015-10-21 07:14:32.023000+00:00</t>
  </si>
  <si>
    <t>2015-10-21 12:54:02.480000+00:00</t>
  </si>
  <si>
    <t>jquery|asp.net-mvc-4|jquery-validate|unobtrusive-validation</t>
  </si>
  <si>
    <t>How To Extract SFTP SSH Key From Key Cache in FileZilla FTP Client</t>
  </si>
  <si>
    <t>&lt;p&gt;I have connected to a server via SFTP using FileZilla and accepted adding the server's SSH key to the key cache in FileZilla.  &lt;/p&gt;
&lt;p&gt;How can I extract this cached key to a keyfile so that may use it through other SFTP applications that require a keyfile be made available?  &lt;/p&gt;
&lt;p&gt;I have not been able to find anything in the FileZilla documentation related to this.&lt;/p&gt;</t>
  </si>
  <si>
    <t>2008-09-04 16:09:20.777000+00:00</t>
  </si>
  <si>
    <t>2018-04-16 14:32:29.797000+00:00</t>
  </si>
  <si>
    <t>Dougman</t>
  </si>
  <si>
    <t>ftp|sftp|filezilla</t>
  </si>
  <si>
    <t>Bootstrap popover on list data-bind</t>
  </si>
  <si>
    <t>&lt;p&gt;I have a list of elements with fields like 'Category', 'Name' and 'Value' that I bind inside a table: &lt;/p&gt;
&lt;pre&gt;&lt;code&gt;&amp;lt;table class="table" data-bind="visible: document.pvm.tehnicalTab().length &amp;gt; 0"&amp;gt;
   &amp;lt;thead&amp;gt;
      &amp;lt;tr&amp;gt;
         &amp;lt;td&amp;gt;Category&amp;lt;/td&amp;gt;
         &amp;lt;td&amp;gt;Name[86, 0]&amp;lt;/td&amp;gt;
         &amp;lt;td&amp;gt;Value[439, 0]&amp;lt;/td&amp;gt;
      &amp;lt;/tr&amp;gt;
   &amp;lt;/thead&amp;gt;
   &amp;lt;tbody data-bind="foreach: elemList()"&amp;gt;
      &amp;lt;tr&amp;gt;
         &amp;lt;td data-bind="text: $data.Category"&amp;gt;&amp;lt;/td&amp;gt;
         &amp;lt;td data-bind="text: $data.Name"&amp;gt;&amp;lt;/td&amp;gt;
         &amp;lt;td data-bind="text: $data.Value"&amp;gt;&amp;lt;/td&amp;gt;
      &amp;lt;/tr&amp;gt;
   &amp;lt;/tbody&amp;gt;
&lt;/code&gt;&lt;/pre&gt;
&lt;p&gt;&lt;/p&gt;
&lt;p&gt;I'm trying to add a popover for each Value field that will display a message with a random number.&lt;/p&gt;
&lt;p&gt;I added:&lt;/p&gt;
&lt;pre&gt;&lt;code&gt; &amp;lt;div data-bind='component: "tehnical-val"'&amp;gt;&amp;lt;/div&amp;gt;
&lt;/code&gt;&lt;/pre&gt;
&lt;p&gt;inside the Value field :&lt;/p&gt;
&lt;pre&gt;&lt;code&gt;&amp;lt;td data-bind="text: $data.Value"&amp;gt;
   &amp;lt;div data-bind='component: "tehnical-val"'&amp;gt;&amp;lt;/div&amp;gt;
&amp;lt;/td&amp;gt;
&lt;/code&gt;&lt;/pre&gt;
&lt;p&gt;and the javascript for it:&lt;/p&gt;
&lt;pre&gt;&lt;code&gt;    ko.components.register('tehnical-val', {
template: '&amp;lt;a href="#" data-toggle="popover" data-trigger="focus" data-html="true" data-placement="right" container="body" tabindex="0" data-contentwrapper=".cartContent" data-original-title="" title=""&amp;gt;' +
    'VID=7' + '&amp;lt;/a&amp;gt;'
        });
&lt;/code&gt;&lt;/pre&gt;
&lt;p&gt;But when I click one of the labels with a value from the list nothing happen.
Is there a way to add a popover on a list data-bind fields?&lt;/p&gt;</t>
  </si>
  <si>
    <t>2016-10-20 15:17:39.670000+00:00</t>
  </si>
  <si>
    <t>2016-10-26 19:24:59.493000+00:00</t>
  </si>
  <si>
    <t>2016-10-20 17:03:33.933000+00:00</t>
  </si>
  <si>
    <t>javascript|knockout.js|bootstrapping</t>
  </si>
  <si>
    <t>How do I return only a truncated portion of a field in SOLR?</t>
  </si>
  <si>
    <t>&lt;p&gt;I have a really large (5000+ characters) text field in SOLR named &lt;strong&gt;Description&lt;/strong&gt;.  So far it works great for searching and highlighting.  If I perform a search and there are no highlighted portions then I just show the first 300 characters.  What I would like to do is just return the 300 characters in the result from SOLR.&lt;/p&gt;
&lt;p&gt;I would like to do this because when testing I get improved performance if I return a smaller result.  This is probably because the XML doc is smaller so less time on the wire and then the processing is faster because the doc is smaller.&lt;/p&gt;
&lt;p&gt;I have thought of using a new field that just stored the first 300 characters.  I think this would work, but I was wondering if there was a better or more native solution.&lt;/p&gt;</t>
  </si>
  <si>
    <t>2010-08-10 19:27:54.853000+00:00</t>
  </si>
  <si>
    <t>2010-08-11 09:46:08.183000+00:00</t>
  </si>
  <si>
    <t>solr</t>
  </si>
  <si>
    <t>PHP JSON generation problems</t>
  </si>
  <si>
    <t>&lt;p&gt;The code below should send back an json with informations in a Database.&lt;/p&gt;
&lt;p&gt;It takes two parameters grade and subject. The problem ist, when I use parameters are not in the database behind everything works as expected no entry, but if it would get an answer from the database nothing appears. I mean really nothing. The values i need are there i tried this and no errors are logged into the logging file. As server runs apache2 with php5.6.22 on Debian. I don't know what i did wrong. Hopefully someone can help me.&lt;/p&gt;
&lt;p&gt;The Code:&lt;/p&gt;
&lt;pre&gt;&lt;code&gt;case 'get_books':
    $grade = $_GET['grade'];
    $subject = $_GET['subject'];
    $sqlt = "SELECT * FROM book_type WHERE subject=".$subject." AND grade=".$grade;
    $sql = mysqli_query($db, $sqlt);
    if(!$sql){
        print(json_encode(array('response' =&amp;gt; 2)));
        die();
    }
    $response = array();
    $response['books'] = array();
    while($row=mysqli_fetch_assoc($sql)) {
        $book = array();
        $book['fullname'] = $row ["fullname"];
        $book['ISBN'] = $row ["ISBN"];
        $book['id'] = $row ["id"];
        array_push($response['books'], $book);
    }
    $response['response'] = "1";
    print(json_encode($response));
    die();
&lt;/code&gt;&lt;/pre&gt;</t>
  </si>
  <si>
    <t>2016-06-21 13:56:19.303000+00:00</t>
  </si>
  <si>
    <t>2016-06-21 14:48:13.343000+00:00</t>
  </si>
  <si>
    <t>2016-06-21 14:11:40.290000+00:00</t>
  </si>
  <si>
    <t>php|html|arrays|json|php-5.6</t>
  </si>
  <si>
    <t>How does gcc handle -Wtype-limits?</t>
  </si>
  <si>
    <t>&lt;p&gt;I'm testing a small code snippet with &lt;em&gt;gcc 4.4.5&lt;/em&gt; and &lt;code&gt;-Wtype-limits&lt;/code&gt; option on.&lt;/p&gt;
&lt;pre&gt;&lt;code&gt;#include &amp;lt;assert.h&amp;gt;
#include &amp;lt;limits.h&amp;gt;
#include &amp;lt;stdint.h&amp;gt;
int main(void)
{
    /* With other values of v, the behavior of the compiler is the same. */
    uint16_t v = 0; 
    assert((unsigned int)INT_MAX &amp;lt; (unsigned int)v); /* l. 7 */
    return 0;
}
&lt;/code&gt;&lt;/pre&gt;
&lt;p&gt;Then, the compiler throws me the following warning:&lt;/p&gt;
&lt;p&gt;&lt;code&gt;main.c:7: warning: comparison is always false due to limited range of data type&lt;/code&gt;&lt;/p&gt;
&lt;p&gt;However, as far as I know, &lt;code&gt;INT_MAX&lt;/code&gt; may be equal to &lt;code&gt;+32767&lt;/code&gt; (from &lt;em&gt;C11 (n1570), �� 5.2.4.2.1 Sizes of integer types &lt;code&gt;&amp;lt;limits.h&amp;gt;&lt;/code&gt;&lt;/em&gt;). In that case, the variable &lt;code&gt;v&lt;/code&gt; would be able to hold the value &lt;code&gt;INT_MAX+1&lt;/code&gt;, and the expression in &lt;code&gt;assert&lt;/code&gt; would be evaluated to &lt;code&gt;1&lt;/code&gt;.&lt;/p&gt;
&lt;p&gt;Therefore, I can see two issues:&lt;/p&gt;
&lt;ul&gt;
&lt;li&gt;GCC takes in account my architecture, because, in fact, &lt;code&gt;INT_MAX&lt;/code&gt; is not equal to &lt;code&gt;+32767&lt;/code&gt;. In that case, it would reduce the benefits of &lt;code&gt;-Wtype-limits&lt;/code&gt; for me.&lt;/li&gt;
&lt;li&gt;It is a bug. &lt;/li&gt;
&lt;/ul&gt;
&lt;p&gt;What it makes me think about the second option is the following code, which doesn't produce any warning with the same options.&lt;/p&gt;
&lt;pre&gt;&lt;code&gt;#include &amp;lt;assert.h&amp;gt;
#include &amp;lt;limits.h&amp;gt;
#include &amp;lt;stdint.h&amp;gt;
int main(void)
{
    assert((unsigned int)INT_MAX &amp;lt; (unsigned int)UINT16_MAX);
    return 0;
}
&lt;/code&gt;&lt;/pre&gt;
&lt;p&gt;So, what is the correct answer?&lt;/p&gt;
&lt;p&gt;&lt;em&gt;PS:&lt;/em&gt; By the way, I have to apologize because of my old version of &lt;em&gt;gcc&lt;/em&gt;. Maybe the behavior of the next releases is different.&lt;/p&gt;</t>
  </si>
  <si>
    <t>2013-04-24 17:28:59.483000+00:00</t>
  </si>
  <si>
    <t>2013-04-24 19:11:26.567000+00:00</t>
  </si>
  <si>
    <t>2013-04-24 17:36:17.853000+00:00</t>
  </si>
  <si>
    <t>c|gcc|types</t>
  </si>
  <si>
    <t>Username/password login for Sharepoint</t>
  </si>
  <si>
    <t>&lt;p&gt;Is it possible to configure MOSS 2007 to display an HTML-based username/password from to unauthenticated users, instead of using digest authentication (which displays a basic authentication like popup in the browser).&lt;/p&gt;
&lt;p&gt;Outlook Web Access has this option built in.&lt;/p&gt;
&lt;p&gt;Is the same possible for MOSS 2007?&lt;/p&gt;</t>
  </si>
  <si>
    <t>2011-03-25 15:19:52.720000+00:00</t>
  </si>
  <si>
    <t>2011-03-25 22:10:41.923000+00:00</t>
  </si>
  <si>
    <t>2011-03-25 15:23:35.587000+00:00</t>
  </si>
  <si>
    <t>sharepoint|sharepoint-2007|forms-authentication</t>
  </si>
  <si>
    <t>Android handling HTTP response</t>
  </si>
  <si>
    <t>&lt;p&gt;I've just started writing my first Android app and I face a problem. I don't know how to correctly handle a HTTP response. I've found way to create a GET request (with okhttp) and found the way, to handle response with Callable. I'm getting array of my objects, and then need to create new adapter for RecycleView (with this array), but I can't set the adapter from the main thread. I don't know how to get Data from that Callable.&lt;/p&gt;
&lt;p&gt;Making request&lt;/p&gt;
&lt;pre&gt;&lt;code&gt; public static void getDonerPoints() {
    try {
        OkHttpClient client = new OkHttpClient();
        Request request = new Request.Builder()
                .url("http://192.168.2.64:9000/donerPoint/get?count=100&amp;amp;orderBy=rating&amp;amp;orderDirection=asc")
                .build();
        client.newCall(request).enqueue(
                new Callback() {
                    @Override
                    public void onFailure(Call call, IOException e) {
                        Log.d("mLog", "request error");
                    }
                    @Override
                    public void onResponse(Call call, Response response) throws IOException {
                        try {
                            final ArrayList&amp;lt;DonerPoint&amp;gt; points = new ArrayList&amp;lt;&amp;gt;();
                            if (response.code() == HttpURLConnection.HTTP_OK) {
                                JSONArray jsonArray = new JSONArray(response.body().string());
                                ObjectMapper mapper = new ObjectMapper();
                                for (int i = 0; i &amp;lt; jsonArray.length(); i++)
                                    points.add(mapper.readValue(jsonArray.getString(i), DonerPoint.class));
                                ListFragment.setNewContentForAdapter(points);
                                Log.d("mLog", "ok");
                            }
                        } catch (Exception exc) {
                            Log.d("mLog", exc.toString());
                        }
                    }
                });
    } catch (Exception exc) {
    }
}
&lt;/code&gt;&lt;/pre&gt;
&lt;p&gt;Setting Adapter&lt;/p&gt;
&lt;pre&gt;&lt;code&gt;@Override
public View onCreateView(LayoutInflater inflater, ViewGroup container,
                         Bundle savedInstanceState) {
    View rootView = inflater.inflate(R.layout.list_tab, container, false);
    mRecyclerView = (RecyclerView) rootView.findViewById(R.id.rv);
    mLayoutManager = new LinearLayoutManager(getContext());
    mRecyclerView.setLayoutManager(mLayoutManager);
    return rootView;
}
public static void setNewContentForAdapter(List&amp;lt;DonerPoint&amp;gt; points){
    mAdapter=new PointAdapter(points);
    mRecyclerView.setAdapter(mAdapter);
}
&lt;/code&gt;&lt;/pre&gt;
&lt;p&gt;And Excexption&lt;/p&gt;
&lt;pre&gt;&lt;code&gt;android.view.ViewRootImpl$CalledFromWrongThreadException: Only the original thread that created a view hierarchy can touch its views.
&lt;/code&gt;&lt;/pre&gt;
&lt;p&gt;Maybe i need to do it not in static context?&lt;/p&gt;</t>
  </si>
  <si>
    <t>2016-09-15 20:29:51.060000+00:00</t>
  </si>
  <si>
    <t>2016-09-18 10:34:48.593000+00:00</t>
  </si>
  <si>
    <t>2016-09-16 08:53:27.907000+00:00</t>
  </si>
  <si>
    <t>android|http|request|okhttp</t>
  </si>
  <si>
    <t>Ubuntu 17.04 - PHP 5.6 and 7.0</t>
  </si>
  <si>
    <t>&lt;p&gt;I am using Ubuntu 17.04 with PHP 7 installed. Now, I have another need for some older projects, is it possible to keep two versions of PHP installed on my workstation? If yes, how could I toggle the X and Y version on / off.&lt;/p&gt;</t>
  </si>
  <si>
    <t>2017-06-30 17:30:58.503000+00:00</t>
  </si>
  <si>
    <t>2017-06-30 17:33:59.167000+00:00</t>
  </si>
  <si>
    <t>php|ubuntu|php-7|php-5.6</t>
  </si>
  <si>
    <t>System V Semaphores</t>
  </si>
  <si>
    <t>&lt;p&gt;I'm having some difficulties with System V Semaphores. I'm under the impression that when I call semget() and pass it a unique key, generated by ftok that I will be granted a set of Semaphores, all with the same Semaphore ID. However this seems to only work within the instance of the program, and when I open another program that attempts to access the same set, I end up creating a new set. Here is an example of my attempted allocation.&lt;/p&gt;
&lt;pre&gt;&lt;code&gt;int main(){
     int semID;
     key_t mykey;
     mykey = ftok("paging.c", 'x');
     semID = semget(mykey,7,IPC_CREAT| IPC_EXCL | 0600);
     if(semID &amp;gt; -1){
     for(int i =0; i &amp;lt;7; i++){
         semctl(semID,i,SETVAL,1);}
      }
      else{
        semID = semget(mykey,7,0600);}
&lt;/code&gt;&lt;/pre&gt;</t>
  </si>
  <si>
    <t>2018-11-24 22:19:33.460000+00:00</t>
  </si>
  <si>
    <t>c|semaphore</t>
  </si>
  <si>
    <t>Macro loop to pull data from sheet to sheet stopping when no data resent and not entering 0</t>
  </si>
  <si>
    <t>&lt;p&gt;I am trying to get the data from rows G,H, and I from row 15 down (stopping when there is no data present)from "order sheet", to be pasted in a sheet called ���Data��� in columns M,Q and R from row 8 down.&lt;/p&gt;
&lt;p&gt;I have tried recording a macro, however as this data changes from day to day, my recorded macro stays the same and I don���t have the know how to place an IF formula in macro to stop it when there is no data in origin cell. One day the data will be from row 15 to 50 in the order sheet and the next 15 to 71 (always starts at 15). When I do the macro for say 200 rows so it does cover all rows no matter how many rows it may be, itll then places a zero in the data sheet when nothing present in order sheet cell. What I would like is for it to leave blank if there is no number in the order sheet cell.&lt;/p&gt;
&lt;p&gt;e.g. 
���Order sheet��� column paste to ���Data sheet��� (starting from row 15 down on order sheet and row 8 down on data sheet)
G   to  M /
H   to  Q /
I   to  R&lt;/p&gt;
&lt;p&gt;e.g.
G15 to  M8 /
H16     to  Q9 /
I17 to  R10&lt;/p&gt;
&lt;p&gt;See the basic recorder macro as an idea.&lt;/p&gt;
&lt;p&gt;Thanks in advance&lt;/p&gt;
&lt;pre&gt;&lt;code&gt;ActiveWindow.SmallScroll Down:=-15
Range("M8").Select
ActiveCell.FormulaR1C1 = "='Order Sheet'!R[7]C[-6]"
Range("M8").Select
Selection.AutoFill Destination:=Range("M8:M159"), Type:=xlFillDefault
Range("M8:M159").Select
ActiveWindow.SmallScroll Down:=-135
Range("Q8").Select
ActiveCell.FormulaR1C1 = "='Order Sheet'!R[7]C[-9]"
Range("Q8").Select
Selection.AutoFill Destination:=Range("Q8:Q159"), Type:=xlFillDefault
Range("Q8:Q159").Select
ActiveWindow.SmallScroll Down:=-132
Range("R8").Select
ActiveCell.FormulaR1C1 = "='Order Sheet'!R[7]C[-9]"
Range("R8").Select
Selection.AutoFill Destination:=Range("R8:R159"), Type:=xlFillDefault
Range("R8:R159").Select
ActiveWindow.SmallScroll Down:=-123
Range("I3").Select
&lt;/code&gt;&lt;/pre&gt;</t>
  </si>
  <si>
    <t>2016-06-29 09:35:56.547000+00:00</t>
  </si>
  <si>
    <t>2016-06-29 11:38:45.440000+00:00</t>
  </si>
  <si>
    <t>2016-06-29 09:48:39.403000+00:00</t>
  </si>
  <si>
    <t>excel|vba|excel-vba|spreadsheet</t>
  </si>
  <si>
    <t>Entity Framework Filling IEnurable(Of Cars) --- How do I fill</t>
  </si>
  <si>
    <t>&lt;p&gt;Fellow Coders, How do I use the entity framework to fill a POCO?  In other words I have coded out a Class Called Car with lets say 3 properties&lt;/p&gt;
&lt;pre&gt;&lt;code&gt;Public Class Car
Private _car_id As Int32
Private _car_make As String
Private _car_model As String
Public Sub New(ByVal car_id As Int32, _
               ByVal car_make As String, _
               ByVal car_model As String)
End Sub
Public Property Car_id As Int32
    Get
        Return _car_id
    End Get
    Set(value As Int32)
        _car_id = value
    End Set
End Property
Public Property Car_Make As String
    Get
        Return _Car_Make
    End Get
    Set(value As String)
        _car_make = value
    End Set
End Property
Public Property Car_Model As String
    Get
        Return _car_model
    End Get
    Set(value As String)
        _car_model = value
    End Set
End Property
End Class
&lt;/code&gt;&lt;/pre&gt;
&lt;p&gt;Now I need to populate an IEnumerable to keep a list of my Car Objects for future use and I will need to perform a cross compare on another Entity Call in my code.&lt;/p&gt;
&lt;pre&gt;&lt;code&gt;Public Function GetCars() As IEnumerable(Of CarDB)
Dim data As New List(Of CarDB)
Using ctx As New FundingEntities()
    Dim query = From x In ctx.tbl_cars
    Select New ???????????
&lt;/code&gt;&lt;/pre&gt;
&lt;p&gt;This is where I get lost...  How do I fill my IEnumberabl(Of CarDB)????&lt;/p&gt;
&lt;p&gt;Any good POCO and Entity Coders please lend a hand, so I can get over this hump...&lt;/p&gt;
&lt;p&gt;Thanks&lt;/p&gt;</t>
  </si>
  <si>
    <t>2013-08-29 17:35:23.807000+00:00</t>
  </si>
  <si>
    <t>2013-08-29 19:16:33.043000+00:00</t>
  </si>
  <si>
    <t>vb.net|linq|entity|poco</t>
  </si>
  <si>
    <t>Cannot get instance of usercontrol from aspx page</t>
  </si>
  <si>
    <t>&lt;p&gt;I have a usercontrol and inside the html for the usercontrol, I have the following definition for a Popup control which I am trying to access from my aspx page via javascript.&lt;/p&gt;
&lt;pre&gt;&lt;code&gt;&amp;lt;dx:ASPxPopupControl ID="MainASPxPopupControl"
                ClientInstanceName="MainASPxClientPopupControl"
                runat="server"
                HeaderStyle-HorizontalAlign="Left"
                RenderMode="Lightweight"
                AutoUpdatePosition="true"
                PopupHorizontalAlign="WindowCenter"
                PopupVerticalAlign="WindowCenter"
                OnInit="MainASPxPopupControl_Init"&amp;gt;
&lt;/code&gt;&lt;/pre&gt;
&lt;p&gt;In the code-behind for the usercontrol, I have the following property so my aspx page will be able to access it:&lt;/p&gt;
&lt;pre&gt;&lt;code&gt;public static object MainASPxClientPopupControl { get; set; }
&lt;/code&gt;&lt;/pre&gt;
&lt;p&gt;In the code behind of my aspx page in the Page_load event, I have the following. This prevents the error: "The Controls collection cannot be modified because the control contains code blocks���&lt;/p&gt;
&lt;pre&gt;&lt;code&gt;Page.Header.DataBind();
&lt;/code&gt;&lt;/pre&gt;
&lt;p&gt;In my JS, instead of using:&lt;/p&gt;
&lt;pre&gt;&lt;code&gt;&amp;lt;%=
&lt;/code&gt;&lt;/pre&gt;
&lt;p&gt;which will cause the above error, I am using:&lt;/p&gt;
&lt;pre&gt;&lt;code&gt;&amp;lt;%#
&lt;/code&gt;&lt;/pre&gt;
&lt;p&gt;which is a databinding expression and need for the snippet in my page_load method.&lt;/p&gt;
&lt;p&gt;Here is where the real problem lies...
I have code in a JS function on my aspx page that gets hit, but always displays that the object is null. I am simply trying to get an instance of the object (the popup control in the usercontrol) where I can use it accordingly.&lt;/p&gt;
&lt;pre&gt;&lt;code&gt;var cntrl = document.getElementById('&amp;lt;%# BMCIS.Source.Controls.ManagerSwipe.MainASPxClientPopupControl %&amp;gt;');
cntrl.Show();
&lt;/code&gt;&lt;/pre&gt;
&lt;p&gt;&lt;strong&gt;During debugging, the runtime code is displayed as follows:&lt;/strong&gt;&lt;/p&gt;
&lt;pre&gt;&lt;code&gt;var cntrl = document.getElementById('');
&lt;/code&gt;&lt;/pre&gt;
&lt;p&gt;The error message given is: "Unable to get property 'Show' of undefined or null reference" which obviously means (checked during debugging) that the variable "cntrl" is null and cannot get the instance of the popup control in the user control.&lt;/p&gt;
&lt;p&gt;&lt;strong&gt;How can I successfully get an instance of this control???&lt;/strong&gt;&lt;/p&gt;</t>
  </si>
  <si>
    <t>2013-10-15 21:01:32.703000+00:00</t>
  </si>
  <si>
    <t>2013-10-16 20:08:53.210000+00:00</t>
  </si>
  <si>
    <t>c#|javascript|asp.net|user-controls|devexpress</t>
  </si>
  <si>
    <t>(Matlab) How to modify read only opticalflow object properties</t>
  </si>
  <si>
    <t>&lt;p&gt;I am using Matlab to analyse video optical flow and what I want to do is weighing the optical flow between video frames. &lt;/p&gt;
&lt;p&gt;My problem is I don't know how to modify the &lt;strong&gt;read only&lt;/strong&gt; &lt;strong&gt;&lt;em&gt;opticalFlow&lt;/em&gt;&lt;/strong&gt; object property, specially, &lt;strong&gt;&lt;em&gt;magnitude&lt;/em&gt;&lt;/strong&gt; property.&lt;/p&gt;
&lt;p&gt;Here is my test code (this simple code is on the MathWork help documentation &lt;a href="http://uk.mathworks.com/help/vision/ref/opticalflow-class.html" rel="nofollow"&gt;http://uk.mathworks.com/help/vision/ref/opticalflow-class.html&lt;/a&gt;):&lt;/p&gt;
&lt;pre&gt;&lt;code&gt;opflow = opticalFlow(randn(5,5),randn(5,5))
&lt;/code&gt;&lt;/pre&gt;
&lt;p&gt;check the output, we have:&lt;/p&gt;
&lt;p&gt;opticalFlow with properties:&lt;/p&gt;
&lt;pre&gt;&lt;code&gt;         Vx: [5x5 double]
         Vy: [5x5 double]
Orientation: [5x5 double]
  Magnitude: [5x5 double]
&lt;/code&gt;&lt;/pre&gt;
&lt;p&gt;Then we check the opflow.Magnitude property, we have: &lt;/p&gt;
&lt;pre&gt;&lt;code&gt;&amp;gt;&amp;gt;opflow.Magnitude
ans =
1.1661    1.5809    1.9726    0.2291    0.6722
1.9727    1.2263    3.0523    0.2715    1.2187
2.2791    1.1224    1.0470    1.5235    0.9531
0.9109    3.6688    1.3717    1.4433    1.9629
0.8494    4.0421    1.8548    1.6603    1.2122
&lt;/code&gt;&lt;/pre&gt;
&lt;p&gt;When I try to modify the &lt;strong&gt;&lt;em&gt;opticalFlow&lt;/em&gt;&lt;/strong&gt; object(&lt;strong&gt;&lt;em&gt;opflow&lt;/em&gt;&lt;/strong&gt; here), the Matlab report an error:&lt;/p&gt;
&lt;pre&gt;&lt;code&gt;&amp;gt;&amp;gt; opflow.Magnitude(1,1)=0
You cannot set the read-only property 'Magnitude' of opticalFlow.
&lt;/code&gt;&lt;/pre&gt;
&lt;p&gt;I then checked &lt;strong&gt;setter&lt;/strong&gt; methods and googled some other documents but still cannot find a solution. I know I could copy them out to another matrix and then modify that new matrix, but it will waste memory while calculating optical flow for a long video sequence. &lt;strong&gt;Is there any way I could modify this read only property?&lt;/strong&gt;&lt;/p&gt;</t>
  </si>
  <si>
    <t>2016-07-11 20:55:37.557000+00:00</t>
  </si>
  <si>
    <t>2016-07-11 21:26:20.307000+00:00</t>
  </si>
  <si>
    <t>matlab|computer-vision|matlab-cvst|opticalflow</t>
  </si>
  <si>
    <t>Asp.net MVC-5 working with bootstrap toggle switch</t>
  </si>
  <si>
    <t>&lt;p&gt;I am working on asp.net MVC 5, referring to my question i have added a bootstrap toggle switch in my page, the razor syntax is bellow &lt;/p&gt;
&lt;pre&gt;&lt;code&gt;@using (Html.BeginForm())
{
@Html.AntiForgeryToken()
@Html.ValidationSummary(true)
&amp;lt;fieldset style="height:60px"&amp;gt;
    &amp;lt;legend style="text-align:center;  font-size:large; font-family:'Times New Roman'; background-color:#C8E6C9; color:red"&amp;gt;Remote On/Off&amp;lt;/legend&amp;gt;
    &amp;lt;input id="test_id" name="cmdName" type="checkbox" checked data-toggle="toggle"&amp;gt;
&amp;lt;/fieldset&amp;gt;
}
&lt;/code&gt;&lt;/pre&gt;
&lt;p&gt;This razor syntax is placed in a partial view and is called in a layout&lt;/p&gt;
&lt;p&gt;The generated Switch button is as follows &lt;/p&gt;
&lt;p&gt;&lt;a href="https://i.stack.imgur.com/dVVHa.jpg" rel="nofollow noreferrer"&gt;&lt;img src="https://i.stack.imgur.com/dVVHa.jpg" alt="enter image description here"&gt;&lt;/a&gt;&lt;/p&gt;
&lt;p&gt;Now, i want to pass this On or Off value(string) to my action method. &lt;/p&gt;
&lt;p&gt;For start i have placed a javascript event function and which simply shows me the alert box displaying On or Off with respective switch condition&lt;/p&gt;
&lt;p&gt;My script is as follows &lt;/p&gt;
&lt;pre&gt;&lt;code&gt;&amp;lt;script&amp;gt;     
    $("#test_id").on("change", function (event) {
        if ($(this).is(":checked")) {
            alert("ON");
          } else {
            alert("Off");              
        }
    });   &amp;lt;/script&amp;gt;
&lt;/code&gt;&lt;/pre&gt;
&lt;p&gt;For passing this &lt;strong&gt;On&lt;/strong&gt; or &lt;strong&gt;Off&lt;/strong&gt; i have searched many articles and found that ajax call is used for this purpose so i placed a ajax call in my if and else condition &lt;/p&gt;
&lt;pre&gt;&lt;code&gt;if ($(this).is(":checked")) {
            $.ajax({
                url: '@Url.Action("MultiGraph")',
                data: '{"cmdName": "On"}',
                success: function (data) {
                    alert(data);
                }
            });
        } else {
            $.ajax({
                url: '@Url.Action("MultiGraph")',
                data: '{"cmdName": "Off"}',
                success: function (data) {
                    alert(data);
                }
            });
        }
&lt;/code&gt;&lt;/pre&gt;
&lt;p&gt;Bellow is my action method&lt;/p&gt;
&lt;pre&gt;&lt;code&gt;public ActionResult MultiGraph(string search, string start_date, string cmdName , string End_date,int? page)
{
// i want to pass On or Off values based on switching in my string cmdName
}
&lt;/code&gt;&lt;/pre&gt;
&lt;p&gt;Is there any other way rather than ajax call to do it? Or what should i do in my ajax call ?&lt;/p&gt;
&lt;p&gt;&lt;strong&gt;Updated Code&lt;/strong&gt;&lt;/p&gt;
&lt;p&gt;In my script i have done the following &lt;/p&gt;
&lt;pre&gt;&lt;code&gt;$("#test_id").on("change", function (event) {
        if ($(this).is(":checked")) {
            //alert("ON");
            var data = { cmdName: "On" }
        } else {
            //alert("Off");
            $.ajax({
                url: '@Url.Action("MultiGraph")',
                data: data,
            });
        }
    });
&lt;/code&gt;&lt;/pre&gt;
&lt;p&gt;See the bellow images &lt;/p&gt;
&lt;p&gt;&lt;a href="https://i.stack.imgur.com/4LMcF.jpg" rel="nofollow noreferrer"&gt;&lt;img src="https://i.stack.imgur.com/4LMcF.jpg" alt="enter image description here"&gt;&lt;/a&gt;&lt;/p&gt;
&lt;p&gt;&lt;a href="https://i.stack.imgur.com/unJEL.png" rel="nofollow noreferrer"&gt;&lt;img src="https://i.stack.imgur.com/unJEL.png" alt="enter image description here"&gt;&lt;/a&gt;&lt;/p&gt;
&lt;p&gt;Getting null in &lt;code&gt;cmdName&lt;/code&gt;&lt;/p&gt;
&lt;p&gt;I am unable to pass them, i must be missing some thing which i don't know&lt;/p&gt;
&lt;p&gt;Any help would be appreciated &lt;/p&gt;</t>
  </si>
  <si>
    <t>2016-09-29 06:33:42.380000+00:00</t>
  </si>
  <si>
    <t>2016-09-29 06:55:20.253000+00:00</t>
  </si>
  <si>
    <t>user6856823</t>
  </si>
  <si>
    <t>javascript|twitter-bootstrap|asp.net-mvc-5|asp.net-ajax</t>
  </si>
  <si>
    <t>How to restrict the date picker with min and max values on I phone using JavaScript?</t>
  </si>
  <si>
    <t>&lt;p&gt;I am using a JavaScript function for min and max values for input type date. It is working fine on Android mobile, but in I phone Am unable to restrict the calendar with max and min values.&lt;/p&gt;
&lt;p&gt;Here is my code:&lt;/p&gt;
&lt;p&gt;JS:&lt;/p&gt;
&lt;pre&gt;&lt;code&gt; var today = new Date();
var maxAge = 18;
var minAge = 130;
vm.maxAge = new Date(today.getFullYear() - maxAge, today.getMonth(), today.getDate());
vm.minAge = new Date(today.getFullYear() - minAge, today.getMonth(), today.getDate());
&lt;/code&gt;&lt;/pre&gt;
&lt;p&gt;HTML:&lt;/p&gt;
&lt;pre&gt;&lt;code&gt;     &amp;lt;input id="date" type="date"  name="dateOfBirth" ng-model="dateOfBirth" placeholder="MM/DD/YYYY" ng-required="true" min="{{minAge | date:'yyyy-MM-dd'}}" max="{{maxAge | date:'yyyy-MM-dd'}}" /&amp;gt;
&lt;/code&gt;&lt;/pre&gt;</t>
  </si>
  <si>
    <t>2017-06-28 08:42:44.807000+00:00</t>
  </si>
  <si>
    <t>2017-12-05 21:42:10.123000+00:00</t>
  </si>
  <si>
    <t>javascript|angularjs|iphone</t>
  </si>
  <si>
    <t>What is the default encoding when saving a text file</t>
  </si>
  <si>
    <t>&lt;p&gt;When saving a text file client gets '��' character infront of every currency sign.&lt;/p&gt;
&lt;p&gt;I tried the following but still getting strange characters&lt;/p&gt;
&lt;pre&gt;&lt;code&gt;using (StreamWriter sr = new StreamWriter(path, false, System.Text.Encoding.UTF8))
{
    sr.Write(text);
}
using (StreamWriter sr = File.CreateText(path))
{
    sr.Write(text);
}
&lt;/code&gt;&lt;/pre&gt;
&lt;p&gt;any suggestions on how to save a file without any encoding?&lt;/p&gt;</t>
  </si>
  <si>
    <t>2011-11-14 11:38:51.250000+00:00</t>
  </si>
  <si>
    <t>2015-06-08 07:41:09.593000+00:00</t>
  </si>
  <si>
    <t>2011-11-14 11:41:08.097000+00:00</t>
  </si>
  <si>
    <t>c#|encoding</t>
  </si>
  <si>
    <t>how to use s:if tag to match two strings if both strings are field of objects in jsp</t>
  </si>
  <si>
    <t>&lt;p&gt;I want to compare two strings in jsp page. I am getting one string from java object and other is simple string. I want to know how to compare this string. &lt;/p&gt;
&lt;p&gt;&lt;strong&gt;my code&lt;/strong&gt;&lt;/p&gt;
&lt;pre&gt;&lt;code&gt;&amp;lt;s:if test="%{Employee.getDesig().equals('Manager') }" &amp;gt;
   &amp;lt;script type="text/javascript"&amp;gt;
      alert("You are Manager");
   &amp;lt;/script&amp;gt; 
&amp;lt;/s:if&amp;gt;
&lt;/code&gt;&lt;/pre&gt;
&lt;p&gt;The &lt;code&gt;getDesig()&lt;/code&gt; returns a string. &lt;/p&gt;
&lt;p&gt;I have written the above code in a jsp file. Is the above code right or do I have to make any changes ?&lt;/p&gt;</t>
  </si>
  <si>
    <t>2015-04-21 10:27:10.390000+00:00</t>
  </si>
  <si>
    <t>2018-03-25 13:41:30.790000+00:00</t>
  </si>
  <si>
    <t>java|javascript|jquery|jsp|struts2</t>
  </si>
  <si>
    <t>Using forward slash as path separator in Unix and Windows</t>
  </si>
  <si>
    <t>&lt;p&gt;I'm doing some file management in a Python 2.7 application in both Unix and Windows. This results in having to do alot of path concatenation with &lt;a href="https://docs.python.org/2/library/os.path.html#os.path.join" rel="nofollow noreferrer"&gt;&lt;code&gt;os.path.join&lt;/code&gt;&lt;/a&gt;.&lt;/p&gt;
&lt;p&gt;Now I want the &lt;code&gt;os.path&lt;/code&gt; functions (e.g. &lt;code&gt;join&lt;/code&gt;, &lt;code&gt;relpath&lt;/code&gt;) to return a string with forward slashes as path separators on both Unix and Windows. Is there some global setting I can use or is it necessary to use another function to convert the result of the functions?&lt;/p&gt;</t>
  </si>
  <si>
    <t>2018-06-08 21:29:59.967000+00:00</t>
  </si>
  <si>
    <t>2018-06-08 22:10:21.650000+00:00</t>
  </si>
  <si>
    <t>python|windows|python-2.7|unix|path</t>
  </si>
  <si>
    <t>Cannot write to my prebundled realm file</t>
  </si>
  <si>
    <t>&lt;blockquote&gt;
  &lt;p&gt;Cannot convert value of type '() -&gt; ()' to expected argument type 'Data?&lt;/p&gt;
&lt;/blockquote&gt;
&lt;p&gt;this is what I get for this line: &lt;code&gt;try realm.writeCopy(toFile: url) {&lt;/code&gt;&lt;/p&gt;
&lt;p&gt;I have no idea how to write to the opened prebundled database&lt;/p&gt;
&lt;pre&gt;&lt;code&gt;        for question in questionBank! {
            do{
                let url = URL(fileURLWithPath: Bundle.main.path(forResource: "questions", ofType: "realm")!)
                try realm.writeCopy(toFile: url) {
                    question.answered = false
                    print(question.answered)
                }
            } catch {
                print("ERROR ZEROING QUESTIONS")
            }
        }
&lt;/code&gt;&lt;/pre&gt;</t>
  </si>
  <si>
    <t>2018-06-07 18:32:18.683000+00:00</t>
  </si>
  <si>
    <t>2018-06-07 18:38:05.003000+00:00</t>
  </si>
  <si>
    <t>Failure [INSTALL_FAILED_OLDER_SDK] after updating to Android 1.3 RC 3</t>
  </si>
  <si>
    <t>&lt;p&gt;I just updated my Android Studio to Android 1.3 RC 3 and i'm having this kind of error when i'm trying to run my project. I don't have any error on my codes for the application and i'm using LG G2 for the test of the application.&lt;/p&gt;
&lt;p&gt;This is my gradle&lt;/p&gt;
&lt;pre&gt;&lt;code&gt;    apply plugin: 'com.android.application'
android {
    compileSdkVersion 22
    buildToolsVersion "22.0.1"
    defaultConfig {
        applicationId "com.example.windows81.nowv2"
        minSdkVersion 'L'
        targetSdkVersion 21
        versionCode 1
        versionName "1.0"
    }
    buildTypes {
        release {
            minifyEnabled false
            proguardFiles getDefaultProguardFile('proguard-android.txt'), 'proguard-rules.pro'
        }
    }
}
dependencies {
    compile fileTree(dir: 'libs', include: ['*.jar'])
    compile 'com.android.support:appcompat-v7:22.2.0'
    compile 'com.android.support:design:22.2.0'
    compile 'de.hdodenhof:circleimageview:1.3.0'
}
&lt;/code&gt;&lt;/pre&gt;
&lt;p&gt;And my Android Manifest is this.&lt;/p&gt;
&lt;pre&gt;&lt;code&gt;&amp;lt;?xml version="1.0" encoding="utf-8"?&amp;gt;
&amp;lt;manifest xmlns:android="http://schemas.android.com/apk/res/android"
    package="com.example.windows81.nowv2" &amp;gt;
    &amp;lt;application
        android:allowBackup="true"
        android:icon="@mipmap/ic_launcher"
        android:label="@string/app_name"
        android:theme="@style/AppTheme" &amp;gt;
        &amp;lt;activity
            android:name=".MainActivity"
            android:label="@string/app_name" &amp;gt;
            &amp;lt;intent-filter&amp;gt;
                &amp;lt;action android:name="android.intent.action.MAIN" /&amp;gt;
                &amp;lt;category android:name="android.intent.category.LAUNCHER" /&amp;gt;
            &amp;lt;/intent-filter&amp;gt;
        &amp;lt;/activity&amp;gt;
    &amp;lt;/application&amp;gt;
&amp;lt;/manifest&amp;gt;
&lt;/code&gt;&lt;/pre&gt;</t>
  </si>
  <si>
    <t>2015-07-22 12:54:52.997000+00:00</t>
  </si>
  <si>
    <t>How to add a matrix( not the same dimension) below another matrix</t>
  </si>
  <si>
    <t>&lt;p&gt;I know how to add a matrix below another matrix.&lt;/p&gt;
&lt;p&gt;e.g A = [A; B];&lt;/p&gt;
&lt;p&gt;I have two matrixes of different dimensions(both different number of columns and rows) and i need to add them up together. One matrix is the main one and the other one is being added to it. Both of them are in a for loop and so the dimension of the first matrix is keep changing. &lt;/p&gt;
&lt;pre&gt;&lt;code&gt;e.g for i = 1 :3
      AngerHist = [AngerHist;Hist];
    end
&lt;/code&gt;&lt;/pre&gt;
&lt;p&gt;When I run it is giving me this error : &lt;/p&gt;
&lt;pre&gt;&lt;code&gt;??? Error using ==&amp;gt; vertcat CAT arguments dimensions are not consistent. ��� 
&lt;/code&gt;&lt;/pre&gt;
&lt;p&gt;How do i do it? Any suggestions?&lt;/p&gt;
&lt;pre&gt;&lt;code&gt;AngerHist = {}; DisgustHist = {};FearHist = {}; HappyHist = {}; SadHist = {};SurpriseHist = {};
Images = 'C:\Users\HP\Documents\MATLAB\Images';
List = dir(Images);
n= size(List,1);
for i = 3:n
    List1 = dir(fullfile(Images,List(i).name));
    m= size(List1,1);
    BASE_DIR = fullfile(Images,List(i).name);
    for j = 3: m
        I=List1(j).name;
        I1= imread(fullfile(BASE_DIR,I),'jpg');
        Name = List(i).name;
        switch (Name)
                 case 'Anger'
                     Hist = UniformLBP(I1);
                     AngerHist = {AngerHist;Hist};
                     break;
                 case 'Disgust'
                     Hist = UniformLBP(I1);
                     DisgustHist = {DisgustHist;Hist};
                     break;
                case 'Fear'
                    Hist = UniformLBP(I1);
                    FearHist = {FearHist;Hist};
                    break;
                case 'Happy'
                    Hist = UniformLBP(I1);
                    HappyHist = {HappyHist;Hist};
                    break;
                case 'Sad'
                    Hist = UniformLBP(I1);
                    SadHist = {SadHist;Hist};
                    break;
                case 'Surprise'
                    Hist = UniformLBP(I1);
                    SurpriseHist = {SurpriseHist;Hist};
                    break;
        end        
    end    
end
&lt;/code&gt;&lt;/pre&gt;</t>
  </si>
  <si>
    <t>2011-11-29 13:45:40.710000+00:00</t>
  </si>
  <si>
    <t>2011-11-29 17:08:26.440000+00:00</t>
  </si>
  <si>
    <t>2011-11-29 14:52:01.373000+00:00</t>
  </si>
  <si>
    <t>What's the fix for inaccurate setInterval?</t>
  </si>
  <si>
    <t>&lt;p&gt;Consider the following code:&lt;/p&gt;
&lt;pre&gt;&lt;code&gt;var tick = 0;
setInterval(() =&amp;gt; {
    console.log(tick);
}, 1000);
setInterval(() =&amp;gt; {
  tick += 1;
}, 1);
&lt;/code&gt;&lt;/pre&gt;
&lt;p&gt;Basically, I want my game to look smooth, so I update the position of the dot every 1 millisecond, which the function in the second setInterval does.&lt;/p&gt;
&lt;p&gt;In 1 second, or 1000 millisecond, I expect the dot to have moved 1000 pixels. However, it moves roughly 250 pixels.&lt;/p&gt;
&lt;p&gt;When I run the following &lt;code&gt;jsfiddle&lt;/code&gt;, I see multiples of roughly 250 being printed to the console.&lt;/p&gt;
&lt;p&gt;&lt;a href="https://jsfiddle.net/58v74zw4/1/" rel="nofollow noreferrer"&gt;https://jsfiddle.net/58v74zw4/1/&lt;/a&gt;&lt;/p&gt;
&lt;p&gt;I can fix it by multiplying 4, based on my observation, but it feels hacky.&lt;/p&gt;
&lt;p&gt;What is causing this, and what is the correct fix for this?&lt;/p&gt;</t>
  </si>
  <si>
    <t>2018-03-18 05:14:07.300000+00:00</t>
  </si>
  <si>
    <t>2018-03-18 08:55:44.667000+00:00</t>
  </si>
  <si>
    <t>Failed in reading PKCS7 signed file with s/mime format ( big size )</t>
  </si>
  <si>
    <t>&lt;p&gt;I want to verify signed file with s/mime format and the pkcs7 file size is 500MB.&lt;/p&gt;
&lt;p&gt;openssl smime -verify -in test.pk7 -inform DER &lt;/p&gt;
&lt;p&gt;Error reading S/MIME message
715956256:error:07069041:memory buffer routines:BUF_MEM_grow_clean:malloc failure:buffer.c:152:
715956256:error:0D06B041:asn1 encoding routines:ASN1_D2I_READ_BIO:malloc failure:a_d2i_fp.c:229:&lt;/p&gt;
&lt;p&gt;Is it possible with limited memory usage e.g.200MB ?&lt;/p&gt;</t>
  </si>
  <si>
    <t>2011-06-25 00:58:14.507000+00:00</t>
  </si>
  <si>
    <t>2014-04-03 07:53:15.410000+00:00</t>
  </si>
  <si>
    <t>linux|openssl|pkcs#7|smime</t>
  </si>
  <si>
    <t>How do I pass a random string from an array into views?</t>
  </si>
  <si>
    <t>&lt;p&gt;In my controller, I have an array of locations defined and I used &lt;code&gt;sample&lt;/code&gt; to catch one of the random strings:&lt;/p&gt;
&lt;pre&gt;&lt;code&gt;class IndexController &amp;lt; ApplicationController
  def index
    @location = ["England", "Scotland", "Wales", "Ireland"]
    random_location = @location.sample
  end
end
&lt;/code&gt;&lt;/pre&gt;
&lt;p&gt;However, I don't know the code needed to display the one country in my browser.&lt;/p&gt;</t>
  </si>
  <si>
    <t>2014-10-02 15:39:53.400000+00:00</t>
  </si>
  <si>
    <t>2014-10-02 15:53:04.597000+00:00</t>
  </si>
  <si>
    <t>ruby-on-rails|ruby|arrays|string</t>
  </si>
  <si>
    <t>r auto arima excluding (0,0,0)</t>
  </si>
  <si>
    <t>&lt;p&gt;For the auto.arima function in forecast package of R, is there a way to let the function omit a model of arima(0,0,0), as I simply assume there must be some correlation within the dataset.&lt;/p&gt;</t>
  </si>
  <si>
    <t>2016-06-15 23:51:08.400000+00:00</t>
  </si>
  <si>
    <t>2016-06-16 01:14:46.937000+00:00</t>
  </si>
  <si>
    <t>r|time-series|modeling</t>
  </si>
  <si>
    <t>How can implement a recursive lock using boost, that spans multiple methods?</t>
  </si>
  <si>
    <t>&lt;p&gt;I have a class that opens transactions, adds operations to a queue, then closes the transaction. Across the open-&gt;close lifetime I would like to employ a recursive mutex, so that only one thread can have a transaction open at any time. All other threads are blocked until the current transaction is ended.&lt;/p&gt;
&lt;pre&gt;&lt;code&gt;class MyObject
{
  void beginTransaction()
  {
    // acquire mutex
  }
  void endTransaction()
  {
    // release mutex
  }
  boost::recursive_mutex m_mutex;
}
&lt;/code&gt;&lt;/pre&gt;
&lt;p&gt;I am having difficulty determining how I can use a &lt;code&gt;recursive_mutex&lt;/code&gt; in this case, as the lock would exist longer than the scope of a single method. Can anyone suggest how I might apply locking here?&lt;/p&gt;</t>
  </si>
  <si>
    <t>2013-04-30 18:35:11.597000+00:00</t>
  </si>
  <si>
    <t>2016-05-13 07:35:55.410000+00:00</t>
  </si>
  <si>
    <t>c++|boost|recursive-mutex</t>
  </si>
  <si>
    <t>Get edge/outer coordinates of CGPoints</t>
  </si>
  <si>
    <t>&lt;p&gt;I have a feature that user can draw/color a specific area of an image then get the drawn area as a cropping result. &lt;/p&gt;
&lt;p&gt;&lt;img src="https://i.stack.imgur.com/RbttE.png" alt="enter image description here"&gt;&lt;/p&gt;
&lt;p&gt;Currently I store the draw coordinates inside an array, and in the end of the process I use &lt;strong&gt;UIBezierPath&lt;/strong&gt; and &lt;strong&gt;CGContextClipToMask&lt;/strong&gt; to crop the image. The problem is I only need the  outer coordinates from the draw coordinates I stored in array. Is there any way to filter CGPoints to only get the outer coordinates?&lt;/p&gt;
&lt;pre&gt;&lt;code&gt;- (void)touchesBegan:(NSSet *)touches withEvent:(UIEvent *)event {
    // add the first coordinate
    [points addObject:[NSValue valueWithCGPoint:lastPoint]];
}
- (void)touchesMoved:(NSSet *)touches withEvent:(UIEvent *)event {
   // add more coordinates as finger moves
   [points addObject:[NSValue valueWithCGPoint:currentPoint]];
}
- (void) crop {
    CGRect rect = CGRectZero;
    rect.size = self.mainImage.image.size;
    UIGraphicsBeginImageContextWithOptions(rect.size, YES, 0.0);
     {
        [[UIColor blackColor] setFill];
        UIRectFill(rect);
        [[UIColor whiteColor] setFill];
        UIBezierPath * beziPath = [UIBezierPath bezierPath];
        NSValue * firstValue = [points objectAtIndex:0];
        CGPoint firstPoint = firstValue.CGPointValue;
       [beziPath moveToPoint:[ARCroppingViewController
                       convertCGPoint:firstPoint fromRect1:self.mainImage.frame.size
                       toRect2:self.mainImage.image.size]];
        for (uint i = 1; i &amp;lt; points.count; i++) {
           NSValue * value = [points objectAtIndex:i];
           CGPoint point = value.CGPointValue;
           NSLog(@"point: %@", NSStringFromCGPoint(point));
           [beziPath addLineToPoint:[ARCroppingViewController
                            convertCGPoint:point fromRect1:self.mainImage.frame.size
                            toRect2:self.mainImage.image.size]];
           }
     [beziPath closePath];
     [beziPath fill];
      }
     UIImage *mask = UIGraphicsGetImageFromCurrentImageContext();
     UIGraphicsEndImageContext();
     UIGraphicsBeginImageContextWithOptions(rect.size, NO, 0.0);
    {
      CGContextClipToMask(UIGraphicsGetCurrentContext(), rect, mask.CGImage);
      [self.mainImage.image drawAtPoint:CGPointZero];
    }
     UIImage *maskedImage = UIGraphicsGetImageFromCurrentImageContext();
     UIGraphicsEndImageContext();
     NSLog(@"mask image: %@", NSStringFromCGSize(maskedImage.size));
     self.mainImage.image = maskedImage;
}
&lt;/code&gt;&lt;/pre&gt;</t>
  </si>
  <si>
    <t>2013-05-06 14:31:48.077000+00:00</t>
  </si>
  <si>
    <t>2017-03-30 08:37:59.760000+00:00</t>
  </si>
  <si>
    <t>ios|core-graphics|uibezierpath|cgpoint</t>
  </si>
  <si>
    <t>Concatenate a Derived Column in SSIS</t>
  </si>
  <si>
    <t>&lt;p&gt;I am trying to create a derived column in my SSIS package that will concatenate some data that I have been doing manually.&lt;/p&gt;
&lt;p&gt;My expression is this:&lt;/p&gt;
&lt;pre&gt;&lt;code&gt;"FEI" + " " +  [SHIP TO WHSE] + " - " +  [SHIP TO WHSE - NAME]
&lt;/code&gt;&lt;/pre&gt;
&lt;p&gt;I have a report that has a column labeled &lt;code&gt;SHIP TO WHSE&lt;/code&gt; and another labeled &lt;code&gt;SHIP TO WHSE - NAME&lt;/code&gt;. In excel I usually create a new column and add FEI to the column and then concatenate the data in another new column to create a single name for a report. I would like to build this in SQL and automate its creation. &lt;/p&gt;
&lt;p&gt;The above expression I thought would work to concatenate the data but it's not. The outcome should look like this. &lt;/p&gt;
&lt;pre&gt;&lt;code&gt;FEI 3112 - Sandy
&lt;/code&gt;&lt;/pre&gt;
&lt;p&gt;Any ideas why it's not working?&lt;/p&gt;
&lt;p&gt;The error message is telling me that the data types are incompatible for the " + " to work. &lt;/p&gt;</t>
  </si>
  <si>
    <t>2013-10-17 17:36:26.550000+00:00</t>
  </si>
  <si>
    <t>2013-10-17 18:04:35.473000+00:00</t>
  </si>
  <si>
    <t>sql|ssis|derived</t>
  </si>
  <si>
    <t>Implementation of a function that finds the minimum of two values</t>
  </si>
  <si>
    <t>&lt;pre&gt;&lt;code&gt;def minimum (pNum1,pNum2):
#subprogram here
return ()
inNum = int (input ("Please enter a number.  0 to quit."))
minNum = inNum
maxNum = inNum
while (inNum !=0):
# ===&amp;gt; minNum =  # here is where I will call the subprogram.
# ===&amp;gt; maxNum =
# ===&amp;gt; theSum =
inNum = int (input ("Please enter a number.  0 to quit."))
&lt;/code&gt;&lt;/pre&gt;
&lt;p&gt;I have attempted to write a function to find the minimum of numbers entered. The user keeps entering numbers until they press 0. &lt;/p&gt;
&lt;p&gt;I would like to attempt finding out how to get the maximum and how to add. I do not want to use the built in min/max that Python uses. I have looked on the net and this forum. &lt;/p&gt;
&lt;p&gt;Any help is appreciated.&lt;/p&gt;
&lt;p&gt;Thank you in advance. &lt;/p&gt;</t>
  </si>
  <si>
    <t>2016-05-31 20:05:55.863000+00:00</t>
  </si>
  <si>
    <t>2016-06-11 18:09:45.920000+00:00</t>
  </si>
  <si>
    <t>python|function</t>
  </si>
  <si>
    <t>SQL and php command error</t>
  </si>
  <si>
    <t>&lt;p&gt;I am having a problem running this command which I am trying to enter my ids from two other tables with the third parameter edison_ssid but I am receiving the following key error because of my table key relationships, the key for patientTable is auto increment:&lt;/p&gt;
&lt;pre&gt;&lt;code&gt;[2016-03-29 18:25:58] [23000][1452] Cannot add or update a child row: a foreign key constraint fails (`iot_pd_testing`.`patientsTable`, CONSTRAINT `fk_patientsTable_doctorsTable1` FOREIGN KEY (`doctorsTable_id_doctorsTable`) REFERENCES `doctorsTable` (`id_doctorsTable`) ON DELETE NO ACTION ON )
&lt;/code&gt;&lt;/pre&gt;
&lt;p&gt;Command:&lt;/p&gt;
&lt;pre&gt;&lt;code&gt;INSERT INTO iot_pd_testing.patientsTable(Users_idUser,doctorsTable_id_doctorsTable,edison_ssid)VALUES ('26',37,'EDISON-9A-88');
&lt;/code&gt;&lt;/pre&gt;
&lt;p&gt;How can I get around this where I can enter the values with no issues ?&lt;/p&gt;
&lt;p&gt;here is my relationships :&lt;/p&gt;
&lt;p&gt;&lt;a href="https://i.stack.imgur.com/ghgIZ.png" rel="nofollow noreferrer"&gt;&lt;img src="https://i.stack.imgur.com/ghgIZ.png" alt="enter image description here"&gt;&lt;/a&gt;&lt;/p&gt;</t>
  </si>
  <si>
    <t>2016-03-29 22:33:19.597000+00:00</t>
  </si>
  <si>
    <t>2016-03-29 23:26:59.307000+00:00</t>
  </si>
  <si>
    <t>CSS class selector wildcard</t>
  </si>
  <si>
    <t>&lt;p&gt;So I was wondering if there was a way to throw a wildcard into my CSS?&lt;/p&gt;
&lt;p&gt;I have several classes that are &lt;code&gt;.button-0&lt;/code&gt;, &lt;code&gt;.button-1&lt;/code&gt;, &lt;code&gt;.button-2&lt;/code&gt;, &lt;code&gt;.button-3&lt;/code&gt;, etc. within a &lt;code&gt;button&lt;/code&gt; element. I want to get all the &lt;code&gt;.button-*&lt;/code&gt; classes to define. &lt;/p&gt;
&lt;p&gt;Is it possible to do something like:&lt;/p&gt;
&lt;p&gt;&lt;div class="snippet" data-lang="js" data-hide="false"&gt;_x000D_
&lt;div class="snippet-code"&gt;_x000D_
&lt;pre class="snippet-code-css lang-css prettyprint-override"&gt;&lt;code&gt;button .button-[=*] {_x000D_
  margin-right: 2rem;  _x000D_
}&lt;/code&gt;&lt;/pre&gt;_x000D_
&lt;/div&gt;_x000D_
&lt;/div&gt;_x000D_
&lt;/p&gt;</t>
  </si>
  <si>
    <t>2015-03-02 14:50:44.230000+00:00</t>
  </si>
  <si>
    <t>2015-03-03 00:39:20.650000+00:00</t>
  </si>
  <si>
    <t>css|css-selectors</t>
  </si>
  <si>
    <t>Randomize questions every time an app loads in Quiz</t>
  </si>
  <si>
    <t>&lt;p&gt;I am trying to randomize a set of questions I have in my app every time someone runs it. Right now I have&lt;/p&gt;
&lt;pre&gt;&lt;code&gt;-(void)Category1{
    int QuestionSelected = rand() % 100;
    switch (QuestionSelected) {
        case 0:
            QuestionText.text = [NSString stringWithFormat:@"Here is where my first question is"];
            [Answer1 setTitle:@"First multiple choice" forState:UIControlStateNormal];
            [Answer2 setTitle:@"Second multiple choice" forState:UIControlStateNormal];
            [Answer3 setTitle:@"Third multiple choice" forState:UIControlStateNormal];
            [Answer4 setTitle:@"Fourth multiple choice" forState:UIControlStateNormal];
            Answer1Correct = YES;
            CorrectAnswerDisplay.text = [NSString stringWithFormat:@"Right Answer"];
            break;
        case 1:
            QuestionText.text = [NSString stringWithFormat:@"Here is where my second question is"];
            [Answer1 setTitle:@"First multiple choice" forState:UIControlStateNormal];
            [Answer2 setTitle:@"Second multiple choice" forState:UIControlStateNormal];
            [Answer3 setTitle:@"Third multiple choice" forState:UIControlStateNormal];
            [Answer4 setTitle:@"Fourth multiple choice" forState:UIControlStateNormal];
            Answer1Correct = YES;
            CorrectAnswerDisplay.text = [NSString stringWithFormat:@"Right Answer"];
            break;
&lt;/code&gt;&lt;/pre&gt;
&lt;p&gt;This works all fine and dandy, but it only randomizes it once. So It randomizes all 100 questions I have in it, but if I close my app and run it again from the beginning, it randomizes the same way it did before so it runs exactly the same as it did before with the same questions. Is there something better than my rand() line?&lt;/p&gt;</t>
  </si>
  <si>
    <t>2014-02-01 20:18:38.487000+00:00</t>
  </si>
  <si>
    <t>2014-02-01 20:36:58.967000+00:00</t>
  </si>
  <si>
    <t>How to test that a Backbone view event adds an item to a collection?</t>
  </si>
  <si>
    <t>&lt;p&gt;I am trying to spec the click event handler on the following Backbone view:&lt;/p&gt;
&lt;pre&gt;&lt;code&gt;class ItemView extends Backbone.View
  events:
    "click": "addToCurrentlyFocusedList"
  addToCurrentlyFocusedList: (e) =&amp;gt;
    window.currentlyFocusedList.add @model
&lt;/code&gt;&lt;/pre&gt;
&lt;p&gt;This is what I have:&lt;/p&gt;
&lt;pre&gt;&lt;code&gt;describe "ItemView", -&amp;gt;
  beforeEach -&amp;gt;
    @item = new Backbone.Model
      id: 1
      name: "Item 1"
    @view = new ItemView model: @item
  describe "when clicked", -&amp;gt;
    it "adds the item to the currently focused list", -&amp;gt;
      window.currentlyFocusedList = sinon.stub()
      window.currentlyFocusedList.add = sinon.stub()
      @view.$el.trigger "click"
      expect(window.currentlyFocusedList.add).toHaveBeenCalledWith @item
&lt;/code&gt;&lt;/pre&gt;
&lt;p&gt;This works but it bothers me for some reason. Maybe it feels too much like I am testing implementation.&lt;/p&gt;
&lt;p&gt;One possible improvement I can see is moving the click event handler, the spec, and the &lt;code&gt;currentlyFocusedList&lt;/code&gt; into a new view called &lt;code&gt;AppView&lt;/code&gt;:&lt;/p&gt;
&lt;pre&gt;&lt;code&gt;describe "AppView", -&amp;gt;
  beforeEach -&amp;gt;
    @view = new AppView
  it "adds a clicked item to the currently focused list", -&amp;gt;
    $clickedItem = @view.$(".item:first")
    $clickedItem.trigger "click"
    expect(@view.currentlyFocusedList.pluck('id')).toInclude $clickedItem.attr('data-id')
&lt;/code&gt;&lt;/pre&gt;
&lt;p&gt;It's nice that this also removes &lt;code&gt;window&lt;/code&gt; pollution. It also tests that the item really is added to the collection. That aside, is moving the event handler and spec into &lt;code&gt;AppView&lt;/code&gt; better than my first approach? Is there a better way to go about this?&lt;/p&gt;</t>
  </si>
  <si>
    <t>2012-04-07 22:15:38.390000+00:00</t>
  </si>
  <si>
    <t>2012-04-10 01:40:00.247000+00:00</t>
  </si>
  <si>
    <t>2012-04-07 22:24:58.870000+00:00</t>
  </si>
  <si>
    <t>testing|backbone.js|coffeescript|bdd|jasmine</t>
  </si>
  <si>
    <t>Google API: Not a valid origin for the client: url has not been whitelisted for client ID "ID"</t>
  </si>
  <si>
    <t>&lt;p&gt;I need help. I don't found an answer to my question. I tried googling and I tried asking on other sides but I never found an answer. &lt;/p&gt;
&lt;p&gt;I'm working with the google API (Youtube data API) and I use the example code from the google side the code it works I'm pretty sure about that. I got an error when i try to start the Script: &lt;/p&gt;
&lt;blockquote&gt;
  &lt;p&gt;details: "Not a valid origin for the client: "MyURL" has not been whitelisted for client ID "MyID". Please go to &lt;a href="https://console.developers.google.com/" rel="noreferrer"&gt;https://console.developers.google.com/&lt;/a&gt; and whitelist this origin for your project's client ID."&lt;/p&gt;
  &lt;p&gt;error: "idpiframe_initialization_failed"&lt;/p&gt;
&lt;/blockquote&gt;
&lt;p&gt;The problem i whitelisted my Website and it's accepted. i don't know what is wrong. What should i do to "whitelist" my Domain (It's whitelisted)&lt;/p&gt;
&lt;p&gt;And another question. I did not search for an answer on this question before.&lt;/p&gt;
&lt;p&gt;I think it's possible that I can use the code on Localhost, I think I must whitelist my localhost address or something like this. But whitelisting does not work.&lt;/p&gt;
&lt;ul&gt;
&lt;li&gt;DreamGamer&lt;/li&gt;
&lt;/ul&gt;</t>
  </si>
  <si>
    <t>2017-05-14 13:39:46.160000+00:00</t>
  </si>
  <si>
    <t>2018-11-21 09:48:23.747000+00:00</t>
  </si>
  <si>
    <t>2017-05-30 02:02:04.010000+00:00</t>
  </si>
  <si>
    <t>google-api|youtube-data-api|whitelist</t>
  </si>
  <si>
    <t>Sending a group invitation link? using Express and Angular 6</t>
  </si>
  <si>
    <t>&lt;p&gt;Currently creating an web app, which has functionalities such as:
Group creation.
Inviting people to a group..&lt;/p&gt;
&lt;p&gt;I would like to add the functionality of inviting people by email to a group.
If the user is already registered he should login otherwise he should register(if this step is possible)&lt;/p&gt;
&lt;p&gt;Or else i just have to send a link with the group name for example the link could be
localhost/register?group = Friends
But i know this is not the right way because anyone can use this link to register themselves to a group..
What could be the right way to do it?
Tokens?&lt;/p&gt;</t>
  </si>
  <si>
    <t>2018-11-06 10:16:30.740000+00:00</t>
  </si>
  <si>
    <t>javascript|angular|express</t>
  </si>
  <si>
    <t>How can I convert this a unix timestamp in Javascript into this date format?</t>
  </si>
  <si>
    <t>&lt;p&gt;I currently have a date which is formatted in PHP like this &lt;code&gt;date('D d F g:i A Y', $l2['available'])&lt;/code&gt; which outputs a date in this format: &lt;code&gt;Tue 15 May 5:45 PM 2012&lt;/code&gt;&lt;/p&gt;
&lt;p&gt;I want to achieve this same format in Javascript/jQuery.&lt;/p&gt;
&lt;p&gt;So far I've done this:&lt;/p&gt;
&lt;pre&gt;&lt;code&gt;var lessonTime = new Date(data.lessons[i].available * 1000);
lessonTime.toDateString();  
&lt;/code&gt;&lt;/pre&gt;
&lt;p&gt;which results in the date below:&lt;/p&gt;
&lt;pre&gt;&lt;code&gt;Thu Mar 22 2012
&lt;/code&gt;&lt;/pre&gt;
&lt;p&gt;Is there a way to control the format like you can with PHP date function?&lt;/p&gt;</t>
  </si>
  <si>
    <t>2012-05-10 16:07:18.130000+00:00</t>
  </si>
  <si>
    <t>2012-05-11 18:36:24.753000+00:00</t>
  </si>
  <si>
    <t>javascript|date|time</t>
  </si>
  <si>
    <t>Strange behavior in Scala Parallel View</t>
  </si>
  <si>
    <t>&lt;p&gt;According to Scaladoc, &lt;/p&gt;
&lt;blockquote&gt;
  &lt;p&gt;A view is a lazy version of some collection. Collection transformers such as map or filter or ++ do not traverse any elements when applied on a view. Instead they create a new view which simply records that fact that the operation needs to be applied. &lt;/p&gt;
&lt;/blockquote&gt;
&lt;p&gt;That means the operations won't be applied until the elements is accessed. But how about Parallel ? &lt;/p&gt;
&lt;p&gt;Take a look at this example: &lt;/p&gt;
&lt;pre&gt;&lt;code&gt;def tn = Thread.currentThread.getName
val strList = List("I", "am", "a" , "student", ".", "I", "come", "from", "China", ".","I","love","peace")
val pvs = strList.par.view.filter{ s =&amp;gt; println("f "+ tn); s == "I"}.map{s =&amp;gt; println("m " + tn); s.toLowerCase}
&lt;/code&gt;&lt;/pre&gt;
&lt;p&gt;The second will print out like the following : &lt;/p&gt;
&lt;p&gt;&lt;img src="https://i.stack.imgur.com/auF0Q.png" alt="enter image description here"&gt;&lt;/p&gt;
&lt;p&gt;When you apply &lt;code&gt;foreach&lt;/code&gt; on &lt;code&gt;pvs&lt;/code&gt; , it outputs : 
 &lt;img src="https://i.stack.imgur.com/5VOoJ.png" alt="enter image description here"&gt;&lt;/p&gt;
&lt;p&gt;I can't understand why the performance of  &lt;strong&gt;Parallel&lt;/strong&gt; style is not the same as the normal one : &lt;/p&gt;
&lt;pre&gt;&lt;code&gt;val strList = List("I", "am", "a" , "student", ".", "I", "come", "from", "China", ".","I","love","peace")  // or read from a text file , e.g. article.txt 
strList.view.filter{s =&amp;gt; println("f");  s == "I"}.map{s =&amp;gt; println("m"); s.toLowerCase}.foreach(s =&amp;gt; println("p"))
&lt;/code&gt;&lt;/pre&gt;</t>
  </si>
  <si>
    <t>2012-01-20 06:06:55.217000+00:00</t>
  </si>
  <si>
    <t>2012-01-25 19:16:09.937000+00:00</t>
  </si>
  <si>
    <t>2012-01-20 09:20:33.367000+00:00</t>
  </si>
  <si>
    <t>scala|collections|parallel-processing</t>
  </si>
  <si>
    <t>Button in UICollectionViewCell Makes Keyboard Sound When Clicked</t>
  </si>
  <si>
    <t>&lt;p&gt;I have a subclass of &lt;code&gt;UICollectionViewCell&lt;/code&gt; (&lt;code&gt;CustomCell&lt;/code&gt;), which has a single &lt;code&gt;UIButton&lt;/code&gt; (&lt;code&gt;button&lt;/code&gt;) that I want to play a sound when it is pressed. In particular, I want the keyboard letter sounds to play when the variable &lt;code&gt;isOn&lt;/code&gt; turns to &lt;code&gt;true&lt;/code&gt; and the keyboard backspace (or delete) sound to play when variable &lt;code&gt;isOn&lt;/code&gt; turns to &lt;code&gt;false&lt;/code&gt;.&lt;/p&gt;
&lt;p&gt;So far I have the following:&lt;/p&gt;
&lt;pre&gt;&lt;code&gt;class CustomCell: UICollectionViewCell {
    private var isOn = true
    @IBOutlet weak private var button: UIButton! {
        didSet {
            button.addTarget(self, action: #selector(self.toggleButton), for: .touchUpInside)
        }
    }
    @objc private func toggleButton() {
        if (isOn) {
            /// Play keyboard backspace (delete) sound ...
            UIDevice.current.playInputClick()
        } else {
            /// Play keyboard text sound ...
            UIDevice.current.playInputClick()
        }
        isOn = !isOn
    }
}
&lt;/code&gt;&lt;/pre&gt;
&lt;p&gt;I also implement the &lt;code&gt;UIInputViewAudioFeedback&lt;/code&gt; protocol as follows:&lt;/p&gt;
&lt;pre&gt;&lt;code&gt;extension CustomCell: UIInputViewAudioFeedback {
    func enableInputClicksWhenVisible() -&amp;gt; Bool {
        return true
    }
}
&lt;/code&gt;&lt;/pre&gt;
&lt;p&gt;However, no sound is made when the button is pressed.&lt;/p&gt;
&lt;p&gt;Thanks for any help.&lt;/p&gt;</t>
  </si>
  <si>
    <t>2018-05-07 10:58:08.550000+00:00</t>
  </si>
  <si>
    <t>2018-05-07 11:54:39.383000+00:00</t>
  </si>
  <si>
    <t>ios|swift|uibutton|uicollectionviewcell</t>
  </si>
  <si>
    <t>Delphi - Create Custom Form Instance (Having Custom Constructor Create) From String Form Name</t>
  </si>
  <si>
    <t>&lt;p&gt;I'm currently confused about creating form using string form name (as in &lt;a href="https://stackoverflow.com/questions/701049/is-there-a-way-to-instantiate-a-class-by-its-name-in-delphi"&gt;Is there a way to instantiate a class by its name in delphi?&lt;/a&gt;) but my form has it's own constructor create.&lt;/p&gt;
&lt;pre&gt;&lt;code&gt;//-BASE CLASS-//
TBaseForm = class(TForm)
  constructor Create(param1, param2: string); overload;
protected
  var1, var2: string;    
end;
constructor TBaseForm.Create(param1, param2: string);
begin
  inherited Create(Application);
  var1 := param1;
  var2 := param2;
end;
//-REAL CLASS-//
TMyForm = class(TBaseForm)
end;
//-CALLER-//
TCaller = class(TForm)
  procedure Btn1Click(Sender: TObject);
  procedure Btn2Click(Sender: TObject);
end;
uses UnitBaseForm, UnitMyForm;
procedure TCaller.Btn1Click(Sender: TObject);
begin
  TMyForm.Create('x', 'y');
end;
procedure TCaller.Btn1Click(Sender: TObject);
var PC: TPersistentClass;
    Form: TForm;
    FormBase: TBaseForm;
begin
  PC := GetClass('TMyForm');
  // This is OK, but I can't pass param1 &amp;amp; 2
  Form := TFormClass(PC).Create(Application);
  // This will not error while compiled, but it will generate access violation because I need to create MyForm not BaseForm.
  FormBase := TBaseForm(PC).Create('a', 'z');
end;
&lt;/code&gt;&lt;/pre&gt;
&lt;p&gt;Based on the code I provided, how can I create a dynamically custom constructor form just by having string form name?
Or it's really impossible? (I started to think it's impossible)&lt;/p&gt;</t>
  </si>
  <si>
    <t>2012-10-25 08:38:04.473000+00:00</t>
  </si>
  <si>
    <t>2012-10-25 16:10:42.603000+00:00</t>
  </si>
  <si>
    <t>2017-05-23 12:03:28.140000+00:00</t>
  </si>
  <si>
    <t>string|delphi|dynamic|constructor|delphi-7</t>
  </si>
  <si>
    <t>Can't find file index.ios.js in root directory react-native app</t>
  </si>
  <si>
    <t>&lt;p&gt;New to &lt;strong&gt;react-native&lt;/strong&gt; &amp;amp; I'm trying to launch the default app but I'm getting the following error.&lt;/p&gt;
&lt;blockquote&gt;
  &lt;p&gt;error: bundling failed: "Cannot find entry file index.ios.js in any of
  the roots:&lt;/p&gt;
&lt;/blockquote&gt;
&lt;p&gt;Tried doing &lt;code&gt;react-native start --reset-cache&lt;/code&gt; but no luck. also been searching GitHub forums but no luck. thanks for all the help. currently on version &lt;code&gt;0.49&lt;/code&gt;. please help&lt;/p&gt;</t>
  </si>
  <si>
    <t>2017-10-12 04:29:02.700000+00:00</t>
  </si>
  <si>
    <t>2017-10-12 06:01:11.163000+00:00</t>
  </si>
  <si>
    <t>javascript|ios|react-native</t>
  </si>
  <si>
    <t>Update Statement with a order by and where clause</t>
  </si>
  <si>
    <t>&lt;p&gt;Can someone please help I keep on getting this error:
The ORDER BY clause is invalid in views, inline functions, derived tables, subqueries, and common table expressions unless TOP, OFFSET or FOR XML is also specified.
This is the query I'm using:&lt;/p&gt;
&lt;pre&gt;&lt;code&gt;UPDATE  SMS 
SET idx30 = 'New' 
WHERE idx30 in 
(
  SELECT * 
  FROM SMS 
  WHERE idx30 IS NULL
    AND (idx15 = 'Del' OR idx15 = 'Fail')
    AND Idx13 &amp;lt;&amp;gt; '1'
    AND Idx7 &amp;gt;= DATEADD(day, -1, GETDATE()) 
  ORDER BY idx7 DESC
);
&lt;/code&gt;&lt;/pre&gt;</t>
  </si>
  <si>
    <t>2017-09-15 07:14:48.020000+00:00</t>
  </si>
  <si>
    <t>2017-09-15 10:18:31.927000+00:00</t>
  </si>
  <si>
    <t>2017-09-15 07:31:13.363000+00:00</t>
  </si>
  <si>
    <t>sql|sql-server|sql-update|sql-order-by</t>
  </si>
  <si>
    <t>How to save and load an array of complex numbers using numpy.savetxt?</t>
  </si>
  <si>
    <t>&lt;p&gt;I want to use &lt;a href="http://docs.scipy.org/doc/numpy/reference/generated/numpy.savetxt.html" rel="noreferrer"&gt;&lt;code&gt;numpy.savetxt()&lt;/code&gt;&lt;/a&gt; to save an array of complex numbers to a text file. Problems:&lt;/p&gt;
&lt;ul&gt;
&lt;li&gt;If you save the complex array with the default format string, the imaginary part is discarded.&lt;/li&gt;
&lt;li&gt;If you use &lt;code&gt;fmt='%s'&lt;/code&gt;, then &lt;code&gt;numpy.loadtxt()&lt;/code&gt; can't load it unless you specify &lt;code&gt;dtype=complex, converters={0: lambda s: complex(s)}&lt;/code&gt;. Even then, if there are NaN's in the array, loading still fails.&lt;/li&gt;
&lt;/ul&gt;
&lt;p&gt;It looks like someone has inquired about this &lt;a href="http://www.mail-archive.com/numpy-discussion@scipy.org/msg16519.html" rel="noreferrer"&gt;multiple&lt;/a&gt; &lt;a href="http://www.mail-archive.com/numpy-discussion@scipy.org/msg22941.html" rel="noreferrer"&gt;times&lt;/a&gt; on the Numpy mailing list and even filed a &lt;a href="http://projects.scipy.org/numpy/ticket/1573" rel="noreferrer"&gt;bug&lt;/a&gt;, but has not gotten a response. Before I put something together myself, is there a canonical way to do this?&lt;/p&gt;</t>
  </si>
  <si>
    <t>2011-06-27 14:04:11.203000+00:00</t>
  </si>
  <si>
    <t>2011-07-04 11:41:13.857000+00:00</t>
  </si>
  <si>
    <t>python|numpy|complex-numbers</t>
  </si>
  <si>
    <t>Asp.net Identity support for ADFS</t>
  </si>
  <si>
    <t>&lt;p&gt;We're in the process of migrating our authentication and authorization logic away from the original membership providers. We are currently looking at Asp.net Identity, but no one on the team has experience with this technology. We've been asked to support ADFS in the future and looking to see if this framework directly supports ADFS, which no one on the team has experience with either.
 The only article I've found, &lt;a href="http://www.cloudidentity.com/blog/2014/02/12/use-the-on-premises-organizational-authentication-option-adfs-with-asp-net-in-visual-studio-2013/" rel="nofollow"&gt;http://www.cloudidentity.com/blog/2014/02/12/use-the-on-premises-organizational-authentication-option-adfs-with-asp-net-in-visual-studio-2013/&lt;/a&gt; seems to imply asp.net identity will support ADFS as a provider. Are there any other definitive resources for asp.net identity and ADFS?&lt;/p&gt;
&lt;p&gt;Regards,
Noobian&lt;/p&gt;</t>
  </si>
  <si>
    <t>2016-07-11 15:37:17.670000+00:00</t>
  </si>
  <si>
    <t>2016-07-11 19:31:01.010000+00:00</t>
  </si>
  <si>
    <t>adfs|asp.net-identity-2</t>
  </si>
  <si>
    <t>Drupal quicktabs view arguments don't work</t>
  </si>
  <si>
    <t>&lt;p&gt;I am using the quicktab module and at some tabs I pass in a view (to which I added some arguments).&lt;/p&gt;
&lt;p&gt;I tried setting the arguments (which are 2 booleans) to 1/0 and it doesn't work, it displays all the values instead of filtering it. If I use the view in a block and set the arguments there to 1/0 it filters them properly.&lt;/p&gt;
&lt;p&gt;Am I doing something wrong? Or does this feature not work with the quicktabs?&lt;/p&gt;</t>
  </si>
  <si>
    <t>2011-04-21 08:48:02.073000+00:00</t>
  </si>
  <si>
    <t>2011-04-23 07:24:26.560000+00:00</t>
  </si>
  <si>
    <t>drupal|views|drupal-7</t>
  </si>
  <si>
    <t>what is the equivalent of ni si in IDA python?</t>
  </si>
  <si>
    <t>&lt;p&gt;I want to make a simple IDA-python script
which sets a break point to some specific memory address
then continue and filter break point hits with some rules..&lt;/p&gt;
&lt;p&gt;In case of gdb. I can make a gdb script such as&lt;/p&gt;
&lt;p&gt;bp 0x12345678
c
if ~~~ else ~~~
ni
si
...
c
...&lt;/p&gt;
&lt;p&gt;how can I do this kind of stuff with IDA python?
thank you in advance&lt;/p&gt;</t>
  </si>
  <si>
    <t>2015-04-27 08:41:15.767000+00:00</t>
  </si>
  <si>
    <t>2015-04-27 09:22:58.047000+00:00</t>
  </si>
  <si>
    <t>python|ida</t>
  </si>
  <si>
    <t>Javascript Race condition for Promises</t>
  </si>
  <si>
    <t>&lt;p&gt;Let's say I have three async functions:  &lt;/p&gt;
&lt;p&gt;&lt;code&gt;functionPromise1, functionPromise2, functionPromise3&lt;/code&gt;&lt;/p&gt;
&lt;p&gt;I want all three to be called concurrently, with the following details:&lt;/p&gt;
&lt;ul&gt;
&lt;li&gt;If &lt;code&gt;functionPromise1&lt;/code&gt; is rejected, stop the other two functions from
finishing.&lt;/li&gt;
&lt;li&gt;If &lt;code&gt;functionPromise2&lt;/code&gt; and &lt;code&gt;functionPromise3&lt;/code&gt; both finish and are resolved, continue to the next part of the code, but if &lt;code&gt;functionPromise1&lt;/code&gt; is eventually rejected then don't go on further into the code.&lt;/li&gt;
&lt;li&gt;If &lt;code&gt;functionPromise2&lt;/code&gt; or &lt;code&gt;functionPromise3&lt;/code&gt; are rejected, don't go on to the next part of the code.&lt;/li&gt;
&lt;/ul&gt;
&lt;p&gt;My use case for these functions is that &lt;code&gt;functionPromise1&lt;/code&gt; serves as an input validation that I want to make synchronous with other functions that treat input as already validated in order to speed up my process. However, if the input is at any point found to be invalid by &lt;code&gt;functionPromise1&lt;/code&gt;, I want to terminate the code.&lt;/p&gt;
&lt;pre&gt;&lt;code&gt;function functionPromise2(...){
    return new Promise(function(resolve,reject){
        fetchUrl(url, function(err, meta, body){
            if (err) { reject(err); } else {
                if (body.toString().indexOf(text) !== -1){
                    resolve();
                } else {
                    reject("Could not find quote");
                }
            }
        });
    });
}
function functionPromise3(...) {
    return new Promise(function(resolve,reject){
        var id = shortid.generate();
        var fileName = id+'.png';
        webshot(url, fileName, { shotOffset: {left: mouseX, top: mouseY} }, function(err) {
            if (err) { reject(err); } else {
                resolve({id: id, fileName: fileName});   
            }
        });
    });
}
&lt;/code&gt;&lt;/pre&gt;</t>
  </si>
  <si>
    <t>2017-01-31 18:13:18.247000+00:00</t>
  </si>
  <si>
    <t>2017-01-31 18:27:45.103000+00:00</t>
  </si>
  <si>
    <t>2017-01-31 18:26:45.877000+00:00</t>
  </si>
  <si>
    <t>javascript|promise|race-condition</t>
  </si>
  <si>
    <t>jquery and ajax file uploader won't work</t>
  </si>
  <si>
    <t>&lt;p&gt;I try to follow the sample code of jquery and ajax file uploader but i've got some error.
actually i cannot figure out the error because when i press the submit button, nothing happens. Please help me about this error.&lt;/p&gt;
&lt;p&gt;The Controller:&lt;/p&gt;
&lt;pre&gt;&lt;code&gt;&amp;lt;?php
class Upload extends CI_Controller 
{
public function __construct()
{
parent::__construct();
$this-&amp;gt;load-&amp;gt;model('files_model');
$this-&amp;gt;load-&amp;gt;database();
$this-&amp;gt;load-&amp;gt;helper('url');
}
public function index() 
{
$this-&amp;gt;load-&amp;gt;view('upload');
}
public function upload_file()
{
$status = "";
$msg = "";
$file_element_name = 'userfile';
if (empty($_POST['title']))
{
$status = "error";
$msg = "Please enter a title";
}
if ($status != "error")
{
$config['upload_path'] = './uploads/';
$config['allowed_types'] = 'gif|jpg|png|doc|txt';
$config['max_size']  = 1024 * 8;
$config['encrypt_name'] = TRUE;
$this-&amp;gt;load-&amp;gt;library('upload', $config);
if (!$this-&amp;gt;upload-&amp;gt;do_upload($file_element_name))
{
$status = 'error';
$msg = $this-&amp;gt;upload-&amp;gt;display_errors('', '');
}
else
{
$data = $this-&amp;gt;upload-&amp;gt;data();
$file_id = $this-&amp;gt;files_model-&amp;gt;insert_file($data['file_name'], $_POST['title']);
if($file_id)
{
$status = "success";
$msg = "File successfully uploaded";
}
else
{
unlink($data['full_path']);
$status = "error";
$msg = "Something went wrong when saving the file, please try again.";
}
}
@unlink($_FILES[$file_element_name]);
}
echo json_encode(array('status' =&amp;gt; $status, 'msg' =&amp;gt; $msg));
}
public function files()
{
$files = $this-&amp;gt;files_model-&amp;gt;get_files();
$this-&amp;gt;load-&amp;gt;view('files', array('files' =&amp;gt; $files));
}
public function delete_file($file_id)
{
if ($this-&amp;gt;files_model-&amp;gt;delete_file($file_id))
{
$status = 'success';
$msg = 'File successfully deleted';
}
else
{
$status = 'error';
$msg = 'Something went wrong when deleteing the file, please try again';
}
echo json_encode(array('status' =&amp;gt; $status, 'msg' =&amp;gt; $msg));
}
}
?&amp;gt;
&lt;/code&gt;&lt;/pre&gt;
&lt;p&gt;The Model:&lt;/p&gt;
&lt;pre&gt;&lt;code&gt;&amp;lt;?php
class Files_Model extends CI_Model {
public function insert_file($filename, $title)
{
$data = array(
'file_name'     =&amp;gt; $filename,
'file_path'        =&amp;gt; $title
);
$this-&amp;gt;db-&amp;gt;insert('files', $data);
return $this-&amp;gt;db-&amp;gt;insert_id();
}
public function get_files()
{
return $this-&amp;gt;db-&amp;gt;select()
-&amp;gt;from('files')
-&amp;gt;get()
-&amp;gt;result();
}
public function delete_file($file_id)
{
$file = $this-&amp;gt;get_file($file_id);
if (!$this-&amp;gt;db-&amp;gt;where('id', $file_id)-&amp;gt;delete('files'))
{
return FALSE;
}
unlink('./files/' . $file-&amp;gt;filename);  
return TRUE;
}
public function get_file($file_id)
{
return $this-&amp;gt;db-&amp;gt;select()
-&amp;gt;from('files')
-&amp;gt;where('id', $file_id)
-&amp;gt;get()
-&amp;gt;row();
}
}
?&amp;gt;
&lt;/code&gt;&lt;/pre&gt;
&lt;p&gt;The View:&lt;/p&gt;
&lt;pre&gt;&lt;code&gt;&amp;lt;!doctype html&amp;gt;
&amp;lt;html&amp;gt;
&amp;lt;head&amp;gt;
&amp;lt;script src="https://ajax.googleapis.com/ajax/libs/jquery/1.6.2/jquery.min.js"&amp;gt;&amp;lt;/script&amp;gt;
&amp;lt;script src="&amp;lt;?php echo base_url()?&amp;gt;js/site.js"&amp;gt;&amp;lt;/script&amp;gt;
&amp;lt;script src="&amp;lt;?php echo base_url()?&amp;gt;js/ajaxfileupload.js"&amp;gt;&amp;lt;/script&amp;gt;
&amp;lt;link href="&amp;lt;?php echo base_url()?&amp;gt;css/style.css" rel="stylesheet" /&amp;gt;
&amp;lt;/head&amp;gt;
&amp;lt;body&amp;gt;
&amp;lt;h1&amp;gt;Upload File&amp;lt;/h1&amp;gt;
&amp;lt;form method="post" action="" id="upload_file"&amp;gt;
&amp;lt;label for="title"&amp;gt;Title&amp;lt;/label&amp;gt;
&amp;lt;input type="text" name="title" id="title" value="" /&amp;gt;
&amp;lt;label for="userfile"&amp;gt;File&amp;lt;/label&amp;gt;
&amp;lt;input type="file" name="userfile" id="userfile" size="20" /&amp;gt;
&amp;lt;input type="submit" name="submit" id="submit" /&amp;gt;
&amp;lt;/form&amp;gt;
&amp;lt;h2&amp;gt;Files&amp;lt;/h2&amp;gt;
&amp;lt;div id="files"&amp;gt;&amp;lt;/div&amp;gt;
&amp;lt;/body&amp;gt;
&amp;lt;/html&amp;gt;
&lt;/code&gt;&lt;/pre&gt;
&lt;p&gt;The javascript:&lt;/p&gt;
&lt;pre&gt;&lt;code&gt;$(function() {
$('#upload_file').submit(function(e) {
e.preventDefault();
$.ajaxFileUpload({
url         :'./upload/upload_file/', 
secureuri      :false,
fileElementId  :'userfile',
dataType    : 'json',
data        : {
'title'           : $('#title').val()
},
success  : function (data, status)
{
if(data.status != 'error')
{
$('#files').html('&amp;lt;p&amp;gt;Reloading files...&amp;lt;/p&amp;gt;');
refresh_files();
$('#title').val('');
}
alert(data.msg);
}
});
return false;
});
});
function refresh_files()
{
$.get('./upload/files/')
.success(function (data){
$('#files').html(data);
});
}
$('.delete_file_link').live('click', function(e) {
e.preventDefault();
if (confirm('Are you sure you want to delete this file?'))
{
var link = $(this);
$.ajax({
url         : './upload/delete_file/' + link.data('file_id'),
dataType : 'json',
success     : function (data)
{
//files = $(#files);
files = $(files);
if (data.status === "success")
{
link.parents('li').fadeOut('fast', function() {
$(this).remove();
if (files.find('li').length == 0)
{
files.html('&amp;lt;p&amp;gt;No Files Uploaded&amp;lt;/p&amp;gt;');
}
});
}
else
{
alert(data.msg);
}
}
});
}
});
&lt;/code&gt;&lt;/pre&gt;</t>
  </si>
  <si>
    <t>2014-10-09 17:15:06.770000+00:00</t>
  </si>
  <si>
    <t>ASP.NET Core: IsInRoleAsync and Authorize Attribute disagree</t>
  </si>
  <si>
    <t>&lt;p&gt;I am trying to implement basic authorization, but the Authorize attribute keeps rejecting my test admin account, even though IsInRoleAsync returns &lt;code&gt;true&lt;/code&gt;. I'm pretty new to ASP.NET Core, so any help would be appreciated. This is building off of the ASP.NET Core Web App (MVC) template, if that helps. Below is what I believe to be the relevant code; please let me know if I can elaborate at all anywhere, or if I can improve this question otherwise. (I want to be as clear as possible!)&lt;/p&gt;
&lt;p&gt;&lt;strong&gt;ManageUsersController.cs&lt;/strong&gt; (with the attribute which rejects my admin account, stating "Access is Restricted")&lt;/p&gt;
&lt;pre&gt;&lt;code&gt;[Authorize(Roles = Constants.AdministratorRole)] // Also tried (Policy = "RequireAdministratorRole"
public class ManageUsersController : Controller
{
    ....
}
&lt;/code&gt;&lt;/pre&gt;
&lt;p&gt;&lt;strong&gt;_AdminActionsParial.cshtml&lt;/strong&gt; (example snippet which returns &lt;code&gt;true&lt;/code&gt; on if the account is an admin)&lt;/p&gt;
&lt;pre&gt;&lt;code&gt;var isAdmin = currentUser != null
    &amp;amp;&amp;amp; await userManager.IsInRoleAsync(
        currentUser,
        Constants.AdministratorRole);
&lt;/code&gt;&lt;/pre&gt;
&lt;p&gt;&lt;strong&gt;ConfigureServices within Startup.cs&lt;/strong&gt; (here is where I define the policy; I also included how I registered the services, in case I screwed that up at all)&lt;/p&gt;
&lt;pre&gt;&lt;code&gt;public void ConfigureServices(IServiceCollection services)
    {
        services.Configure&amp;lt;CookiePolicyOptions&amp;gt;(options =&amp;gt;
        {
            // This lambda determines whether user consent for non-essential cookies is needed for a given request.
            options.CheckConsentNeeded = context =&amp;gt; true;
            options.MinimumSameSitePolicy = SameSiteMode.None;
        });
        services.AddDbContext&amp;lt;ApplicationDbContext&amp;gt;(options =&amp;gt;
            options.UseSqlite(
                Configuration.GetConnectionString("DefaultConnection")));
        services.AddDefaultIdentity&amp;lt;ApplicationUser&amp;gt;()
            .AddRoles&amp;lt;IdentityRole&amp;gt;()
            .AddRoleManager&amp;lt;RoleManager&amp;lt;IdentityRole&amp;gt;&amp;gt;()
            .AddEntityFrameworkStores&amp;lt;ApplicationDbContext&amp;gt;();
        services.AddMvc().SetCompatibilityVersion(CompatibilityVersion.Version_2_1);
        services.AddAuthorization(options =&amp;gt; {
            options.AddPolicy("RequireAdministratorRole", policy =&amp;gt; policy.RequireRole(Constants.AdministratorRole));
        });
        services.AddScoped&amp;lt;IToDoItemService, ToDoItemService&amp;gt;();
    }
&lt;/code&gt;&lt;/pre&gt;
&lt;p&gt;&lt;strong&gt;SeedData.cs&lt;/strong&gt; (this creates the test admin account)&lt;/p&gt;
&lt;pre&gt;&lt;code&gt;public static class SeedData
{
    public static async Task InitializeAsync(
        IServiceProvider services) {
        var roleManager = services
            .GetRequiredService&amp;lt;RoleManager&amp;lt;IdentityRole&amp;gt;&amp;gt;();
        await EnsureRolesAsync(roleManager);
        var userManager = services
            .GetRequiredService&amp;lt;UserManager&amp;lt;ApplicationUser&amp;gt;&amp;gt;();
        await EnsureTestAdminAsync(userManager);
    }
    private static async Task EnsureRolesAsync(
        RoleManager&amp;lt;IdentityRole&amp;gt; roleManager) {
        var alreadyExists = await roleManager
            .RoleExistsAsync(Constants.AdministratorRole);
        if (alreadyExists) return;
        await roleManager.CreateAsync(
            new IdentityRole(Constants.AdministratorRole));
    }
    private static async Task EnsureTestAdminAsync(
        UserManager&amp;lt;ApplicationUser&amp;gt; userManager) {
        var testAdmin = await userManager.Users
            .Where(x =&amp;gt; x.UserName == "admin@todo.local")
            .SingleOrDefaultAsync();
        if (testAdmin != null) return;
        testAdmin = new ApplicationUser {
            UserName = "admin@todo.local",
            Email = "admin@todo.local"
        };
        await userManager.CreateAsync(
            testAdmin, "NotSecure123!!");
        await userManager.AddToRoleAsync(
            testAdmin, Constants.AdministratorRole);
    }
}
&lt;/code&gt;&lt;/pre&gt;
&lt;p&gt;Again, any help would be appreciated, and please let me know if I need to provide more context anywhere.&lt;/p&gt;</t>
  </si>
  <si>
    <t>2018-06-17 00:33:53.643000+00:00</t>
  </si>
  <si>
    <t>c#|asp.net-core</t>
  </si>
  <si>
    <t>Django unit test. Simple example</t>
  </si>
  <si>
    <t>&lt;p&gt;I learn unit test with Django. How to write test for this function? I need this example to understand.&lt;/p&gt;
&lt;pre&gt;&lt;code&gt;@login_required
def datas(request):
    queryset = Data.objects.filter(user=request.user)
    if queryset.count() == 0:
        return redirect('/data/')
    return render_to_response('data_list.html',
                              {'data': queryset},
                              context_instance=RequestContext(request))
&lt;/code&gt;&lt;/pre&gt;</t>
  </si>
  <si>
    <t>2013-02-25 17:52:55.867000+00:00</t>
  </si>
  <si>
    <t>2013-02-25 17:59:29.720000+00:00</t>
  </si>
  <si>
    <t>python|django|testcase|django-testing</t>
  </si>
  <si>
    <t>Extend User Model Django 2.0</t>
  </si>
  <si>
    <t>&lt;p&gt;I'm starting a whole new project using Django 2.0 and python, so I'm at the beginning of deciding how to implement the Multiple User Types. &lt;/p&gt;
&lt;p&gt;What I've read so far is that I can extend the User built-in model for django so that I would get use of django's authentication process, and create another models that links one-to-one with that user model. But actually I can't understand a little bit. &lt;/p&gt;
&lt;p&gt;&lt;strong&gt;My application has three user types: Participant, Admin, Judge, each of them will view certain pages(templates) and as well as permissions.&lt;/strong&gt; &lt;/p&gt;
&lt;p&gt;Can someone provide me with the best practice/approach to start working on those user types. &lt;/p&gt;
&lt;p&gt;Note: In the future, each user may have different fields than the other, for ex. Judge may have Join date while participant won't...etc&lt;/p&gt;</t>
  </si>
  <si>
    <t>2018-02-13 08:56:01.083000+00:00</t>
  </si>
  <si>
    <t>2018-03-16 11:34:19.270000+00:00</t>
  </si>
  <si>
    <t>2018-02-13 09:08:36.837000+00:00</t>
  </si>
  <si>
    <t>python|django|django-2.0</t>
  </si>
  <si>
    <t>Vim print buffer names to stdout on :q</t>
  </si>
  <si>
    <t>&lt;p&gt;Let me jump right in.&lt;/p&gt;
&lt;p&gt;What I'm trying to do is simply print out the file path of any open buffer when I exit vim.  This is useful because I often open other files in vim buffers with a vim script I wrote that can search through my codebase for a specific function call.&lt;/p&gt;
&lt;p&gt;I figure I can set up an autocommand, either for when I open a file or when I leave vim, and use the output from &lt;code&gt;:ls&lt;/code&gt; to list all currently open buffers.  The problem that I'm having is that I can't get any output to show up in terminal.  I have tried various combinations of &lt;code&gt;:!echo&lt;/code&gt; in my function, but to no avail.  I have been trying something like the following in my .vimrc&lt;/p&gt;
&lt;pre&gt;&lt;code&gt;function! PrintFileName()
    :!echo "hello"
    :exec "!echo world"
    "... etc
endfunction
au BufRead * call PrintFileName()
&lt;/code&gt;&lt;/pre&gt;
&lt;p&gt;Both &lt;code&gt;:!echo foobar&lt;/code&gt; and &lt;code&gt;:call PrintFileName()&lt;/code&gt; work for me if I do it from the command line.  I also figure I might have to use some form of silent/redraw! so I don't have to hit enter to continue.&lt;/p&gt;
&lt;p&gt;Really the main problem here is that I can't see a way to get output to stdout from inside my function and called by an autocommand.&lt;/p&gt;
&lt;p&gt;Thanks for any help.&lt;/p&gt;</t>
  </si>
  <si>
    <t>2016-03-04 17:50:17.097000+00:00</t>
  </si>
  <si>
    <t>2016-03-09 15:24:18.423000+00:00</t>
  </si>
  <si>
    <t>Grails HQL (positional params) query for null timestamp -- strange typecast error</t>
  </si>
  <si>
    <t>&lt;p&gt;&lt;strong&gt;Grails domain property:&lt;/strong&gt; java.sql.Timestamp dateInvoiced&lt;/p&gt;
&lt;p&gt;&lt;strong&gt;postgresql column:&lt;/strong&gt;      date_invoiced    timestamp without time zone&lt;/p&gt;
&lt;p&gt;&lt;strong&gt;My Query:&lt;/strong&gt; &lt;/p&gt;
&lt;pre&gt;&lt;code&gt;BrokerageOrder.executeQuery(
    "SELECT COUNT(*) AS count FROM BrokerageOrder d WHERE d.dateInvoiced IS ?",[null])
&lt;/code&gt;&lt;/pre&gt;
&lt;p&gt;&lt;strong&gt;Error:&lt;/strong&gt; &lt;/p&gt;
&lt;pre&gt;&lt;code&gt;Caused by: org.postgresql.util.PSQLException: ERROR: operator does not exist: timestamp  
   without time zone = bytea
   Hint: No operator matches the given name and argument type(s). You might need to add   
   explicit type casts. Position: 133
&lt;/code&gt;&lt;/pre&gt;
&lt;p&gt;&lt;strong&gt;Question:&lt;/strong&gt; how do I fix this? Why does it think my null is a bytea?&lt;/p&gt;
&lt;p&gt;Thank you, Jeff.&lt;/p&gt;</t>
  </si>
  <si>
    <t>2013-07-11 17:36:32.697000+00:00</t>
  </si>
  <si>
    <t>2013-10-28 04:20:25.213000+00:00</t>
  </si>
  <si>
    <t>java|hibernate|grails|jdbc|hql</t>
  </si>
  <si>
    <t>SQL server: How to build a date range from table with start and end times</t>
  </si>
  <si>
    <t>&lt;p&gt;I have a temp table containing 24 entries, one for each hour of a specific day annotated by DayID.  The table contains an indication whether an application is on or off during that specific time range.&lt;/p&gt;
&lt;p&gt;I would like to reduce the number of entries in the table to only show the times during which the application should be on.&lt;/p&gt;
&lt;p&gt;Some sample data follows:&lt;/p&gt;
&lt;pre&gt;&lt;code&gt;CREATE TABLE #OnOff 
(
    RowID INT identity(1, 1), 
    DayID TINYINT, 
    OnOff BIT, 
    StartTime TIME, 
    EndTime TIME
)
INSERT INTO #OnOff (DayID, OnOff, StartTime, EndTime) VALUES
(1, 0, '00:00', '00:59'),
(1, 0, '01:00', '01:59'),
(1, 0, '02:00', '02:59'),
(1, 1, '03:00', '03:59'),
(1, 1, '04:00', '04:59'),
(1, 0, '05:00', '05:59'),
(1, 1, '06:00', '06:59'),
(1, 1, '07:00', '07:59'),
(1, 0, '08:00', '08:59'),
(1, 0, '09:00', '09:59'),
(1, 0, '10:00', '10:59'),
(1, 0, '11:00', '11:59'),
(1, 0, '12:00', '12:59'),
(1, 0, '13:00', '13:59'),
(1, 1, '14:00', '14:59'),
(1, 1, '15:00', '15:59'),
(1, 1, '16:00', '16:59'),
(1, 0, '17:00', '17:59'),
(1, 0, '18:00', '18:59'),
(1, 0, '19:00', '19:59'),
(1, 0, '20:00', '20:59'),
(1, 0, '21:00', '21:59'),
(1, 0, '22:00', '22:59'),
(1, 0, '23:00', '23:59')
&lt;/code&gt;&lt;/pre&gt;
&lt;p&gt;The desired output should be&lt;/p&gt;
&lt;pre&gt;&lt;code&gt;DayID   StartTime  EndTime
1       03:00      04:59
1       06:00      07:59
1       14:00      16:59
&lt;/code&gt;&lt;/pre&gt;
&lt;p&gt;The #OnOff table will always contain a value for every hour of the day (ie end and start times will always be consecutive, except for the last hour).  One can obviously achieve this with a cursor, but this seems quite inefficient.  Is there a better way to achieve this result.&lt;/p&gt;</t>
  </si>
  <si>
    <t>2016-07-18 09:27:26.087000+00:00</t>
  </si>
  <si>
    <t>2017-06-21 08:04:38.477000+00:00</t>
  </si>
  <si>
    <t>sql-server|datetime|time|recursive-cte</t>
  </si>
  <si>
    <t>How to convert function to arrow function in TS</t>
  </si>
  <si>
    <t>&lt;p&gt;I have the following function in TS, I would like to rewrite it to an arrow function.&lt;/p&gt;
&lt;p&gt;I tried with no result. Could you please point me the right direction?
Thanks!&lt;/p&gt;
&lt;pre&gt;&lt;code&gt;function log&amp;lt;T&amp;gt;(message: T): IO&amp;lt;void&amp;gt; {
  return new IO(() =&amp;gt; console.log(message));
}
&lt;/code&gt;&lt;/pre&gt;</t>
  </si>
  <si>
    <t>2018-09-11 21:55:38.613000+00:00</t>
  </si>
  <si>
    <t>2018-09-11 22:04:39.903000+00:00</t>
  </si>
  <si>
    <t>2018-09-11 21:59:32.560000+00:00</t>
  </si>
  <si>
    <t>reformatting x axis as date in a heat map in ggplot</t>
  </si>
  <si>
    <t>&lt;p&gt;I am trying to make a heat map using ggplot and I am having trouble formatting the x axis as a date.&lt;br&gt;
When I run the basic code&lt;/p&gt;
&lt;p&gt;&lt;code&gt;ggplot(kbsdiv13CTN, aes(x=date, y=rev(depth), fill=mean)) +
    geom_tile() + scale_fill_gradient(low = "white", high = "black") +
    scale_y_reverse()
&lt;/code&gt;&lt;br&gt;
The heat map looks ok, but the dates are in the wrong order, and the x axis labels are really crowded together.&lt;/p&gt;
&lt;p&gt;But then I reformat the x axis as date 
    &lt;code&gt;kbsdiv$date&amp;lt;- as.Date(kbsdiv$date , format = "%m/%d")&lt;/code&gt;&lt;/p&gt;
&lt;p&gt;&lt;code&gt;ggplot(kbsdiv13CTN, aes(x=date, y=rev(depth), fill=mean)) +
   geom_tile() + scale_fill_gradient(low = "white", high = "black") +
   scale_y_reverse() +
   scale_x_date(breaks = date_breaks("weeks"),labels = date_format("%b"))&lt;/code&gt;
. 
and the heat map tiles become really narrow and no longer fill up the image. They basically look like very narrow bars, and it no longer looks like a heat map. I wanted to post a picture but they would not let me.&lt;/p&gt;
&lt;p&gt;Can someone help?&lt;/p&gt;</t>
  </si>
  <si>
    <t>2015-06-18 13:29:25.957000+00:00</t>
  </si>
  <si>
    <t>date|heatmap</t>
  </si>
  <si>
    <t>multiply two properties inside an object</t>
  </si>
  <si>
    <t>&lt;p&gt;There are two properties for my bike method.front gear and rear gear.i want another property which will be a new property called gear ratio property which can be obtained by multiplying front and rear gear numbers.the code i have written giving continuous error.how it can be fixed.&lt;/p&gt;
&lt;pre&gt;&lt;code&gt;function write() {
    var bicycle = {
        price: 20000,
        model: "raleigh",
        front_gear: 3,
        rear_gear: 7,
        gear_ratio: function () {
            ratio: this.front_gear * this.rear_gear,
        }
    }
    document.write("this is a " + bicycle.gear_ratio.ratio + " speed bike");
}
window.onload = write;
&lt;/code&gt;&lt;/pre&gt;</t>
  </si>
  <si>
    <t>2014-05-23 14:29:28.287000+00:00</t>
  </si>
  <si>
    <t>2014-05-23 15:07:14.290000+00:00</t>
  </si>
  <si>
    <t>2014-05-23 14:31:00.827000+00:00</t>
  </si>
  <si>
    <t>How did Neil Patel make the text on http://www.quicksprout.com/pro dynamically insert the cirt name into the HTML?</t>
  </si>
  <si>
    <t>&lt;p&gt;This is an awesome way to appeal to folks from the city that they are browsing from.  Is this some kind of JS technique?  Would love a link to an example or if it already exists on GitHub?  Sorry for the newbie question--I'm new to front-end dev.&lt;/p&gt;
&lt;p&gt;Screenshot:&lt;/p&gt;
&lt;p&gt;&lt;a href="http://i.stack.imgur.com/sCWqD.png" rel="nofollow"&gt;Quicksprout site:&lt;/a&gt;&lt;/p&gt;</t>
  </si>
  <si>
    <t>2016-01-08 04:26:39.457000+00:00</t>
  </si>
  <si>
    <t>2016-01-08 04:42:25.993000+00:00</t>
  </si>
  <si>
    <t>javascript|html|css|node.js</t>
  </si>
  <si>
    <t>When passing a message from one activity to the next, that message always appears under anything else I write. How do I make it appear on top?</t>
  </si>
  <si>
    <t>&lt;p&gt;Temperature is the text that needs to be displayed at the bottom and activity_display_message is the 1337 that needs to be displayed at the top.&lt;/p&gt;</t>
  </si>
  <si>
    <t>2016-11-08 04:18:05.650000+00:00</t>
  </si>
  <si>
    <t>2016-11-08 14:34:04.337000+00:00</t>
  </si>
  <si>
    <t>java|android|android-layout</t>
  </si>
  <si>
    <t>ALL CAPS to Normal case</t>
  </si>
  <si>
    <t>&lt;p&gt;I'm trying to find an elegant solution on how to convert something like this&lt;/p&gt;
&lt;blockquote&gt;
  &lt;p&gt;ALL CAPS TEXT. "WHY ANYONE WOULD USE IT?" THIS IS RIDICULOUS! HELP.&lt;/p&gt;
&lt;/blockquote&gt;
&lt;p&gt;...to regular-case. I could more or less find all sentence-starting characters with:&lt;/p&gt;
&lt;pre&gt;&lt;code&gt;(?&amp;lt;=^|(\. \"?)|(! ))[A-Z] #this regex sure should be more complex
&lt;/code&gt;&lt;/pre&gt;
&lt;p&gt;but (standard) Ruby neither allows lookbehinds, nor it is possible to apply .capitalize to, say, gsub replacements. I wish I could do this:&lt;/p&gt;
&lt;pre&gt;&lt;code&gt;"mytext".gsub(/my(regex)/, '\1'.capitalize)
&lt;/code&gt;&lt;/pre&gt;
&lt;p&gt;but the current working solution would be to&lt;/p&gt;
&lt;pre&gt;&lt;code&gt;"mytext".split(/\. /).each {|x| p x.capitalize } #but this solution sucks
&lt;/code&gt;&lt;/pre&gt;</t>
  </si>
  <si>
    <t>2011-05-19 23:37:18.287000+00:00</t>
  </si>
  <si>
    <t>2014-06-27 00:32:25.143000+00:00</t>
  </si>
  <si>
    <t>ruby|string</t>
  </si>
  <si>
    <t>java.lang.UnsupportedOperationException error on splashscreen.java</t>
  </si>
  <si>
    <t>&lt;p&gt;I keep getting this errors related to Thread.stop() in splashscreen.java. I'm pretty new at it and aware of deprecated Thread.stop() but can someone please explain what I'm doing wrong here, thanks..  &lt;/p&gt;
&lt;pre&gt;&lt;code&gt;    java.lang.UnsupportedOperationException
    at java.lang.Thread.stop(Thread.java:1076)
    at java.lang.Thread.stop(Thread.java:1063)
    at com.dapp.d.SplashScreen$4.run(SplashScreen.java:88)
&lt;/code&gt;&lt;/pre&gt;
&lt;p&gt;This is full source code of splashscreen.java&lt;/p&gt;
&lt;pre&gt;&lt;code&gt;    import android.app.Activity;
    import android.content.Intent;
    import android.net.Uri;
    import android.os.Bundle;
    import android.view.View;
    import android.view.View.OnClickListener;
    import android.widget.Button;
    import android.widget.RelativeLayout;
    public class SplashScreen extends Activity {
private boolean active = true;
private int splashTime = 3000;
private boolean clickFlag = true;
private Thread splashTread = null;
private Button btnHelp;
private Button btnAboutUs;
@Override
public void onCreate(Bundle savedInstanceState){
    super.onCreate(savedInstanceState);
    setContentView(R.layout.splash);
    RelativeLayout relativeLayout = (RelativeLayout)findViewById(R.id.splashRelativeLayout);
    relativeLayout.setOnClickListener(new OnClickListener() {
        @Override
        public void onClick(View v) {
            // TODO Auto-generated method stub
            Uri uri = Uri.parse("http://www.exmaple.com");
            Intent intent = new Intent(Intent.ACTION_VIEW, uri);
            startActivity(intent);
        }
    });
     btnAboutUs = (Button)findViewById(R.id.btnAboutus);
     btnHelp = (Button)findViewById(R.id.btnHelp);
    try{
        btnAboutUs.setOnClickListener(new OnClickListener() {
            @Override
            public void onClick(View v) {
                // TODO Auto-generated method stub
                clickFlag = false;
                splashTread.stop();  &amp;lt;&amp;lt;&amp;lt;&amp;lt;&amp;lt;&amp;lt;&amp;lt;&amp;lt;&amp;lt;&amp;lt;&amp;lt;&amp;lt;&amp;lt;&amp;lt;&amp;lt;&amp;lt;&amp;lt;&amp;lt;&amp;lt; line 49
                Intent intent = new Intent();
                intent.setClass(getApplicationContext(), AboutUs.class);
                startActivity(intent);
                SplashScreen.this.finish();
            }
        });
        btnHelp.setOnClickListener(new OnClickListener() {
            @Override
            public void onClick(View v) {
                // TODO Auto-generated method stub
                clickFlag = false;
                splashTread.stop();   &amp;lt;&amp;lt;&amp;lt;&amp;lt;&amp;lt;&amp;lt;&amp;lt;&amp;lt;&amp;lt;&amp;lt;&amp;lt;&amp;lt;&amp;lt;&amp;lt;&amp;lt;&amp;lt;&amp;lt;&amp;lt;&amp;lt; line 63
                Intent intent = new Intent();
                intent.setClass(getApplicationContext(), HelpActivity.class);
                startActivity(intent);
                SplashScreen.this.finish();
            }
        });
        splashTread = new Thread() {
            @Override
            public void run() {
                try{
                    int waited = 0;
                    while(active &amp;amp;&amp;amp; (waited &amp;lt; splashTime)) {
                        sleep(100);
                        waited += 100;
                    }                       
                } catch(InterruptedException e) {
                    // do nothing
                }finally {
                    if(clickFlag){
                        Intent intent=new Intent();
                        intent.setClass(getApplicationContext(), SearchWord.class);
                        startActivity(intent);
                        finish();
                        stop(); &amp;lt;&amp;lt;&amp;lt;&amp;lt;&amp;lt;&amp;lt;&amp;lt;&amp;lt;&amp;lt;&amp;lt;&amp;lt;&amp;lt;&amp;lt;&amp;lt;&amp;lt; line 88
                    }else{
                        finish();
                        stop();
                    }
                }
            }
        };
        splashTread.start();
    }catch (Exception e) {
        // TODO: handle exception
    }
}
    }
&lt;/code&gt;&lt;/pre&gt;</t>
  </si>
  <si>
    <t>2012-07-31 14:06:59.677000+00:00</t>
  </si>
  <si>
    <t>2012-12-11 21:44:14.577000+00:00</t>
  </si>
  <si>
    <t>java|android|eclipse|stack-trace</t>
  </si>
  <si>
    <t>Can JQuery/JSON and MVC Models coexist?</t>
  </si>
  <si>
    <t>&lt;p&gt;I have a page (aka PAGE1) that has a complex grid (like jqgrid) that you can filter/sort/page through results.
When you click on a row on the grid, I would like to load/get a form that I have in a different view (aka PAGE2) and load it into a DIV container on PAGE1.  I want to do this instead of redirecting to PAGE2 because i want to keep PAGE1's state (ie: sorted &amp;amp; paged results).  &lt;/p&gt;
&lt;p&gt;PAGE2 has a model that loads the page, allows user to edit the fields and submit the changes.
I really like MVC's out-of-the-box functionality that validates the fields and highlights the field that has a problem (amongst other things), but MVC (out of the box) does a postback.  This reloads the whole page, so now the broswer is on PAGE2 and PAGE1 is gone (along with it's state).&lt;/p&gt;
&lt;p&gt;Is there a way to load PAGE2 in such a way (without iframes!) that a postback would only refresh the DIV on PAGE1 it's loaded in?  &lt;/p&gt;
&lt;p&gt;Also, when I .get() PAGE2 into a DIV on PAGE1 - if PAGE2 has any plugins in it, it seems to break PAGE1 when i close PAGE2....not sure if the two are related.&lt;/p&gt;
&lt;p&gt;I hope this makes sense - thanks in advance SO!&lt;/p&gt;</t>
  </si>
  <si>
    <t>2013-01-31 15:42:22.940000+00:00</t>
  </si>
  <si>
    <t>2013-01-31 16:00:54.310000+00:00</t>
  </si>
  <si>
    <t>Using dynamic_cast without null check</t>
  </si>
  <si>
    <t>&lt;p&gt;Is there any purpose to using &lt;code&gt;dynamic_cast&lt;/code&gt; when the return value isn't checked for &lt;code&gt;NULL&lt;/code&gt;? If I'm looking at a code base, and the null check it omitted from the return value, might it have been just as well to use &lt;code&gt;static_cast&lt;/code&gt;?&lt;/p&gt;
&lt;pre&gt;&lt;code&gt;A *a = dynamic_cast&amp;lt;A *&amp;gt;(b);
foo(*a);   //might as well have used a static_cast
&lt;/code&gt;&lt;/pre&gt;
&lt;p&gt;I've read all that Google affords on the matter, and it seems that checking for null is the only reason, but I've yet to see anyone come out and say "dynamic_cast without a null check is a waste of cycles (and a possible bloating of the code with RTTI)."&lt;/p&gt;
&lt;p&gt;Edit: It's been put to me that if there's virtual inheritance between the types, that &lt;code&gt;static_cast&lt;/code&gt; would fail where &lt;code&gt;dynamic_cast&lt;/code&gt; would not. In my case, that's not the case.&lt;/p&gt;</t>
  </si>
  <si>
    <t>2017-03-28 19:05:49.867000+00:00</t>
  </si>
  <si>
    <t>2017-03-28 19:30:45.583000+00:00</t>
  </si>
  <si>
    <t>c++|dynamic-cast|null-check</t>
  </si>
  <si>
    <t>jQuery Version Upgrade Issues: TypeError: $(...).slider is not a function</t>
  </si>
  <si>
    <t>&lt;p&gt;I upgraded my jQuery version from 2.1.1 to 3.3.1.&lt;/p&gt;
&lt;p&gt;After version migration, I cannot see my slider functionality working properly.&lt;/p&gt;
&lt;p&gt;I have included both jquery.min.js and jquery-ui.min.js.&lt;/p&gt;
&lt;p&gt;Please let me know if I'm missing anything.&lt;/p&gt;
&lt;p&gt;The code snippet to which the error is pointed to:&lt;/p&gt;
&lt;pre&gt;&lt;code&gt;    var slider = $(elem).slider({
        range: "min",
        value: scope.config.mapValues.indexOf(scope.bandwidth),
        min: scope.config.min,
        step: scope.config.step,
        max: scope.config.mapValues.length-1,
        disabled: scope.disabledFlag,
        slide: function(event, ui) {
            if(ui.value &amp;gt; scope.maxLimit){
                return false;
            }
            scope.$apply(function() {
                scope.slideValue = scope.config.mapValues[ui.value];
            });
        },
        stop: function( event, ui ) {
            if(scope.bandwidth &amp;gt; scope.maxLimit){
                scope._resetBandWidth();
                scope.$apply(function() {
                    var currentValue = scope.config.mapValues[scope.maxLimit];
                    if(ui.value &amp;lt;= scope.maxLimit) {
                        currentValue = scope.config.mapValues[ui.value];
                    }
                    scope.bandwidth = currentValue;
                    scope.slideValue = currentValue;
                });
                return false;
            }
            scope.$apply(function() {
                var bandwidthValue = scope.config.mapValues[ui.value];
                scope.bandwidth = bandwidthValue;
                scope.slideValue = bandwidthValue;
            });
        }
    }).append(disableDiv);
&lt;/code&gt;&lt;/pre&gt;
&lt;p&gt;Below images shows the error which i see in console.
&lt;img src="https://i.stack.imgur.com/lbeRp.jpg" alt="slider is not a function error image"&gt;&lt;/p&gt;
&lt;p&gt;&lt;a href="https://i.stack.imgur.com/cE6hk.jpg" rel="nofollow noreferrer"&gt;jQuery-UI - ���Cannot read property 'step' of undefined��� error image&lt;/a&gt;&lt;/p&gt;</t>
  </si>
  <si>
    <t>2018-09-20 12:48:25.907000+00:00</t>
  </si>
  <si>
    <t>2018-09-21 07:48:50.423000+00:00</t>
  </si>
  <si>
    <t>2018-09-21 06:31:37.943000+00:00</t>
  </si>
  <si>
    <t>javascript|jquery|easing</t>
  </si>
  <si>
    <t>get and set in c#</t>
  </si>
  <si>
    <t>&lt;p&gt;I'm new to c# syntax. I wrote the following class (the codebehind for the masterpage of my website):&lt;/p&gt;
&lt;pre&gt;&lt;code&gt;public partial class MasterPagePro : System.Web.UI.MasterPage
{
    public String pageTitle
    {
        get
        {
            if (this.pageTitle == null)
                return "";
            else
                return " - " + this.pageTitle;
        }
    }
}
&lt;/code&gt;&lt;/pre&gt;
&lt;p&gt;However, when I try to access pageTitle like this in the html:&lt;/p&gt;
&lt;pre&gt;&lt;code&gt;&amp;lt;title&amp;gt;MySite&amp;lt;%=pageTitle%&amp;gt;&amp;lt;/title&amp;gt;
&lt;/code&gt;&lt;/pre&gt;
&lt;p&gt;I get a stackoverflow error. Looking at the code, it's pretty clear that the problem is that the method is calling itself recursively, but I don't know what to write to resolve this. I could do something like:&lt;/p&gt;
&lt;pre&gt;&lt;code&gt;public partial class MasterPagePro : System.Web.UI.MasterPage
{
    private String _pageTitle
    public String pageTitle
    {
        get
        {
            if (_pageTitle == null)
                return "";
            else
                return " - " + _pageTitle;
        }
        set { _pageTitle = value; }
    }
}
&lt;/code&gt;&lt;/pre&gt;
&lt;p&gt;But that seems to defeat the point of having the syntactic shortcut at all. What is the right way to do this?&lt;/p&gt;</t>
  </si>
  <si>
    <t>2011-07-28 16:35:07.043000+00:00</t>
  </si>
  <si>
    <t>2011-07-28 17:20:15.020000+00:00</t>
  </si>
  <si>
    <t>JavaScript AJAX Callback Functions as Parameter</t>
  </si>
  <si>
    <t>&lt;p&gt;I would like to pass as parameter a generic function to be the &lt;code&gt;onreadystate&lt;/code&gt; &lt;code&gt;function&lt;/code&gt;, how can i do that and acess the &lt;code&gt;xmlhttpobj&lt;/code&gt;?
Something like that:&lt;/p&gt;
&lt;pre&gt;&lt;code&gt;    function xmlHttp(target, xml, readyfunc) {
        if (window.XMLHttpRequest) {
            httpObj = new XMLHttpRequest();
        } else if (window.ActiveXObject) {
            httpObj = new ActiveXObject("Microsoft.XMLHTTP");
        }
        if (httpObj) {
            httpObj.onreadystatechange = readyfunc;
            httpObj.open("POST", target, true);
            httpObj.send(xml);
        }
    }
    function Run (Place){
       if (xmlhttp.readyState==4 &amp;amp;&amp;amp; xmlhttp.status==200)
            //do a lot of things in "Place"
   }
&lt;/code&gt;&lt;/pre&gt;</t>
  </si>
  <si>
    <t>2014-04-09 11:27:10.927000+00:00</t>
  </si>
  <si>
    <t>2014-04-09 11:49:00.283000+00:00</t>
  </si>
  <si>
    <t>2014-04-09 11:29:07.040000+00:00</t>
  </si>
  <si>
    <t>In a regular expression, is (\W|$) a workable alternative for \b?</t>
  </si>
  <si>
    <t>&lt;p&gt;We have a client application where the users want to search "notes" fields for specified text.   The fields are either formatted with HTML or plaintext.  One of the recent changes that we made was to only support "whole word" matches.  Using &lt;code&gt;\b&lt;/code&gt;, we made this happen.  Pattern:&lt;/p&gt;
&lt;pre&gt;&lt;code&gt;"\b(?:match)\b" &amp;lt;-- works
&lt;/code&gt;&lt;/pre&gt;
&lt;p&gt;New day, new problem:  one of the values that they want to find is a number followed by a percent sign.  (&lt;code&gt;%&lt;/code&gt;)  However, the pattern doesn't match.  After some research, I was able to determine that, for a character at position &lt;em&gt;n&lt;/em&gt; to be considered an end-of-word boundary, &lt;code&gt;\b&lt;/code&gt; asserts that the character at position &lt;em&gt;n - 1&lt;/em&gt; must be a word character.  However, &lt;code&gt;%&lt;/code&gt; is not a word character, so the match fails.&lt;/p&gt;
&lt;pre&gt;&lt;code&gt;"\b(?:7.0%)\b" &amp;lt;-- fails
&lt;/code&gt;&lt;/pre&gt;
&lt;p&gt;I changed this to match &lt;code&gt;\W&lt;/code&gt;, and it works, but this has the drawback that there must always be another character following the matched pattern.&lt;/p&gt;
&lt;pre&gt;&lt;code&gt;"\b(?:7.0%)\W" &amp;lt;-- works, mostly
&lt;/code&gt;&lt;/pre&gt;
&lt;p&gt;So what I want to know is, can I use the following as a pattern and have it match end-of-string matches?&lt;/p&gt;
&lt;pre&gt;&lt;code&gt;"\b(?:7.0%)(\W|$)" &amp;lt;-- ??
&lt;/code&gt;&lt;/pre&gt;
&lt;p&gt;I tested it and it &lt;em&gt;appears&lt;/em&gt; to work, but is there anything that is going to bite me down the road?&lt;/p&gt;
&lt;p&gt;&lt;em&gt;Edit:&lt;/em&gt;&lt;/p&gt;
&lt;p&gt;Here's a quick test harness that demonstrates the different behaviors, including the answer from agent-j:&lt;/p&gt;
&lt;pre&gt;&lt;code&gt;        List&amp;lt;string&amp;gt; testInputs = new List&amp;lt;string&amp;gt;();
        testInputs.Add("This string contains 7.0% embedded within it.");
        testInputs.Add("In this string, 7.0%\nis at the end of a line.");
        testInputs.Add("7.0% starts this string.");
        testInputs.Add("This string ends with 7.0%");
        List&amp;lt;string&amp;gt; testPatterns = new List&amp;lt;string&amp;gt;();
        testPatterns.Add(@"\b(?:7.0%)\b");
        testPatterns.Add(@"\b(?:7.0%)\W");
        testPatterns.Add(@"\b(?:7.0%)(\W|$)");
        testPatterns.Add(@"\b(?:7.0%)(?!\w)");
        foreach (var patt in testPatterns)
        {
            Console.WriteLine(string.Format("Testing pattern '{0}'", patt));
            foreach (var input in testInputs)
            {
                Console.WriteLine(string.Format("Input '{0}'; result: {1}", input, Regex.IsMatch(input, patt)));
            }
            Console.WriteLine();
        }
&lt;/code&gt;&lt;/pre&gt;
&lt;p&gt;Output: &lt;/p&gt;
&lt;pre&gt;&lt;code&gt;Testing pattern '\b(?:7.0%)\b'
Input 'This string contains 7.0% embedded within it.'; result: False
Input 'In this string, 7.0%
is at the end of a line.'; result: False
Input '7.0% starts this string.'; result: False
Input 'This string ends with 7.0%'; result: False
Testing pattern '\b(?:7.0%)\W'
Input 'This string contains 7.0% embedded within it.'; result: True
Input 'In this string, 7.0%
is at the end of a line.'; result: True
Input '7.0% starts this string.'; result: True
Input 'This string ends with 7.0%'; result: False
Testing pattern '\b(?:7.0%)(\W|$)'
Input 'This string contains 7.0% embedded within it.'; result: True
Input 'In this string, 7.0%
is at the end of a line.'; result: True
Input '7.0% starts this string.'; result: True
Input 'This string ends with 7.0%'; result: True
Testing pattern '\b(?:7.0%)(?!\w)'
Input 'This string contains 7.0% embedded within it.'; result: True
Input 'In this string, 7.0%
is at the end of a line.'; result: True
Input '7.0% starts this string.'; result: True
Input 'This string ends with 7.0%'; result: True
&lt;/code&gt;&lt;/pre&gt;</t>
  </si>
  <si>
    <t>2011-06-17 18:25:42.570000+00:00</t>
  </si>
  <si>
    <t>2011-06-17 18:49:12.907000+00:00</t>
  </si>
  <si>
    <t>Is it a typo in MSDN aticle about 10 first items ordered in PLINQ query or..?</t>
  </si>
  <si>
    <t>&lt;p&gt;The MSDN article "&lt;a href="http://msdn.microsoft.com/en-us/library/dd460677%28v=vs.100%29.aspx" rel="nofollow"&gt;Order Preservation in PLINQ&lt;/a&gt;" states:  &lt;/p&gt;
&lt;blockquote&gt;
  &lt;p&gt;The following example overrides the default behavior by using the
  AsOrdered operator on the source sequence. This ensures that the
  Take method returns the first 10 cities in the source
  sequence that meet the condition&lt;/p&gt;
&lt;pre&gt;&lt;code&gt;var orderedCities = (from city in cities.AsParallel().AsOrdered()
                     where city.Population &amp;gt; 10000
                     select city)
                       .Take(1000);
&lt;/code&gt;&lt;/pre&gt;
&lt;/blockquote&gt;
&lt;p&gt;Is it possible to return more (or less) than 10 first items ordered in PLINQ query and how?   &lt;/p&gt;</t>
  </si>
  <si>
    <t>2013-03-12 11:20:38.527000+00:00</t>
  </si>
  <si>
    <t>2013-03-13 04:08:26.950000+00:00</t>
  </si>
  <si>
    <t>c#|.net|concurrency|task-parallel-library|plinq</t>
  </si>
  <si>
    <t>'Calendar.getDisplayName' giving 'IllegalArgumentException' with 'Unknown Source'</t>
  </si>
  <si>
    <t>&lt;p&gt;Problem- My application is used in a production environment across a few hundred computers. The issue arose after installing some new computers and finding out that my application was crashing on ONLY the new computers. The new computers came with JAVA v8u5, in attempts to fix the issue I also installed v7u55 (I thought it might be a versioning issue). 
NOTE* I'm compiling using JDK v7u45 **&lt;/p&gt;
&lt;p&gt;Root Cause- The failing code is a call to the &lt;a href="http://docs.oracle.com/javase/7/docs/api/java/util/Calendar.html#getDisplayName%28int,%20int,%20java.util.Locale%29" rel="nofollow"&gt;Calendar.getDisplayName(int, int, Locale)&lt;/a&gt;&lt;/p&gt;
&lt;p&gt;Code That is failing:&lt;/p&gt;
&lt;pre&gt;&lt;code&gt;        System.out.println("Getting calendar instance");
        Calendar instanceCalendarObj = Calendar.getInstance();
        String date = instanceCalendarObj.getDisplayName(Calendar.MONTH, 0, Locale.ENGLISH);
        date = date.concat(" "+String.valueOf(instanceCalendarObj.get(Calendar.DAY_OF_MONTH)));
        date = date.concat(", "+String.valueOf(instanceCalendarObj.get(Calendar.YEAR)));
        JOptionPane.showMessageDialog(this, date);
&lt;/code&gt;&lt;/pre&gt;
&lt;p&gt;Error Message:&lt;/p&gt;
&lt;pre&gt;&lt;code&gt;Exception in thread "AWT-EventQueue-0" java.lang.IllegalArgumentException
    at java.util.Calendar.checkDisplayNameParams(Unknown Source)
    at java.util.Calendar.getDisplayName(Unknown Source)
&lt;/code&gt;&lt;/pre&gt;
&lt;p&gt;Any help would be greatly appreciated, even if its just a workaround.&lt;/p&gt;</t>
  </si>
  <si>
    <t>2014-05-09 12:11:58.367000+00:00</t>
  </si>
  <si>
    <t>2015-09-01 12:54:00.437000+00:00</t>
  </si>
  <si>
    <t>java|calendar|illegalargumentexception</t>
  </si>
  <si>
    <t>Return list of interface type</t>
  </si>
  <si>
    <t>&lt;p&gt;I have three clasess that inherit from the same interface:&lt;/p&gt;
&lt;pre&gt;&lt;code&gt;Apple:Resource
Banana:Resource
Orange:Resource
&lt;/code&gt;&lt;/pre&gt;
&lt;p&gt;I another class I have lists with the type op each one:&lt;/p&gt;
&lt;pre&gt;&lt;code&gt;private List&amp;lt;Apple&amp;gt; apples = new List&amp;lt;Banana&amp;gt;();
private List&amp;lt;Banana&amp;gt; bananas = new List&amp;lt;Empleado&amp;gt;();
private List&amp;lt;Orange&amp;gt; oranges = new List&amp;lt;Orange&amp;gt;();
&lt;/code&gt;&lt;/pre&gt;
&lt;p&gt;Now I want a method that can return any of those lists, lets say something like this:&lt;/p&gt;
&lt;pre&gt;&lt;code&gt;public List&amp;lt;Resource&amp;gt; getListOf(string resource)
{
    switch (resource)
    {
        case "apple": 
            return apples;
            break;
        case "bananas":
        return bananas;
            break;
        case "oranges":
        return oranges;
            break;
        default:
            Console.WriteLine("wrong fruit");
            break;
    }
}
&lt;/code&gt;&lt;/pre&gt;
&lt;p&gt;This gives me the following error:&lt;/p&gt;
&lt;blockquote&gt;
  &lt;p&gt;Cannot implicitly convert type
  '&lt;code&gt;System.Collections.Generic.List&amp;lt;Fruits.Apple&amp;gt;&lt;/code&gt;' to
  '&lt;code&gt;System.Collections.Generic.List&amp;lt;Fruits.Resource&amp;gt;&lt;/code&gt;'&lt;/p&gt;
&lt;/blockquote&gt;
&lt;p&gt;I thought it would work the same manner as I can do:&lt;/p&gt;
&lt;pre&gt;&lt;code&gt;foreach (Resource r in Fruitlist) {
    r.Meth();
}
&lt;/code&gt;&lt;/pre&gt;</t>
  </si>
  <si>
    <t>2013-06-14 22:33:11.080000+00:00</t>
  </si>
  <si>
    <t>2013-06-14 22:37:30+00:00</t>
  </si>
  <si>
    <t>2013-06-14 22:35:16.963000+00:00</t>
  </si>
  <si>
    <t>c#|class|oop|inheritance|interface</t>
  </si>
  <si>
    <t>Add html to div without replacing the current content in it</t>
  </si>
  <si>
    <t>&lt;p&gt;I'm trying to add dhtml to the div with the id upload_results. That should work without replacing the current content in the div.&lt;/p&gt;
&lt;p&gt;The Code: (interesting part is at the bottom)&lt;/p&gt;
&lt;pre&gt;&lt;code&gt;&amp;lt;script language="JavaScript"&amp;gt;
 function do_show() {
      $("#webcamContainer").fadeIn('');
  }
  webcam.set_hook( 'onComplete', 'my_completion_handler' );
  function do_upload() {
       upload to server
      document.getElementById('upload_results').innerHTML = '&amp;lt;div&amp;gt;Uploading...&amp;lt;/div&amp;gt;';
      webcam.upload();
  }
  function my_completion_handler(msg) {
       extract URL out of PHP output
      if (msg.match(/(http\:\/\/\S+)/)) {
          var image_url = RegExp.$1;
           show JPEG image in page
          $("#upload_results").fadeIn('');
          //document.getElementById('upload_results').innerHTML = '&amp;lt;a target="_blank" href="'+image_url+'"&amp;gt;&amp;lt;img style="border:#ccc 5px solid;" src="'+image_url+'" width="100px"&amp;gt;&amp;lt;/a&amp;gt;';// I think here should be something changed
    $('#upload_results').append('&amp;lt;a target="_blank" href="'+image_url+'"&amp;gt;&amp;lt;img style="border:#ccc 5px solid;" src="'+image_url+'" width="100px"&amp;gt;&amp;lt;/a&amp;gt;');      
           reset camera for another shot
          webcam.reset();
      }
      else alert("PHP Error: " + msg);
  }
 &amp;lt;/script&amp;gt;
 &amp;lt;div id="upload_results" class="video_header" style="display:none;"&amp;gt;&amp;lt;/div&amp;gt;&amp;lt;!--add data here , without replace current content in div--&amp;gt;
&lt;/code&gt;&lt;/pre&gt;</t>
  </si>
  <si>
    <t>2013-01-12 23:20:26.297000+00:00</t>
  </si>
  <si>
    <t>2013-01-12 23:34:03.360000+00:00</t>
  </si>
  <si>
    <t>javascript|jquery|dhtml</t>
  </si>
  <si>
    <t>Making a responsive rectangle that is higher then width with centered content</t>
  </si>
  <si>
    <t>&lt;p&gt;For my website, I want to make a rectangle that is responsive and where I can adjust the height and width easily. I tried to turn the rectangle but when I do that the content also turns 90 degrees. Maybe you can help me?&lt;/p&gt;
&lt;p&gt;Already much thanks&lt;/p&gt;
&lt;p&gt;Code in snippet:&lt;/p&gt;
&lt;p&gt;&lt;div class="snippet" data-lang="js" data-hide="false" data-console="true" data-babel="false"&gt;_x000D_
&lt;div class="snippet-code"&gt;_x000D_
&lt;pre class="snippet-code-css lang-css prettyprint-override"&gt;&lt;code&gt;.project-pill{_x000D_
  border: 5px solid red;_x000D_
  position: relative;_x000D_
  text-align: center;_x000D_
  width: 35%;_x000D_
  transform: rotate(-90deg);    _x000D_
}_x000D_
.project-pill::after{_x000D_
  content: "";_x000D_
  display: block;_x000D_
  padding-bottom: 80%;_x000D_
}_x000D_
.project-pill .content{_x000D_
  position: absolute;_x000D_
}&lt;/code&gt;&lt;/pre&gt;_x000D_
&lt;pre class="snippet-code-html lang-html prettyprint-override"&gt;&lt;code&gt;&amp;lt;div class="wrapper-project"&amp;gt;_x000D_
    &amp;lt;div class="project-pill"&amp;gt;_x000D_
        &amp;lt;div class="content"&amp;gt;_x000D_
_x000D_
        &amp;lt;/div&amp;gt;_x000D_
    &amp;lt;/div&amp;gt;_x000D_
&amp;lt;/div&amp;gt;&lt;/code&gt;&lt;/pre&gt;_x000D_
&lt;/div&gt;_x000D_
&lt;/div&gt;_x000D_
&lt;/p&gt;</t>
  </si>
  <si>
    <t>2018-03-13 16:26:48.663000+00:00</t>
  </si>
  <si>
    <t>2018-03-13 22:08:31.387000+00:00</t>
  </si>
  <si>
    <t>2018-03-13 21:54:59.630000+00:00</t>
  </si>
  <si>
    <t>How to draw this relationship : Multiple composition of same instance</t>
  </si>
  <si>
    <t>&lt;p&gt;I have a nodes. Two nodes makes link. Multiple links make chain.
How can I draw this relationship in UML?&lt;/p&gt;
&lt;p&gt;I thought Chain as a aggregation of links. But I have not come across any diagram stating such relation with ���filled diamond with 1..* in it���.&lt;/p&gt;
&lt;p&gt;Sorry I cannot upload the picture of mine. Since the ���.violet.class��� format is not supported by stackexchage.&lt;/p&gt;
&lt;p&gt;Thanks&lt;/p&gt;
&lt;p&gt;Edit : Node is similar to the any point in map. &lt;/p&gt;
&lt;p&gt;Link : (source node , destination node).&lt;/p&gt;
&lt;p&gt;Chain: vector[multiple-links]&lt;/p&gt;
&lt;p&gt;So node will exists irrespective of the link. Whenever you create a chain a new links will be created and it lives only the life time of chain.&lt;/p&gt;</t>
  </si>
  <si>
    <t>2016-10-07 09:25:35.850000+00:00</t>
  </si>
  <si>
    <t>2016-10-07 16:22:30.680000+00:00</t>
  </si>
  <si>
    <t>2016-10-07 15:04:12.883000+00:00</t>
  </si>
  <si>
    <t>uml</t>
  </si>
  <si>
    <t>How do I bind a list of objects with composite-key to a checkbox list?</t>
  </si>
  <si>
    <t>&lt;p&gt;I have a list of objects that contain a composite key because of the legacy database that supports multi-tenancy. How can I then bind that list to a checkbox list in asp.net? We're currently using c# 3.5.&lt;/p&gt;
&lt;p&gt;Here's the class:&lt;/p&gt;
&lt;pre&gt;&lt;code&gt;public class SiteKey
{
    public int Id { get; set; }
    public int CustomerId { get; set; }
}
public class Order
{
    public SiteKey Key { get; set; }
    public string Name { get; set; }
}
&lt;/code&gt;&lt;/pre&gt;
&lt;p&gt;My repository returns an &lt;code&gt;IList&amp;lt;Order&amp;gt;&lt;/code&gt; that I want to then bind to a checkbox list.
This code:&lt;/p&gt;
&lt;pre&gt;&lt;code&gt;chkList.DataValueField = "Key";
chkList.DataTextField = "Name";
&lt;/code&gt;&lt;/pre&gt;
&lt;p&gt;displays properly, but the value (&lt;code&gt;chkList.Items[0].Value&lt;/code&gt;) coming back simply contains "MyAssemblyName.SiteKey" and not the key.&lt;/p&gt;
&lt;p&gt;How can I effectively accomplish this?&lt;/p&gt;
&lt;p&gt;Thanks!&lt;/p&gt;</t>
  </si>
  <si>
    <t>2009-08-05 01:44:39.487000+00:00</t>
  </si>
  <si>
    <t>2009-08-05 13:11:02.167000+00:00</t>
  </si>
  <si>
    <t>asp.net|data-binding</t>
  </si>
  <si>
    <t>layoutsubviews not called when iPhone rotated upsidedown at one time</t>
  </si>
  <si>
    <t>&lt;p&gt;I'm making a function using Camera(AVCapture input/output).
Now I have a trouble like below.  &lt;/p&gt;
&lt;p&gt;'layoutSubviews' is not called when iPhone is rotated upsidedown(180 degree) at one time.&lt;br&gt;
(If rotate in 2 step 90 degree and 90 degree, 'layoutSubviews' is called in each rotation)&lt;/p&gt;
&lt;p&gt;I'm using AVCaptureVideoPreviewLayer to display camera output.&lt;br&gt;
And to rotate the preview layer, I wrote the code like below.&lt;/p&gt;
&lt;pre&gt;&lt;code&gt;- (void)layoutSubviews
{
    [super layoutSubviews];   
    [_previewLayer setFrame:self.bounds];
    [self setVideoOrientation];
}
- (void)setVideoOrientation
{
    UIInterfaceOrientation orientation = [UIApplication sharedApplication].statusBarOrientation;
    AVCaptureVideoOrientation videoOrientation = AVCaptureVideoOrientationPortrait;
    switch (orientation) {
        case UIInterfaceOrientationPortrait:
            videoOrientation = AVCaptureVideoOrientationPortrait;
            break;
        case UIInterfaceOrientationPortraitUpsideDown:
            videoOrientation = AVCaptureVideoOrientationPortraitUpsideDown;
            break;
        case UIInterfaceOrientationLandscapeLeft:
            videoOrientation = AVCaptureVideoOrientationLandscapeLeft;
            break;
        case UIInterfaceOrientationLandscapeRight:
            videoOrientation = AVCaptureVideoOrientationLandscapeRight;
            break;
        default:
            break;
    }
    [_previewLayer.connection setVideoOrientation:videoOrientation];
}
&lt;/code&gt;&lt;/pre&gt;
&lt;p&gt;Could you please tell me, if you know, a good solution to call 'layoutSubviews' in 180 degree rotation at one time.&lt;/p&gt;</t>
  </si>
  <si>
    <t>2015-07-27 02:01:35.787000+00:00</t>
  </si>
  <si>
    <t>ios|iphone|rotation|layoutsubviews</t>
  </si>
  <si>
    <t>How to check domain name of user without logging in</t>
  </si>
  <si>
    <t>&lt;p&gt;I have a MVC 5 application which uses OWIN and identity2.0 for authentication.
My application require mixed authentication:&lt;/p&gt;
&lt;ul&gt;
&lt;li&gt;for users not a domain lets say "dom1", they should see a form based page&lt;/li&gt;
&lt;li&gt;for users on domain "dom1" they should be logged in via windows authentication.&lt;/li&gt;
&lt;/ul&gt;
&lt;p&gt;I want to know how can I get the domain name of user without authentication, at the time when user first hit my &lt;code&gt;Account/Login&lt;/code&gt; action.&lt;/p&gt;
&lt;p&gt;I have used :&lt;/p&gt;
&lt;pre&gt;&lt;code&gt;PrincipalContext pcontext = new PrincipalContext(ContextType.Domain);
var domainName = pcontext.ConnectedServer;
&lt;/code&gt;&lt;/pre&gt;
&lt;p&gt;and &lt;/p&gt;
&lt;pre&gt;&lt;code&gt;System.Security.Principal.WindowsIdentity context = System.Security.Principal.WindowsIdentity.GetCurrent();
var domainName = pcontext.Name;
&lt;/code&gt;&lt;/pre&gt;
&lt;p&gt;&lt;strong&gt;BUT&lt;/strong&gt; both of these shows domain name of machine where website is deployed and not of the client's domain.&lt;/p&gt;
&lt;p&gt;Any help is much appreciated and please correct me if I am doing any blunder.&lt;/p&gt;</t>
  </si>
  <si>
    <t>2017-12-13 19:16:27.047000+00:00</t>
  </si>
  <si>
    <t>2017-12-14 14:03:54.640000+00:00</t>
  </si>
  <si>
    <t>c#|asp.net-mvc|active-directory|owin|windows-authentication</t>
  </si>
  <si>
    <t>How to create wmic powershell script</t>
  </si>
  <si>
    <t>&lt;p&gt;I am very new to powershell commands and I am trying to move towards being able to create simple scripts. For example, I am working on a script that will run the following commands in order:&lt;/p&gt;
&lt;p&gt;Command 1: wmic&lt;/p&gt;
&lt;p&gt;Command 2: product where name="Cloud Workspace Client" call uninstall /nointeractive&lt;/p&gt;
&lt;p&gt;The second command is dependent on the first command being run first. However, I'm not sure how to implement a script that will successfully do this. I only know the individual commands, but not how to string them together.&lt;/p&gt;
&lt;p&gt;Any help, suggestions, or links to resources would be greatly appreciated!&lt;/p&gt;</t>
  </si>
  <si>
    <t>2017-12-21 23:38:07.223000+00:00</t>
  </si>
  <si>
    <t>2017-12-22 15:51:42.237000+00:00</t>
  </si>
  <si>
    <t>powershell|wmic</t>
  </si>
  <si>
    <t>Xerces-c: XML file validation with xsd file c++</t>
  </si>
  <si>
    <t>&lt;p&gt;I am attempting to use Xerces-c. I have a .xsd scheme and want to use it to to validate an XML file. I've define the xsd file and an error handler, but for some reason the xsd is not throwing errors. Any insights to what I may be missing?&lt;/p&gt;
&lt;pre&gt;&lt;code&gt;    XercesDOMParser* parser = new XercesDOMParser();
    parser-&amp;gt;setExternalNoNamespaceSchemaLocation("parser.xsd");
    parser-&amp;gt;setExitOnFirstFatalError(true);
    parser-&amp;gt;setValidationConstraintFatal(true);
    parser-&amp;gt;setValidationScheme(XercesDOMParser::Val_Auto);
    parser-&amp;gt;setDoNamespaces(true);    
    parser-&amp;gt;setDoSchema(true);      
    ErrorHandler* errHandler = (ErrorHandler*) new HandlerBase();
    parser-&amp;gt;setErrorHandler(errHandler);
    char* xmlFile = "sample.xml";
    try {
         ....
    } catch (const DOMException&amp;amp; e) {
         cout &amp;lt;&amp;lt; "Exception.." &amp;lt;&amp;lt; endl;
    }
&lt;/code&gt;&lt;/pre&gt;
&lt;p&gt;Thanks. &lt;/p&gt;</t>
  </si>
  <si>
    <t>2010-12-27 18:57:44.787000+00:00</t>
  </si>
  <si>
    <t>2010-12-30 04:08:58.967000+00:00</t>
  </si>
  <si>
    <t>xml|parsing|validation|xsd|xerces-c</t>
  </si>
  <si>
    <t>cpp/Qt : per class debugging</t>
  </si>
  <si>
    <t>&lt;p&gt;I'm developing a Qt application. For each class, I'm trying to mimic the framework, such as error() and errorString() method, use of Private implementation.&lt;/p&gt;
&lt;p&gt;But I would like to add a per class debugging: &lt;/p&gt;
&lt;ul&gt;
&lt;li&gt;Set a macro to the desired level of debug,&lt;/li&gt;
&lt;li&gt;have a macro or a function that knows the level of debug, and use qDebug() or qWarning()
which is class independant, and will know the current class's name (for some pretty prints)&lt;/li&gt;
&lt;/ul&gt;
&lt;p&gt;Anyone have a good idea to implement this ?&lt;/p&gt;</t>
  </si>
  <si>
    <t>2010-05-17 11:27:44.403000+00:00</t>
  </si>
  <si>
    <t>2010-05-21 18:49:13.883000+00:00</t>
  </si>
  <si>
    <t>c++|qt|debugging</t>
  </si>
  <si>
    <t>Array Index Out of Bounds when creating Buffered Image in Java</t>
  </si>
  <si>
    <t>&lt;p&gt;I am attempting to process an image file and return it as an Image object, however I am getting an ArrayIndexOutOfBoundsException in the following code when I call  public static BufferedImage getImageFromArray(int[] data, int columns, int rows).&lt;/p&gt;
&lt;p&gt;I have the following pixel colors stored into an array named "data":&lt;/p&gt;
&lt;pre&gt;&lt;code&gt;[255,6,65,78,99,100,25,0,45,66,88,190,88,76,50]
&lt;/code&gt;&lt;/pre&gt;
&lt;p&gt;I parsed this out from a text file that looked like this:&lt;/p&gt;
&lt;pre&gt;&lt;code&gt;255, 6, 65, 78, 99
100, 25, 0, 45, 66
88, 190, 88, 76, 50 
&lt;/code&gt;&lt;/pre&gt;
&lt;p&gt;I am trying to generate an image from this data by using &lt;a href="http://docs.oracle.com/javase/1.4.2/docs/api/java/awt/image/BufferedImage.htm" rel="nofollow"&gt;BufferedImage&lt;/a&gt; currently I am hitting a brick wall with this. Columns and rows are passed to this based on the table structure above.&lt;/p&gt;
&lt;pre&gt;&lt;code&gt;    public static BufferedImage getImageFromArray(int[] data, int columns, int rows) {
    BufferedImage image = new BufferedImage(columns, rows, BufferedImage.TYPE_INT_RGB);
    WritableRaster raster = (WritableRaster) image.getData();
    raster.setPixels(0,0, columns, rows, data);
    image.setData(raster);
    return image;
}
&lt;/code&gt;&lt;/pre&gt;
&lt;p&gt;I get an OOB exception when I hit the raster.setPixels call. Does this need a different array or value I am missing?  &lt;/p&gt;</t>
  </si>
  <si>
    <t>2012-10-31 20:59:19.647000+00:00</t>
  </si>
  <si>
    <t>2012-11-01 02:29:53.280000+00:00</t>
  </si>
  <si>
    <t>2012-10-31 23:17:44.040000+00:00</t>
  </si>
  <si>
    <t>java|image|bufferedimage</t>
  </si>
  <si>
    <t>Syntax error in batch file</t>
  </si>
  <si>
    <t>&lt;p&gt;The code below is returning the following error:&lt;/p&gt;
&lt;blockquote&gt;
&lt;pre&gt;&lt;code&gt;The syntax of the command is incorrect."
&lt;/code&gt;&lt;/pre&gt;
&lt;/blockquote&gt;
&lt;p&gt;But I have no clue which line is causing this.&lt;/p&gt;
&lt;pre&gt;&lt;code&gt;@echo off
for /D %%d in (*) do (
    cd %%d
    for %%f in (*_c.lua) do (
        set FROM=%%f
        set TO=%FROM%"c"
        C:\curl.exe -s -X POST -F compile=1 -F debug=0 -F obfuscate=2 -F luasource=@%FROM% http://luac.mtasa.com/ &amp;gt; %TO%
    )
    cd ..
)
pause
&lt;/code&gt;&lt;/pre&gt;</t>
  </si>
  <si>
    <t>2017-01-12 17:34:36.433000+00:00</t>
  </si>
  <si>
    <t>2017-01-13 14:29:33.137000+00:00</t>
  </si>
  <si>
    <t>2017-01-12 17:53:05.243000+00:00</t>
  </si>
  <si>
    <t>How to read and decode Tensor from TensorProto file</t>
  </si>
  <si>
    <t>&lt;ol&gt;
&lt;li&gt;There's a TensorFlow python code that keeps running and pre-processing the images, then save specific image Tensor variables (shape like [64 227 227 3], dtype=float32) into local e.g., fileA/B/....&lt;/li&gt;
&lt;li&gt;&lt;p&gt;Now another process in C language (there's no Tensorflow session/graph involved), just needs to read and decode the tensor from the file - actually all I need is the content or the values of Tensor, then feed the values to GPU in n-array. &lt;/p&gt;&lt;/li&gt;
&lt;li&gt;&lt;p&gt;So is there good way, or sample code to read and decode the Tensor content in  API ? just need to extract the contents, don't launch any TF session. &lt;/p&gt;&lt;/li&gt;
&lt;/ol&gt;
&lt;p&gt;Here's my code to save Tensor variable (python)&lt;/p&gt;
&lt;pre&gt;&lt;code&gt;stageDir = '/run/remoteP/'
loopIdx = tf.Variable(1,dtype=tf.int32, trainable=False, name='3')
dataDir= os.path.join(stageDir, 'data-dev%d-loop' % (device_num))
dataPath = tf.string_join([dataDir, tf.as_string(tf.get_default_graph().get_tensor_by_name("global_step:0"))])
writeD_op = gen_io_ops._save(dataPath, ['host_images'], [host_images])
&lt;/code&gt;&lt;/pre&gt;</t>
  </si>
  <si>
    <t>2018-05-19 11:48:45.323000+00:00</t>
  </si>
  <si>
    <t>2018-05-19 11:50:40.967000+00:00</t>
  </si>
  <si>
    <t>python|c|file|tensorflow</t>
  </si>
  <si>
    <t>Good way to concatenate string representations of objects?</t>
  </si>
  <si>
    <t>&lt;p&gt;Ok,&lt;/p&gt;
&lt;p&gt;We have a lot of &lt;em&gt;where&lt;/em&gt; clauses in our code. We have just as many ways to generate a string to represent the &lt;em&gt;in&lt;/em&gt; condition. I am trying to come up with a clean way as follows:&lt;/p&gt;
&lt;pre&gt;&lt;code&gt;public static string Join&amp;lt;T&amp;gt;(this IEnumerable&amp;lt;T&amp;gt; items, string separator)
{
    var strings = from item in items select item.ToString();
    return string.Join(separator, strings.ToArray());
}
&lt;/code&gt;&lt;/pre&gt;
&lt;p&gt;it can be used as follows:&lt;/p&gt;
&lt;pre&gt;&lt;code&gt;var values = new []{1, 2, 3, 4, 5, 6};
values.StringJoin(",");
// result should be:
// "1,2,3,4,5,6"
&lt;/code&gt;&lt;/pre&gt;
&lt;p&gt;So this is a nice extension method that does a very basic job. I know that simple code does not always turn into fast or efficient execution, but I am just curious as to what could I have missed with this simple code. Other members of our team are arguing that:&lt;/p&gt;
&lt;ul&gt;
&lt;li&gt;it is not flexible enough (no control of the string representation)&lt;/li&gt;
&lt;li&gt;may not be memory efficient&lt;/li&gt;
&lt;li&gt;may not be fast&lt;/li&gt;
&lt;/ul&gt;
&lt;p&gt;Any &lt;em&gt;expert&lt;/em&gt; to chime in?&lt;/p&gt;
&lt;p&gt;Regards,&lt;/p&gt;
&lt;p&gt;Eric.&lt;/p&gt;</t>
  </si>
  <si>
    <t>2009-10-27 19:08:53.913000+00:00</t>
  </si>
  <si>
    <t>2009-10-27 21:03:31.420000+00:00</t>
  </si>
  <si>
    <t>c#|optimization|extension-methods|memory-management</t>
  </si>
  <si>
    <t>How to replace existing branch on SVN?</t>
  </si>
  <si>
    <t>&lt;p&gt;I'm working on a project which latest code isn't on SVN. But on SVN, it do have an old copy of the same code which was written by another developer. When I started to work on to the same project, I was given the code which is on SVN (via AirDrop). Then I was updating the same code which is on my desktop (and not on SVN). I never commit anything on SVN.&lt;/p&gt;
&lt;p&gt;Now my boss want me to put the latest (on which I have been worked) code on SVN. &lt;/p&gt;
&lt;p&gt;He don't want to create an another branch for the same code. So he asked me to update the code on SVN. How should I do that? What's the proper way to get this done?&lt;/p&gt;
&lt;ul&gt;
&lt;li&gt;I have checkout the code from SVN.&lt;/li&gt;
&lt;li&gt;I do have latest code for the same on my desktop.&lt;/li&gt;
&lt;/ul&gt;
&lt;p&gt;I want to keep latest code on SVN (which is with me now).&lt;/p&gt;
&lt;p&gt;What should I do?&lt;/p&gt;</t>
  </si>
  <si>
    <t>2016-01-18 13:41:51.727000+00:00</t>
  </si>
  <si>
    <t>svn</t>
  </si>
  <si>
    <t>Remove the Button from the LinearLayout</t>
  </si>
  <si>
    <t>&lt;p&gt;I am creating a &lt;code&gt;CheckBox&lt;/code&gt; list and &lt;code&gt;Button&lt;/code&gt; from &lt;code&gt;ArrayList&amp;lt;Integer&amp;gt;&lt;/code&gt;, which I am getting as response from the server, programmatically. For updating purpose I am trying to delete the &lt;code&gt;CheckBox&lt;/code&gt; list as well as the &lt;code&gt;Button&lt;/code&gt; before I add the new one. With the current state the &lt;code&gt;Button&lt;/code&gt; is not being deleted I noticed that when the &lt;code&gt;ArrayList&lt;/code&gt; becomes empty the &lt;code&gt;Button&lt;/code&gt; was not deleted.&lt;/p&gt;
&lt;p&gt;How can I delete  the &lt;code&gt;Button&lt;/code&gt; in the case the table is empty since too there is some cases where the table becomes empty?&lt;/p&gt;
&lt;pre&gt;&lt;code&gt;    @Override
    public void onAsyncTaskFinished(ArrayList&amp;lt;Integer&amp;gt; result) {
        remove_elements();
        createCheckboxList(result);
    }
private void remove_elements() {
        LinearLayout parent = (LinearLayout) findViewById(R.id.lila);
        for (int i : items) {
            CheckBox ch = (CheckBox) findViewById(i);
            if (ch != null) {
                parent.removeView(ch);
            } else {
                System.out.println("The checkbox is null");
            }    
        }
        Button btn = (Button) findViewById(1);
        if (btn != null) {
            parent.removeView(btn);
        } else {
            System.out.println("The button is null");
        }
    }
    private void createCheckboxList(final ArrayList&amp;lt;Integer&amp;gt; items) {
        this.items = items;
        final ArrayList&amp;lt;Integer&amp;gt; selected = new ArrayList&amp;lt;Integer&amp;gt;();
        LinearLayout ll = (LinearLayout) findViewById(R.id.lila);
        for (int i = 0; i &amp;lt; items.size(); i++) {
            CheckBox cb = new CheckBox(this);
            cb.setText(String.valueOf(items.get(i)));
            cb.setId(items.get(i));
            ll.addView(cb);
        }
        Button btn = new Button(this);
        btn.setLayoutParams(new LinearLayout.LayoutParams(500, 150));
        btn.setText("submit");
        btn.setId(1);
        ll.addView(btn);
        btn.setOnClickListener(new View.OnClickListener() {}
}
&lt;/code&gt;&lt;/pre&gt;</t>
  </si>
  <si>
    <t>2015-06-01 16:35:01.613000+00:00</t>
  </si>
  <si>
    <t>2015-06-01 16:50:58.397000+00:00</t>
  </si>
  <si>
    <t>2015-06-01 16:39:08.733000+00:00</t>
  </si>
  <si>
    <t>Protractor error message "unsupported command-line flag" in Chrome?</t>
  </si>
  <si>
    <t>&lt;p&gt;I'm a new user to Protractor, and I encountered this error running my tests using Chrome (&lt;em&gt;error displays beneath the address bar in the launched browser&lt;/em&gt;):&lt;/p&gt;
&lt;blockquote&gt;
  &lt;p&gt;You are using an unsupported command-line flag --ignore-certificate-errors. Stability and security will suffer.&lt;/p&gt;
&lt;/blockquote&gt;
&lt;p&gt;Here is my conf.js for Protractor:&lt;/p&gt;
&lt;pre&gt;&lt;code&gt;exports.config = {
seleniumAddress: 'http://localhost:4444/wd/hub',
capabilities: {
    'browserName': 'chrome'  
},
...
&lt;/code&gt;&lt;/pre&gt;
&lt;p&gt;Also, I am using a Mac with the latest available Chromedriver and Selenium standalone server (2.41.0).  Now, I haven't set this flag anywhere, and I don't recall it always displaying so I'm not sure what caused this problem.&lt;/p&gt;
&lt;p&gt;Any ideas on how to resolve this issue?&lt;/p&gt;</t>
  </si>
  <si>
    <t>2014-05-21 00:07:43.157000+00:00</t>
  </si>
  <si>
    <t>2016-07-26 18:35:15.947000+00:00</t>
  </si>
  <si>
    <t>javascript|node.js|selenium|mocha|protractor</t>
  </si>
  <si>
    <t>android dialog problem</t>
  </si>
  <si>
    <t>&lt;p&gt;When using a custom dialog in an Android App how is it then possible to let the user know, that he/she has entered a wrong argument, e.g. a wrong password or username?&lt;/p&gt;
&lt;p&gt;Possible an AlertDialog or just a Toast_Message?&lt;/p&gt;
&lt;p&gt;Thank you&lt;/p&gt;</t>
  </si>
  <si>
    <t>2010-11-11 10:13:12.687000+00:00</t>
  </si>
  <si>
    <t>2010-11-11 11:04:14.653000+00:00</t>
  </si>
  <si>
    <t>2010-11-11 10:18:57.290000+00:00</t>
  </si>
  <si>
    <t>android|error-handling|dialog|alertdialog|customdialog</t>
  </si>
  <si>
    <t>Making a registration page with Heroku - NotFoundException errors</t>
  </si>
  <si>
    <t>&lt;p&gt;I am trying to make a basic account registration page for a website using Heroku. I have installed PostGRESQL and created a table called users with all the proper columns. (I haven't used encryption yet since I'm just trying to get this working first.) Here is my PHP for the page:&lt;/p&gt;
&lt;pre&gt;&lt;code&gt;&amp;lt;?php
require('../vendor/autoload.php');
require('../includes/config.php');
$app = new Silex\Application();
$app['debug'] = true;
// Register the monolog logging service
$app-&amp;gt;register(new Silex\Provider\MonologServiceProvider(), array(
'monolog.logfile' =&amp;gt; 'php://stderr',
));
// Register the Twig templating engine
$app-&amp;gt;register(new Silex\Provider\TwigServiceProvider(), array(
'twig.path' =&amp;gt; __DIR__.'/../views',
));
/*checking database*/
    // if form was submitted
    if ($_SERVER["REQUEST_METHOD"] == "POST")
    {
         /**/
        //check that all three fields have been filled out
        if (empty($_POST["username"])||empty($_POST["password"])||empty($_POST["confirmation"]))         
        {     
             apologize("You need to complete the username, password, and confirmation fields.");
             exit;
        }       
        //check that password and confirmation are the same
        if ($_POST["password"] != $_POST["confirmation"])
        {
             apologize("Password and confirmation must match.");
             exit;
        }
        if (!filter_var($_POST["email"], FILTER_VALIDATE_EMAIL) )
        {
             apologize("Email address not valid. Try again.");        
             exit ; 
        }    
// Register the Postgres database add-on
$dbopts = parse_url(getenv('DATABASE_URL'));
$app-&amp;gt;register(new Herrera\Pdo\PdoServiceProvider(),
array   (
    'pdo.dsn' =&amp;gt; 'pgsql:dbname='.ltrim($dbopts["path"],'/').';host='.$dbopts["host"],
    'pdo.port' =&amp;gt; $dbopts["port"],
    'pdo.username' =&amp;gt; $dbopts["user"],
    'pdo.password' =&amp;gt; $dbopts["pass"]
    )
          );
$st = $app['pdo']-&amp;gt;prepare('INSERT INTO users (username, email, hash) VALUES ('. $_POST["username"] . ', ' . $_POST["email"]. ', '. $_POST["password"]. ')');
$st-&amp;gt;execute();     
$app-&amp;gt;get('/db/', function() use($app) {
$st = $app['pdo']-&amp;gt;prepare('SELECT username FROM users');
$st-&amp;gt;execute();
$names = array();
while ($row = $st-&amp;gt;fetch(PDO::FETCH_ASSOC)) {
$app['monolog']-&amp;gt;addDebug('Row ' . $row['name']);
$names[] = $row;
}
return $app['twig']-&amp;gt;render('database.twig', array(
'names' =&amp;gt; $names
));
});
$app-&amp;gt;get('/twig/{name}', function($name) use($app) {
return $app['twig']-&amp;gt;render('index.twig', array(
'name' =&amp;gt; $name,
));
});
$app-&amp;gt;run();
         //if the registration worked, log the user in
       if ($result !== false)
       {
            //if registration worked, remember that session ID
            $rows = query("SELECT LAST_INSERT_ID() AS id");
            $id = $rows[0]["id"];
            $_SESSION["id"] = $id; 
            redirect("../index.php");
       }
    }
    else
    {
        // else render form
        render("register_form.php", ["title" =&amp;gt; "Register"]);
    }
?&amp;gt;
&lt;/code&gt;&lt;/pre&gt;
&lt;p&gt;I am getting the following errors when I submit the page:&lt;/p&gt;
&lt;p&gt;Sorry, the page you are looking for could not be found.
2/2 NotFoundHttpException in RouterListener.php line 145: No route found for "POST /" (from "&lt;a href="http://secret-ridge-6332.herokuapp.com/register.php" rel="nofollow"&gt;http://secret-ridge-6332.herokuapp.com/register.php&lt;/a&gt;")&lt;/p&gt;
&lt;pre&gt;&lt;code&gt;in RouterListener.php line 145
at RouterListener-&amp;gt;onKernelRequest(object(GetResponseEvent), 'kernel.request', object(EventDispatcher))
at call_user_func(array(object(RouterListener), 'onKernelRequest'), object(GetResponseEvent), 'kernel.request', object(EventDispatcher)) in EventDispatcher.php line 164
at EventDispatcher-&amp;gt;doDispatch(array(array(object(RouterListener), 'onKernelRequest'), array(object(LocaleListener), 'onKernelRequest'), array(object(LogListener), 'onKernelRequest'), array(object(MiddlewareListener), 'onKernelRequest')), 'kernel.request', object(GetResponseEvent)) in EventDispatcher.php line 53
at EventDispatcher-&amp;gt;dispatch('kernel.request', object(GetResponseEvent)) in HttpKernel.php line 126
at HttpKernel-&amp;gt;handleRaw(object(Request), '1') in HttpKernel.php line 66
at HttpKernel-&amp;gt;handle(object(Request), '1', true) in Application.php line 538
at Application-&amp;gt;handle(object(Request)) in Application.php line 515
at Application-&amp;gt;run() in register.php line 72
&lt;/code&gt;&lt;/pre&gt;
&lt;p&gt;1/2 ResourceNotFoundException in UrlMatcher.php line 96:&lt;/p&gt;
&lt;pre&gt;&lt;code&gt;in UrlMatcher.php line 96
at UrlMatcher-&amp;gt;match('/') in RedirectableUrlMatcher.php line 30
at RedirectableUrlMatcher-&amp;gt;match('/') in LazyUrlMatcher.php line 51
at LazyUrlMatcher-&amp;gt;match('/') in RouterListener.php line 127
at RouterListener-&amp;gt;onKernelRequest(object(GetResponseEvent), 'kernel.request', object(EventDispatcher))
at call_user_func(array(object(RouterListener), 'onKernelRequest'), object(GetResponseEvent), 'kernel.request', object(EventDispatcher)) in EventDispatcher.php line 164
at EventDispatcher-&amp;gt;doDispatch(array(array(object(RouterListener), 'onKernelRequest'), array(object(LocaleListener), 'onKernelRequest'), array(object(LogListener), 'onKernelRequest'), array(object(MiddlewareListener), 'onKernelRequest')), 'kernel.request', object(GetResponseEvent)) in EventDispatcher.php line 53
at EventDispatcher-&amp;gt;dispatch('kernel.request', object(GetResponseEvent)) in HttpKernel.php line 126
at HttpKernel-&amp;gt;handleRaw(object(Request), '1') in HttpKernel.php line 66
at HttpKernel-&amp;gt;handle(object(Request), '1', true) in Application.php line 538
at Application-&amp;gt;handle(object(Request)) in Application.php line 515
at Application-&amp;gt;run() in register.php line 72
&lt;/code&gt;&lt;/pre&gt;
&lt;p&gt;Any ideas what I could be doing wrong? Thank you!&lt;/p&gt;</t>
  </si>
  <si>
    <t>2014-12-03 17:40:47.800000+00:00</t>
  </si>
  <si>
    <t>2014-12-05 14:22:19.387000+00:00</t>
  </si>
  <si>
    <t>php|postgresql|heroku</t>
  </si>
  <si>
    <t>Call Soap API through SUDS in python with SSL and headers</t>
  </si>
  <si>
    <t>&lt;p&gt;I have a soap api and i want to call it with suds in python.  I have install the suds and able to connect with the soap api.&lt;/p&gt;
&lt;p&gt;&lt;code&gt;client = Client("http://my_sevone_appliance/soap3/api.wsdl")&lt;/code&gt;&lt;/p&gt;
&lt;p&gt;But catch is i have to send some headers and extra headers to the soap api and i also have to send the ssl file in TLSv1.&lt;/p&gt;
&lt;p&gt;&lt;code&gt;ssl.wrap_socket()&lt;/code&gt;
Remember python version is 2.7&lt;/p&gt;
&lt;p&gt;but somehow  i am not able to do that.
can someone help me how to call the soap api from suds and pass headers in that and also ssl. thankyou&lt;/p&gt;</t>
  </si>
  <si>
    <t>2016-09-01 05:45:25.727000+00:00</t>
  </si>
  <si>
    <t>2016-09-15 08:38:29.460000+00:00</t>
  </si>
  <si>
    <t>python-2.7|ssl|soap|suds</t>
  </si>
  <si>
    <t>show date in wishlist magento 1.9</t>
  </si>
  <si>
    <t>&lt;p&gt;I want to show &lt;strong&gt;date&lt;/strong&gt; in the which the item added to the wishlist in magento 1.9.&lt;/p&gt;
&lt;p&gt;I found this block in xml for price&lt;/p&gt;
&lt;pre&gt;&lt;code&gt;   &amp;lt;block type="wishlist/customer_wishlist_item_column_cart" name="customer.wishlist.item.price" template="wishlist/item/column/price.phtml"&amp;gt;
                    &amp;lt;action method="setTitle" translate="title"&amp;gt;
                        &amp;lt;title&amp;gt;Price&amp;lt;/title&amp;gt;
                    &amp;lt;/action&amp;gt;
                    &amp;lt;block type="wishlist/customer_wishlist_item_options" name="customer.wishlist.item.options" /&amp;gt;
                &amp;lt;/block&amp;gt;
&lt;/code&gt;&lt;/pre&gt;
&lt;p&gt;I want to display date after the price in wishlist.&lt;/p&gt;</t>
  </si>
  <si>
    <t>2018-11-27 10:57:06.077000+00:00</t>
  </si>
  <si>
    <t>2018-11-27 12:31:38.153000+00:00</t>
  </si>
  <si>
    <t>magento-1.9</t>
  </si>
  <si>
    <t>HTML form action using a php file outside of root directory?</t>
  </si>
  <si>
    <t>&lt;p&gt;I am wondering, there are a few files I have kept outside of the root directory in a different directory and I am trying to use a HTML form to post info to a php file that sits OUTSIDE the root directory&lt;/p&gt;
&lt;p&gt;Is that possible? If so, how?&lt;/p&gt;</t>
  </si>
  <si>
    <t>2012-07-09 07:05:40.003000+00:00</t>
  </si>
  <si>
    <t>2016-04-29 22:06:21.677000+00:00</t>
  </si>
  <si>
    <t>php|html|forms|post|include</t>
  </si>
  <si>
    <t>Sql to get the max version group by view, and include other column values</t>
  </si>
  <si>
    <t>&lt;p&gt;&lt;a href="https://i.stack.imgur.com/fzR0e.jpg" rel="nofollow noreferrer"&gt;&lt;img src="https://i.stack.imgur.com/fzR0e.jpg" alt="enter image description here"&gt;&lt;/a&gt;&lt;/p&gt;
&lt;p&gt;I am trying to select all values in this table, grouping by &lt;code&gt;view_name&lt;/code&gt; with the highest version&lt;/p&gt;
&lt;p&gt;So I want to select rows with &lt;code&gt;core_id&lt;/code&gt; 1234 and 1236&lt;/p&gt;
&lt;pre&gt;&lt;code&gt;SELECT
  MAX(version),
  view_name
FROM csa_help_admin cha
GROUP BY view_name
&lt;/code&gt;&lt;/pre&gt;
&lt;p&gt;The above select gets me the rows I want, but since the are aggregated I can't get the &lt;code&gt;core_id&lt;/code&gt; and &lt;code&gt;help_active&lt;/code&gt; values&lt;/p&gt;
&lt;p&gt;I realize group by is an aggregate function but does anyone have suggestions of how to get the desired result&lt;/p&gt;
&lt;p&gt;I am using pl sql by the way&lt;/p&gt;</t>
  </si>
  <si>
    <t>2017-08-22 08:53:24.767000+00:00</t>
  </si>
  <si>
    <t>2017-08-22 11:08:35.243000+00:00</t>
  </si>
  <si>
    <t>sql|plsql</t>
  </si>
  <si>
    <t>How to create a Result Set</t>
  </si>
  <si>
    <t>&lt;p&gt;I need to create a result set in phalcon and use it as it was an array.&lt;/p&gt;
&lt;p&gt;Im trying to find an example or more info on the documentation but it seems it's not possible.&lt;/p&gt;</t>
  </si>
  <si>
    <t>2015-02-25 19:56:21.013000+00:00</t>
  </si>
  <si>
    <t>2015-07-02 15:18:02.350000+00:00</t>
  </si>
  <si>
    <t>phalcon</t>
  </si>
  <si>
    <t>Simplemodal for JQuery: close currently visible modal and show another</t>
  </si>
  <si>
    <t>&lt;p&gt;I realize this question has been asked &lt;a href="https://stackoverflow.com/questions/2718593/jquery-simplemodal-close-existing-modal-and-open-a-new-one"&gt;several times&lt;/a&gt; in &lt;a href="https://stackoverflow.com/questions/2587892/jquery-simplemodal-call-another-simplemodal"&gt;several different forms&lt;/a&gt;, but I cannot get it to work properly for the life of me.&lt;/p&gt;
&lt;p&gt;I have two DIVs on my page used for modals, ids signup-popup and login-popup. They each have their own close buttons with class simplemodal-close and showing/closing each one on its own works fine.&lt;/p&gt;
&lt;p&gt;I want to add a button to the signup modal that closes it and opens the login modal. I followed the instructions Eric gave in the first link above, which I've included below:&lt;/p&gt;
&lt;pre&gt;&lt;code&gt;$('a#ask').click(function(){
    $('#modal-contact').modal({onShow: function (dialog) {
        // handle the close yourself.
        // Don't use the closeClass on this element
        // call $.modal.close(); when you are done
        // call a function to open a new modal
    });
    return false;
});
&lt;/code&gt;&lt;/pre&gt;
&lt;p&gt;However, this doesn't work; the signup modal closes but the login modal doesn't. Here is my code (using noConflict, hence the use of jQuery() rather than $()):&lt;/p&gt;
&lt;pre&gt;&lt;code&gt;jQuery(function (jQuery) {
    jQuery('#btn-signup-open').click(function () {
        jQuery('#signup-popup').modal({onShow: function (dialog) {
            jQuery('#login-from-signup').click(function () {
                jQuery.modal.close();
                jQuery('#login-popup').modal();
            })
        }});
        return false;
    });
});
&lt;/code&gt;&lt;/pre&gt;
&lt;p&gt;And I also tried the following instead, figuring it was simpler and more straightforward, however the result was the same (signup modal closes, login modal doesn't close, regular close button &amp;amp; form submit works fine):&lt;/p&gt;
&lt;pre&gt;&lt;code&gt;jQuery(function (jQuery) {
    jQuery('#login-from-signup').click(function () {
        jQuery.modal.close();
        jQuery('#login-popup').modal();
        return false;
    });
});
&lt;/code&gt;&lt;/pre&gt;
&lt;p&gt;I did try Eric's other suggestion which was to just replace the content of the modal. This works, but seems hack-y because I have to manually bind the close button (not a big deal) and the modal doesn't auto-resize for the smaller login form. While this works, it seems like there should be a better way to do it (specifically the code I have right above, or some minor tweak to it).&lt;/p&gt;
&lt;pre&gt;&lt;code&gt;jQuery(function (jQuery) {
    jQuery('#login-from-signup').click(function () {
        jQuery('.simplemodal-wrap').html('&amp;lt;div class="popup simplemodal-data" id="login-popup" style="display: block;"&amp;gt;'+jQuery("#login-popup").html()+'&amp;lt;/div&amp;gt;');
        jQuery('.simplemodal-close').click(function() {jQuery.modal.close(); return false;});
          return false;
    });
});
&lt;/code&gt;&lt;/pre&gt;</t>
  </si>
  <si>
    <t>2010-11-19 20:29:16.113000+00:00</t>
  </si>
  <si>
    <t>2010-12-28 22:59:49.370000+00:00</t>
  </si>
  <si>
    <t>2017-05-23 10:33:05.973000+00:00</t>
  </si>
  <si>
    <t>jquery|jquery-plugins|simplemodal</t>
  </si>
  <si>
    <t>p:spinner should take only numeric values</t>
  </si>
  <si>
    <t>&lt;p&gt;I am using PrimeFaces spinner, but while I give string values, it takes the string values to bean classes, but it should accept only numeric.&lt;/p&gt;
&lt;pre&gt;&lt;code&gt;&amp;lt;h:outputLabel value=" Spinner: " /&amp;gt;
&amp;lt;p:spinner value="#{bean.num}" /&amp;gt;
&lt;/code&gt;&lt;/pre&gt;</t>
  </si>
  <si>
    <t>2018-07-01 11:49:14.077000+00:00</t>
  </si>
  <si>
    <t>2018-07-01 17:53:41.360000+00:00</t>
  </si>
  <si>
    <t>jsf|primefaces|spinner</t>
  </si>
  <si>
    <t>Sorting using NSSortDescriptor by time bug (with core data)</t>
  </si>
  <si>
    <t>&lt;p&gt;please try to help me here I have some really weird bug(s) trying to sort my string table view objects.&lt;/p&gt;
&lt;p&gt;The behaviour is simple, I have:&lt;/p&gt;
&lt;p&gt;CreateViewController - here I create strings and add them to core data&lt;/p&gt;
&lt;p&gt;StackTableViewController - this is the table view for the strings I create. They should be sorted by date, the first cell is the oldest, the second cell created after him and so on...&lt;/p&gt;
&lt;p&gt;HomeViewController - here I have a UILabel that holds the first object of the table view all the time, if I delete it in the table I update this label with a delegate method,&lt;/p&gt;
&lt;p&gt;So this is it.&lt;/p&gt;
&lt;p&gt;The problem:&lt;/p&gt;
&lt;p&gt;If there is NO strings in the table view and then I add a string in the create page, it gets created fine, but if add another one , the new one is at top of the list...but if I terminate the app and open it again the order is fine.&lt;/p&gt;
&lt;p&gt;there are also some other weird behaviour after I add more strings...But the thing is, whenever I terminate the app and open it again everything is ordered perfectly..:/&lt;/p&gt;
&lt;p&gt;This is the relevant code:&lt;/p&gt;
&lt;p&gt;CreateViewController.m&lt;/p&gt;
&lt;pre&gt;&lt;code&gt;- (id)init { 
    self = [super initWithNibName:@"CreateViewController" bundle:nil];
    if (self) {
    }
    return self;
}
- (void)save {
    if (self.myTextView.text.length == 0) {
        UIAlertView *alert = [[UIAlertView alloc] initWithTitle:@"Hey!" message:@"You can't save a blank string" delegate:self cancelButtonTitle:@"Ok" otherButtonTitles:nil, nil];
        [alert show];
    } 
    [self insertTeget];
    [self.presentingViewController dismissViewControllerAnimated:YES completion:nil];
    [self.myTextView resignFirstResponder];
}
//this is where I add the string to the NSManagedObject object I have called 'Target' 
- (void)insertTeget {
    CoreDataStack *stack = [CoreDataStack defaultStack];
    Target *target = [NSEntityDescription insertNewObjectForEntityForName:@"Target" inManagedObjectContext:stack.managedObjectContext];
    if (self.myTextView.text != nil) {
        target.body = self.myTextView.text;
    }
    [stack saveContext];
}
&lt;/code&gt;&lt;/pre&gt;
&lt;p&gt;This is the table view:&lt;/p&gt;
&lt;p&gt;StackTableViewController.m&lt;/p&gt;
&lt;pre&gt;&lt;code&gt;- (id)init {
    self = [super initWithNibName:@"StackTableViewController" bundle:nil];
    if (self) {
        [self fetchData];
    }
    return self;
}
//currentTarget is a string I have in the .h file to pass the home view controller the first string of the table view  
- (void)fetchData {
    [self.fetchedResultController performFetch:nil];
    if (self.fetchedResultController.fetchedObjects.count &amp;gt; 0) {
        NSIndexPath *indexPath = [NSIndexPath indexPathForItem:0 inSection:0];
        Target *current = [self.fetchedResultController objectAtIndexPath:indexPath];
        self.currentTarget = current.body;
    }else {
        self.currentTarget = nil;
    }
}
- (void)viewDidLoad {
    [super viewDidLoad];
    [self fetchData];
}
#pragma mark - Table view data source
- (NSInteger)numberOfSectionsInTableView:(UITableView *)tableView {
    // Return the number of sections.
    return self.fetchedResultController.sections.count;
}
- (NSInteger)tableView:(UITableView *)tableView numberOfRowsInSection:(NSInteger)section {
    // Return the number of rows in the section.
    id &amp;lt;NSFetchedResultsSectionInfo&amp;gt; sectionInfo = [self.fetchedResultController sections][section];
    return [sectionInfo numberOfObjects];
}
- (UITableViewCellEditingStyle)tableView:(UITableView *)tableView editingStyleForRowAtIndexPath:(NSIndexPath *)indexPath
{
    return UITableViewCellEditingStyleDelete;
}
//here I'm updating the delegate when A cell was deleted so I can update the label in the home view controller
- (void)tableView:(UITableView *)tableView commitEditingStyle:(UITableViewCellEditingStyle)editingStyle forRowAtIndexPath:(NSIndexPath *)indexPath {
    Target *target = [self.fetchedResultController objectAtIndexPath:indexPath];
    CoreDataStack *stack = [CoreDataStack defaultStack];
    [[stack managedObjectContext] deleteObject:target] ;
    [stack saveContext];
    if ([_delegate respondsToSelector:@selector(didDeleteObject)]) {
        [self fetchData];
        [_delegate didDeleteObject];
    }
}
- (UITableViewCell *)tableView:(UITableView *)tableView cellForRowAtIndexPath:(NSIndexPath *)indexPath {
    static NSString *cellIdentifier = @"StackTableViewCell";
    Target *target = [self.fetchedResultController objectAtIndexPath:indexPath];
    StackTableViewCell *cell = [tableView dequeueReusableCellWithIdentifier:cellIdentifier];
    if (!cell)
    {
        NSArray *topLevelObjects = [[NSBundle mainBundle] loadNibNamed:@"StackTableViewCell" owner:self options:nil];
        cell = [topLevelObjects objectAtIndex:0];
    }
    cell.cellLabel.text = target.body;
    return cell;
}
// this is my fetch request where im setting up the sort descriptor 
- (NSFetchRequest *)targetsFetchRequest {
    NSFetchRequest *fetchRequest = [NSFetchRequest fetchRequestWithEntityName:@"Target"];
    NSSortDescriptor *sortDescriptor = [[NSSortDescriptor alloc] initWithKey:@"time" ascending:YES];
    NSArray *sortDescriptors = [[NSArray alloc] initWithObjects:sortDescriptor, nil];
    [fetchRequest setSortDescriptors:sortDescriptors];
    return fetchRequest;
}
- (NSFetchedResultsController *)fetchedResultController {
    if (_fetchedResultController != nil) {
        return _fetchedResultController;
    }
    CoreDataStack *stack = [CoreDataStack defaultStack];
    NSFetchRequest *fetchRequest = [self targetsFetchRequest];
    _fetchedResultController = [[NSFetchedResultsController alloc] initWithFetchRequest:fetchRequest managedObjectContext:stack.managedObjectContext sectionNameKeyPath:nil cacheName:nil];
    _fetchedResultController.delegate = self;
    return _fetchedResultController;
}
&lt;/code&gt;&lt;/pre&gt;
&lt;p&gt;This is the home view controller where Im updating the label:&lt;/p&gt;
&lt;pre&gt;&lt;code&gt;- (id)init {
    self = [super initWithNibName:@"HomeViewController" bundle:nil];
    if (self) {
        stackTableViewController = [[StackTableViewController alloc] init];
        stackTableViewController.delegate = self;
    }
    return self;
}
- (void)viewWillAppear:(BOOL)animated {
    [stackTableViewController fetchData];
    self.homeLabel.text = stackTableViewController.currentTarget;
}
- (void)viewDidLoad {
    [super viewDidLoad];
    self.homeLabel.text = stackTableViewController.currentTarget;
}
//this is the delegate method
- (void)didDeleteObject { 
    self.homeLabel.text = stackTableViewController.currentTarget;
}
- (IBAction)goToStack:(id)sender {
    [self.navigationController pushViewController:stackTableViewController animated:YES];
}
- (IBAction)goToCreate:(id)sender {
    CreateViewController *createViewController = [[CreateViewController alloc]initWithNibName:@"CreateViewController" bundle:nil];
    UINavigationController *navigationController = [[UINavigationController alloc]initWithRootViewController:createViewController];
    [self.navigationController presentViewController:navigationController animated:YES completion:nil]}
&lt;/code&gt;&lt;/pre&gt;
&lt;p&gt;Please please please, it's driving me crazy, why the order is fine only after i terminate the app?
thanks@@@!&lt;/p&gt;</t>
  </si>
  <si>
    <t>2015-01-09 15:01:01.867000+00:00</t>
  </si>
  <si>
    <t>2015-01-09 18:42:42.643000+00:00</t>
  </si>
  <si>
    <t>ios|objective-c|core-data|nsfetchrequest|nssortdescriptor</t>
  </si>
  <si>
    <t>Redirecting another domain to an existing drupal installation's subdirectory</t>
  </si>
  <si>
    <t>&lt;p&gt;I've been trying to solve a problem for the past few hours. I am desperate for help!&lt;/p&gt;
&lt;p&gt;I have two domains:&lt;/p&gt;
&lt;pre&gt;&lt;code&gt;rd1.example.com/drupal
rd2.example.com
&lt;/code&gt;&lt;/pre&gt;
&lt;p&gt;I have a drupal installation in rd1.example.com/drupal/&lt;/p&gt;
&lt;p&gt;Further, I started creating content on drupal in a url alias: rd1.example.com/drupal/rd2/&lt;/p&gt;
&lt;p&gt;What I want to do is used the second website to point to that specific content within my drupal installation:&lt;/p&gt;
&lt;pre&gt;&lt;code&gt;rd2.example.com -&amp;gt; rd1.example.com/drupal/rd2/
&lt;/code&gt;&lt;/pre&gt;
&lt;p&gt;I don't want it to be a redirect but an internal hidden redirect. The user will think that they are on rd2.example.com.&lt;/p&gt;
&lt;p&gt;I've switched rd2.example.com to point to the directory where drupal is installed. I've been trying to edit the rewriterules on drupal's .htaccess but with no luck. Any help is greatly appreciated. Here is my rules so far:&lt;/p&gt;
&lt;pre&gt;&lt;code&gt;#Existing settings
RewriteCond %{REQUEST_FILENAME} !-f
RewriteCond %{REQUEST_FILENAME} !-d
RewriteCond %{HTTP_HOST} !^rd2\.example\.com [NC]
RewriteCond %{REQUEST_URI} !=/favicon.ico
RewriteRule ^ index.php [L]
#New rules to accomodate for rd2.example.com
RewriteCond %{REQUEST_FILENAME} !-f
RewriteCond %{REQUEST_FILENAME} !-d
RewriteCond %{HTTP_HOST} ^rd2\.example\.com$ [NC]
RewriteCond %{DOCUMENT_ROOT}/rd2%{REQUEST_URI} -f
RewriteRule .* /rd2/$0 [L]
&lt;/code&gt;&lt;/pre&gt;</t>
  </si>
  <si>
    <t>2014-01-16 22:59:05.500000+00:00</t>
  </si>
  <si>
    <t>2016-02-21 11:02:39.140000+00:00</t>
  </si>
  <si>
    <t>.htaccess|mod-rewrite|drupal|drupal-7</t>
  </si>
  <si>
    <t>Disable chrome "Add extension" prompt</t>
  </si>
  <si>
    <t>&lt;p&gt;I am automating the testing process of installing a plugin in selenium right now. I am well aware you can include chrome plugins in the &lt;code&gt;chromeOptions&lt;/code&gt; but what I want to test here is the process of manually installing the extension and how my web app reacts to it.&lt;/p&gt;
&lt;p&gt;After clicking the "Add to Chrome" button in the web store, a prompt appears and you have to click "Add extension". I already know it is not possible to confirm this prompt using selenium, so my idea is to allow installing extensions without any prompts.
According to &lt;a href="https://peter.sh/experiments/chromium-command-line-switches/#prompt-for-external-extensions" rel="nofollow noreferrer"&gt;this&lt;/a&gt; I can use the &lt;code&gt;--prompt-for-external-extensions&lt;/code&gt; flag to disable those prompts.&lt;/p&gt;
&lt;p&gt;All my attempts to add this flag to the &lt;code&gt;ChromeOptions&lt;/code&gt; so far have failed and the prompt still appears. I am also unsure whether the precondition &lt;code&gt;The constant CHROMIUM_BUILD must be defined.&lt;/code&gt; is fulfilled.&lt;/p&gt;
&lt;p&gt;My attempts:&lt;/p&gt;
&lt;pre&gt;&lt;code&gt;ChromeOptions options = new ChromeOptions();
options.addArguments("--prompt-for-external-extensions");
//or this
options.setExperimentalOption("excludeSwitches", Arrays.asList("prompt-for-external-extensions"));
&lt;/code&gt;&lt;/pre&gt;
&lt;p&gt;How can I succesfully disable this prompt in chrome?&lt;/p&gt;</t>
  </si>
  <si>
    <t>2018-09-25 17:43:37.823000+00:00</t>
  </si>
  <si>
    <t>selenium|google-chrome|google-chrome-extension|google-chrome-flags</t>
  </si>
  <si>
    <t>Set value of all fields with a partial name in jquery</t>
  </si>
  <si>
    <t>&lt;p&gt;I have a set of fields in a form, all with a prefix in the name. How can I use jquery to set them all to a certain value? &lt;/p&gt;</t>
  </si>
  <si>
    <t>2017-02-11 02:13:40.607000+00:00</t>
  </si>
  <si>
    <t>2017-02-11 03:00:58.847000+00:00</t>
  </si>
  <si>
    <t>Disable background buttons when ionic popup is shown</t>
  </si>
  <si>
    <t>&lt;p&gt;Hi one of my button (toggle) in the background is not disabled when a popup is shown. I can still click on it. How to handle that with ionic?&lt;/p&gt;</t>
  </si>
  <si>
    <t>2016-06-08 17:15:07.360000+00:00</t>
  </si>
  <si>
    <t>2016-06-11 08:43:00.593000+00:00</t>
  </si>
  <si>
    <t>angularjs|ionic-framework|popup</t>
  </si>
  <si>
    <t>How to prepare input data for a sankey diagrams in R?</t>
  </si>
  <si>
    <t>&lt;p&gt;I am trying to produce a &lt;a href="https://en.wikipedia.org/wiki/Sankey_diagram" rel="nofollow noreferrer"&gt;sankey diagram&lt;/a&gt; in R, which is also referred as a river plot. I've seen this question &lt;a href="https://stackoverflow.com/questions/9968433/sankey-diagrams-in-r"&gt;Sankey Diagrams in R?&lt;/a&gt; where a broad variaty of packages producing sankey diagrams are listed. Since I have input data and know different tools/packages I can produce such diagram BUT my euqestion is: how can I prepare input data for such?&lt;/p&gt;
&lt;p&gt;Let's assume we would like to present how users have migrated between various states over 10 days and have start data set like the one below:&lt;/p&gt;
&lt;pre&gt;&lt;code&gt;data.frame(userID = 1:100,
                     day1_state = sample(letters[1:8], replace = TRUE, size = 100),
                     day2_state = sample(letters[1:8], replace = TRUE, size = 100),
                     day3_state = sample(letters[1:8], replace = TRUE, size = 100),
                     day4_state = sample(letters[1:8], replace = TRUE, size = 100),
                     day5_state = sample(letters[1:8], replace = TRUE, size = 100),
                     day6_state = sample(letters[1:8], replace = TRUE, size = 100),
                     day7_state = sample(letters[1:8], replace = TRUE, size = 100),
                     day8_state = sample(letters[1:8], replace = TRUE, size = 100),
                     day9_state = sample(letters[1:8], replace = TRUE, size = 100),
                     day10_state = sample(letters[1:8], replace = TRUE, size = 100)
                     ) -&amp;gt; dt
&lt;/code&gt;&lt;/pre&gt;
&lt;p&gt;Now if one would like to create a sankey diagram with &lt;a href="http://christophergandrud.github.io/networkD3/#sankey" rel="nofollow noreferrer"&gt;&lt;code&gt;networkD3&lt;/code&gt; package&lt;/a&gt; how should one tranform this &lt;code&gt;dt&lt;/code&gt; data.frame into required input &lt;/p&gt;
&lt;p&gt;so that we would have input like from this example&lt;/p&gt;
&lt;pre&gt;&lt;code&gt;library(networkD3)
URL &amp;lt;- paste0(
        "https://cdn.rawgit.com/christophergandrud/networkD3/",
        "master/JSONdata/energy.json")
Energy &amp;lt;- jsonlite::fromJSON(URL)
# Plot
sankeyNetwork(Links = Energy$links, Nodes = Energy$nodes, Source = "source",
             Target = "target", Value = "value", NodeID = "name",
             units = "TWh", fontSize = 12, nodeWidth = 30)
&lt;/code&gt;&lt;/pre&gt;
&lt;p&gt;&lt;strong&gt;EDIT&lt;/strong&gt;&lt;/p&gt;
&lt;p&gt;I have found such script which prepares data in other situation and reproduced it so I assume it might be closed now:&lt;/p&gt;
&lt;p&gt;&lt;a href="https://github.com/mi2-warsaw/JakOniGlosowali/blob/master/sankey/sankey.R" rel="nofollow noreferrer"&gt;https://github.com/mi2-warsaw/JakOniGlosowali/blob/master/sankey/sankey.R&lt;/a&gt;&lt;/p&gt;</t>
  </si>
  <si>
    <t>2015-11-03 12:44:20.323000+00:00</t>
  </si>
  <si>
    <t>2015-11-03 16:12:47.947000+00:00</t>
  </si>
  <si>
    <t>2017-05-23 11:52:28.823000+00:00</t>
  </si>
  <si>
    <t>r|data-visualization|sankey-diagram|networkd3</t>
  </si>
  <si>
    <t>awk: copy from A to B and output..?</t>
  </si>
  <si>
    <t>&lt;p&gt;my file is bookmarks, backup-6.session&lt;/p&gt;
&lt;p&gt;inside file is long long letters, i need copy all url (many) see here example inside&lt;/p&gt;
&lt;pre&gt;&lt;code&gt;......"charset":"UTF-8","ID":3602197775,"docshellID":0,"originalURI":"https://www.youtube.com/watch?v=axxxxxxxxsxsx","docIdentifier":470,"structuredCloneState":"AAAAA.....
&lt;/code&gt;&lt;/pre&gt;
&lt;p&gt;result to output text.txt&lt;/p&gt;
&lt;pre&gt;&lt;code&gt;https://www.youtube.com/watch?v=axxxxxxxxsxsx
https://www.youtube.com/watch?v=bxxxxxxxxsxsx
https://www.youtube.com/watch?v=cxxxxxxxxsxsx
https://www.youtube.com/watch?v=dxxxxxxxxsxsx
....
....
&lt;/code&gt;&lt;/pre&gt;
&lt;p&gt;there are start before than A &lt;code&gt;"originalURI":"&lt;/code&gt; to end &lt;code&gt;"&lt;/code&gt;&lt;/p&gt;
&lt;p&gt;comand to be: AWK, SED.. (i dont know what is best command for me)
thank you&lt;/p&gt;</t>
  </si>
  <si>
    <t>2017-06-24 16:13:16.920000+00:00</t>
  </si>
  <si>
    <t>2017-06-25 10:39:16.473000+00:00</t>
  </si>
  <si>
    <t>bash|awk|sed</t>
  </si>
  <si>
    <t>How to deliberately lock a MySQL row such that even SELECT will return an error?</t>
  </si>
  <si>
    <t>&lt;p&gt;I'm trying to use MySQL row locking to basically emulate a MuteEx on a row. Lets say that my table has 2 columns, an id and a text field, and three entries (1,a) (2,b) and (3,c).
SELECT * FROM table; would return these results.
I can lock a specific row the normal way.&lt;/p&gt;
&lt;pre&gt;&lt;code&gt;START TRANSACTION;
BEGIN;
SELECT * FROM table WHERE id = '2' FOR UPDATE;
&lt;/code&gt;&lt;/pre&gt;
&lt;p&gt;However, if from a second connection I were to SELECT * from table. It would return all 3 results. Is there a way for row level locking to basically prevent any SELECT from seeing/using a row that is locked? Basically I'm trying to prevent anyone from using the row that is currently being used/manipulated, or even viewing the row as its data (since it's being used/manipulated) can't be trusted to be accurate at the time of a SELECT.&lt;/p&gt;</t>
  </si>
  <si>
    <t>2010-01-12 18:10:28.143000+00:00</t>
  </si>
  <si>
    <t>2011-02-22 10:30:46.423000+00:00</t>
  </si>
  <si>
    <t>mysql|locking|innodb</t>
  </si>
  <si>
    <t>Laravel/Lumen | Failing to dispatch event</t>
  </si>
  <si>
    <t>&lt;p&gt;This is my first time using events in Laravel/Lumen.&lt;/p&gt;
&lt;p&gt;I am actually using Lumen and I am trying to dispatch an instance of Mailable when a new user signs up in order to send an email in the background.&lt;/p&gt;
&lt;p&gt;I believe I have set it up right, but I keep getting this error...&lt;/p&gt;
&lt;blockquote&gt;
  &lt;p&gt;Type error: Argument 1 passed to Illuminate\Mail\Mailable::queue() must implement interface Illuminate\Contracts\Queue\Factory, instance of Illuminate\Queue\DatabaseQueue given&lt;/p&gt;
&lt;/blockquote&gt;
&lt;p&gt;I can't actually see within the error message itself where the issue is coming from e.g. there is no line numbers.&lt;/p&gt;
&lt;p&gt;However, this is my code...&lt;/p&gt;
&lt;p&gt;AuthenticationContoller.php&lt;/p&gt;
&lt;p&gt;&lt;code&gt;$this-&amp;gt;dispatch(new NewUser($user));&lt;/code&gt;&lt;/p&gt;
&lt;p&gt;NewUser.php&lt;/p&gt;
&lt;pre&gt;&lt;code&gt;&amp;lt;?php
namespace App\Mail;
use App\Models\User;
use Illuminate\Mail\Mailable;
use Illuminate\Bus\Queueable;
use Illuminate\Queue\SerializesModels;
use Illuminate\Contracts\Queue\ShouldQueue;
class NewUser extends Mailable implements ShouldQueue
{
    use Queueable, SerializesModels;
    protected $user;
    public function __construct(User $user)
    {
         $this-&amp;gt;user = $user;
    }
    /**
      * Build the message.
      *
      * @return $this
      */
      public function build()
      {
         return $this-&amp;gt;view('test')-&amp;gt;to('test@test.com', 'Test')
        -&amp;gt;from('test@test.com', 'test')-&amp;gt;replyTo('test@test.com', 'test')
        -&amp;gt;subject('Welcome to the blog!');
      }
}
&lt;/code&gt;&lt;/pre&gt;</t>
  </si>
  <si>
    <t>2018-05-20 18:16:43.770000+00:00</t>
  </si>
  <si>
    <t>2018-05-23 19:23:37.843000+00:00</t>
  </si>
  <si>
    <t>php|laravel|queue|lumen</t>
  </si>
  <si>
    <t>When using scipy.stats.multivariate_normal.pdf having the error:operands could not be broadcast together with shapes (1,8) (21,)</t>
  </si>
  <si>
    <t>&lt;p&gt;I want to calculate the multivariate gaussian density function for a data set I have on python. My dataset has 21 variables and there 75 data points. &lt;/p&gt;
&lt;p&gt;I have calculated the covariance matrix (cov) for this which is a 21*21 array, and the mean array, m, which has shape (21,). The other input I need to use this scipy function is "Quantiles(array-like), with the last axis of x denoting the components". &lt;/p&gt;
&lt;p&gt;I don't really understand what the quantiles refers to. &lt;/p&gt;
&lt;p&gt;I wrote my quantiles input for the function as quantiles = np.array([0.0, 0.01, 0.05, 0.1, 1-0.10, 1-0.05, 1-0.01, 1.0]) but I keep getting an error when I then compute scipy.stats.multivariate_normal.pdf(quantiles,m,cov)&lt;/p&gt;
&lt;p&gt;The error is: valueError:operands could not be broadcast together with shapes (1,8) (21,) &lt;/p&gt;
&lt;p&gt;Could anyone help?? &lt;/p&gt;</t>
  </si>
  <si>
    <t>2017-07-12 13:13:23+00:00</t>
  </si>
  <si>
    <t>2017-07-12 13:41:00.233000+00:00</t>
  </si>
  <si>
    <t>python|pdf|scipy|gaussian|quantile</t>
  </si>
  <si>
    <t>MySQL Keeps Forgetting Root Password Used to Install</t>
  </si>
  <si>
    <t>&lt;p&gt;I'm using the MySQL Installer on Windows 8.1. I go through the installation steps for MySQL Server, including setting my password. However, when I go back to reconfigure my server through the Installer or attempt to login to the server through MySQL Command Line Client, it tells me I have the wrong password.&lt;/p&gt;
&lt;p&gt;I have installed and reinstalled multiple times to no avail. My password has just letters (uppercase and lowercase) and spaces.&lt;/p&gt;
&lt;p&gt;Thanks in advance.&lt;/p&gt;</t>
  </si>
  <si>
    <t>2015-08-24 15:27:51.343000+00:00</t>
  </si>
  <si>
    <t>2016-01-18 14:35:57.323000+00:00</t>
  </si>
  <si>
    <t>mysql|mysql5</t>
  </si>
  <si>
    <t>Scroll UITable to specific table item</t>
  </si>
  <si>
    <t>&lt;p&gt;So i have a &lt;code&gt;UITableview&lt;/code&gt; with 3 different tabs setup.  &lt;/p&gt;
&lt;p&gt;I want to scroll the table to a specific item. &lt;/p&gt;
&lt;p&gt;If user added a new item, table to scroll all the way to the bottom because that's where the item will be added. &lt;/p&gt;
&lt;p&gt;If user picks one of the items and edits it, it should come back to the same position on the table. Not scrolled to the top or bottom. &lt;/p&gt;
&lt;p&gt;This is what I have:&lt;/p&gt;
&lt;p&gt;This is a class variable.&lt;br&gt;
&lt;code&gt;NSIndexpath lastScrollY;&lt;/code&gt;&lt;/p&gt;
&lt;p&gt;In my &lt;code&gt;ViewWillDisappear&lt;/code&gt; :&lt;br&gt;
&lt;code&gt;lastScrollY = this.tableView.IndexPathForSelectedRow() ;&lt;/code&gt;  &lt;/p&gt;
&lt;p&gt;In my &lt;code&gt;ViewWillAppear&lt;/code&gt;:&lt;br&gt;
&lt;code&gt;if(lastScrollY != null) {&lt;/code&gt;&lt;br&gt;
    &lt;code&gt;this.tableView.ScrollToRow(lastScrollY, UITableViewScrollPosition.None, true);&lt;/code&gt;
&lt;code&gt;}&lt;/code&gt;&lt;/p&gt;
&lt;p&gt;this does not seem to work. 
And that is only for when user selects a saved item. 
What about when then add a new item/row to the table? &lt;/p&gt;
&lt;p&gt;Please explain in detail as I am new to this. &lt;/p&gt;
&lt;p&gt;Thank you for your time!&lt;/p&gt;</t>
  </si>
  <si>
    <t>2014-08-07 03:14:04.087000+00:00</t>
  </si>
  <si>
    <t>2014-08-07 14:38:53.067000+00:00</t>
  </si>
  <si>
    <t>ios|uitableview|xamarin.ios|xamarin|nsindexpath</t>
  </si>
  <si>
    <t>mvc jquery find a hidden value</t>
  </si>
  <si>
    <t>&lt;p&gt;I have a mvc project. And �� want to .on() click function with jquery. razor codes and js codes below,&lt;/p&gt;
&lt;pre&gt;&lt;code&gt;&amp;lt;div class="cart-info"&amp;gt;
                  &amp;lt;table class="table table-striped table-bordered"&amp;gt;
                      &amp;lt;tr&amp;gt;
                          &amp;lt;th  class="name"&amp;gt;Adres Tan��m��&amp;lt;/th&amp;gt;
                          &amp;lt;th class="model"&amp;gt;Adresim&amp;lt;/th&amp;gt;
                          &amp;lt;th class="quantity"&amp;gt;��ehir&amp;lt;/th&amp;gt;
                          &amp;lt;th class="price"&amp;gt;Aktifli��i&amp;lt;/th&amp;gt;
                          &amp;lt;th class="total"&amp;gt;����lemler&amp;lt;/th&amp;gt;
                      &amp;lt;/tr&amp;gt;
                      @if (Model.Addresses.Any())
                      {
                          foreach (var item in Model.Addresses)
                          {
                              &amp;lt;tr&amp;gt;
                                  &amp;lt;td    class="name"&amp;gt;&amp;lt;a href="#"&amp;gt;@item.AddressName&amp;lt;/a&amp;gt;&amp;lt;/td&amp;gt;
                                  &amp;lt;td class="model"&amp;gt;@item.AddressLine1 @item.AddressLine2&amp;lt;/td&amp;gt;
                                  &amp;lt;td class="quantity"&amp;gt;@item.City &amp;lt;/td&amp;gt;
                                  @{
                                      var result = item.AddressStatus == true ? "Aktif" : "Pasif";
                                  }
                                  &amp;lt;td class="price"&amp;gt;@result&amp;lt;/td&amp;gt;
                                  &amp;lt;td class="total"&amp;gt;&amp;lt;a href="" class="update-address"&amp;gt;&amp;lt;img class="tooltip-test" data-original-title="De��i��tir" src="@Url.Content("~/Content/img/update.png")" alt="De��i��tir"&amp;gt;&amp;lt;input type="hidden" class="find-me" value="@item.AddressID"/&amp;gt;&amp;lt;/a&amp;gt;
                                      &amp;lt;a href="" id="delete-address"&amp;gt;&amp;lt;img class="tooltip-test" data-original-title="Sil"  src="@Url.Content("~/Content/img/remove.png")" alt="Sil"&amp;gt;&amp;lt;/a&amp;gt;&amp;lt;/td&amp;gt;
                              &amp;lt;/tr&amp;gt;
                          }
                      }
                      else
                      {
                          &amp;lt;tr&amp;gt;&amp;lt;td colspan="5"&amp;gt; Kay��tl�� Adres Bulunamad��&amp;lt;/td&amp;gt;&amp;lt;/tr&amp;gt;
                      }
                  &amp;lt;/table&amp;gt;
              &amp;lt;/div&amp;gt;
&lt;/code&gt;&lt;/pre&gt;
&lt;p&gt;js work When I clicked .update-address. code below,&lt;/p&gt;
&lt;pre&gt;&lt;code&gt;$('.update-address').on({
click:function(event) {
    event.preventDefault();
    var message = ???????;//
    $.ajax({
        url:'Account/GetAddress',
        type: 'GET',
        data: message,
        contentType: 'application/json; charset=utf-8',
        dataType: 'json',
        //................................
    });
}
&lt;/code&gt;&lt;/pre&gt;
&lt;p&gt;});&lt;/p&gt;
&lt;p&gt;But I cant find .find-me value. How can I find this value with jquery? thanks for reply.  &lt;/p&gt;</t>
  </si>
  <si>
    <t>2013-06-07 15:44:32.107000+00:00</t>
  </si>
  <si>
    <t>2013-06-08 09:55:05.440000+00:00</t>
  </si>
  <si>
    <t>c#|jquery|asp.net-mvc</t>
  </si>
  <si>
    <t>Issues with dividing the data sent from YCSB on multinode cluster</t>
  </si>
  <si>
    <t>&lt;p&gt;I am having a 3-node sharded cluster. I'm trying to insert data using &lt;code&gt;YCSB&lt;/code&gt;. I'm sharding the &lt;code&gt;ycsb.usertable&lt;/code&gt; database/collection using a hashed &lt;code&gt;_id&lt;/code&gt; index  the chunks are evenly distributed, but it seems like all the data is ending up on one or two chunks. Can any anyone help me with the issue?&lt;/p&gt;
&lt;pre&gt;&lt;code&gt;use ycsb
db.usertable.createIndex( { _id: "hashed" } )
sh.enableSharding(���ycsb���)
sh.shardCollection("ycsb.usertable",{_id : "hashed"}
  [1]: https://i.stack.imgur.com/TBaQW.png
&lt;/code&gt;&lt;/pre&gt;</t>
  </si>
  <si>
    <t>2018-04-23 18:20:24.413000+00:00</t>
  </si>
  <si>
    <t>2018-04-23 18:45:52.637000+00:00</t>
  </si>
  <si>
    <t>mongodb|mongodb-query|sharding|ycsb</t>
  </si>
  <si>
    <t>Is there any need to prepare values-zh and values-zh-rHK</t>
  </si>
  <si>
    <t>&lt;p&gt;In Android market console, Google only provides 2 type Chinese language : &lt;strong&gt;zh-CN and zh-TW.&lt;/strong&gt;&lt;/p&gt;
&lt;p&gt;Hence, besides preparing values-zh-rCN and values-zh-rTW, is there any need to prepare &lt;code&gt;values-zh&lt;/code&gt; and &lt;code&gt;values-zh-rHK&lt;/code&gt;, to ensure it works well in Nexus and Non-nexus devices?&lt;/p&gt;</t>
  </si>
  <si>
    <t>2013-06-24 12:38:45.117000+00:00</t>
  </si>
  <si>
    <t>2013-06-24 13:07:28.627000+00:00</t>
  </si>
  <si>
    <t>android|internationalization</t>
  </si>
  <si>
    <t>How I can split file in Android Case The File Is Large To Upload It(Sound File)</t>
  </si>
  <si>
    <t>&lt;p&gt;How I can split file in Android Case The File Is Large To Upload It(Sound File)
I use zip4j but how i can split it when Mack it zip or any way to split To upload It this my code when zip&lt;/p&gt;
&lt;pre&gt;&lt;code&gt;private static void compress(String inputFile, String compressedFile) {
    try {
        ZipFile zipFile = new ZipFile(compressedFile);
        File inputFileH = new File(inputFile);
        //Initiate Zip Parameters which define various properties
        ZipParameters parameters = new ZipParameters();
        // set compression method to deflate compression
        parameters.setCompressionMethod(Zip4jConstants.COMP_DEFLATE);
        //DEFLATE_LEVEL_FASTEST     - Lowest compression level but higher speed of compression
        //DEFLATE_LEVEL_FAST        - Low compression level but higher speed of compression
        //DEFLATE_LEVEL_NORMAL  - Optimal balance between compression level/speed
        //DEFLATE_LEVEL_MAXIMUM     - High compression level with a compromise of speed
        //DEFLATE_LEVEL_ULTRA       - Highest compression level but low speed
        parameters.setCompressionLevel(Zip4jConstants.DEFLATE_LEVEL_NORMAL);
        //Set the encryption flag to true
        parameters.setEncryptFiles(true);
        //Set the encryption method to AES Zip Encryption
        parameters.setEncryptionMethod(Zip4jConstants.ENC_METHOD_AES);
        //AES_STRENGTH_128 - For both encryption and decryption
        //AES_STRENGTH_192 - For decryption only
        //AES_STRENGTH_256 - For both encryption and decryption
        //Key strength 192 cannot be used for encryption. But if a zip file already has a
        //file encrypted with key strength of 192, then Zip4j can decrypt this file
        parameters.setAesKeyStrength(Zip4jConstants.AES_STRENGTH_256);
        // file compressed
        zipFile.addFile(inputFileH, parameters);
        long uncompressedSize = inputFileH.length();
        File outputFileH = new File(compressedFile);
        long comrpessedSize = outputFileH.length();
        //System.out.println("Size "+uncompressedSize+" vs "+comrpessedSize);
        double ratio = (double) comrpessedSize / (double) uncompressedSize;
        System.out.println("File compressed with compression ratio : " + ratio);
    } catch (Exception e) {
        e.printStackTrace();
    }
}
public static void decompress(String compressedFile, String destination) {
    try {
        ZipFile zipFile = new ZipFile(compressedFile);
        if (zipFile.isEncrypted()) {
            zipFile.setPassword("123");
        }
        zipFile.extractAll(destination);
    } catch (ZipException e) {
        e.printStackTrace();
    }
    System.out.println("File 
Decompressed");
    }
}
&lt;/code&gt;&lt;/pre&gt;
&lt;p&gt;can any one help me.....??&lt;/p&gt;</t>
  </si>
  <si>
    <t>2016-06-11 08:19:11.657000+00:00</t>
  </si>
  <si>
    <t>2016-06-12 09:24:06.260000+00:00</t>
  </si>
  <si>
    <t>2016-06-11 09:30:05.377000+00:00</t>
  </si>
  <si>
    <t>Session value in PHP not expiring</t>
  </si>
  <si>
    <t>&lt;p&gt;I have set two session variables set as:&lt;/p&gt;
&lt;pre&gt;&lt;code&gt;$_SESSION['logged_in'] = 1;
$_SESSION['last_acted_on'] = time();
&lt;/code&gt;&lt;/pre&gt;
&lt;p&gt;I am trying to reset the value of the session variable &lt;code&gt;logged_in&lt;/code&gt; with:&lt;/p&gt;
&lt;pre&gt;&lt;code&gt;&amp;lt;?php
session_start();
if( isset($_SESSION['last_acted_on']) &amp;amp;&amp;amp; (time() - $_SESSION['last_acted_on'] &amp;gt; 120) ){ //2mins
   session_unset('last_acted_on');     // unset $_SESSION variable for the run-time
    session_unset('logged_in');
    session_unset();
    unset($_SESSION['last_acted_on']);
    unset($_SESSION['logged_in']);
session_destroy();   // destroy session data in storage
    return;
}
else{
    $_SESSION['last_acted_on'] = time();
}
?&amp;gt;
&lt;/code&gt;&lt;/pre&gt;
&lt;p&gt;But there is no effect and &lt;code&gt;logged_in&lt;/code&gt; stays as 1. Any advice?&lt;/p&gt;
&lt;p&gt;&lt;code&gt;EDIT&lt;/code&gt;: I have updated my code as:&lt;/p&gt;
&lt;pre&gt;&lt;code&gt;if( isset($_SESSION['last_acted_on']) &amp;amp;&amp;amp; (time() - strtotime($_SESSION['last_acted_on']) &amp;gt; 120) ){ //2mins
   unset($_SESSION['last_acted_on']);     // unset $_SESSION variable for the run-time
   unset($_SESSION['logged_in']);
    session_unset();
    session_destroy();   // destroy session data in storage
    return;
}
$_SESSION['last_acted_on'] = time();
&lt;/code&gt;&lt;/pre&gt;
&lt;p&gt;Also, when I refresh the page or navigate back and forth on the page, the session value is unset. Why is it not unset after the time period of 2mins? Please note that the page refresh that is expiring the session variable is calling unsetsession.php file. &lt;/p&gt;</t>
  </si>
  <si>
    <t>2015-02-12 13:32:47.177000+00:00</t>
  </si>
  <si>
    <t>2015-02-13 09:17:11.387000+00:00</t>
  </si>
  <si>
    <t>2015-02-12 23:32:59.693000+00:00</t>
  </si>
  <si>
    <t>php|session|unset</t>
  </si>
  <si>
    <t>Keras' fit_generator extra training value</t>
  </si>
  <si>
    <t>&lt;pre&gt;&lt;code&gt;train_datagen = ImageDataGenerator(
                    rescale=1./255,
                    shear_range=0.1,
                    zoom_range=0.1,
                    rotation_range=5.,
                    width_shift_range=0.1,
                    height_shift_range=0.1)
val_datagen = ImageDataGenerator(rescale=1./255)
train_generator = train_datagen.flow_from_directory(
                    train_data_dir,
                    target_size = (img_width, img_height),
                    batch_size = 20,
                    shuffle = True,
                    classes = TYPES,
                class_mode = 'categorical')
validation_generator = val_datagen.flow_from_directory(
                    val_data_dir,
                    target_size=(img_width, img_height),
                    batch_size=20,
                    shuffle = True,
                    classes = TYPES,
                    class_mode = 'categorical')
model.fit_generator(
                train_generator,
                samples_per_epoch = 2000,
                nb_epoch = 20
            )
Epoch 14/50
 480/2000 [======&amp;gt;.......................] - ETA: 128s - loss: 0.8708
Epoch 13/50
2021/2000 [==============================] - 171s - loss: 0.7973 - acc: 0.7041 
&lt;/code&gt;&lt;/pre&gt;
&lt;p&gt;My ImageGenerators reading 2261 training and 567 testing images from folder. I am trying to train my model with 2000 samples_per_epoch and 20 batch_size. Batch_size is divisible for samples_per_epoch but somehow it is adding extra value and shows that warning:&lt;/p&gt;
&lt;blockquote&gt;
  &lt;p&gt;( UserWarning: Epoch comprised more than &lt;code&gt;samples_per_epoch&lt;/code&gt; samples,
  which might affect learning results. Set &lt;code&gt;samples_per_epoch&lt;/code&gt; correctly
  to avoid this warning). &lt;/p&gt;
&lt;/blockquote&gt;
&lt;p&gt;It works with Single-Gpu but If I try to train
with Multi-Gpus it gives that error:&lt;/p&gt;
&lt;blockquote&gt;
  &lt;p&gt;InvalidArgumentError (see above for traceback): Incompatible shapes:
  [21] vs. [20]      [[Node: Equal = Equal[T=DT_INT64,
  _device="/job:localhost/replica:0/task:0/gpu:0"](ArgMax, ArgMax_1)]]   [[Node: gradients/concat_25_grad/Slice_1/_10811 =
  _Recvclient_terminated=false, recv_device="/job:localhost/replica:0/task:0/gpu:1",
  send_device="/job:localhost/replica:0/task:0/cpu:0",
  send_device_incarnation=1,
  tensor_name="edge_101540_gradients/concat_25_grad/Slice_1",
  tensor_type=DT_FLOAT,
  _device="/job:localhost/replica:0/task:0/gpu:1"]]&lt;/p&gt;
&lt;/blockquote&gt;
&lt;p&gt;I am using that &lt;a href="https://github.com/kuza55/keras-extras/blob/master/utils/multi_gpu.py" rel="nofollow noreferrer"&gt;code&lt;/a&gt; for model parallelization: &lt;/p&gt;
&lt;p&gt;Thanks for your help...&lt;/p&gt;</t>
  </si>
  <si>
    <t>2017-04-21 12:02:06.310000+00:00</t>
  </si>
  <si>
    <t>2017-06-17 05:13:56.220000+00:00</t>
  </si>
  <si>
    <t>2017-04-21 13:16:54.823000+00:00</t>
  </si>
  <si>
    <t>python|python-3.x|tensorflow|deep-learning|keras</t>
  </si>
  <si>
    <t>Is there a standalone library for Google's QUIC?</t>
  </si>
  <si>
    <t>&lt;p&gt;Google recently released their experimental transport protocol called &lt;a href="https://en.wikipedia.org/wiki/QUIC" rel="noreferrer"&gt;QUIC&lt;/a&gt; as a namespace &lt;code&gt;net.quic&lt;/code&gt; in Chrome. I'd love to use it, as it looks perfect for my use case, however I can't seem to find any guide on using it as a standalone library.&lt;/p&gt;
&lt;p&gt;Is there any available way to get QUIC as a standalone library aside from the Chrome source?&lt;/p&gt;
&lt;p&gt;&lt;a href="https://docs.google.com/presentation/d/13LSNCCvBijabnn1S4-Bb6wRlm79gN6hnPFHByEXXptk/edit#slide=id.g176a9a2e9_0143" rel="noreferrer"&gt;Google Slide Deck&lt;/a&gt;&lt;/p&gt;</t>
  </si>
  <si>
    <t>2013-07-27 09:48:03.053000+00:00</t>
  </si>
  <si>
    <t>2017-09-28 19:50:28.143000+00:00</t>
  </si>
  <si>
    <t>2014-04-25 17:09:32.403000+00:00</t>
  </si>
  <si>
    <t>networking|tcp|udp|protocols</t>
  </si>
  <si>
    <t>MQTT / ESP8266 / NodeMCU / Lua code not publishing</t>
  </si>
  <si>
    <t>&lt;p&gt;I have a problem with the following Lua code on an ESP8266...&lt;/p&gt;
&lt;pre&gt;&lt;code&gt;function sendData(humidity,temperature)
    -- Setup MQTT client and events
    print("sendData() entered")
    print("Setting up mqtt.Client...")
    m = mqtt.Client(mqtt_client_id, 120, username, password)
    print("Attempting client connect...")
    m:connect(mqtt_broker_ip , mqtt_broker_port, 0, function(conn)
        print("Connected to MQTT")
        print("  IP: " .. mqtt_broker_ip)
        print("  Port: " .. mqtt_broker_port)
        print("  Client ID: " .. mqtt_client_id)
        print("  Username: " .. mqtt_username)
        payload = "Temp: " .. temperature .. " Hmdy: " .. humidity
        m:publish("pt/env",payload, 0, 0, function(conn)
            print("Going to deep sleep for " .. (DSLEEPTIME/1000) .. " seconds")
            node.dsleep(DSLEEPTIME*1000,4)             
        end)
    end)
end
&lt;/code&gt;&lt;/pre&gt;
&lt;p&gt;The code is being successfully called with the following...&lt;/p&gt;
&lt;pre&gt;&lt;code&gt;-- Connect to network
wifi.setmode(wifi.STATION)
wifi.setphymode(wifi_signal_mode)
wifi.sta.config(wifi_SSID, wifi_password) 
wifi.sta.connect()
print("Attempting to connect...")
ip = wifi.sta.getip()
if ip ~= nil then
    print("Got IP: " .. ip)
    print("About to call sendData()...")
    sendData(humidity, temperature)
    print("Returned from sendData()...")
end
&lt;/code&gt;&lt;/pre&gt;
&lt;p&gt;Using ESPlorer I see the following...&lt;/p&gt;
&lt;pre&gt;&lt;code&gt;Attempting to connect...
Attempting to connect...
Attempting to connect...
Attempting to connect...
Attempting to connect...
Attempting to connect...
Got IP: 192.168.0.39
About to call sendData()...
sendData() entered
Setting up mqtt.Client...
Attempting client connect...
Returned from sendData()...
&lt;/code&gt;&lt;/pre&gt;
&lt;p&gt;So it basically enters &lt;code&gt;sendData(...)&lt;/code&gt; and I see the output from the line...&lt;/p&gt;
&lt;pre&gt;&lt;code&gt;print("Attempting client connect...")
&lt;/code&gt;&lt;/pre&gt;
&lt;p&gt;...but I never see the logging in the &lt;code&gt;m:connect(...)&lt;/code&gt; block such as...&lt;/p&gt;
&lt;pre&gt;&lt;code&gt;print("Connected to MQTT")
&lt;/code&gt;&lt;/pre&gt;
&lt;p&gt;...it seems it simply returns immediately.&lt;/p&gt;
&lt;p&gt;The MQTT broker is a Raspberry Pi running Mosquitto and I've tested it with apps on my Android phone and tablet. I get successful publishing / subscription between phone and tablet in both directions.&lt;/p&gt;
&lt;p&gt;I'm a Lua novice and only understand the basics of MQTT and I'm at a loss for what's wrong with the &lt;code&gt;m:connect(...)&lt;/code&gt; block if anyone can help it would be appreciated.&lt;/p&gt;
&lt;p&gt;&lt;strong&gt;UPDATE: PROBLEM SOLVED&lt;/strong&gt; - Apologies for not getting back to this thread sooner. The problem was simply down to the version of Mosquitto I was running on my RPi (which complied to MQTT v3.1). The NodeMCU MQTT library supports MQTT v3.1.1 and is NOT backward compatible. In essence there wasn't very much wrong with my code although I did make some changes - it was simply down to MQTT versions being incompatible.&lt;/p&gt;</t>
  </si>
  <si>
    <t>2016-04-16 16:58:51.983000+00:00</t>
  </si>
  <si>
    <t>2016-05-13 23:04:59.047000+00:00</t>
  </si>
  <si>
    <t>2016-05-13 22:52:30.513000+00:00</t>
  </si>
  <si>
    <t>lua|mqtt|esp8266|nodemcu</t>
  </si>
  <si>
    <t>How to check if a particular string in one array is in another array</t>
  </si>
  <si>
    <t>&lt;p&gt;I have an array called puzzle which consist of words/letters/random strings and I want to check if it has any of the same strings in another array called dictionary (the strings in dictionary are listed in alphabetical order)&lt;/p&gt;
&lt;p&gt;So I believe my problem is the binary search in my program, I'm not entire sure how to work around it using strings. I tried to use some strcmp() but I don't think thats the way to go? &lt;/p&gt;
&lt;p&gt;When the program runs, it gets no output. that there is no matches but there are.&lt;/p&gt;
&lt;p&gt;here is my binary search function:&lt;/p&gt;
&lt;pre&gt;&lt;code&gt;int binsearch(char **dictionary, char *puzzle) {
    int start = 1;  //excluded first string of dictionary array bc #
    int end = listlength;
    while (start &amp;lt; end) {
        int mid = (start + end) / 2;
        int temp = strcmp(dictionary[mid], puzzle);
        if (temp &amp;lt; 0) {
            start = mid + 1; //it is in upper half
        } else
        if (temp &amp;gt; 0) {  //check lower half
            end = mid;
        } else
            return 1; //found a match hopefully
    }
    return 0;
}
&lt;/code&gt;&lt;/pre&gt;
&lt;p&gt;and my entire code is here if maybe something you need to see&lt;/p&gt;
&lt;pre&gt;&lt;code&gt;#include &amp;lt;stdio.h&amp;gt;
#include &amp;lt;stdlib.h&amp;gt;
#include &amp;lt;string.h&amp;gt;
#define listlength 149256
#define maxWordLen 19
char **getWords(int rows, int cols);
void freeArray(char **array, int rows);
char **makeGridArray(int rows, int cols);
int binsearch(char **dictionary, char *puzzle);
void wordSearch(char **dictionary, char **puzzle, int row, int col);
const int DX_SIZE = 8;
const int DX[] = { -1, -1, -1,  0,  0,  1,  1,  1 };
const int DY[] = { -1,  0,  1, -1,  1, -1,  0,  1 };
int main() {
    //read in dictionary
    int i, j, x = 0, numCases, gridRow, gridCol;
    char **words = getWords(listlength, maxWordLen);
    //Get number of cases.
    printf("enter number of cases:\n");
    scanf("%d", &amp;amp;numCases);
    //process each case.
    while (x &amp;lt; numCases) {
        scanf("%d%d", &amp;amp;gridRow, &amp;amp;gridCol);
        //make word search grid
        char **grid = makeGridArray(gridRow + 1, gridCol);
        /* for testing if grid is storing properly
        for (i = 0; i &amp;lt; gridRow + 1; i++) {
            printf("%s\n", grid[i]);
        }
        */
        printf("Words Found Grid #%d:\n", x + 1);
        wordSearch(words, grid, gridRow + 1, gridCol);
        x++;
        freeArray(grid, gridRow + 1);
    }
    freeArray(words, listlength);
}
char **getWords(int rows, int cols) {
    int i;
    //allocate top level of pointers.
    char **words = malloc(sizeof(char*) * rows);
    //allocate each individual array
    for (i = 0; i &amp;lt; rows; i++) {
        words[i] = malloc(sizeof(char) * cols + 1);
    }
    //read dictionary.txt
    FILE *dictionary = fopen("dictionary.txt", "r");
    for (i = 0; i &amp;lt; rows; i++) {
        fgets(words[i], cols + 1,dictionary);
    }
    fclose(dictionary);
    return words;
}
char **makeGridArray(int rows, int cols) {
    //allocate top level of pointers.
    char **grid = malloc(sizeof(char*) * rows);
    int i, j;
    //allocate each individual array
    for (i = 0; i &amp;lt; rows; i++) {
        grid[i] = malloc(sizeof(char) * cols + 1);
    }
    //read in user input grid
    for (i = 0; i &amp;lt; rows; i++) {
        gets(grid[i]);
    }
    return grid;
}
int binsearch(char **dictionary, char *puzzle) {
    int start = 1;  //excluded first string of dictionary array bc #
    int end = listlength;
    while (start &amp;lt; end) {
        int mid = (start + end) / 2;
        int temp = strcmp(dictionary[mid], puzzle);
        if (temp &amp;lt; 0) {
            start = mid + 1; //it is in upper half
        } else
        if (temp &amp;gt; 0) {  //check lower half
            end = mid;
        } else
            return 1; //found a match hopefully
    }
    return 0;
}
void wordSearch(char **dictionary, char **puzzle, int row, int col) {
    int i, X, Y, dir;
    char wordsfound[19] = { '\0' };
    for (X = 0; X &amp;lt; row + 1; X++) {
        for (Y = 0; Y &amp;lt; col; Y++) {
            for (dir = 0; dir &amp;lt; DX_SIZE; dir++) //check every direction
                for (i = 0; i &amp;lt; 19; i++) {
                    //will continue in direction DX,DY starting at x,y
                    int nextX = X + DX[dir] * i;
                    int nextY = Y + DY[dir] * i;
                    if (nextX &amp;lt; 0 || nextX &amp;gt;= row) break; //keep in bounds
                    if (nextY &amp;lt; 0 || nextY &amp;gt;= col) break;
                    //store the string of letters to check
                    wordsfound[i] = (puzzle[nextX][nextY]);
                    if (i &amp;gt; 3) { //minimum word is 4
                        wordsfound[i + 1] = '\0';
                        //if the string of letters is actually a word, print
                        int bin = binsearch(dictionary, wordsfound);
                        if (bin) {
                            printf("%s\n", wordsfound);
                        }
                    }
                }
        }
    }
    return;
}
void freeArray(char **array, int rows) {
    //free arrays
    int i;
    for (i = 0; i &amp;lt; rows; i++) {
        free(array[i]);
    }
    free(array);
}
&lt;/code&gt;&lt;/pre&gt;</t>
  </si>
  <si>
    <t>2016-02-08 01:19:00.237000+00:00</t>
  </si>
  <si>
    <t>2016-02-08 02:10:26.433000+00:00</t>
  </si>
  <si>
    <t>c|binary-search</t>
  </si>
  <si>
    <t>Regex expression to exclude hyphenated words in R</t>
  </si>
  <si>
    <t>&lt;p&gt;I am using R to tokenize a set of texts; after tokenization I end up with a char vector in which punctuation signs, apostrophes and hyphens are preserved. For instance, I have this original text&lt;/p&gt;
&lt;pre&gt;&lt;code&gt;txt &amp;lt;- "this ain't a Hewlett-Packard box - it's an Apple box, a very nice one!"
&lt;/code&gt;&lt;/pre&gt;
&lt;p&gt;After the tokenization (which I perform using &lt;code&gt;scan_tokenizer&lt;/code&gt; from package &lt;code&gt;tm&lt;/code&gt;) I get the following char vector&lt;/p&gt;
&lt;pre&gt;&lt;code&gt;   &amp;gt; vec1
 [1] "this"            "ain't"           "a"               "Hewlett-Packard"
 [5] "box"             "-"               "it's"            "an"             
 [9] "Apple"           "box,"            "a"               "very"           
[13] "nice"            "one!"           
&lt;/code&gt;&lt;/pre&gt;
&lt;p&gt;Now in order to get rid of the punctuation marks I do the following&lt;/p&gt;
&lt;pre&gt;&lt;code&gt;vec2 &amp;lt;- gsub("[^[:alnum:][:space:]']", "", vec1)
&lt;/code&gt;&lt;/pre&gt;
&lt;p&gt;This is, I substitute everything that is not alphanumerical values, spaces and apostrophes by ""; however this is the result&lt;/p&gt;
&lt;pre&gt;&lt;code&gt;&amp;gt; vec2
 [1] "this"           "ain't"          "a"              "HewlettPackard" "box"           
 [6] ""               "it's"           "an"             "Apple"          "box"           
[11] "a"              "very"           "nice"           "one"    
&lt;/code&gt;&lt;/pre&gt;
&lt;p&gt;I want to preserve hyphenated words sych as "Hewlett-Pacakard", while getting rid of lone hyphens. Basically I need a regex to exclude hyphenated word of the form &lt;code&gt;\w-\w&lt;/code&gt; in the &lt;code&gt;gsub&lt;/code&gt; expression for vec2. &lt;/p&gt;
&lt;p&gt;Your suggestions are much welcome&lt;/p&gt;</t>
  </si>
  <si>
    <t>2015-07-10 23:28:53.550000+00:00</t>
  </si>
  <si>
    <t>2015-07-12 03:16:36.893000+00:00</t>
  </si>
  <si>
    <t>regex|r</t>
  </si>
  <si>
    <t>Why mapped_file::data returns char* instead of void*</t>
  </si>
  <si>
    <t>&lt;p&gt;Or even better a template &lt;code&gt;&amp;lt;T*&amp;gt;&lt;/code&gt;?&lt;/p&gt;
&lt;p&gt;In case the memory mapped file contains a sequence of 32 bit integers, if &lt;code&gt;data()&lt;/code&gt; returned a &lt;code&gt;void*&lt;/code&gt;, we could be able to static cast to &lt;code&gt;std::uint32_t&lt;/code&gt; directly.&lt;/p&gt;
&lt;p&gt;Why did boost authors choose to return a &lt;code&gt;char*&lt;/code&gt; instead?&lt;/p&gt;
&lt;p&gt;EDIT: as pointed out, in case portability is an issue, a translation is needed. But saying that a file (or a chunk of memory in this case) is a stream of bytes more than it is a stream of bits, or of IEEE754 doubles, or of complex data structures, seems to me a very broad statement that needs some more explanation.&lt;/p&gt;
&lt;p&gt;Even having to handle endianness, being able to directly map to a vector of &lt;code&gt;be_uint32_t&lt;/code&gt; as suggested (and as implemented here) would make the code much more readable:&lt;/p&gt;
&lt;pre&gt;&lt;code&gt;struct be_uint32_t {
  std::uint32_t raw;
  operator std::uint32_t() { return ntohl(raw); }
};
static_assert(sizeof(be_uint32_t)==4, "POD failed");
&lt;/code&gt;&lt;/pre&gt;
&lt;p&gt;Is it allowed/advised to cast to a &lt;code&gt;be_uint32_t*&lt;/code&gt;? Why, or why not?&lt;/p&gt;
&lt;p&gt;Which kind of cast should be used?&lt;/p&gt;
&lt;p&gt;&lt;strong&gt;EDIT2&lt;/strong&gt;: Since it seems difficult to get to the point instead of discussing weather the memory model of an elaborator is made of bits, bytes or words I will rephrase giving an example:&lt;/p&gt;
&lt;pre&gt;&lt;code&gt;#include &amp;lt;cstdint&amp;gt;
#include &amp;lt;memory&amp;gt;
#include &amp;lt;vector&amp;gt;
#include &amp;lt;iostream&amp;gt;
#include &amp;lt;boost/iostreams/device/mapped_file.hpp&amp;gt;
struct entry {
  std::uint32_t a;
  std::uint64_t b;
} __attribute__((packed)); /* compiler specific, but supported 
                              in other ways by all major compilers */
static_assert(sizeof(entry) == 12, "entry: Struct size mismatch");
static_assert(offsetof(entry, a) == 0, "entry: Invalid offset for a");
static_assert(offsetof(entry, b) == 4, "entry: Invalid offset for b");
int main(void) {
  boost::iostreams::mapped_file_source mmap("map");
  assert(mmap.is_open());
  const entry* data_begin = reinterpret_cast&amp;lt;const entry*&amp;gt;(mmap.data());
  const entry* data_end = data_begin + mmap.size()/sizeof(entry);
  for(const entry* ii=data_begin; ii!=data_end; ++ii)
    std::cout &amp;lt;&amp;lt; std::hex &amp;lt;&amp;lt; ii-&amp;gt;a &amp;lt;&amp;lt; " " &amp;lt;&amp;lt; ii-&amp;gt;b &amp;lt;&amp;lt; std::endl;
  return 0;
}
&lt;/code&gt;&lt;/pre&gt;
&lt;p&gt;Given that the &lt;code&gt;map&lt;/code&gt; file contains the bit expected in the correct order, is there any other reason to avoid using the reinterpret_cast to use my virtual memory without copying it first?&lt;/p&gt;
&lt;p&gt;If there is not, why force the user to do a reinterpret_cast by returning a typed pointer?&lt;/p&gt;
&lt;p&gt;&lt;strong&gt;Please answer all the questions for bonus points :)&lt;/strong&gt;&lt;/p&gt;</t>
  </si>
  <si>
    <t>2015-05-14 18:23:32.923000+00:00</t>
  </si>
  <si>
    <t>2015-05-28 08:27:39.950000+00:00</t>
  </si>
  <si>
    <t>2015-05-17 14:01:22.867000+00:00</t>
  </si>
  <si>
    <t>c++|boost|boost-iostreams</t>
  </si>
  <si>
    <t>Is gcc doing implicit function declarations incorrectly in c99 mode?</t>
  </si>
  <si>
    <t>&lt;p&gt;Consider the following code:&lt;/p&gt;
&lt;pre&gt;&lt;code&gt;int main (void) {
    int i = xyzzy();
    return i;
}
int xyzzy (void) {
    return 42;
}
&lt;/code&gt;&lt;/pre&gt;
&lt;p&gt;Now, although the prototype for &lt;code&gt;xyyzy&lt;/code&gt; is unkown at the point of use, this works in c89 mode because the default return type of a function that has no prototype is &lt;code&gt;int&lt;/code&gt; so the implicit function prototype and actual function are compatible.&lt;/p&gt;
&lt;p&gt;And, in fact, if you change the return type of the function to &lt;code&gt;float&lt;/code&gt;, you get (as expected):&lt;/p&gt;
&lt;pre&gt;&lt;code&gt;testprog.c:6: error: conflicting types for 'xyzzy'
testprog.c:2: error: previous implicit declaration of 'xyzzy' was here
&lt;/code&gt;&lt;/pre&gt;
&lt;p&gt;because the implicit prototype and actual function no longer match.&lt;/p&gt;
&lt;p&gt;The original code compiled with &lt;code&gt;gcc --std=c89 --pedantic -Wall -Wextra&lt;/code&gt; only gives me the warning:&lt;/p&gt;
&lt;pre&gt;&lt;code&gt;testprog.c: In function 'main':
testprog.c:2: warning: implicit declaration of function 'xyzzy'
&lt;/code&gt;&lt;/pre&gt;
&lt;p&gt;which is expected, because c89 has this to say in &lt;code&gt;3.7.1 Function definitions&lt;/code&gt;:&lt;/p&gt;
&lt;blockquote&gt;
  &lt;p&gt;&lt;strong&gt;extern int max(int a, int b) { ... }:&lt;/strong&gt; Here &lt;code&gt;extern&lt;/code&gt; is the storage-class specifier and &lt;code&gt;int&lt;/code&gt; is the type specifier (each of which may be omitted as those are the defaults).&lt;/p&gt;
&lt;/blockquote&gt;
&lt;p&gt;and in &lt;code&gt;3.3.2.2 Function calls&lt;/code&gt;:&lt;/p&gt;
&lt;blockquote&gt;
  &lt;p&gt;If the expression that precedes the parenthesized argument list in a function call consists solely of an identifier, and if no declaration is visible for this identifier, the identifier is implicitly declared exactly as if, in the innermost block containing
  the function call, the declaration &lt;strong&gt;extern int identifier();&lt;/strong&gt; appeared.&lt;/p&gt;
&lt;/blockquote&gt;
&lt;p&gt;So the use of a function before declaring it &lt;em&gt;definitely&lt;/em&gt; results in the default prototype being created.&lt;/p&gt;
&lt;hr&gt;
&lt;p&gt;However, both those phrases have been removed in c99 and we instead find in &lt;code&gt;6.5.2.2 Function calls&lt;/code&gt; (my bold):&lt;/p&gt;
&lt;blockquote&gt;
  &lt;p&gt;If the expression that denotes the called function has type pointer to function returning an object type, the function call expression has the same type as that object type, and has the value determined as specified in 6.8.6.4. &lt;strong&gt;Otherwise, the function call has type void.&lt;/strong&gt;&lt;/p&gt;
&lt;/blockquote&gt;
&lt;p&gt;I understand it to mean that, if there's no declaration in view when you try to call a function, it's implicitly declared with a &lt;code&gt;void&lt;/code&gt; return type.&lt;/p&gt;
&lt;p&gt;Yet, when compiling with &lt;code&gt;gcc --std=c99 --pedantic -Wall -Wextra&lt;/code&gt;, I get just the same warning about the implicit declaration.&lt;/p&gt;
&lt;p&gt;Shouldn't c99 have declared that function implicitly as returning &lt;code&gt;void&lt;/code&gt;? If it had, I would have expected a &lt;code&gt;previous implicit declaration&lt;/code&gt; error similar to the one I got when I tried to redeclare it as returning &lt;code&gt;float&lt;/code&gt;.&lt;/p&gt;
&lt;p&gt;Is &lt;code&gt;gcc&lt;/code&gt; broken here, or am I missing something in the standard?&lt;/p&gt;</t>
  </si>
  <si>
    <t>2012-12-21 07:56:28.487000+00:00</t>
  </si>
  <si>
    <t>2013-08-05 15:29:02.803000+00:00</t>
  </si>
  <si>
    <t>2013-08-05 13:27:04.917000+00:00</t>
  </si>
  <si>
    <t>gcc|standards|c99|c89</t>
  </si>
  <si>
    <t>Debugging UIAutomation scripts in Instruments</t>
  </si>
  <si>
    <t>&lt;p&gt;I have recently tried using UIAutomation framework for some simple automated UI tests for iOS devices. While interesting and relatively powerful, I find it quite tedious to write the scripts without having the possibility of debugging them.&lt;/p&gt;
&lt;p&gt;Is there any way to debug the UIAutomation scripts ? The emphasis here is on the debugging of the script itself, i.e. the javascript part, I have already found the explanation of how to debug the tested application itself &lt;a href="https://stackoverflow.com/questions/4472187/how-to-get-uiautomation-simulator-and-xcode-debugger-running-at-the-same-time"&gt;here&lt;/a&gt;.&lt;/p&gt;</t>
  </si>
  <si>
    <t>2012-03-15 10:29:24.030000+00:00</t>
  </si>
  <si>
    <t>2013-09-18 10:51:59.737000+00:00</t>
  </si>
  <si>
    <t>2017-05-23 11:51:51.393000+00:00</t>
  </si>
  <si>
    <t>iphone|xcode|debugging|instruments|ios-ui-automation</t>
  </si>
  <si>
    <t>Custom number format for NULL</t>
  </si>
  <si>
    <t>&lt;p&gt;I have an excel sheet that I populate from a database. What is the custom number format that I can use to replace NULL values in the excel by a hyphen '-' ?
I know that I can use the following formula&lt;/p&gt;
&lt;pre&gt;&lt;code&gt;#,##0_);(#,##0);���_);_(@_)
&lt;/code&gt;&lt;/pre&gt;
&lt;p&gt;in order to display it for a zero. But I don't know how to handle a null value.&lt;/p&gt;</t>
  </si>
  <si>
    <t>2013-08-13 18:55:07.657000+00:00</t>
  </si>
  <si>
    <t>2013-08-14 07:29:16.150000+00:00</t>
  </si>
  <si>
    <t>excel|formatting|excel-formula</t>
  </si>
  <si>
    <t>regarding php curl and curl command</t>
  </si>
  <si>
    <t>&lt;p&gt;Php curl returning blank page for some sites where curl command working fine.&lt;/p&gt;
&lt;p&gt;for example : curl &lt;strong&gt;www.wikipedia.org&lt;/strong&gt; generating output but php curl giving blank pages with &lt;code&gt;&amp;lt;html&amp;gt;&lt;/code&gt; tags&lt;/p&gt;
&lt;pre&gt;&lt;code&gt;$ch = curl_init(); // initialize curl with given url
//TBD: all setopt commands return true/false. Should be handled
//curl_setopt($ch, CURLOPT_USERAGENT, $_SERVER["HTTP_USER_AGENT"]); // set  useragent
$res = curl_setopt($ch, CURLOPT_RETURNTRANSFER, true); // write the response to a variable
curl_setopt($ch, CURLOPT_FOLLOWLOCATION, true); // follow redirects if any
curl_setopt($ch, CURLOPT_CONNECTTIMEOUT, $timeout); // max. seconds to execute
curl_setopt($ch, CURLOPT_FAILONERROR, 0); // stop when it encounters an error
curl_setopt($ch, CURLOPT_SSL_VERIFYPEER, false); // iNetClean is web-crawling, no need to verify certificates
curl_setopt($ch, CURLOPT_SSL_VERIFYHOST, FALSE);
curl_setopt($ch, CURLOPT_ENCODING, ""); // accept all encodings - identity, deflate, gzip
// now set the URL
curl_setopt($ch, CURLOPT_URL, $url);
$fp_out = fopen($html_file, 'w');
if (!$fp_out) {
    if ($DEBUG) {
        error_log("couldn't create " . $html_file);
    }
} else {
    if ($DEBUG) {
        error_log("file created " . $html_file);
    }
}
$fp_err = fopen($html_err_file, 'w');
if (!$fp_err) {
    if ($DEBUG) {
        error_log("couldn't create " . $html_err_file);
    }
} else {
    if ($DEBUG) {
        error_log("error file created " . $html_err_file);
    }
}
curl_setopt($ch, CURLOPT_FILE, $fp_out); //rawurlencode($url) . "txt"); // for debugging only
curl_setopt($ch, CURLOPT_STDERR, $fp_err);
$result = curl_exec($ch);
//0 size file is created if no data is downloaded or URL does not exist such as pron00.com. Hence added handler to such errors.
if (@filesize($html_file) &amp;gt; 0) {
    //file exists and contain some data
} else {
    return false;
}
if ($result == false) {
    trigger_error(curl_error($ch));
    if ($DEBUG) {
        error_log("Curl_exec fail");
    }
    return false;
}
fclose($fp_out);
fclose($fp_err);
curl_close($ch);
return $result;
&lt;/code&gt;&lt;/pre&gt;</t>
  </si>
  <si>
    <t>2015-01-06 09:24:24.647000+00:00</t>
  </si>
  <si>
    <t>2015-01-06 09:49:01.667000+00:00</t>
  </si>
  <si>
    <t>Find or calculate intersection points of a straight line with a diagonal scatter plot using VBA</t>
  </si>
  <si>
    <t>&lt;p&gt;I am trying to understand how I can go about finding or calculating the intersection points of a straight line and a diagonal scatter plot. Just to give a better idea, on an X,Y plot, if I have a straight horizontal line at y= # (any number), that crosses an array of scatters points (which form a diagonal line), how can I calculate points of intersection the two lines? &lt;/p&gt;
&lt;p&gt;The problem that I am having is that the scattered array has multiple points around my horizontal line, what I would like to do is find the point that hits the horizontal line first, and the point that hits the horizontal line the last.&lt;/p&gt;
&lt;p&gt;please refer to the image for a better understanding. The two points that are annotated are the ones that I am trying to extract with VBA. Is this possible? The image shows two sets of scattered arrays, I am only interested in figuring out the method for 1 of the arrays. If I can extract this for 1 scattered array, I can replicate the method for the next one.&lt;/p&gt;
&lt;p&gt;&lt;a href="http://imgur.com/9YTNeco" rel="nofollow"&gt;http://imgur.com/9YTNeco&lt;/a&gt; &lt;/p&gt;</t>
  </si>
  <si>
    <t>2015-09-10 15:17:03.340000+00:00</t>
  </si>
  <si>
    <t>2015-09-11 13:52:34.487000+00:00</t>
  </si>
  <si>
    <t>vba|intersection</t>
  </si>
  <si>
    <t>MySQL insert date if no field exists</t>
  </si>
  <si>
    <t>&lt;p&gt;Is there a way in MySQL to get insert date/time for rows if there was no insert_date field. I have a database which I configured to store insert_date but can I populate the field before that change ( month ago ). Is that even possible?&lt;/p&gt;
&lt;p&gt;Pull that insert date/time from log or something else?&lt;/p&gt;</t>
  </si>
  <si>
    <t>2015-10-12 08:11:28.863000+00:00</t>
  </si>
  <si>
    <t>2015-10-12 08:16:14.467000+00:00</t>
  </si>
  <si>
    <t>Anychart does not resize on window resize</t>
  </si>
  <si>
    <t>&lt;p&gt;I recently switched my AngularJS application to be build with Webpack. Everything works fine, except all my charts using &lt;code&gt;anychart&lt;/code&gt; do not resize when the window resize, as they used to before I migrated to Webpack (I was using the asset pipeline from Rails before).&lt;/p&gt;
&lt;p&gt;What could be the reason? how does anychart actually resize? I could not find anything from the official docs or api.&lt;/p&gt;
&lt;p&gt;Before I was using this to load anychart:&lt;/p&gt;
&lt;pre&gt;&lt;code&gt;//= require anychart/dist/js/anychart-bundle.min
//= require anychart/dist/js/anychart-ui.min
&lt;/code&gt;&lt;/pre&gt;
&lt;p&gt;Now with Webpack:&lt;/p&gt;
&lt;pre&gt;&lt;code&gt;import anychart from 'anychart';
import 'anychart/dist/js/anychart-ui.min';
&lt;/code&gt;&lt;/pre&gt;
&lt;p&gt;Edit 1:
The angularjs version used is &lt;code&gt;1.6.9&lt;/code&gt; and anychart is &lt;code&gt;8.1.0&lt;/code&gt;&lt;/p&gt;</t>
  </si>
  <si>
    <t>2018-02-25 15:59:34.190000+00:00</t>
  </si>
  <si>
    <t>2018-03-01 08:21:09.940000+00:00</t>
  </si>
  <si>
    <t>2018-02-26 12:14:04.050000+00:00</t>
  </si>
  <si>
    <t>angularjs|anychart</t>
  </si>
  <si>
    <t>Trim Spaces in a String</t>
  </si>
  <si>
    <t>&lt;p&gt;UserId should be like 'keerthi.ks' in the database.&lt;/p&gt;
&lt;p&gt;But in some tables some data is like 'keerthi .ks'&lt;/p&gt;
&lt;p&gt;Need to clear the middle spaces.&lt;/p&gt;
&lt;p&gt;Please help me with this.&lt;/p&gt;
&lt;p&gt;Regards,&lt;/p&gt;
&lt;p&gt;Keerthi KS&lt;/p&gt;</t>
  </si>
  <si>
    <t>2016-04-20 12:08:51.103000+00:00</t>
  </si>
  <si>
    <t>2016-04-20 12:12:51.350000+00:00</t>
  </si>
  <si>
    <t>LINQ: Group by index and value</t>
  </si>
  <si>
    <t>&lt;p&gt;Lets say I have an list of strings with the following values: &lt;/p&gt;
&lt;blockquote&gt;
  &lt;p&gt;["a","a","b","a","a","a","c","c"]&lt;/p&gt;
&lt;/blockquote&gt;
&lt;p&gt;I want to execute a linq query that will group into 4 groups:&lt;/p&gt;
&lt;blockquote&gt;
  &lt;p&gt;Group 1: ["a","a"] Group 2: ["b"] Group 3: ["a","a","a"] Group 4:
  ["c","c"]&lt;/p&gt;
&lt;/blockquote&gt;
&lt;p&gt;Basically I want to create 2 different groups for the value "a" because they are not coming from the same "index sequence". &lt;/p&gt;
&lt;p&gt;Anyone has a LINQ solution for this?&lt;/p&gt;</t>
  </si>
  <si>
    <t>2018-03-15 14:46:10.933000+00:00</t>
  </si>
  <si>
    <t>2018-03-16 06:33:23.633000+00:00</t>
  </si>
  <si>
    <t>2018-03-15 14:54:54.500000+00:00</t>
  </si>
  <si>
    <t>c#|linq|c#-7.2</t>
  </si>
  <si>
    <t>mvn spring-boot:run vs intellij run</t>
  </si>
  <si>
    <t>&lt;p&gt;I have an app that is a simple HelloWorld with Thymeleaf.  &lt;/p&gt;
&lt;p&gt;When I run it with : mvn spring-boot:run, everything works like a charm&lt;/p&gt;
&lt;p&gt;When I run it with IntelliJ I get this error 'This application has no explicit mapping for /error, so you are seeing this as a fallback.' and there are no logs at the console. I tried rebuilding the project from Intellij, I have simplified my pom and sources to the simplest expression by removing extraneous dependencies and classes not relevant to it, nothing does it.&lt;/p&gt;
&lt;p&gt;I created another project in IntelliJ from scratch and I managed to get it working right away with both the IDE and maven.  &lt;/p&gt;
&lt;p&gt;What can cause a project to go haywire like that ?  Any hard clean or cue on what I could do to get my project working ?&lt;/p&gt;</t>
  </si>
  <si>
    <t>2017-01-06 21:38:04.567000+00:00</t>
  </si>
  <si>
    <t>2017-01-08 05:58:59.197000+00:00</t>
  </si>
  <si>
    <t>maven|intellij-idea|spring-boot</t>
  </si>
  <si>
    <t>How to get the values from Html.ListBox in asp.net MVC</t>
  </si>
  <si>
    <t>&lt;p&gt;I had this before&lt;/p&gt;
&lt;pre&gt;&lt;code&gt;&amp;lt;div class="form-group"&amp;gt;
    @Html.Label("Empresa", new { @class = "control-label col-md-2" })
    &amp;lt;div class="col-md-10"&amp;gt;
       @Html.DropDownList("Empresa", 
         new SelectList(empresas, "Id", "Nombre"), 
         new { @class = "form-control" })
     &amp;lt;/div&amp;gt;
&amp;lt;/div&amp;gt;
&lt;/code&gt;&lt;/pre&gt;
&lt;p&gt;and on my controller I could get the values: (check the request.form line)&lt;/p&gt;
&lt;pre&gt;&lt;code&gt;      public async Task&amp;lt;ActionResult&amp;gt; Create(
        [Bind(
            Include =
                "UserPrincipalName,AccountEnabled,PasswordProfile,MailNickname,DisplayName,GivenName,Surname,JobTitle,Department"
            )] Microsoft.Azure.ActiveDirectory.GraphClient.User user)
    {
        ActiveDirectoryClient client = null;
        try
        {
            client = AuthenticationHelper.GetActiveDirectoryClient();
        }
        catch (Exception e)
        {
            if (Request.QueryString["reauth"] == "True")
            {
                //
                // Send an OpenID Connect sign-in request to get a new set of tokens.
                // If the user still has a valid session with Azure AD, they will not be prompted for their credentials.
                // The OpenID Connect middleware will return to this controller after the sign-in response has been handled.
                //
                HttpContext.GetOwinContext()
                    .Authentication.Challenge(OpenIdConnectAuthenticationDefaults.AuthenticationType);
            }
            //
            // The user needs to re-authorize.  Show them a message to that effect.
            //
            ViewBag.ErrorMessage = "AuthorizationRequired";
            return View();
        }
        try
        {
            var usuario = user.UserPrincipalName;
            user.UserPrincipalName = usuario+SettingsHelper.Domain;
            user.MailNickname = usuario;
            user.AccountEnabled = true;
            await client.Users.AddUserAsync(user);
            string extPropLookupName = string.Format("extension_{0}_{1}", SettingsHelper.ClientId.Replace("-", ""), "Compania");
            //TO BE FINISHED
            user.SetExtendedProperty(extPropLookupName, Request.Form["Empresa"].ToString());
            await user.UpdateAsync();
            //Task.WaitAll();
            // Save the extended property value to Azure AD.
            user.GetContext().SaveChanges();
            return RedirectToAction("Index");
        }
        catch (Exception exception)
        {
            ModelState.AddModelError("", exception.Message);
            return View();
        }
    }
&lt;/code&gt;&lt;/pre&gt;
&lt;p&gt;However I changed DropDownList with ListBox because I need it to be multipleselect, and now I dont see it in the Request.Form collection&lt;/p&gt;
&lt;p&gt;How can I get the values selected?&lt;/p&gt;</t>
  </si>
  <si>
    <t>2015-07-23 21:55:32.443000+00:00</t>
  </si>
  <si>
    <t>2015-07-23 22:08:04.403000+00:00</t>
  </si>
  <si>
    <t>2015-07-23 22:07:20.237000+00:00</t>
  </si>
  <si>
    <t>c#|asp.net|asp.net-mvc|asp.net-mvc-3|razor</t>
  </si>
  <si>
    <t>Internet Explorer no LogIn or add to Cart possible - appears only in https: - Session loss ? 1.9.2.3</t>
  </si>
  <si>
    <t>&lt;p&gt;We have a Magento 1.9.2.3. Installment on our Server. If u browse our Site with Mozilla, Chrome, Safari everything works fine. If u browse with Internet Explorer or Opera, no Login or go to Checkout is possible. So everytime when i switch to https.(suggestion) There are some possible solutions for this i tried:&lt;/p&gt;
&lt;p&gt;Increase Cookie Lifetime due to the servertime-issue. -&gt; Increased to 1 day ( 86400 sec.)&lt;/p&gt;
&lt;p&gt;SessionData saved over Database , SessionData saved over Filesave , both ways wont solve the issue.&lt;/p&gt;
&lt;p&gt;i asked our provider if other customers had similar issues with the SSL -&gt; no such problems&lt;/p&gt;
&lt;p&gt;set cookiedomain to : .site.de , this only leads to that the other browsers also have the issue, so i cant login or checkout in any browser then.&lt;/p&gt;
&lt;p&gt;Between every step i cleaned Cache/Session of the server AND the browser.&lt;/p&gt;
&lt;p&gt;commented (*/) CookieParams in Varien.php - no success&lt;/p&gt;
&lt;p&gt;Well, im pretty much out of ideas now. Please excuse my bad english.&lt;/p&gt;
&lt;p&gt;Thank you for your folowing ideas,&lt;/p&gt;
&lt;p&gt;Greetings&lt;/p&gt;</t>
  </si>
  <si>
    <t>2016-08-09 09:28:56.980000+00:00</t>
  </si>
  <si>
    <t>internet-explorer|session-cookies|magento-1.9</t>
  </si>
  <si>
    <t>t-test of triplicates in a horizontal data frame</t>
  </si>
  <si>
    <t>&lt;p&gt;I am trying to make a loop, so I can test multiple conditions: cond_A, cond_B and cond_C, each against the same control ('ctrl'). Each condition and control is represented by a triplicate. As outcome I would like to get a dataframe with condition names and pvalues.&lt;/p&gt;
&lt;p&gt;Here is my input:&lt;/p&gt;
&lt;pre&gt;&lt;code&gt;structure(list(ctrl_1 = 1L, ctrl_2 = 2L, ctrl_3 = 3L, cond_A_1 = 4L, 
    cond_A_2 = 4L, cond_A_3 = 4L, cond_B_1 = 5L, cond_B_2 = 5L, 
    cond_B_3 = 7L, cond_C_1 = 8L, cond_C_2 = 9L, cond_C_3 = 2L), .Names = c("ctrl_1", 
"ctrl_2", "ctrl_3", "cond_A_1", "cond_A_2", "cond_A_3", "cond_B_1", 
"cond_B_2", "cond_B_3", "cond_C_1", "cond_C_2", "cond_C_3"), class = "data.frame", row.names = c(NA, 
-1L))
&lt;/code&gt;&lt;/pre&gt;
&lt;p&gt;And expected output with hypothetical pvalues:&lt;/p&gt;
&lt;pre&gt;&lt;code&gt;cond_A_pval cond_B_pval cond_C_pval
0.05    0.9 0.006
&lt;/code&gt;&lt;/pre&gt;
&lt;p&gt;Here is my starting point:&lt;/p&gt;
&lt;pre&gt;&lt;code&gt;pval&amp;lt;-apply(df,1,function(x) {t.test(x[1:3],x[4:6])$p.value})
&lt;/code&gt;&lt;/pre&gt;</t>
  </si>
  <si>
    <t>2017-08-11 15:33:02.120000+00:00</t>
  </si>
  <si>
    <t>2017-08-11 16:31:11.203000+00:00</t>
  </si>
  <si>
    <t>r|t-test</t>
  </si>
  <si>
    <t>Adding and removing jobs dynamically to Quartz.NET Windows Service</t>
  </si>
  <si>
    <t>&lt;p&gt;I am developing an email marketing &lt;code&gt;WinForm&lt;/code&gt; application. And for the scheduling of campaigns, I decided to use &lt;code&gt;Quartz.NET&lt;/code&gt;. I need it to be running as a Windows Service. but I also want the user to be able to add a job (e.g. a campaign that needs to be run everyday at 8 AM which is basically running a .bat file) to the service through the program. &lt;/p&gt;
&lt;p&gt;I am also saving all the job schedules in the database so that when you stop/start the OS or Windows Service it can still read from all the jobs that need to be run.&lt;/p&gt;
&lt;p&gt;How can I add a job to the service while the service is running? The dynamic addition/removal of the job to the service is of course much preferred. Stopping the service and reading all the jobs again from the database is, to be frank, my last resort.&lt;/p&gt;</t>
  </si>
  <si>
    <t>2014-09-18 08:36:17.353000+00:00</t>
  </si>
  <si>
    <t>2014-09-19 11:20:13.360000+00:00</t>
  </si>
  <si>
    <t>c#|winforms|windows-services|quartz.net|job-scheduling</t>
  </si>
  <si>
    <t>CloudKit query indices validity</t>
  </si>
  <si>
    <t>&lt;p&gt;Doc says:&lt;/p&gt;
&lt;blockquote&gt;
  &lt;p&gt;WARNING Query indexes are updated asynchronously so they are not
  guaranteed to be current. If you query for records that you recently
  changed and not allow enough time for those changes to be processed,
  the query results may be incorrect. The results may not contain the
  correct records and the records may be out of order.&lt;/p&gt;
&lt;/blockquote&gt;
&lt;p&gt;Valid query result is crucial for me. Looks like currently there is no other option than provide some time for changes to be processed. Is there amount of time considered safe? Is there any case where query is as reliable as fetch? I would like to avoid forward referencing (highly recommended by Apple).&lt;/p&gt;</t>
  </si>
  <si>
    <t>2016-07-07 15:51:02.677000+00:00</t>
  </si>
  <si>
    <t>2016-07-12 11:04:26.847000+00:00</t>
  </si>
  <si>
    <t>ios|cloudkit</t>
  </si>
  <si>
    <t>KendoUI Template with Observable with NumericTextbox</t>
  </si>
  <si>
    <t>&lt;p&gt;I have the following KendoUI template bound to an observable.  When I push a new item to the observable array, how do I apply the kendoNumericTextBox to only the new item in the template?  &lt;/p&gt;
&lt;p&gt;If I apply by class, it has a strange effect of doubling the spinners on the existing numeric textboxes.  &lt;/p&gt;
&lt;pre&gt;&lt;code&gt;&amp;lt;div id="slots"&amp;gt;
        &amp;lt;table class="table table-striped table-condensed" style="width:auto;"&amp;gt;
            &amp;lt;thead&amp;gt;
                &amp;lt;tr&amp;gt;
                    &amp;lt;th&amp;gt;Date&amp;lt;/th&amp;gt;
                    &amp;lt;th&amp;gt;Time&amp;lt;/th&amp;gt;
                    &amp;lt;th&amp;gt;Volunteers Needed&amp;lt;/th&amp;gt;
                    &amp;lt;th&amp;gt;
                        Reservation Passcode &amp;lt;i class="icon-question-sign" title ="Only people with the reservation passcode can signup."&amp;gt;&amp;lt;/i&amp;gt;
                    &amp;lt;/th&amp;gt;
                &amp;lt;/tr&amp;gt;
            &amp;lt;/thead&amp;gt;
            &amp;lt;tbody data-template="row-template" data-bind="source: slots"&amp;gt;
            &amp;lt;/tbody&amp;gt;
        &amp;lt;/table&amp;gt;
    &amp;lt;/div&amp;gt;
 $(document).ready(function () {
          var viewModel = kendo.observable({
                slots: [{DateText:'1/8/1969', ShiftLabel: "3:00 to 5:00",Slots:2,ReservationCode:"ABC" }]
              });
          kendo.bind($("#slots"), viewModel);
          $(".numeric").kendoNumericTextBox({
              format: "n0"
          });
          viewModel.slots.push({DateText:'1/8/1969', ShiftLabel: "3:00 to 5:00",Slots:2,ReservationCode:"ABC" });
          $(".numeric").kendoNumericTextBox({
              format: "n0"
          });  
 });
&lt;/code&gt;&lt;/pre&gt;
&lt;p&gt;Thanks for any help!&lt;/p&gt;</t>
  </si>
  <si>
    <t>2013-03-05 22:13:51.017000+00:00</t>
  </si>
  <si>
    <t>2014-05-28 09:47:31.253000+00:00</t>
  </si>
  <si>
    <t>kendo-ui|kendo-template|kendonumerictextbox|kendo-observable</t>
  </si>
  <si>
    <t>kwicks slider loading but mouse hover not working</t>
  </si>
  <si>
    <t>&lt;p&gt;I have added kwicks javascript , css , jquery but the slider is not working&lt;/p&gt;
&lt;p&gt;I tested the website in firebug and it's not showing any error or undefined variable &lt;/p&gt;
&lt;p&gt;&lt;a href="http://demo2.inheritedarts.com/george/" rel="nofollow"&gt;http://demo2.inheritedarts.com/george/&lt;/a&gt;&lt;/p&gt;
&lt;p&gt;can some one help me finding a bug ? is it in my code or something i am doing wrong&lt;/p&gt;</t>
  </si>
  <si>
    <t>2013-11-26 06:54:49.567000+00:00</t>
  </si>
  <si>
    <t>2013-11-26 07:13:15.467000+00:00</t>
  </si>
  <si>
    <t>How to Increase the quality of the image after conversion from bytes?</t>
  </si>
  <si>
    <t>&lt;p&gt;I have tiff image in wpf application.First i converted the image into bytes using memorystream and then i converted the bytes to bitmapimage. I give bitmapimage to the image.I also take another image and give its source directly image path without conversions.what I observed is The quality of the image after conversions became low. Why it happens? &lt;/p&gt;
&lt;p&gt;My Code as follows.
I used 
         File.ReadAllBytes("filepath") to convert the image to bytes.&lt;/p&gt;
&lt;p&gt;I used below method to get BitmapSource from the byte[].Then I assign the bitmapsource to the image &lt;/p&gt;
&lt;pre&gt;&lt;code&gt;    public static System.Windows.Media.Imaging.BitmapSource ConvertBytesToBitmapSource(byte[] imageBytes)
{
            System.Drawing.Bitmap source = new System.Drawing.Bitmap(ConvertBytesToImage(imageBytes));
            IntPtr imagePtr = source.GetHbitmap();
            System.Windows.Media.Imaging.BitmapSource bitmapSour = null;
            try
            {
                bitmapSour = System.Windows.Interop.Imaging.CreateBitmapSourceFromHBitmap(imagePtr,
                  IntPtr.Zero, System.Windows.Int32Rect.Empty,
                  System.Windows.Media.Imaging.BitmapSizeOptions.FromEmptyOptions());
            }
            catch (Exception ex)
            {
                logger.Error("Error in converting bytes to BitmapSource", ex);
                throw ex;
            }
            finally
            {
                DeleteObject(imagePtr);
            }
            return bitmapSour;
        }
&lt;/code&gt;&lt;/pre&gt;</t>
  </si>
  <si>
    <t>2011-01-21 07:41:06.083000+00:00</t>
  </si>
  <si>
    <t>2013-05-16 16:02:12.693000+00:00</t>
  </si>
  <si>
    <t>2011-02-01 15:21:17.963000+00:00</t>
  </si>
  <si>
    <t>wpf|image</t>
  </si>
  <si>
    <t>Why does http request failed to load resource when using Angular in localhost?</t>
  </si>
  <si>
    <t>&lt;p&gt;I have an ASP.NET MVC project which uses ASP.NET WebAPI along with Angular for UI components.  I'm fairly new to Angular so please bear with me.  Below are the config files inside my project.&lt;/p&gt;
&lt;p&gt;&lt;code&gt;package.json&lt;/code&gt; file&lt;/p&gt;
&lt;pre&gt;&lt;code&gt;    {
  "name": "angular-quickstart",
  "version": "1.0.0",
  "description": "QuickStart package.json from the documentation, supplemented with testing support",
  "scripts": {
    "build": "tsc -p src/",
    "build:watch": "tsc -p src/ -w",
    "build:e2e": "tsc -p e2e/",
    "serve": "lite-server -c=bs-config.json",
    "serve:e2e": "lite-server -c=bs-config.e2e.json",
    "prestart": "npm run build",
    "start": "concurrently \"npm run build:watch\" \"npm run serve\"",
    "pree2e": "npm run build:e2e",
    "e2e": "concurrently \"npm run serve:e2e\" \"npm run protractor\" --kill-others --success first",
    "preprotractor": "webdriver-manager update",
    "protractor": "protractor protractor.config.js",
    "pretest": "npm run build",
    "test": "concurrently \"npm run build:watch\" \"karma start karma.conf.js\"",
    "pretest:once": "npm run build",
    "test:once": "karma start karma.conf.js --single-run",
    "lint": "tslint ./src/**/*.ts -t verbose"
  },
  "keywords": [],
  "author": "",
  "license": "MIT",
  "dependencies": {
    "@angular/common": "~4.3.4",
    "@angular/compiler": "~4.3.4",
    "@angular/core": "~4.3.4",
    "@angular/forms": "~4.3.4",
    "@angular/http": "~4.3.4",
    "@angular/platform-browser": "~4.3.4",
    "@angular/platform-browser-dynamic": "~4.3.4",
    "@angular/router": "~4.3.4",
    "angular-in-memory-web-api": "~0.3.0",
    "systemjs": "0.19.40",
    "core-js": "^2.4.1",
    "rxjs": "5.0.1",
    "zone.js": "^0.8.4"
  },
  "devDependencies": {
    "concurrently": "^3.2.0",
    "lite-server": "^2.2.2",
    "typescript": "~2.1.0",
    "canonical-path": "0.0.2",
    "tslint": "^3.15.1",
    "lodash": "^4.16.4",
    "jasmine-core": "~2.4.1",
    "karma": "^1.3.0",
    "karma-chrome-launcher": "^2.0.0",
    "karma-cli": "^1.0.1",
    "karma-jasmine": "^1.0.2",
    "karma-jasmine-html-reporter": "^0.2.2",
    "protractor": "~4.0.14",
    "rimraf": "^2.5.4",
    "@types/node": "^6.0.46",
    "@types/jasmine": "2.5.36"
  },
  "repository": {}
}
&lt;/code&gt;&lt;/pre&gt;
&lt;p&gt;&lt;code&gt;systemjs.config.js&lt;/code&gt; file&lt;/p&gt;
&lt;pre&gt;&lt;code&gt;    /**
 * System configuration for Angular samples
 * Adjust as necessary for your application needs.
 */
(function (global) {
    System.config({
        //baseURL: '/',
        paths: {
            // paths serve as alias
            'npm:': 'node_modules/'
        },
        // map tells the System loader where to look for things
        map: {
            // our app is within the app folder
            'app': 'app',
            // angular bundles
            '@angular/core': 'npm:@angular/core/bundles/core.umd.js',
            '@angular/common': 'npm:@angular/common/bundles/common.umd.js',
            '@angular/compiler': 'npm:@angular/compiler/bundles/compiler.umd.js',
            '@angular/platform-browser': 'npm:@angular/platform-browser/bundles/platform-browser.umd.js',
            '@angular/platform-browser-dynamic': 'npm:@angular/platform-browser-dynamic/bundles/platform-browser-dynamic.umd.js',
            '@angular/http': 'npm:@angular/http/bundles/http.umd.js',
            '@angular/router': 'npm:@angular/router/bundles/router.umd.js',
            '@angular/forms': 'npm:@angular/forms/bundles/forms.umd.js',
            // other libraries
            'rxjs': 'npm:rxjs',
            'angular-in-memory-web-api': 'npm:angular-in-memory-web-api/bundles/in-memory-web-api.umd.js'
        },
        // packages tells the System loader how to load when no filename and/or no extension
        packages: {
            app: {
                main: './main.js',
                defaultExtension: 'js'
                //meta: {
                //    './*.js': {
                //        loader: 'systemjs-angular-loader.js'
                //    }
                //},
            },
            rxjs: {
                defaultExtension: 'js'
            }
        }
    });
})(this);
&lt;/code&gt;&lt;/pre&gt;
&lt;p&gt;&lt;code&gt;main.ts&lt;/code&gt; file&lt;/p&gt;
&lt;pre&gt;&lt;code&gt;    import { platformBrowserDynamic } from '@angular/platform-browser-dynamic';
import { enableProdMode } from '@angular/core';
import { AppModule } from './app.module';
// Enable production mode unless running locally
//if (!/localhost/.test(document.location.host)) {
//    enableProdMode();
//}
platformBrowserDynamic().bootstrapModule(AppModule);
&lt;/code&gt;&lt;/pre&gt;
&lt;p&gt;&lt;code&gt;app.routing.ts&lt;/code&gt; file&lt;/p&gt;
&lt;pre&gt;&lt;code&gt;    import { ModuleWithProviders } from '@angular/core';
import { Routes, RouterModule } from '@angular/router';
import { HomeComponent } from './Components/home.component';
const appRoutes: Routes = [
    { path: '', redirectTo: 'home', pathMatch: 'full' },
    { path: 'home', component: HomeComponent }
];
export const routing: ModuleWithProviders = RouterModule.forRoot(appRoutes);
&lt;/code&gt;&lt;/pre&gt;
&lt;p&gt;&lt;code&gt;app.module.ts&lt;/code&gt; file&lt;/p&gt;
&lt;pre&gt;&lt;code&gt;    import { NgModule } from '@angular/core';
import { APP_BASE_HREF } from '@angular/common';
import { BrowserModule } from '@angular/platform-browser';
import { FormsModule, ReactiveFormsModule } from '@angular/forms';
import { HttpModule } from '@angular/http';
import { AppComponent } from './app.component';
import { routing } from './app.routing';
import { HomeComponent } from './Components/home.component';
import { ChangeService } from './Services/changes.service';
@NgModule({
    imports: [BrowserModule, FormsModule, ReactiveFormsModule, HttpModule, routing],
    declarations: [AppComponent, HomeComponent],
    providers: [{ provide: APP_BASE_HREF, useValue: '/' }, ChangeService],
    bootstrap: [AppComponent]
})
export class AppModule {}
&lt;/code&gt;&lt;/pre&gt;
&lt;p&gt;&lt;code&gt;changes.service.ts&lt;/code&gt; file&lt;/p&gt;
&lt;pre&gt;&lt;code&gt;    import { Injectable } from '@angular/core';
import { Http, Response, Headers, RequestOptions } from '@angular/http';
@Injectable()
export class ChangeService {
    constructor(private _http: Http) { }
    get(url: string) {
       return this._http.get(url);
    }
}
&lt;/code&gt;&lt;/pre&gt;
&lt;p&gt;&lt;code&gt;app.component.ts&lt;/code&gt; file&lt;/p&gt;
&lt;pre&gt;&lt;code&gt;        import { Component, ElementRef, OnInit } from '@angular/core';
    import { ChangeService } from './Services/changes.service';
    @Component({
        selector: 'moc-landing',
        templateUrl: './app/Components/home.component.html',
        styleUrls: ['./app/Components/home.component.css']
    })
    export class AppComponent implements OnInit {
        maintitle: string;
        statusList: IStatus[];
        showByList: IShowBy[];
        msg: string;
        constructor(private elementRef: ElementRef, private _changeService: ChangeService) {
            this.maintitle = this.elementRef.nativeElement.getAttribute('maintitle');
        }
        ngOnInit() {
            this.LoadStatus();
            this.LoadShowBy();
        }
        LoadStatus(): void {
this._changeService.get('http://localhost:56534/api/MoC/GetStatuses').subscribe(response =&amp;gt; { this.statusList = response.json(); });
        }
        LoadShowBy(): void {
 this._changeService.get('http://localhost:56534/api/MoC/GetShows').subscribe(response =&amp;gt; { this.showByList = response.json(); });            
        }        
    }
&lt;/code&gt;&lt;/pre&gt;
&lt;p&gt;Also in my &lt;code&gt;WebApiConfig.cs&lt;/code&gt;, inside static &lt;code&gt;Register&lt;/code&gt; method, I also update &lt;code&gt;routeTemplate&lt;/code&gt; as below.&lt;/p&gt;
&lt;pre&gt;&lt;code&gt;// Web API routes
        config.MapHttpAttributeRoutes();
        config.Routes.MapHttpRoute(
            name: "DefaultApi",
            routeTemplate: "api/{controller}/{action}/{id}",
            defaults: new { id = RouteParameter.Optional }
        );
&lt;/code&gt;&lt;/pre&gt;
&lt;p&gt;My issue is that, when I run the application from Visual Studio 2017 on &lt;a href="http://localhost:5653" rel="nofollow noreferrer"&gt;http://localhost:5653&lt;/a&gt;; I get &lt;code&gt;Failed to load resource: the server responded with a status of 400 (Bad Request)&lt;/code&gt; &lt;/p&gt;
&lt;p&gt;When I looked at the browser's console, this is what I got,
&lt;a href="https://i.stack.imgur.com/SIv2u.png" rel="nofollow noreferrer"&gt;&lt;img src="https://i.stack.imgur.com/SIv2u.png" alt="enter image description here"&gt;&lt;/a&gt;&lt;/p&gt;
&lt;p&gt;I test the &lt;code&gt;http&lt;/code&gt; request directly in my browser's address bar &lt;code&gt;http://localhost:56534/api/MoC/GetStatuses&lt;/code&gt;, and it gives me the &lt;code&gt;json&lt;/code&gt; data that I need.  So, there's no problem in WebAPI side.&lt;/p&gt;
&lt;p&gt;I found this &lt;a href="https://stackoverflow.com/questions/44595500/why-is-this-http-request-failing-in-angular-4-but-goes-through-with-fiddler/44596467?noredirect=1#comment80935141_44596467"&gt;SO post&lt;/a&gt; and, tried to follow Praveen M answer but it didn't worked for me.&lt;/p&gt;
&lt;p&gt;Why did I get (400) bad request?, Did I miss an important configuration in my &lt;code&gt;app.routing.ts&lt;/code&gt;? &lt;/p&gt;
&lt;p&gt;Please, anyone here with a kind heart can spare me a coin?&lt;/p&gt;</t>
  </si>
  <si>
    <t>2017-10-29 02:08:25.540000+00:00</t>
  </si>
  <si>
    <t>2017-10-30 03:48:45.517000+00:00</t>
  </si>
  <si>
    <t>2017-10-29 23:04:48.613000+00:00</t>
  </si>
  <si>
    <t>asp.net-mvc|angular|typescript|asp.net-web-api</t>
  </si>
  <si>
    <t>Best practice to modify NPM package in Angular 2</t>
  </si>
  <si>
    <t>&lt;p&gt;I installed a 3rd party NPM package in my Angular 2 application. For the requirement in my application, I had to modify the NPM package within node_modules. I know once this is deployed in another environment, the changes I have made within node_modules is going to vanish. What is the way forward in this kind of scenario where I have made changes to the NPM package.&lt;/p&gt;
&lt;p&gt;Thanks.&lt;/p&gt;</t>
  </si>
  <si>
    <t>2018-10-17 10:59:36.667000+00:00</t>
  </si>
  <si>
    <t>2018-10-17 13:23:14.333000+00:00</t>
  </si>
  <si>
    <t>angular|npm</t>
  </si>
  <si>
    <t>Print array values above a certain value</t>
  </si>
  <si>
    <t>&lt;p&gt;The method I'm building should print all values above the average values in the method.
I have built the method to calculate the average and then print only the values above that amount.&lt;/p&gt;
&lt;p&gt;However it prints the values that are positive.&lt;/p&gt;
&lt;pre&gt;&lt;code&gt;int total = 0;
    for (int i = 0; i &amp;lt; intList.length; i++)
    {
        total += intList[i]; 
        {
            if (intList[i] &amp;gt; intList[total]) 
            {
                System.out.println(intList[i] + "\t");
            }
        }
    }
    return total;
&lt;/code&gt;&lt;/pre&gt;
&lt;p&gt;How do I make it so instead of printing all positives it prints only the values in the array above the average value in the array?&lt;/p&gt;</t>
  </si>
  <si>
    <t>2013-12-14 01:23:23.907000+00:00</t>
  </si>
  <si>
    <t>2013-12-15 22:05:02.230000+00:00</t>
  </si>
  <si>
    <t>2013-12-14 01:39:13.190000+00:00</t>
  </si>
  <si>
    <t>Accept-modal before registration</t>
  </si>
  <si>
    <t>&lt;p&gt;As a user tries to register, I want a modal to pop up with some terms before the registration is accepted. Everything seems to work until the user accepts the terms shown on the modal. When the user presses the button (submitBtn2) it doesn't react. I have tried testing with an alarm to see if my submition was the issue, but not even the alarm isn't shown - what am i doing wrong?&lt;/p&gt;
&lt;p&gt;&lt;strong&gt;Registration form&lt;/strong&gt;&lt;/p&gt;
&lt;pre&gt;&lt;code&gt;@using (Html.BeginForm("Register", "Account", FormMethod.Post, new { @class = "form-horizontal", role = "form" }))
{
    &amp;lt;div align="center" class="w3-black w3-opacity" id="register"&amp;gt;
        &amp;lt;br /&amp;gt;
        @Html.AntiForgeryToken()
        &amp;lt;h4&amp;gt;Register&amp;lt;/h4&amp;gt;
        &amp;lt;hr /&amp;gt;
        @Html.ValidationSummary("", new { @class = "text-danger" })
        &amp;lt;div class="form-group" id="lastname"&amp;gt;
            @Html.LabelFor(m =&amp;gt; m.Email, new { @class = "control-label" })
            &amp;lt;div&amp;gt;
                @Html.TextBoxFor(m =&amp;gt; m.Email, new { @class = "form-control" })
            &amp;lt;/div&amp;gt;
        &amp;lt;/div&amp;gt;
        &amp;lt;div class="form-group"&amp;gt;
            @Html.LabelFor(m =&amp;gt; m.Password, new { @class = "control-label" })
            &amp;lt;div&amp;gt;
                @Html.PasswordFor(m =&amp;gt; m.Password, new { @class = "form-control" })
            &amp;lt;/div&amp;gt;
        &amp;lt;/div&amp;gt;
        &amp;lt;div class="form-group"&amp;gt;
            @Html.LabelFor(m =&amp;gt; m.ConfirmPassword, new { @class = "control-label" })
            &amp;lt;div&amp;gt;
                @Html.PasswordFor(m =&amp;gt; m.ConfirmPassword, new { @class = "form-control" })
            &amp;lt;/div&amp;gt;
        &amp;lt;/div&amp;gt;
        &amp;lt;div class="form-group"&amp;gt;
            &amp;lt;button class="w3-button w3-light-grey w3-section" type="submit" value="Register"&amp;gt;
                &amp;lt;i class="fa fa-user"&amp;gt;&amp;lt;/i&amp;gt;Create user
            &amp;lt;/button&amp;gt;
            &amp;lt;input type="button" name="ConfirmRegBtn" value="Submit" id="submitBtn" data-toggle="modal" data-target="#confirm-submit" class="w3-button w3-light-grey w3-section" /&amp;gt;
        &amp;lt;/div&amp;gt;
    &amp;lt;/div&amp;gt;
}
&lt;/code&gt;&lt;/pre&gt;
&lt;p&gt;&lt;strong&gt;JQuery&lt;/strong&gt;&lt;/p&gt;
&lt;pre&gt;&lt;code&gt;$('#submitBtn2').click(function () {
    /* when the submit button in the modal is clicked, submit the form */
    window.alert("sometext");
    //$('#Register').submit();
});
&lt;/code&gt;&lt;/pre&gt;
&lt;p&gt;&lt;strong&gt;Modal&lt;/strong&gt;&lt;/p&gt;
&lt;pre&gt;&lt;code&gt;    &amp;lt;!--legal data-stuff--&amp;gt;
&amp;lt;div class="modal fade" id="confirm-submit" tabindex="-1" role="dialog" aria-labelledby="myModalLabel" aria-hidden="true"&amp;gt;
    &amp;lt;div class="modal-dialog"&amp;gt;
        &amp;lt;div class="modal-content"&amp;gt;
            &amp;lt;div class="modal-header w3-center"&amp;gt;
                &amp;lt;h1&amp;gt;Before you create your user&amp;lt;/h1&amp;gt;
            &amp;lt;/div&amp;gt;
            &amp;lt;div class="modal-body scroll"&amp;gt;
                Some stuff from database
                Lorem ipsum...
            &amp;lt;/div&amp;gt;
            &amp;lt;div class="modal-footer"&amp;gt;
                &amp;lt;button type="button" class="btn btn-default" data-dismiss="modal"&amp;gt;Cancel&amp;lt;/button&amp;gt;
                &amp;lt;a href="#" id="submitBtn2" class="btn btn-success success"&amp;gt;Submit&amp;lt;/a&amp;gt;
            &amp;lt;/div&amp;gt;
        &amp;lt;/div&amp;gt;
    &amp;lt;/div&amp;gt;
&amp;lt;/div&amp;gt;
&lt;/code&gt;&lt;/pre&gt;</t>
  </si>
  <si>
    <t>2018-05-06 21:11:31.903000+00:00</t>
  </si>
  <si>
    <t>2018-05-06 21:27:23.600000+00:00</t>
  </si>
  <si>
    <t>javascript|jquery|asp.net-mvc|bootstrap-modal</t>
  </si>
  <si>
    <t>MFMessageComposeViewController doesn't send out the message</t>
  </si>
  <si>
    <t>&lt;p&gt;I'm trying to send out the message by MFMessageComposeViewController.
Delegate get the result MessageComposeResultSent. But I didn't receive the SMS in fact. And I can't find the history in Message.&lt;/p&gt;
&lt;p&gt;This problem also occurs in Sample code provided by developer.apple.com
&lt;a href="https://developer.apple.com/library/ios/documentation/MessageUI/Reference/MFMessageComposeViewController_class/Reference/Reference.html" rel="nofollow"&gt;https://developer.apple.com/library/ios/documentation/MessageUI/Reference/MFMessageComposeViewController_class/Reference/Reference.html&lt;/a&gt;&lt;/p&gt;
&lt;p&gt;Device: iPhone5S
OS: iOS 7.1.2&lt;/p&gt;</t>
  </si>
  <si>
    <t>2014-07-18 06:06:02.543000+00:00</t>
  </si>
  <si>
    <t>2014-07-20 20:55:12.200000+00:00</t>
  </si>
  <si>
    <t>2014-07-18 06:09:32.863000+00:00</t>
  </si>
  <si>
    <t>ios|iphone|objective-c|ios7</t>
  </si>
  <si>
    <t>rails-i18n not working for header error</t>
  </si>
  <si>
    <t>&lt;p&gt;I'm using the &lt;a href="https://github.com/svenfuchs/rails-i18n" rel="nofollow"&gt;rails-i18n gem&lt;/a&gt; to use &lt;code&gt;:hr&lt;/code&gt; for my main language.&lt;/p&gt;
&lt;p&gt;The gem works but for &lt;code&gt;header message&lt;/code&gt; it doesn't.&lt;/p&gt;
&lt;p&gt;(The &lt;code&gt;4 errors prohibited this list from being saved:&lt;/code&gt; part)&lt;/p&gt;
&lt;p&gt;This is what I get when I submit the form with invalid atributes:&lt;/p&gt;
&lt;pre&gt;&lt;code&gt;4 errors prohibited this list from being saved:             #doesn't translate
    Field1 ne smije biti prazan                              #translates/presence
    Field2 ne smije biti prazan                              #translates/presence
    Field3 ne smije biti prazan                              #translates/presence
    Filed4 nije odgovaraju��e duljine (treba biti 11 znakova) #translates/length
&lt;/code&gt;&lt;/pre&gt;
&lt;p&gt;As for the code, I only added &lt;code&gt;config.i18n.default_locale = :hr&lt;/code&gt; to &lt;code&gt;config/application.rb&lt;/code&gt;.&lt;/p&gt;
&lt;p&gt;In the documentation in says:&lt;/p&gt;
&lt;blockquote&gt;
  &lt;p&gt;Following locales are complete:&lt;/p&gt;
  &lt;p&gt;bs, da, en, en-US, es-PA, &lt;strong&gt;hr&lt;/strong&gt;, is, ja, nl, sr, ur, zh-HK&lt;/p&gt;
&lt;/blockquote&gt;
&lt;p&gt;Tested with other locales but is still doesn't translate the &lt;code&gt;4 errors prohibited this list from being saved:&lt;/code&gt; part.&lt;/p&gt;
&lt;p&gt;Am I doing something wrong or there are translations missing in the &lt;code&gt;.yml&lt;/code&gt; files ?&lt;/p&gt;
&lt;p&gt;Note: I use rails 4.0.0&lt;/p&gt;
&lt;p&gt;&lt;strong&gt;Update:&lt;/strong&gt;&lt;/p&gt;
&lt;pre&gt;&lt;code&gt;&amp;lt;%= form_for(@report) do |f| %&amp;gt;
  &amp;lt;% if @report.errors.any? %&amp;gt;
    &amp;lt;div id="error_explanation"&amp;gt;
      &amp;lt;h2&amp;gt;&amp;lt;%= pluralize(@report.errors.count, "error") %&amp;gt; prohibited this list from being saved:&amp;lt;/h2&amp;gt;
      &amp;lt;ul&amp;gt;
      &amp;lt;% @report.errors.full_messages.each do |msg| %&amp;gt;
        &amp;lt;li&amp;gt;&amp;lt;%= msg %&amp;gt;&amp;lt;/li&amp;gt;
      &amp;lt;% end %&amp;gt;
      &amp;lt;/ul&amp;gt;
    &amp;lt;/div&amp;gt;
  &amp;lt;% end %&amp;gt;
  &amp;lt;div class="form-container"&amp;gt;
    &amp;lt;div class="inline half"&amp;gt;
      &amp;lt;div class="field"&amp;gt;
        &amp;lt;%= f.label :field1 %&amp;gt;&amp;lt;br&amp;gt;
        &amp;lt;%= f.text_field :field1 %&amp;gt;
      &amp;lt;/div&amp;gt;
      &amp;lt;div class="field"&amp;gt;
        &amp;lt;%= f.label :field2 %&amp;gt;&amp;lt;br&amp;gt;
        &amp;lt;%= f.text_field :field2 %&amp;gt;
      &amp;lt;/div&amp;gt;
      &amp;lt;div class="field"&amp;gt;
        &amp;lt;%= f.label :field3 %&amp;gt;&amp;lt;br&amp;gt;
        &amp;lt;%= f.text_field :field3 %&amp;gt;
      &amp;lt;/div&amp;gt;
      &amp;lt;div class="field"&amp;gt;
        &amp;lt;%= f.label :field4 %&amp;gt;&amp;lt;br&amp;gt;
        &amp;lt;%= f.text_field :field4 %&amp;gt;
      &amp;lt;/div&amp;gt;
    &amp;lt;/div&amp;gt;
    &amp;lt;div class="inline half"&amp;gt;
      &amp;lt;div class="actions"&amp;gt;
        &amp;lt;%= f.submit "Create", class: "continue-button" %&amp;gt;
      &amp;lt;/div&amp;gt;
    &amp;lt;/div&amp;gt;
  &amp;lt;/div&amp;gt;
&amp;lt;% end %&amp;gt;
&lt;/code&gt;&lt;/pre&gt;</t>
  </si>
  <si>
    <t>2013-12-19 07:49:45.350000+00:00</t>
  </si>
  <si>
    <t>2013-12-23 21:27:25.100000+00:00</t>
  </si>
  <si>
    <t>2013-12-23 08:45:08.390000+00:00</t>
  </si>
  <si>
    <t>ruby-on-rails|ruby-on-rails-4|rails-i18n</t>
  </si>
  <si>
    <t>Wordpress echoing a certain custom field</t>
  </si>
  <si>
    <t>&lt;p&gt;I am trying to echo a specific custom field named 'Price'.&lt;/p&gt;
&lt;p&gt;I have tried &lt;/p&gt;
&lt;pre&gt;&lt;code&gt; &amp;lt;?php echo get_post_meta($post-&amp;gt;ID, 'Price', true); ?&amp;gt;
&lt;/code&gt;&lt;/pre&gt;
&lt;p&gt;How can i echo the Price field?&lt;/p&gt;</t>
  </si>
  <si>
    <t>2014-04-28 17:16:40.040000+00:00</t>
  </si>
  <si>
    <t>2014-04-28 17:30:33.987000+00:00</t>
  </si>
  <si>
    <t>php|wordpress|custom-fields</t>
  </si>
  <si>
    <t>CasperJS isn't doing the same request as normal browser</t>
  </si>
  <si>
    <t>&lt;p&gt;I have made some script in CasperJs to login to page, open specific page and get content of it.
I'm opening desired page with content to scrap with &lt;code&gt;casper.thenOpen&lt;/code&gt; and it shows different content on casperjs and different on my browser. I have setted up useragent from my browser and still no effects. Here are request and response headers from casperjs:
&lt;a href="http://screenshot.sh/m7QeJGUbqK5Kg" rel="nofollow"&gt;http://screenshot.sh/m7QeJGUbqK5Kg&lt;/a&gt;
And here from my browser:
&lt;a href="http://screenshot.sh/n8j3Gf9QkuXxm" rel="nofollow"&gt;http://screenshot.sh/n8j3Gf9QkuXxm&lt;/a&gt;
I don't know why the results are different on browser and casperjs. I don't know why there is no cookie in request header in casperjs but i'm sure that it's logged in because previusly in code i can see code allowed only for logged users.&lt;/p&gt;
&lt;p&gt;Thanks in advance for any help&lt;/p&gt;
&lt;p&gt;Code:&lt;/p&gt;
&lt;pre&gt;&lt;code&gt;casper.thenOpen('website.com', function() { 
                    this.echo("start");
                    this.echo(this.fetchText('html'), "INFO");
                    casper.then(function () {
                        var json;
                        var start;
                        var end;
                        function checkReload()
                        {
                            json = JSON.parse(this.fetchText('html'));
                            if(json.msg.indexOf('desiredtext') === 0) { 
                                this.echo("good", 'PARAMETER');
                                return; 
                            }
                            else
                            {
                                this.echo('bad news: ' + json.msg, 'COMMENT');
                            }
                            casper.thenOpen('website.com');
                            this.echo(this.fetchText('html'));
                            this.wait(1, checkReload); 
                        }
                        this.then(checkReload);
                    });
                });
&lt;/code&gt;&lt;/pre&gt;
&lt;p&gt;But problem isn't in code(I also tried to put request headers from browser to casper but this didn't work)&lt;/p&gt;</t>
  </si>
  <si>
    <t>2016-08-28 19:41:10.710000+00:00</t>
  </si>
  <si>
    <t>2016-08-28 23:06:50.707000+00:00</t>
  </si>
  <si>
    <t>javascript|phantomjs|casperjs</t>
  </si>
  <si>
    <t>using unix time utility to find thetha equivalence class for quicksort</t>
  </si>
  <si>
    <t>&lt;p&gt;I used the time utility to calculate the user time for a quicksort algorithm with inputs of 10000,20000, ...,60000 words and here are the results I have&lt;/p&gt;
&lt;pre&gt;&lt;code&gt;n( in thousands)   T(n)
1                  1.740
2                  3.7 
3                  5.83  
4                  7.93
5                  10.18  
6                  12.41
&lt;/code&gt;&lt;/pre&gt;
&lt;p&gt;What I want to find out is f(n) such that T(n)= theta(f(n)) i.e., I need to guess f(n) such that T(n)/f(n) approaches a non-zero constant.
I tried the following f(n) functions but nothing seems to generate the constant&lt;/p&gt;
&lt;pre&gt;&lt;code&gt;f(n) =n
f(n) = nlogn
f(n) = n+sqrt(n)
f(n) = n^2
f(n)=n + logn
f(n)=1/n
&lt;/code&gt;&lt;/pre&gt;
&lt;p&gt;From what I inferred, T(n) has n as lower bound and n log n as upper bound. So I need a function between these two values. Please help. &lt;/p&gt;</t>
  </si>
  <si>
    <t>2011-09-19 03:40:34.813000+00:00</t>
  </si>
  <si>
    <t>2012-04-05 02:07:04.943000+00:00</t>
  </si>
  <si>
    <t>2011-09-19 04:01:32.417000+00:00</t>
  </si>
  <si>
    <t>unix|time|command</t>
  </si>
  <si>
    <t>Javascript basic text only loading indicator</t>
  </si>
  <si>
    <t>&lt;p&gt;I would like to use a basic, text only, loading indicator. So instead of using an image, I'd like to just show a text:&lt;/p&gt;
&lt;pre&gt;&lt;code&gt;Loading ...
&lt;/code&gt;&lt;/pre&gt;
&lt;p&gt;While some AJAX request is taking place. I would like this text to be changing like this:&lt;/p&gt;
&lt;pre&gt;&lt;code&gt;Loading ...
&lt;/code&gt;&lt;/pre&gt;
&lt;p&gt;Then:&lt;/p&gt;
&lt;pre&gt;&lt;code&gt;Loading ..
&lt;/code&gt;&lt;/pre&gt;
&lt;p&gt;Then:&lt;/p&gt;
&lt;pre&gt;&lt;code&gt;Loading .
&lt;/code&gt;&lt;/pre&gt;
&lt;p&gt;Then:&lt;/p&gt;
&lt;pre&gt;&lt;code&gt;Loading ..
&lt;/code&gt;&lt;/pre&gt;
&lt;p&gt;Then:&lt;/p&gt;
&lt;pre&gt;&lt;code&gt;Loading ...
&lt;/code&gt;&lt;/pre&gt;
&lt;p&gt;And so on. Any ideas? I can use jquery for this.&lt;/p&gt;</t>
  </si>
  <si>
    <t>2011-12-16 15:43:59.093000+00:00</t>
  </si>
  <si>
    <t>2011-12-16 15:53:33.177000+00:00</t>
  </si>
  <si>
    <t>javascript|jquery|jquery-ui</t>
  </si>
  <si>
    <t>git: Can I stash an untracked file without adding it to the index?</t>
  </si>
  <si>
    <t>&lt;p&gt;A related question &lt;a href="https://stackoverflow.com/questions/835501/git-how-do-you-stash-an-untracked-file"&gt;How do you stash an untracked file?&lt;/a&gt; was answered with "track the file."  This doesn't work for my particular needs, however.&lt;/p&gt;
&lt;p&gt;I'm trying to stash everything that isn't in the index with &lt;code&gt;git stash save --keep-index&lt;/code&gt; so that I can validate the index in my pre-commit hook. The idea is from the "Testing partial commits" example of the git-stash man page. I want to make sure that what I'm actually committing passes the tests and not just whats in the working directory. Here's what I have so far:&lt;/p&gt;
&lt;pre&gt;&lt;code&gt;echo "Running tests on the staging area."
git stash save --keep-index
# configure, build, run tests, clean
git stash pop; true
&lt;/code&gt;&lt;/pre&gt;
&lt;p&gt;This seems to work until I have untracked files in my working directory which don't get stashed. Some searching resulted in a feature request from two years ago: &lt;a href="http://bugs.debian.org/cgi-bin/bugreport.cgi?bug=461485" rel="nofollow noreferrer"&gt;Option to save untracked and/or ignored files in stash&lt;/a&gt;, but nothing else.&lt;/p&gt;
&lt;p&gt;Should I be using stash at all? Perhaps theres a better way involving temporary branches or something.&lt;/p&gt;</t>
  </si>
  <si>
    <t>2010-07-16 21:46:14.317000+00:00</t>
  </si>
  <si>
    <t>2012-04-10 16:24:33.743000+00:00</t>
  </si>
  <si>
    <t>2017-05-23 11:45:39.863000+00:00</t>
  </si>
  <si>
    <t>git|pre-commit-hook|git-stash</t>
  </si>
  <si>
    <t>Scala 2.11: get Class (result of classOf) for type parameters in collections</t>
  </si>
  <si>
    <t>&lt;p&gt;Say I have an instance of a &lt;code&gt;Map[K, V]&lt;/code&gt;, &lt;code&gt;val m = Map[String, Int]("asdf" -&amp;gt; 1)&lt;/code&gt;&lt;/p&gt;
&lt;p&gt;and I have a function defined as &lt;code&gt;def getType[T : TypeTag](t: T) = typeOf[T]&lt;/code&gt;&lt;/p&gt;
&lt;p&gt;I can use &lt;code&gt;getType(m).typeArgs&lt;/code&gt; to get a &lt;code&gt;List[Type](String, Int)&lt;/code&gt;&lt;/p&gt;
&lt;p&gt;How do I get a &lt;code&gt;List[Class]&lt;/code&gt; for &lt;code&gt;String&lt;/code&gt; and &lt;code&gt;Int&lt;/code&gt;? In other words, I want &lt;code&gt;List(classOf[String], classOf[Int])&lt;/code&gt; as collected from a &lt;code&gt;Map[String, Int]&lt;/code&gt;, or from any other combination of Map.&lt;/p&gt;
&lt;p&gt;My ultimate goal is to write a &lt;code&gt;RichRow&lt;/code&gt; for a Cassandra &lt;code&gt;Row&lt;/code&gt;, wherein I can do &lt;code&gt;(r: Row).getAs[Map[String, Int]]("mymap")&lt;/code&gt;, and under the hood can call &lt;code&gt;r.getMap("mymap", classOf[String], classOf[Int])&lt;/code&gt;.&lt;/p&gt;
&lt;p&gt;Thanks, and good luck.&lt;/p&gt;</t>
  </si>
  <si>
    <t>2015-12-11 22:06:25.247000+00:00</t>
  </si>
  <si>
    <t>2015-12-12 08:00:47.683000+00:00</t>
  </si>
  <si>
    <t>scala|types</t>
  </si>
  <si>
    <t>Access Solution Configurations via Roslyn API?</t>
  </si>
  <si>
    <t>&lt;p&gt;Is there any way to access the &lt;a href="http://blogs.msdn.com/b/aaronhallberg/archive/2007/06/25/solution-configurations.aspx" rel="nofollow"&gt;Solution Configurations&lt;/a&gt; using the Roslyn API? I installed the &lt;a href="http://www.nuget.org/packages/Microsoft.CodeAnalysis.CSharp.Workspaces" rel="nofollow"&gt;Microsoft.CodeAnalysis.CSharp.Workspaces&lt;/a&gt; 0.7.4052301-beta, but couldn't find a way to get or manipulate Solution Configurations.&lt;/p&gt;
&lt;pre&gt;&lt;code&gt;let f = @"C:\dir\to\file.sln"
let sln = Microsoft.CodeAnalysis.MSBuild.MSBuildWorkspace.Create().OpenSolutionAsync f |&amp;gt; Async.AwaitTask |&amp;gt; Async.RunSynchronously
&lt;/code&gt;&lt;/pre&gt;
&lt;p&gt;Solutions Configurations may be more of a Visual Studio concept, so I took a look at &lt;a href="http://www.nuget.org/packages/Microsoft.VisualStudio.LanguageServices" rel="nofollow"&gt;Microsoft.VisualStudio.LanguageServices&lt;/a&gt;, but couldn't find anything either.&lt;/p&gt;</t>
  </si>
  <si>
    <t>2014-06-09 16:37:21.860000+00:00</t>
  </si>
  <si>
    <t>2014-10-29 16:40:03.537000+00:00</t>
  </si>
  <si>
    <t>2014-06-12 17:16:51.067000+00:00</t>
  </si>
  <si>
    <t>visual-studio-2013|roslyn</t>
  </si>
  <si>
    <t>How to load different content for the same language in sitecore</t>
  </si>
  <si>
    <t>&lt;p&gt;I have a requirement where user would like to display different content for different states within the same country.To be clear i have added (en-us) language version to an item which would display single content to "Florida" state, now they would like to display different content(Image,title,etc..) for "texas" state how we can achieve this? thanks in advance.&lt;/p&gt;</t>
  </si>
  <si>
    <t>2016-11-09 05:42:05.933000+00:00</t>
  </si>
  <si>
    <t>2016-11-20 17:43:58.957000+00:00</t>
  </si>
  <si>
    <t>sitecore|sitecore8|sitecore-mvc</t>
  </si>
  <si>
    <t>controlling maxOccurs for nested elements, without enforcing sequence</t>
  </si>
  <si>
    <t>&lt;p&gt;I wish to define an XSD (v1.0 based) that enforces the following rules...&lt;/p&gt;
&lt;p&gt;I have a &lt;strong&gt;parent1&lt;/strong&gt; element, which can have the following child elements &lt;strong&gt;child1&lt;/strong&gt;, &lt;strong&gt;child2&lt;/strong&gt;, and &lt;strong&gt;child3&lt;/strong&gt;.&lt;/p&gt;
&lt;ul&gt;
&lt;li&gt;&lt;strong&gt;parent1&lt;/strong&gt; can have 0-1 of &lt;strong&gt;child1&lt;/strong&gt;&lt;/li&gt;
&lt;li&gt;&lt;strong&gt;parent1&lt;/strong&gt; can have 0-1 of &lt;strong&gt;child2&lt;/strong&gt;&lt;/li&gt;
&lt;li&gt;&lt;strong&gt;parent1&lt;/strong&gt; can have 0 - unbounded of &lt;strong&gt;child3&lt;/strong&gt;&lt;/li&gt;
&lt;/ul&gt;
&lt;p&gt;The order of the items is not important. E.g.&lt;/p&gt;
&lt;pre&gt;&lt;code&gt;&amp;lt;parent1&amp;gt;
  &amp;lt;child3/&amp;gt;
  &amp;lt;child1/&amp;gt;
  &amp;lt;child2/&amp;gt;
  &amp;lt;child3/&amp;gt;
  &amp;lt;child3/&amp;gt;
&amp;lt;/parent1&amp;gt;
&lt;/code&gt;&lt;/pre&gt;
&lt;p&gt;I've gotten close, but no cigar. The closest I can get is the enforcing of the min and max occurs, but the order is enforced.&lt;/p&gt;
&lt;pre&gt;&lt;code&gt;&amp;lt;xsd:element name="parent1" minOccurs="0" maxOccurs="unbounded"&amp;gt;
  &amp;lt;xsd:complexType&amp;gt;
    &amp;lt;xsd:sequence&amp;gt;
      &amp;lt;xsd:element name="child1" minOccurs="0" maxOccurs="1"/&amp;gt;
      &amp;lt;xsd:element name="child2" minOccurs="0" maxOccurs="1" /&amp;gt;
      &amp;lt;xsd:element name="child3" minOccurs="0" maxOccurs="unbounded"/&amp;gt;
    &amp;lt;/xsd:sequence&amp;gt;
  &amp;lt;/xsd:complexType&amp;gt;
&amp;lt;/xsd:element&amp;gt;
&lt;/code&gt;&lt;/pre&gt;
&lt;p&gt;I've tried using &lt;code&gt;all&lt;/code&gt; instead of &lt;code&gt;sequence&lt;/code&gt;, but that limits &lt;code&gt;maxOccurs&lt;/code&gt; to 1 for the child elements. I've also tried using &lt;strong&gt;choice&lt;/strong&gt; with a &lt;code&gt;maxOccurs&lt;/code&gt; to replace sequence, but that doesn't limit how many &lt;code&gt;child1&lt;/code&gt; or &lt;code&gt;child2&lt;/code&gt; elements you can have beneath &lt;code&gt;parent1&lt;/code&gt;.&lt;/p&gt;
&lt;p&gt;&lt;strong&gt;Edit: this is for XSD v1.0&lt;/strong&gt;&lt;/p&gt;
&lt;p&gt;I've found a solution that works for XSD &lt;a href="https://stackoverflow.com/questions/839079/middle-way-between-xsd-all-and-xsd-sequence"&gt;1.1&lt;/a&gt;, but when you see how well supported it is in the likes of Eclipse, I'll try and stick with &lt;a href="https://bugs.eclipse.org/bugs/show_bug.cgi?id=288527" rel="nofollow noreferrer"&gt;1.0&lt;/a&gt;.&lt;/p&gt;</t>
  </si>
  <si>
    <t>2012-09-18 02:10:05.513000+00:00</t>
  </si>
  <si>
    <t>2015-07-07 00:30:33.137000+00:00</t>
  </si>
  <si>
    <t>2017-05-23 10:29:33.450000+00:00</t>
  </si>
  <si>
    <t>xml|xsd|xsd-1.0</t>
  </si>
  <si>
    <t>Adding a row to mySQL using a session and a form with PDO</t>
  </si>
  <si>
    <t>&lt;p&gt;I am trying to add a new row to a table in my database, there is only two columns in the table and i am using a form to get one of the fields. here is the form i am using&lt;/p&gt;
&lt;pre&gt;&lt;code&gt;&amp;lt;form action="add_list.php" method="post"&amp;gt;
Name: &amp;lt;input type="text" name="listname"&amp;gt;
&amp;lt;input type="submit" value="Add List"&amp;gt;
&amp;lt;/form&amp;gt;
&lt;/code&gt;&lt;/pre&gt;
&lt;p&gt;and here is add_list.php&lt;/p&gt;
&lt;pre&gt;&lt;code&gt;&amp;lt;?php
/* Execute a prepared statement by binding PHP variables */
$username = "mydb";
$password = "mydb"; 
$member = $_SESSION['SESS_MEMBER_ID'];
$listname = $_POST["listname"];
try {
    $dbh = new PDO('mysql:;dbname=mydb', $username, $password);
    $sth = $dbh-&amp;gt;prepare('INSERT INTO lists VALUES (:member_id, :listname)');
    $sth-&amp;gt;execute(array(':member_id' =&amp;gt; $member, ':listname' =&amp;gt; $listname));
    } catch(PDOException $e) {
    echo 'ERROR: ' . $e-&amp;gt;getMessage();}
?&amp;gt;
&lt;/code&gt;&lt;/pre&gt;
&lt;p&gt;I am currently getting an error on line five&lt;/p&gt;
&lt;pre&gt;&lt;code&gt;Undefined variable: _SESSION in /home/danu2_cj3/public_html/add_list.php on line 5
&lt;/code&gt;&lt;/pre&gt;
&lt;p&gt;how to I identify the session variable? &lt;/p&gt;
&lt;p&gt;Here is the part of the login code i have set the session in&lt;/p&gt;
&lt;pre&gt;&lt;code&gt;if($result) {
        if(mysql_num_rows($result) == 1) {
            //Login Successful
            session_regenerate_id();
            $member = mysql_fetch_assoc($result);
            $_SESSION['SESS_MEMBER_ID'] = $member['member_id'];
            $_SESSION['SESS_FIRST_NAME'] = $member['firstname'];
            $_SESSION['SESS_LAST_NAME'] = $member['lastname'];
            session_write_close();
            header("location: lists.php");
            exit();
        }else {
            //Login failed
            header("location: login-failed.php");
            exit();
        }
&lt;/code&gt;&lt;/pre&gt;</t>
  </si>
  <si>
    <t>2013-04-16 13:12:55.700000+00:00</t>
  </si>
  <si>
    <t>2013-04-16 13:25:49.107000+00:00</t>
  </si>
  <si>
    <t>php|mysql|forms|session|pdo</t>
  </si>
  <si>
    <t>Why does Get-EC2PasswordData return "The parameter is incorrect."?</t>
  </si>
  <si>
    <t>&lt;p&gt;I'm using powershell to call Get-EC2PasswordData like so:&lt;/p&gt;
&lt;pre&gt;&lt;code&gt;$instances = (Get-EC2Instance -Filter @($envFilter, $stateFilter)).Instances
$instances | Foreach-object {
    $instID = $_.InstanceId
    Write-Host Getting password to $instID...
    $password = Get-EC2PasswordData -InstanceId $instID -PemFile "c:\my.pem" -Decrypt
    Write-Host Username/Password for $_.PrivateIpAddress is Administrator/$password
}
&lt;/code&gt;&lt;/pre&gt;
&lt;p&gt;And I get the following:&lt;/p&gt;
&lt;pre&gt;&lt;code&gt;Getting password to i-3e961280 ...
Get-EC2PasswordData : Value cannot be null.
Parameter name: s
At C:\temp\CIS-aws-volumes\copyToMachine.ps1:12 char:17
+     $password = Get-EC2PasswordData -InstanceId $instID -PemFile "c:\docs\ssh\ci ...
+ ~~~~~~~~~~~~~~~~~~~~~~~~~~~~~~~~~~~~~~~~~~~~~~~~~~~~~~~~~~~~~~~~~~~~~~~~~~~~~~~~
    + CategoryInfo          : InvalidOperation: (Amazon.PowerShe...swordDataCmdlet:GetEC2PasswordDataCmdlet) [Get-EC2
   PasswordData], ArgumentNullException
    + FullyQualifiedErrorId : InvalidOperationException,Amazon.PowerShell.Cmdlets.EC2.GetEC2PasswordDataCmdlet
Username/Password for 10.185.30.124 is Administrator/
&lt;/code&gt;&lt;/pre&gt;
&lt;p&gt;What does "Get-EC2PasswordData : Value cannot be null." mean?  I'm not passing in any null values.&lt;/p&gt;</t>
  </si>
  <si>
    <t>2015-11-16 23:55:31.060000+00:00</t>
  </si>
  <si>
    <t>2017-09-20 21:06:19.753000+00:00</t>
  </si>
  <si>
    <t>powershell|amazon-web-services|amazon-ec2|aws-powershell</t>
  </si>
  <si>
    <t>DriveResource.listParents does not work</t>
  </si>
  <si>
    <t>&lt;p&gt;I am developing an application for Android, where I need to get the list of parents of a file taken from google Drive.&lt;/p&gt;
&lt;p&gt;I correctly obtain the DriveId using Drive.DriveApi.newOpenFileActivityBuilder(), but when I use DriveResource.listParents I obtain an empty list even if the resource have a parent.&lt;/p&gt;
&lt;p&gt;I use the same GoogleApiClient for  Drive.DriveApi.newOpenFileActivityBuilder() and  DriveResource.listParents, so i do not think that is a scope problem.&lt;/p&gt;
&lt;pre&gt;&lt;code&gt;@Override
public void onActivityResult(int requestCode, int resultCode, Intent data) {
   if (requestCode == Constants.REQUEST_CODE_GOOGLE_DRIVE_FILE_PICKER) {
      if (resultCode == RESULT_OK) {
         mSelectedFileDriveId = (DriveId)    data.getParcelableExtra(OpenFileActivityBuilder.EXTRA_RESPONSE_DRIVE_ID);
      } else {
         setResult(Constants.RESULT_CODE_KO);
         finish();
      }
   }
}
...
private ResultCallback&amp;lt;MetadataBufferResult&amp;gt; metadataBufferCallback = new ResultCallback&amp;lt;MetadataBufferResult&amp;gt;() {
   @Override
   public void onResult(MetadataBufferResult result) {
      if (!result.getStatus().isSuccess()) {
         SDKUtils.showMessage(thisActivity, "Impossible salvare l'ultima posizione aperta in Google Drive");
          return;
      }
      MetadataBuffer metadataBuffer = result.getMetadataBuffer();
      // HERE I OBTAIN AN EMPTY OBJECT
   }
};
...
mGoogleApiClient = new GoogleApiClient.Builder(this)
              .setAccountName(driveAccontName)
              .addApi(Drive.API)
              .addScope(Drive.SCOPE_FILE)
              .addConnectionCallbacks(this)
              .addOnConnectionFailedListener(this).build();
...
DriveFile driveFile = Drive.DriveApi.getFile(getGoogleApiClient(), mSelectedFileDriveId);
driveFile.listParents(GoogleApiClient apiClient).setResultCallback(metadataBufferCallback);
&lt;/code&gt;&lt;/pre&gt;
&lt;p&gt;Have any suggestions? 
Thanks!&lt;/p&gt;</t>
  </si>
  <si>
    <t>2014-06-26 15:39:52.550000+00:00</t>
  </si>
  <si>
    <t>2014-09-17 02:15:51.990000+00:00</t>
  </si>
  <si>
    <t>android|google-drive-sdk</t>
  </si>
  <si>
    <t>C Export only desired symbols (without editing original file)</t>
  </si>
  <si>
    <t>&lt;h1&gt;First, some minimal code:&lt;/h1&gt;
&lt;pre&gt;&lt;code&gt;// file "t1.h":
int get1();
// file "t1.c":
int get1(){return 1;}
// file "t2.h":
int get2();
// file "t2.c":
int get1(){return 99;} // &amp;lt;- duplicate definition of get1(), I would like to hide it somehow
int get2(){return 2;}
// file "t3.c":
#include &amp;lt;stdio.h&amp;gt;
#include "t1.h"
#include "t2.h"
int main(int argc, char ** argv) {
    printf("%d\n", get1());
    printf("%d\n", get2());
}
&lt;/code&gt;&lt;/pre&gt;
&lt;p&gt;Compilation command&lt;/p&gt;
&lt;pre&gt;&lt;code&gt;gcc -c t1.c  &amp;amp;&amp;amp;  gcc -c t2.c  &amp;amp;&amp;amp;  gcc -c t3.c  &amp;amp;&amp;amp;  gcc t1.o t2.o t3.o -o t3`
&lt;/code&gt;&lt;/pre&gt;
&lt;p&gt;Result is error: &lt;/p&gt;
&lt;pre&gt;&lt;code&gt;t2.c:(.text+0x0): multiple definition of 'get1'.
&lt;/code&gt;&lt;/pre&gt;
&lt;p&gt;Problem is clear, &lt;code&gt;get1()&lt;/code&gt; is defined twice.&lt;/p&gt;
&lt;p&gt;Why I still search for solution?&lt;/p&gt;
&lt;ul&gt;
&lt;li&gt;I do not need the 2nd definition of &lt;code&gt;get1()&lt;/code&gt;, I would like to discard it hide it.&lt;/li&gt;
&lt;li&gt;Deleting it from the file, marking it &lt;code&gt;static&lt;/code&gt; or renaming it, does not work for me, because "t1.c" and "t2.c" are generated automatically.&lt;/li&gt;
&lt;/ul&gt;
&lt;h1&gt;Question:&lt;/h1&gt;
&lt;p&gt;Is there a way to somehow hide selected symbols without modifying &lt;code&gt;.c&lt;/code&gt; file?&lt;/p&gt;
&lt;p&gt;Or alternatively to show only chosen symbols.&lt;/p&gt;
&lt;p&gt;Or rename them.&lt;/p&gt;
&lt;p&gt;Something like: &lt;code&gt;gcc -c t2.c --hide-symbol=get1&lt;/code&gt;&lt;/p&gt;
&lt;h3&gt;More details why I want this:&lt;/h3&gt;
&lt;p&gt;There is program &lt;code&gt;flex&lt;/code&gt; which generates lexer &lt;code&gt;.c&lt;/code&gt; file.&lt;/p&gt;
&lt;p&gt;There is possibility to change some behavior by re-defining macros.&lt;/p&gt;
&lt;p&gt;I need two distinct lexers to be generated, both used by same program.&lt;/p&gt;
&lt;h3&gt;Edit: actual solution&lt;/h3&gt;
&lt;p&gt;In &lt;code&gt;flex&lt;/code&gt; it is possible to change prefix from "yy*" to "somethingelse*" as mentioned in comments. &lt;/p&gt;
&lt;p&gt;&lt;a href="http://westes.github.io/flex/manual/Code_002dLevel-And-API-Options.html#index-prefix" rel="nofollow noreferrer"&gt;http://westes.github.io/flex/manual/Code_002dLevel-And-API-Options.html#index-prefix&lt;/a&gt;&lt;/p&gt;</t>
  </si>
  <si>
    <t>2015-11-22 17:16:28.577000+00:00</t>
  </si>
  <si>
    <t>2017-11-20 14:54:29.590000+00:00</t>
  </si>
  <si>
    <t>c|symbols|flex-lexer</t>
  </si>
  <si>
    <t>Python Git Module experiences?</t>
  </si>
  <si>
    <t>&lt;p&gt;What are people's experiences with any of the Git modules for Python?  (I know of GitPython, PyGit, and Dulwich - feel free to mention others if you know of them.)&lt;/p&gt;
&lt;p&gt;I am writing a program which will have to interact (add, delete, commit) with a Git repository, but have no experience with Git, so one of the things I'm looking for is ease of use/understanding with regards to Git.&lt;/p&gt;
&lt;p&gt;The other things I'm primarily interested in are maturity and completeness of the library, a reasonable lack of bugs, continued development, and helpfulness of the documentation and developers.&lt;/p&gt;
&lt;p&gt;If you think of something else I might want/need to know, please feel free to mention it.&lt;/p&gt;</t>
  </si>
  <si>
    <t>2009-09-21 19:10:10.970000+00:00</t>
  </si>
  <si>
    <t>2016-12-24 20:28:12.473000+00:00</t>
  </si>
  <si>
    <t>2013-08-08 16:19:17.183000+00:00</t>
  </si>
  <si>
    <t>python|git</t>
  </si>
  <si>
    <t>Default month in Ajax CalendarExtender in asp.net</t>
  </si>
  <si>
    <t>&lt;p&gt;I have two textboxes named "CheckIn Date" and "CheckOut Date" having CalenderExtender Bind.&lt;/p&gt;
&lt;p&gt;I want to set the default month display in "CheckOut Date" on TextChange of "CheckIn Date".&lt;/p&gt;
&lt;p&gt;And on "CheckOut" TextChange event I am calculating days between this two textboxes.&lt;/p&gt;
&lt;p&gt;Plz Help me.......&lt;/p&gt;</t>
  </si>
  <si>
    <t>2013-04-19 07:22:57.140000+00:00</t>
  </si>
  <si>
    <t>2013-04-19 18:16:57.643000+00:00</t>
  </si>
  <si>
    <t>Videos not showing in webview (Android)</t>
  </si>
  <si>
    <t>&lt;p&gt;I am implementing a web application for Android. In this application, I open a HTML page on webview. This HTML page contains videos, images and text. When I call this page, all stuff are showing except for videos. What can I do? Please help me.&lt;/p&gt;
&lt;p&gt;I am using this code for this problem:&lt;/p&gt;
&lt;pre&gt;&lt;code&gt;WebView web = (WebView) findViewById(R.id.webview);
web. getSettings().setJavaScriptEnabled (true);
web. getSettings().setJavaScriptCanOpenWindowsAutomatically (false);
web. getSettings().setPluginsEnabled (true);
web. getSettings().setSupportMultipleWindows (false);
web. getSettings().setSupportZoom (false);
web. setVerticalScrollBarEnabled (false);
web. setHorizontalScrollBarEnabled (false);
web. loadUrl ("http://www.abc.com/xyz.html");            
web.setWebChromeClient(new WebChromeClient());
&lt;/code&gt;&lt;/pre&gt;</t>
  </si>
  <si>
    <t>2011-03-09 20:02:05.153000+00:00</t>
  </si>
  <si>
    <t>2012-01-14 14:43:51.063000+00:00</t>
  </si>
  <si>
    <t>problems with update logic for a mysql db</t>
  </si>
  <si>
    <t>&lt;p&gt;I have the following PHP form, which posts back to a mysql database. My problem is that the update query seems to work, but is always overwritten with "checked". What I want to do is check is get the current value from the database, and then if there is a value in post, get that instead. Now...why is this not working? Do I need to have an else clause when checking if it is in _POST? If that's the case, do I even need to initilise the variable with  $checkDeleted = "";?&lt;/p&gt;
&lt;pre&gt;&lt;code&gt;&amp;lt;?php
error_reporting(E_ALL);
if (isset($_GET["cmd"]))
  $cmd = $_GET["cmd"]; else
if (isset($_POST["cmd"]))
  $cmd = $_POST["cmd"]; else die("Invalid URL");
if (isset($_GET["pk"])) {
    $pk = $_GET["pk"];
}
$checkDeleted = "";
$con = mysqli_connect("localhost","user","pw", "db");
$getformdata = $con-&amp;gt;query("select ARTICLE_NO, deleted from STATUS where ARTICLE_NO = '$pk'");
while ($row = mysqli_fetch_assoc($getformdata)) {
    $ARTICLE_NO = $row['ARTICLE_NO'];
    $checkDeleted = $row['deleted'];
}
$checkboxes = (isset($_POST['checkboxes'])? $_POST['checkboxes'] : array());
if (in_array('deleted', $checkboxes)) $checkDeleted = 'checked';
if($cmd=="submitinfo") {
    if ($ARTICLE_NO == null) {
        $statusQuery = "INSERT INTO STATUS VALUES (?, ?)";
        if ($statusInfo = $con-&amp;gt;prepare($statusQuery)) {
            $statusInfo-&amp;gt;bind_param("ss", $pk, $checkDeleted);
            $statusInfo-&amp;gt;execute();
            $statusInfo-&amp;gt;close();
        } else {
            print_r($con-&amp;gt;error);
        }
    } else if ($ARTICLE_NO == $pk) {
        $statusQuery = "UPDATE STATUS SET deleted = ? WHERE ARTICLE_NO = ?";
        if ($statusInfo = $con-&amp;gt;prepare($statusQuery)) {
            $statusInfo-&amp;gt;bind_param("ss", $checkDeleted, $pk);
            $statusInfo-&amp;gt;execute();
            $statusInfo-&amp;gt;close();
        } else {
            print_r($con-&amp;gt;error);
        }
    }
}
if($cmd=="EditStatusData") {
    echo "&amp;lt;form name=\"statusForm\" action=\"test.php?pk=".$pk."\" method=\"post\" enctype=\"multipart/form-data\"&amp;gt;
                        &amp;lt;input type=\"checkbox\" name=\"checkboxes[]\" value=\"deleted\" ".$checkDeleted." /&amp;gt;
                        &amp;lt;label for=\"deleted\"&amp;gt;Delete&amp;lt;/label&amp;gt;
                        &amp;lt;input type=\"hidden\" name=\"cmd\" value=\"submitinfo\" /&amp;gt;
                        &amp;lt;input name=\"Submit\" type=\"submit\" value=\"submit\" /&amp;gt;
        &amp;lt;/form&amp;gt;";
}
?&amp;gt;
&lt;/code&gt;&lt;/pre&gt;
&lt;p&gt;I tried changing the line to set checkDeleted to the following, which made no difference..although it should?&lt;/p&gt;
&lt;pre&gt;&lt;code&gt;if (in_array('deleted', $checkboxes)) {
$checkDeleted = 'checked';
} else {
$checkDeleted = '';
}
&lt;/code&gt;&lt;/pre&gt;
&lt;p&gt;edit: OK, I have managed to get this to work, but only after changing to &lt;/p&gt;
&lt;p&gt;$checkDeleted = in_array('deleted', $checkboxes) ? 'checked' : '';&lt;/p&gt;
&lt;p&gt;as per the answer below, but this still did not work. For it to work I had to remove the database query, and replace it with one within the submitinfo branch, and one within the EditStatusData branch...why? Why is it not possible to have only one query?&lt;/p&gt;
&lt;pre&gt;&lt;code&gt;if($cmd=="submitinfo") {
$getformdata = $con-&amp;gt;query("select ARTICLE_NO from STATUS where ARTICLE_NO = '$pk'");
while ($row = mysqli_fetch_assoc($getformdata)) {
    $ARTICLE_NO = $row['ARTICLE_NO'];
}    
    if ($ARTICLE_NO == null) { etc
&lt;/code&gt;&lt;/pre&gt;
&lt;p&gt;and&lt;/p&gt;
&lt;pre&gt;&lt;code&gt;if($cmd=="EditStatusData") {
$getformdata = $con-&amp;gt;query("select deleted from STATUS where ARTICLE_NO = '$pk'");
while ($row = mysqli_fetch_assoc($getformdata)) {
    $checkDeleted = $row['deleted'];
} etc
&lt;/code&gt;&lt;/pre&gt;</t>
  </si>
  <si>
    <t>2009-05-25 13:26:29.093000+00:00</t>
  </si>
  <si>
    <t>2009-05-26 12:30:03.190000+00:00</t>
  </si>
  <si>
    <t>user1253538</t>
  </si>
  <si>
    <t>php|sql|mysql</t>
  </si>
  <si>
    <t>Drawing a gradient from dataset</t>
  </si>
  <si>
    <t>&lt;p&gt;Is there an easy way to draw a gradient line, where the color ratio is shifting along the line? The thickness of the line (the gradient width) will not be constant. A 2-D dataset will be available and somehow describing the gradient path.&lt;/p&gt;
&lt;p&gt;Have a look at the rainbow image attached, but please note that the black lines are not relevant for the question. &lt;/p&gt;
&lt;p&gt;&lt;a href="https://i.stack.imgur.com/MAMhY.png" rel="nofollow noreferrer"&gt;&lt;img src="https://i.stack.imgur.com/MAMhY.png" alt="Gradient from dataset"&gt;&lt;/a&gt;&lt;/p&gt;</t>
  </si>
  <si>
    <t>2017-01-16 07:55:18.007000+00:00</t>
  </si>
  <si>
    <t>2017-01-16 08:16:34.740000+00:00</t>
  </si>
  <si>
    <t>BooleanQuery$TooManyClauses exception when using wildcard queries</t>
  </si>
  <si>
    <t>&lt;p&gt;I'm using Hibernate Search / Lucene to maintain a really simple index to find objects by name - no fancy stuff.&lt;/p&gt;
&lt;p&gt;My model classes all extend a class &lt;code&gt;NamedModel&lt;/code&gt; which looks basically as follows:&lt;/p&gt;
&lt;pre&gt;&lt;code&gt;@MappedSuperclass
public abstract class NamedModel {
    @Column(unique = true)
    @Field(store = Store.YES, index = Index.UN_TOKENIZED)
    protected String name;
}
&lt;/code&gt;&lt;/pre&gt;
&lt;p&gt;My problem is that I get a &lt;code&gt;BooleanQuery$TooManyClauses&lt;/code&gt; exception when querying the index for objects with names starting with a specific letter, e.g. &lt;code&gt;"name:l*"&lt;/code&gt;.
A query like &lt;code&gt;"name:lin*"&lt;/code&gt; will work without problems, in fact any query using more than one letter before the wildcard will work.&lt;/p&gt;
&lt;p&gt;While searching the net for similar problems, I only found people using pretty complex queries and that always seemed to cause the exception. I don't want to increase &lt;code&gt;maxClauseCount&lt;/code&gt; because I don't think it's a good practice to change limits just because you reach them.&lt;/p&gt;
&lt;p&gt;What's the problem here?&lt;/p&gt;</t>
  </si>
  <si>
    <t>2009-10-15 07:59:41.293000+00:00</t>
  </si>
  <si>
    <t>2009-10-15 08:39:28.053000+00:00</t>
  </si>
  <si>
    <t>java|exception|hibernate-search</t>
  </si>
  <si>
    <t>two Y-axis for ggplot2 graph with a facet_grid</t>
  </si>
  <si>
    <t>&lt;p&gt;I'm trying to plot a line and a barchat using &lt;code&gt;ggplot2&lt;/code&gt; package but it's seems to be hard to get two different y-axis when using &lt;code&gt;facet_grid()&lt;/code&gt; function...&lt;/p&gt;
&lt;p&gt;I'd like to add to my current plot a barchart with the Frequency of each product (variable Freq) in the data frame.
Any help would be really awesome!!&lt;/p&gt;
&lt;pre&gt;&lt;code&gt;temp = data.frame(Product=as.factor(c("L","P","41","43")),
              Freq = c(0.2,0.8,0.7,0.3),
              rate = c(14,17,12,20),
              var= c("QUAL","QUAL","OCCU","OCCU"))
temp %&amp;gt;%  ggplot() + theme_grey(base_size=20) + 
geom_line(aes(x=Product, y=rate, group=var))+  
geom_point(aes(x=Product, y=rate, group=var))+ 
geom_label( aes(x=Product,y=rate,label=paste0(rate,"%") ))  +
  facet_grid(.~ var, scales = "free") +
 theme(legend.position="none", axis.text.x=element_text(angle=45, vjust=0.1)) -&amp;gt; p2
&lt;/code&gt;&lt;/pre&gt;
&lt;p&gt;&lt;a href="https://i.stack.imgur.com/CnZCc.png" rel="nofollow noreferrer"&gt;&lt;img src="https://i.stack.imgur.com/CnZCc.png" alt="Image"&gt;&lt;/a&gt;&lt;/p&gt;</t>
  </si>
  <si>
    <t>2016-06-03 15:01:32.947000+00:00</t>
  </si>
  <si>
    <t>2016-06-03 16:16:41.410000+00:00</t>
  </si>
  <si>
    <t>2016-06-03 15:47:47.503000+00:00</t>
  </si>
  <si>
    <t>r|ggplot2|facet-grid</t>
  </si>
  <si>
    <t>indexOf () in IE 8 and _.indexOf() of underscore.js library - avoid case sensitivness</t>
  </si>
  <si>
    <t>&lt;p&gt;I was using indexOf method on top of an array in IE 8 and it gave error (as it is not suported). I opted to use underscore.js library. I used the &lt;code&gt;_.indexOf(array, value, [isSorted])&lt;/code&gt; from underscorejs library. But indexOf() of underscore.js library is case sensitive but I want to ignore the case while comparing the value. How can I ignore case while using this function.&lt;/p&gt;
&lt;p&gt;&lt;strong&gt;I can always use for loop to loop over the array and then use toLowerCase() but I wonder if there is out of box method which can do this for me.&lt;/strong&gt;&lt;/p&gt;</t>
  </si>
  <si>
    <t>2014-04-18 11:43:00.470000+00:00</t>
  </si>
  <si>
    <t>2014-04-18 14:23:37.247000+00:00</t>
  </si>
  <si>
    <t>2014-04-18 11:49:40.620000+00:00</t>
  </si>
  <si>
    <t>javascript|underscore.js|indexof</t>
  </si>
  <si>
    <t>jQuery color change only flashes briefly, is not permanent</t>
  </si>
  <si>
    <t>&lt;p&gt;I am trying to get a list item to change font color permanently when it is clicked upon, in this case from green to yellow. However, the code below only flashes yellow for half a second when it's clicked and then defaults to green. The underline styling is applied permanently though, as expected:&lt;/p&gt;
&lt;p&gt;&lt;div class="snippet" data-lang="js" data-hide="false"&gt;_x000D_
&lt;div class="snippet-code"&gt;_x000D_
&lt;pre class="snippet-code-html lang-html prettyprint-override"&gt;&lt;code&gt;&amp;lt;!DOCTYPE html&amp;gt;_x000D_
        &amp;lt;html&amp;gt;_x000D_
        &amp;lt;head&amp;gt;_x000D_
     &amp;lt;script type = "text/javascript" src="http://code.jquery.com/jquery-1.8.0.min.js"&amp;gt;&amp;lt;/script&amp;gt;_x000D_
     &amp;lt;script&amp;gt;_x000D_
        $(document).ready(function(){_x000D_
            $('li').hover(function(){_x000D_
                $(this).css('color', 'white')_x000D_
             }, function(){_x000D_
                $(this).css('color', '')_x000D_
            });_x000D_
_x000D_
            $("#resources").click(function(){_x000D_
        $("#resources").css('text-decoration', 'underline');_x000D_
        document.getElementById("resources").style.color = "yellow";_x000D_
      });_x000D_
        });_x000D_
        &amp;lt;/script&amp;gt;_x000D_
        &amp;lt;style&amp;gt;_x000D_
         #main{_x000D_
          margin: 0 auto;_x000D_
    text-align: center;_x000D_
    background: black;_x000D_
    color: green;_x000D_
    font-family: Courier;_x000D_
    position: relative;_x000D_
    top: 300px;_x000D_
    width: 100%;_x000D_
   }_x000D_
_x000D_
         li{_x000D_
       display: inline;_x000D_
       padding: 8px;_x000D_
       padding-right: 1em;_x000D_
       position: relative;_x000D_
     }_x000D_
         li:hover{_x000D_
       color: white;_x000D_
   }_x000D_
      ul{_x000D_
       text-align: center;_x000D_
      }_x000D_
_x000D_
         &amp;lt;/style&amp;gt;_x000D_
     &amp;lt;/head&amp;gt;_x000D_
    &amp;lt;body&amp;gt;_x000D_
     &amp;lt;div id = "main"&amp;gt;_x000D_
      &amp;lt;ul id = "main_links"&amp;gt;_x000D_
       &amp;lt;li id = "resources"&amp;gt;Resources&amp;lt;/li&amp;gt;_x000D_
      &amp;lt;/ul&amp;gt;_x000D_
     &amp;lt;/div&amp;gt;_x000D_
_x000D_
    &amp;lt;/body&amp;gt;_x000D_
    &amp;lt;/html&amp;gt;&lt;/code&gt;&lt;/pre&gt;_x000D_
&lt;/div&gt;_x000D_
&lt;/div&gt;_x000D_
&lt;/p&gt;</t>
  </si>
  <si>
    <t>2015-07-31 23:36:00.887000+00:00</t>
  </si>
  <si>
    <t>2015-07-31 23:58:42.690000+00:00</t>
  </si>
  <si>
    <t>2015-07-31 23:39:04.627000+00:00</t>
  </si>
  <si>
    <t>jquery|html|css|html-lists</t>
  </si>
  <si>
    <t>Using Pyaudio to Play Wave Data in an Array</t>
  </si>
  <si>
    <t>&lt;p&gt;I'm trying to define a class that will, among other things, read a wavefile into a numpy array and then play it.  It looks like the callback function is only getting called once, so I'm guessing whatever mechanism is used to "keep the stream" active isn't working?&lt;/p&gt;
&lt;p&gt;Has anyone successfully done this?&lt;/p&gt;
&lt;pre&gt;&lt;code&gt;class asoa_io:
  def write_callback(self, in_data, frame_count, time_info, status):
    print "Frame count is " + str(frame_count)
    list_data = self.template_wave[self.template_idx:(self.template_idx+frame_count) - 1]
    data = list_data.tobytes()
    print repr(data)
    self.template_idx += frame_count
    return (data, pyaudio.paContinue)
  def read_callback(self, in_data, frame_count, time_info, status):
    self.signal += in_data  # This has the incoming signal as a list of frames.
    return (in_data, pyaudio.paContinue)
  """ Synthesize the speech and do any preprocessing.
  Note that we want to use the kal_diphone voice for synthesis.
  """
  def __init__(self, text_string):
    temp_fd, template_file = tempfile.mkstemp()
    string_file = tempfile.NamedTemporaryFile()
    string_file.write(text_string)
    string_file.flush()
    if (subprocess.call([PATH_TO_TEXT2WAVE, string_file.name, "-o", template_file]) &amp;gt; 0):
        print "Error running text2wave"
    string_file.close()
    self.template_rate, self.template_wave = scipy.io.wavfile.read(template_file)
    self.template_length = len(self.template_wave)
    self.template_framesize = 100
    self.pa = pyaudio.PyAudio()
#        self.input_stream =     self.pa.open(format=pyaudio.get_format_from_width(2),
#                                    channels=1, rate = self.template_rate, input=True,
#                                    stream_callback = self.read_callback)
    self.output_stream = self.pa.open(format=pyaudio.get_format_from_width(2),
                                 channels=1, rate = self.template_rate, output=True,
                                 stream_callback = self.write_callback)
    self.template_idx = 0
    self.signal = []
  def start_speech(self):
    self.output_stream.start_stream()
#        self.input_stream.start_stream()
    while self.output_stream.is_active():
        time.sleep(0.1)
    time.sleep(10)
  def stop(self):
    self.output_stream.stop_stream()
    self.input_stream.stop_stream()
    self.output_stream.close()
    self.input_stream.close()
    self.pa.terminate()
&lt;/code&gt;&lt;/pre&gt;
&lt;p&gt;For what it's worth, I copied the sample callback code from the pyaudio documentation site and used it to play the wave file that's being read in; that worked fine.  The first 1024 byte also look right.&lt;/p&gt;
&lt;p&gt;Thanks for any help anyone can give!&lt;/p&gt;</t>
  </si>
  <si>
    <t>2015-09-23 12:47:27.380000+00:00</t>
  </si>
  <si>
    <t>python|numpy|pyaudio</t>
  </si>
  <si>
    <t>Should there be 2 datatables for a Parent and Child class in Java?</t>
  </si>
  <si>
    <t>&lt;p&gt;I have two classes &lt;code&gt;Parent&lt;/code&gt; and &lt;code&gt;Child&lt;/code&gt;.&lt;/p&gt;
&lt;pre&gt;&lt;code&gt;class Child extends Parent {
    private String extraField1;
    private String extraField2;
    ...
}
&lt;/code&gt;&lt;/pre&gt;
&lt;p&gt;&lt;code&gt;Child&lt;/code&gt; class has 2 extra fields &lt;code&gt;extraField1&lt;/code&gt; and &lt;code&gt;extraField2&lt;/code&gt;.&lt;/p&gt;
&lt;p&gt;Q1. Should I make two diff. tables in the databse: one for &lt;code&gt;Child&lt;/code&gt; and other for &lt;code&gt;Parent&lt;/code&gt;?&lt;/p&gt;
&lt;p&gt;or&lt;/p&gt;
&lt;p&gt;Q1. Should I add two columns in the &lt;code&gt;Parent&lt;/code&gt; table (each column for one extra field) and  store the &lt;code&gt;Child&lt;/code&gt; in the &lt;code&gt;Parent&lt;/code&gt; table.&lt;/p&gt;
&lt;p&gt;=============================== EDITED =======================================&lt;/p&gt;
&lt;p&gt;Yes, &lt;code&gt;Child&lt;/code&gt; and &lt;code&gt;Parent&lt;/code&gt; are classes in the same hierarchy.&lt;/p&gt;</t>
  </si>
  <si>
    <t>2010-02-20 10:29:00.777000+00:00</t>
  </si>
  <si>
    <t>2010-05-03 21:08:54.220000+00:00</t>
  </si>
  <si>
    <t>2010-05-03 20:39:19.737000+00:00</t>
  </si>
  <si>
    <t>java|mysql|sql-server|database|inheritance</t>
  </si>
  <si>
    <t>Multiple permanent connection for Django?</t>
  </si>
  <si>
    <t>&lt;p&gt;My website is using Django, and now I want to port part of the logic to a Redis, so I need a Redis connection for my views.py code, obvious I can't write connect to redis code in views.py because it might be called multiple times, so I need to put the connect somewhere in the django, perhaps middleware?&lt;/p&gt;
&lt;p&gt;But I don't want to make this complicated, just the same place where the MySQL database connected, I want to add a global object for Redis connection. Perhaps later for XMPP conenction and ZeroMQ.&lt;/p&gt;
&lt;p&gt;How to do this?&lt;/p&gt;
&lt;p&gt;ANy idea is appreciated. Thanks in advance :)&lt;/p&gt;</t>
  </si>
  <si>
    <t>2011-04-02 07:29:24.210000+00:00</t>
  </si>
  <si>
    <t>2013-02-18 08:11:01.150000+00:00</t>
  </si>
  <si>
    <t>django|connection|redis</t>
  </si>
  <si>
    <t>IIS as a reverse proxy - compression of rewritten response from backend server</t>
  </si>
  <si>
    <t>&lt;p&gt;I am implementing a reverse proxy for routing requests to a backend server.&lt;/p&gt;
&lt;p&gt;Functionally everything works correctly, however I am concerned that all responses from the backend server are transferred to the client (web browser) without compression.&lt;/p&gt;
&lt;p&gt;The setup is as follows:&lt;/p&gt;
&lt;ul&gt;
&lt;li&gt;Backend server, not accessible for public, on an internal domain. Hosts a web application on &lt;code&gt;https://internal.app&lt;/code&gt;&lt;/li&gt;
&lt;li&gt;Front web server with IIS 7.5, hosting the main public website and acting as a proxy for the backend server. The main site is at &lt;code&gt;https://site.com&lt;/code&gt;.&lt;/li&gt;
&lt;/ul&gt;
&lt;p&gt;I want to route all requests to &lt;code&gt;https://site.com/app/WHATEVER&lt;/code&gt; to &lt;code&gt;https://internal.app/WHATEVER&lt;/code&gt; in a way that is transparent to clients.&lt;/p&gt;
&lt;p&gt;My current setup is based on URL Rewrite 2.0 and Application Request Routing IIS extensions. The general approach is based on guidelines from the following articles:&lt;/p&gt;
&lt;ul&gt;
&lt;li&gt;&lt;a href="http://blogs.msdn.com/b/carlosag/archive/2010/04/02/setting-up-a-reverse-proxy-using-iis-url-rewrite-and-arr.aspx" rel="noreferrer"&gt;Setting up a Reverse Proxy using IIS, URL Rewrite and ARR&lt;/a&gt;&lt;/li&gt;
&lt;li&gt;&lt;a href="http://www.iis.net/learn/extensions/url-rewrite-module/reverse-proxy-with-url-rewrite-v2-and-application-request-routing" rel="noreferrer"&gt;Reverse Proxy with URL Rewrite v2 and Application Request Routing&lt;/a&gt;&lt;/li&gt;
&lt;/ul&gt;
&lt;p&gt;The relevant section of &lt;code&gt;web.config&lt;/code&gt; of the &lt;code&gt;site.com&lt;/code&gt; app:&lt;/p&gt;
&lt;pre&gt;&lt;code&gt;&amp;lt;system.webServer&amp;gt;
    &amp;lt;rewrite&amp;gt;
        &amp;lt;rules&amp;gt;
            &amp;lt;rule name="Route the requests for backend app" stopProcessing="true"&amp;gt;
                &amp;lt;match url="^app/(.*)" /&amp;gt;
                &amp;lt;conditions&amp;gt;
                    &amp;lt;add input="{CACHE_URL}" pattern="^(https?)://" /&amp;gt;
                &amp;lt;/conditions&amp;gt;
                &amp;lt;action type="Rewrite" url="{C:1}://internal.app/{R:1}" /&amp;gt;
                &amp;lt;serverVariables&amp;gt;
                    &amp;lt;set name="HTTP_ACCEPT_ENCODING" value="" /&amp;gt;
                &amp;lt;/serverVariables&amp;gt;
            &amp;lt;/rule&amp;gt;
        &amp;lt;/rules&amp;gt;
        &amp;lt;outboundRules&amp;gt;
            &amp;lt;rule name="RewriteBackendAbsoluteUrlsInResponse" preCondition="ResponseIsHtml1"&amp;gt;
                &amp;lt;match filterByTags="A, Area, Base, Form, Frame, Head, IFrame, Img, Input, Link, Script" pattern="^http(s)?://internal.app(\:80)?/(.*)" /&amp;gt;
                &amp;lt;action type="Rewrite" value="/app/{R:3}" /&amp;gt;
            &amp;lt;/rule&amp;gt;
            &amp;lt;rule name="RewriteBackendAbsoluteUrlsInRedirects" preCondition="ResponseIsHtml1"&amp;gt;
                &amp;lt;match serverVariable="RESPONSE_LOCATION" pattern="^http(s)?://internal.app(\:80)?/(.*)" /&amp;gt;
                &amp;lt;action type="Rewrite" value="/app/{R:3}" /&amp;gt;
            &amp;lt;/rule&amp;gt;
            &amp;lt;rule name="RewriteBackendRelativeUrlsInResponse" preCondition="ResponseIsHtml1"&amp;gt;
                &amp;lt;match filterByTags="A, Area, Base, Form, Frame, Head, IFrame, Img, Input, Link, Script" pattern="^/(.*)" negate="false" /&amp;gt;
                &amp;lt;conditions&amp;gt;
                    &amp;lt;add input="{URL}" pattern="^/app/.*" /&amp;gt;
                &amp;lt;/conditions&amp;gt;
                &amp;lt;action type="Rewrite" value="/app/{R:1}" /&amp;gt;
            &amp;lt;/rule&amp;gt;
            &amp;lt;rule name="RewriteBackendRelativeUrlsInRedirects" preCondition="ResponseIsHtml1"&amp;gt;
                &amp;lt;match serverVariable="RESPONSE_LOCATION" pattern="^/(.*)" negate="false" /&amp;gt;
                &amp;lt;conditions&amp;gt;
                    &amp;lt;add input="{URL}" pattern="^/app/.*" /&amp;gt;
                &amp;lt;/conditions&amp;gt;
                &amp;lt;action type="Rewrite" value="/app/{R:1}" /&amp;gt;
            &amp;lt;/rule&amp;gt;
            &amp;lt;preConditions&amp;gt;
                &amp;lt;preCondition name="ResponseIsHtml1"&amp;gt;
                    &amp;lt;add input="{RESPONSE_CONTENT_TYPE}" pattern="^text/html" /&amp;gt;
                &amp;lt;/preCondition&amp;gt;
            &amp;lt;/preConditions&amp;gt;
        &amp;lt;/outboundRules&amp;gt;
    &amp;lt;/rewrite&amp;gt;
    &amp;lt;urlCompression dynamicCompressionBeforeCache="false" /&amp;gt;
&amp;lt;/system.webServer&amp;gt;
&lt;/code&gt;&lt;/pre&gt;
&lt;p&gt;The problem is that as soon as I stop clearing the &lt;code&gt;HTTP_ACCEPT_ENCODING&lt;/code&gt; server variable, each request which matches the above rule ends with the following error: &lt;code&gt;HTTP Error 500.52 - URL Rewrite Module Error.
Outbound rewrite rules cannot be applied when the content of the HTTP response is encoded ("gzip").&lt;/code&gt;&lt;/p&gt;
&lt;p&gt;I am aware of &lt;a href="http://forums.iis.net/t/1165899.aspx/2/10" rel="noreferrer"&gt;this thread&lt;/a&gt; and I have followed those instructions. I have set &lt;code&gt;dynamicCompressionBeforeCache="false"&lt;/code&gt; as can be seen above, I have added the necessary registry entry and I have assured that the modules are in correct order in IIS.&lt;/p&gt;
&lt;p&gt;However, this only seems to work only if the rewriting happens within one web app. If I remove the above rules and add a simple one (and respective outbound rules) to rewrite e.g. &lt;code&gt;/x/WHATEVER&lt;/code&gt; to just &lt;code&gt;/WHATEVER&lt;/code&gt;, all works perfectly without a need to clear &lt;code&gt;HTTP_ACCEPT_ENCODING&lt;/code&gt; - the rule works and compression is enabled for the rewritten requests.&lt;/p&gt;
&lt;p&gt;But as soon as I re-add my rule which rewrites the response to a different web app, and I don't clear the &lt;code&gt;HTTP_ACCEPT_ENCODING&lt;/code&gt; header, the same error appears again.&lt;/p&gt;
&lt;p&gt;From what I understand, if the rewriting involves another web app, there are more constraint on what can be done. E.g. URL rewriter must receive an uncompressed response from the backend server in order to be able to rewrite it using the outbound rules. I guess clearing &lt;code&gt;HTTP_ACCEPT_ENCODING&lt;/code&gt; in this scenario is a must because of this.&lt;/p&gt;
&lt;p&gt;However, I would expect that since the compression module is listed on top of the modules list, the final rewritten response should be compressed no matter where it originated from. It seems IIS makes some shortcuts and returns the response to the client bypassing the compression module. Or the &lt;code&gt;HTTP_ACCEPT_ENCODING&lt;/code&gt; header is removed soon enough to completely disable compression (not only in server-to-server communication).&lt;/p&gt;
&lt;p&gt;So finally, my question is: is there a way to compress those responses?&lt;/p&gt;</t>
  </si>
  <si>
    <t>2013-04-10 12:44:22.673000+00:00</t>
  </si>
  <si>
    <t>2016-10-28 21:11:55.540000+00:00</t>
  </si>
  <si>
    <t>2015-06-22 23:51:51.627000+00:00</t>
  </si>
  <si>
    <t>asp.net|iis|reverse-proxy|http-compression|arr</t>
  </si>
  <si>
    <t>Move First 10 List Items to Another Item List</t>
  </si>
  <si>
    <t>&lt;p&gt;I have &lt;code&gt;List&amp;lt;Item&amp;gt; OldItems = new List&amp;lt;Item&amp;gt;&lt;/code&gt; and I want to move first 10 items of &lt;code&gt;OldItems&lt;/code&gt; to &lt;code&gt;NewItems&lt;/code&gt; which is &lt;code&gt;List&amp;lt;Item&amp;gt; NewItems= new List&amp;lt;Item&amp;gt;&lt;/code&gt;&lt;/p&gt;
&lt;p&gt;Is there something like?&lt;/p&gt;
&lt;pre&gt;&lt;code&gt;NewItems.AddRange(OldItems.&amp;lt;First10Items&amp;gt;);
OldItems.Delete(&amp;lt;First10Items&amp;gt;);
&lt;/code&gt;&lt;/pre&gt;</t>
  </si>
  <si>
    <t>2013-09-09 09:55:30.450000+00:00</t>
  </si>
  <si>
    <t>2013-09-09 11:38:10.123000+00:00</t>
  </si>
  <si>
    <t>Get the ylim from a barplot in order to use it in another function</t>
  </si>
  <si>
    <t>&lt;p&gt;I have two barplots being plotted, where one is stacked and the other isn't.&lt;/p&gt;
&lt;pre&gt;&lt;code&gt;b &amp;lt;- barplot(c(10,20,30,40), beside=T)
c &amp;lt;- barplot(t(cbind(c(1,2,3,4), c(3,4,2,1))), beside=F)
&lt;/code&gt;&lt;/pre&gt;
&lt;p&gt;I would like the stacked barplot to have the same &lt;code&gt;ylim&lt;/code&gt; as the first. Appreciate any advice.&lt;/p&gt;</t>
  </si>
  <si>
    <t>2015-03-18 14:24:22.503000+00:00</t>
  </si>
  <si>
    <t>2015-03-18 15:01:59.967000+00:00</t>
  </si>
  <si>
    <t>r|plot</t>
  </si>
  <si>
    <t>android Spinner: get the item selected before onItemSected was called</t>
  </si>
  <si>
    <t>&lt;p&gt;I have a list of spinners created dynamically in a view.When  a spinner is clicked it returns me the currently selected item. Is there any way that i can get the item that was there before this selection? &lt;/p&gt;
&lt;p&gt;Is any other event possible except onItemSelected()?&lt;/p&gt;</t>
  </si>
  <si>
    <t>2013-01-07 12:13:49.723000+00:00</t>
  </si>
  <si>
    <t>2013-01-07 12:40:36.393000+00:00</t>
  </si>
  <si>
    <t>android|android-spinner</t>
  </si>
  <si>
    <t>Can I used RxJS-DOM over RxJS with Redux-Observable</t>
  </si>
  <si>
    <t>&lt;p&gt;Redux-Observable has a dependency on RxJS.&lt;/p&gt;
&lt;p&gt;I need to use the filereader function from RxJS-DOM.&lt;/p&gt;
&lt;p&gt;&lt;a href="https://github.com/Reactive-Extensions/RxJS-DOM/blob/master/doc/operators/filereader.md" rel="nofollow noreferrer"&gt;https://github.com/Reactive-Extensions/RxJS-DOM/blob/master/doc/operators/filereader.md&lt;/a&gt;&lt;/p&gt;
&lt;p&gt;It looks like RxJS-DOM contains the same basic set of APIs as RxJS (plus the DOM ones).&lt;/p&gt;
&lt;p&gt;Is it possible to ask Redux-Observable to use RxJS-DOM rather than RxJS? Importing both is bloating the size of my build.&lt;/p&gt;</t>
  </si>
  <si>
    <t>2017-07-09 07:53:36.023000+00:00</t>
  </si>
  <si>
    <t>2017-07-10 22:11:59.100000+00:00</t>
  </si>
  <si>
    <t>rxjs|redux-observable|rxjs-dom</t>
  </si>
  <si>
    <t>What are the differences between using * and &amp; to compare values for equality?</t>
  </si>
  <si>
    <t>&lt;p&gt;I think I understand, at a very high level what the difference between &lt;code&gt;&amp;amp;&lt;/code&gt; and &lt;code&gt;*&lt;/code&gt; in Rust is as it pertains to memory management.  &lt;/p&gt;
&lt;p&gt;What is the difference between the following code snippets.  Are there dangers to applying one approach versus the other?&lt;/p&gt;
&lt;pre&gt;&lt;code&gt;for (i, item) in bytes.iter().enumerate() {
    if *item == b' ' {
        return i;
    }
}
&lt;/code&gt;&lt;/pre&gt;
&lt;pre&gt;&lt;code&gt;for (i, &amp;amp;item) in bytes.iter().enumerate() {
    if item == b' ' {
        return i;
    }
}
&lt;/code&gt;&lt;/pre&gt;
&lt;pre&gt;&lt;code&gt;for (i, item) in bytes.iter().enumerate() {
    if item == &amp;amp;b' ' {
        return i;
    }
}
&lt;/code&gt;&lt;/pre&gt;
&lt;p&gt;As I understand it, when I return a value from &lt;code&gt;iter()&lt;/code&gt; I am returning a reference to the element found in &lt;code&gt;bytes&lt;/code&gt;. If I want to make a comparison on the item, I need to either compare between two references &lt;code&gt;&amp;amp;u8&lt;/code&gt; or I need to make &lt;code&gt;&amp;amp;item&lt;/code&gt; a reference itself so that when I call &lt;code&gt;item&lt;/code&gt; it is of type &lt;code&gt;u8&lt;/code&gt;, or I need to dereference &lt;code&gt;item&lt;/code&gt; when I compare it so that &lt;code&gt;item&lt;/code&gt; = &lt;code&gt;&amp;amp;u8&lt;/code&gt; -&gt; &lt;code&gt;*item&lt;/code&gt; = &lt;code&gt;u8&lt;/code&gt;.&lt;/p&gt;
&lt;ol&gt;
&lt;li&gt;&lt;p&gt;When I run the code using &lt;code&gt;(i, &amp;amp;item)&lt;/code&gt;, when I call &lt;code&gt;item&lt;/code&gt; later on, is this exactly the same thing as dereferencing in the second example, or is there a fundamental difference about how the compiler is interpreting the first code snippet and the second code snippet?&lt;/p&gt;&lt;/li&gt;
&lt;li&gt;&lt;p&gt;Is there anything wrong with the third code snippet? I realize this is a bit of an opinion based question.  I realize that if I were to assign a value to another variable using &lt;code&gt;item&lt;/code&gt; (or &lt;code&gt;*item&lt;/code&gt;, or assigning the value as a reference) I would have different datatypes being returned later on.  Aside from managing your data types, is there anything else to keep in mind when considering if &lt;code&gt;item == &amp;amp;b' '&lt;/code&gt; is the right tool for the job?&lt;/p&gt;&lt;/li&gt;
&lt;/ol&gt;</t>
  </si>
  <si>
    <t>2018-10-06 18:32:28.267000+00:00</t>
  </si>
  <si>
    <t>2018-10-06 23:19:32.233000+00:00</t>
  </si>
  <si>
    <t>2018-10-06 19:35:34.607000+00:00</t>
  </si>
  <si>
    <t>Find object in Firebase database</t>
  </si>
  <si>
    <t>&lt;p&gt;Sorry am newbie to Firebase. here is my sample database.&lt;/p&gt;
&lt;pre&gt;&lt;code&gt;{
  groups:{
    #groupid:{
      members:{
        #userid:
      }
      name:
    }
  }
}
&lt;/code&gt;&lt;/pre&gt;
&lt;p&gt;&lt;a href="https://i.stack.imgur.com/iKPP5.png" rel="nofollow noreferrer"&gt;&lt;img src="https://i.stack.imgur.com/iKPP5.png" alt="enter image description here"&gt;&lt;/a&gt;&lt;/p&gt;
&lt;p&gt;I am trying to find user's group. I am able to get data when I search with group name:&lt;/p&gt;
&lt;pre&gt;&lt;code&gt;let lRef = FIRDatabase.database().referenceWithPath("groups")
    lRef.queryOrderedByChild("name").queryEqualToValue("one").observeSingleEventOfType(.Value, withBlock: { snapshot in
        print("hello world \(snapshot.value)")
    })
&lt;/code&gt;&lt;/pre&gt;
&lt;p&gt;But I am not able to get when I search with user id in members. Somebody please help me to get this done.&lt;/p&gt;</t>
  </si>
  <si>
    <t>2017-01-09 16:19:27.947000+00:00</t>
  </si>
  <si>
    <t>2017-01-10 03:32:27.920000+00:00</t>
  </si>
  <si>
    <t>ios|swift|firebase|firebase-realtime-database</t>
  </si>
  <si>
    <t>How to pass optional parameter to @Directives in Angular 2 with TypeScript?</t>
  </si>
  <si>
    <t>&lt;p&gt;&lt;a href="https://stackoverflow.com/questions/38843532/how-to-pass-multiple-parameter-to-directives-in-angular-2-with-typescript"&gt;This is how you insert params into a directive.&lt;/a&gt;&lt;/p&gt;
&lt;pre&gt;&lt;code&gt;&amp;lt;p [gridGroup]="gridGroup"&amp;gt;&amp;lt;/p&amp;gt;
&lt;/code&gt;&lt;/pre&gt;
&lt;p&gt;But what I am wanting to do is make the param optional so that I won't have to always include it within my class. &lt;/p&gt;
&lt;p&gt;I am required to insert gridGroup in each class that references this html source. &lt;/p&gt;
&lt;p&gt;I have tried&lt;/p&gt;
&lt;pre&gt;&lt;code&gt;&amp;lt;p [gridGroup?]="gridGroup"&amp;gt;&amp;lt;/p&amp;gt;
&lt;/code&gt;&lt;/pre&gt;
&lt;p&gt;and &lt;/p&gt;
&lt;pre&gt;&lt;code&gt;&amp;lt;p [gridGroup]="gridGroup?"&amp;gt;&amp;lt;/p&amp;gt;
&lt;/code&gt;&lt;/pre&gt;
&lt;p&gt;Both give me compile errors&lt;/p&gt;</t>
  </si>
  <si>
    <t>2017-07-18 14:45:06.463000+00:00</t>
  </si>
  <si>
    <t>2017-07-18 14:59:25.863000+00:00</t>
  </si>
  <si>
    <t>2017-07-18 14:47:05.567000+00:00</t>
  </si>
  <si>
    <t>javascript|angular</t>
  </si>
  <si>
    <t>Find mean of value row wise in a list</t>
  </si>
  <si>
    <t>&lt;p&gt;I am trying find mean of the values in two columns. &lt;/p&gt;
&lt;p&gt;Input:&lt;/p&gt;
&lt;pre&gt;&lt;code&gt;tweetcricscore  34 #afgvssco   51
tweetcricscore  23 #afgvszim   46
tweetcricscore  24 #banvsire   12
tweetcricscore  456 #banvsned  46
tweetcricscore  653 #canvsnk   1
tweetcricscore  789 #cricket   178
tweetcricscore  625 #engvswi   46
tweetcricscore  86 #hkvssco    23
tweetcricscore  3 #indvsban    1
tweetcricscore  87 #sausvsvic  8
tweetcricscore  98 #wt20       56
&lt;/code&gt;&lt;/pre&gt;
&lt;p&gt;I am trying to find the mean value of &lt;code&gt;col[1]&lt;/code&gt; and &lt;code&gt;col[3]&lt;/code&gt; horizontally. I.e. &lt;/p&gt;
&lt;pre&gt;&lt;code&gt;34 + 51 / 2 = 42.5
&lt;/code&gt;&lt;/pre&gt;
&lt;p&gt;Code: &lt;/p&gt;
&lt;pre&gt;&lt;code&gt;data = np.genfromtxt('keyword.csv', delimiter=',', comments=None)
d0=data[:,1]
d1=data[;,3]
&lt;/code&gt;&lt;/pre&gt;
&lt;p&gt;and write the output &lt;code&gt;d2&lt;/code&gt; in &lt;code&gt;col[4]&lt;/code&gt; in same input file. &lt;/p&gt;
&lt;p&gt;I can find many samples for the vertical calculation of mean but not able to find horizontal. The array is NOT to be sorted as both the values are related to each other with respect to &lt;code&gt;col[0]&lt;/code&gt; and &lt;code&gt;col[2].&lt;/code&gt; Any suggestion is appreciated. &lt;/p&gt;
&lt;p&gt;Thanks in advance. &lt;/p&gt;</t>
  </si>
  <si>
    <t>2016-05-10 15:54:03.503000+00:00</t>
  </si>
  <si>
    <t>2016-05-10 16:59:51.803000+00:00</t>
  </si>
  <si>
    <t>python|numpy|mean|mathematical-expressions</t>
  </si>
  <si>
    <t>Sql Query Pervious Row Optimisation</t>
  </si>
  <si>
    <t>&lt;p&gt;Here is my table structure&lt;/p&gt;
&lt;pre&gt;&lt;code&gt;MyTable
-----------
ObjectID int (Identity),           -- Primary Key
FileName varchar(10),
CreatedDate datetime
...........
...........
...........
&lt;/code&gt;&lt;/pre&gt;
&lt;p&gt;I need to get the time taken to create record in a file... ie... Time elapsed between the previous record in the same file and the current record of the same file&lt;/p&gt;
&lt;p&gt;ie... If the records are &lt;/p&gt;
&lt;pre&gt;&lt;code&gt;ObjectID    FileName    CreatedDate (just showing the time part here)
--------    --------    -----------
1           ABC         10:23
2           ABC         10:25
3           DEF         10:26
4           ABC         10:30
5           DEF         10:31
6           DEF         10:35
&lt;/code&gt;&lt;/pre&gt;
&lt;p&gt;The required output is...&lt;/p&gt;
&lt;pre&gt;&lt;code&gt;ObjectID    FileName    CreatedDate     PrevRowCreatedDate
--------    --------    ----------- ---------------
1           ABC         10:23           NULL
2           ABC         10:25           10:23
3           DEF         10:26           NULL
4           ABC         10:30           10:25
5           DEF         10:31           10:26
6           DEF         10:35           10:31
&lt;/code&gt;&lt;/pre&gt;
&lt;p&gt;So far I got this query, but it is taking a very long time than expected... Is there a better way to do it...&lt;/p&gt;
&lt;pre&gt;&lt;code&gt;    Select  A.ObjectID, 
        A.FileName
        A.CreatedDate as CreatedDate, 
        B.PrevRowCreatedDate,
        datediff("SS", '1900-01-01 00:00:00', Coalesce((A.CreatedDate - B.PrevRowCreatedDate),0)) as secondsTaken
    from MyTable as A 
        Cross Apply (       
        (Select PrevRowCreatedDate = Max(CreatedDate) from MyTable as BB 
                        where   BB.FileName = A.FileName and 
                                BB.CreatedDate &amp;lt; A.CreatedDate
        )
        ) as B  
&lt;/code&gt;&lt;/pre&gt;
&lt;p&gt;Please let me know incase you need more information&lt;/p&gt;
&lt;p&gt;Thanks&lt;/p&gt;</t>
  </si>
  <si>
    <t>2010-08-06 14:19:17.347000+00:00</t>
  </si>
  <si>
    <t>2015-07-27 19:58:48.733000+00:00</t>
  </si>
  <si>
    <t>sql|sql-server-2005|query-optimization</t>
  </si>
  <si>
    <t>Angular JS search filter is not filtering the data by using Firebase</t>
  </si>
  <si>
    <t>&lt;p&gt;The problem I am encountering is that the search filter does not filter the table. Any advice or help of what the issue can be? The application I am making is simple, the user shall input two text strings and save it so data can be stored in firebase database. Then filter the able by searching. However, the searching does not work. &lt;/p&gt;
&lt;p&gt;&lt;a href="https://plnkr.co/edit/PMoxOEcmYDMLMS7Rdr84?p=preview" rel="nofollow"&gt;Click here to access plunker&lt;/a&gt;&lt;/p&gt;
&lt;p&gt;Index.html &lt;/p&gt;
&lt;pre&gt;&lt;code&gt; &amp;lt;table class="table table-bordered"&amp;gt;
  &amp;lt;thead&amp;gt;
    &amp;lt;th&amp;gt;Plate Number&amp;lt;/th&amp;gt;
    &amp;lt;th&amp;gt;Car Brand&amp;lt;/th&amp;gt;
  &amp;lt;/thead&amp;gt;
  &amp;lt;tbody&amp;gt;
    &amp;lt;tr ng-repeat="customer in customers | filter:search"&amp;gt;
      &amp;lt;td&amp;gt;{{customer.CustomerPlateNumber}}&amp;lt;/td&amp;gt;
      &amp;lt;td&amp;gt;{{customer.CustomerCarBrand}}&amp;lt;/td&amp;gt;
    &amp;lt;/tr&amp;gt;
  &amp;lt;/tbody&amp;gt;
&amp;lt;/table&amp;gt;
&lt;/code&gt;&lt;/pre&gt;
&lt;p&gt;script.js (Using firebase)&lt;/p&gt;
&lt;pre&gt;&lt;code&gt;angular.module('myApp', []);
angular.module('myApp').controller('customerCtrl', function($scope) {
  $scope.CustomerPlateNumber = "";
  $scope.CustomerCarBrand = "";
  $scope.customers = {};
  $scope.myData = new Firebase("https://sizzling-torch-2102.firebaseio.com/CustomerInformation");
  // PS, husk at CustomerPlatenumber: m�� v��re lik navnet p�� ng-model. 
  $scope.saveCustomerData = function() {
    $scope.myData.push({CustomerPlateNumber: $scope.CustomerPlateNumber, CustomerCarBrand: $scope.CustomerCarBrand});
  // Empty input after storing data
  $scope.CustomerPlateNumber = "";
  $scope.CustomerCarBrand = "";
  };
  // Two parameters, needs to know what its going to be fired upon, and a function that tells what to do when it is fired. 
  $scope.myData.on('value', function(snapshot) {
    $scope.customers = snapshot.val();
    //not recommended, look at "refresh bindings angular"
    $scope.$apply(); 
  });
});
&lt;/code&gt;&lt;/pre&gt;</t>
  </si>
  <si>
    <t>2016-02-10 12:38:03.380000+00:00</t>
  </si>
  <si>
    <t>2016-02-10 13:16:33.390000+00:00</t>
  </si>
  <si>
    <t>javascript|angularjs|filter|firebase|plunker</t>
  </si>
  <si>
    <t>String operation in Java</t>
  </si>
  <si>
    <t>&lt;p&gt;Is this code correct? I have mentioned my doubts in the form of comments in some places: &lt;/p&gt;
&lt;pre&gt;&lt;code&gt;public class pract1
{
    public static void main (String[] args)
    {
        int i;
        String [] array = new String[20]; // Is this declaration correct?
        BufferedReader br = new BufferedReader(new InputStreamReader(System.in));
        System.out.println("Enter the Array: ");
        array = br.readLine(); // Is this the correct way to accept input from keyboard?
        i=0;
        while(array[i]!='\0') // Can I use the null pointer concept in Java?
        {
            System.out.println("The "+(i+1)+"character is:" +array[i]+"\n"); //Want to print each and every characters in string along with its position
            i++;
        }   
    }
}
&lt;/code&gt;&lt;/pre&gt;</t>
  </si>
  <si>
    <t>2014-04-22 08:28:31.683000+00:00</t>
  </si>
  <si>
    <t>2014-04-22 10:09:23.870000+00:00</t>
  </si>
  <si>
    <t>Access 2003: How to update TableA from TableB based on condition</t>
  </si>
  <si>
    <t>&lt;p&gt;I'm getting error "Operation must use an updateable query" with the following code, any help would be greatly appreciated. &lt;/p&gt;
&lt;pre&gt;&lt;code&gt;update reportbyjobtable 
set [StepAtPP22010]  = (SELECT TOP 1 PTTIMERATE.STEP FROM PTTIMERATE WHERE PTTIMERATE.TIMEREQUIRE&amp;lt;= REPORTBYJOBTABLE.TOTALHOUR93TOPP012010 
ORDER BY PTTIMERATE.TIMEREQUIRE DESC)
where [benefits start date]&amp;gt;#8/28/2010#
&lt;/code&gt;&lt;/pre&gt;
&lt;p&gt;Thanks so much!&lt;/p&gt;</t>
  </si>
  <si>
    <t>2011-02-01 15:41:54.047000+00:00</t>
  </si>
  <si>
    <t>2011-02-01 17:08:05.890000+00:00</t>
  </si>
  <si>
    <t>2011-02-01 15:59:25.120000+00:00</t>
  </si>
  <si>
    <t>Validation Existing Data with Create and Edit Action</t>
  </si>
  <si>
    <t>&lt;hr&gt;
&lt;p&gt;I'm a beginner programming ASP.NET and MVC. I have a question (my title).
Firstly, I built Create action. Follow the link:
&lt;a href="http://www.tugberkugurlu.com/archive/check-instantly-if-username-exists-asp-net-mvc-remote-validation" rel="nofollow"&gt;http://www.tugberkugurlu.com/archive/check-instantly-if-username-exists-asp-net-mvc-remote-validation&lt;/a&gt;.&lt;/p&gt;
&lt;p&gt;But in that way, my edit action will check and get error about Existing Data. 
My question is how to skip Check existing data while I work with Edit Action.
Thanks for help.&lt;/p&gt;</t>
  </si>
  <si>
    <t>2014-06-09 07:44:10.480000+00:00</t>
  </si>
  <si>
    <t>2014-06-09 16:41:07.463000+00:00</t>
  </si>
  <si>
    <t>Doesn't return occurrences</t>
  </si>
  <si>
    <t>&lt;p&gt;I can't figure out how to get occurrences to work, it just outputs 0's.
The output should look like this:&lt;/p&gt;
&lt;p&gt;List: 2 1 0 1 0 1 4 3 4 2 4 3 3 0 0 4 0 1 3 2
Occurrences of 0: 5
Occurrences of 1: 4
Occurrences of 2: 3
Occurrences of 3: 4
Occurrences of 4: 4&lt;/p&gt;
&lt;pre&gt;&lt;code&gt;public class PEX6
 {
    private static int CountValue
    (ListInterface&amp;lt;Integer&amp;gt; theList, int theValue)
    {
        theList.reset();
        int nFound = 0;
        for (int i=0; i&amp;lt;=19; i++)
        {
            theList.getNext();
            if (theList.equals(theValue))
            {
                nFound++;
            }
        }
        return nFound;
    }
    public static void main(String[] args)
    {
        ListInterface&amp;lt;Integer&amp;gt; theList = new RefList&amp;lt;Integer&amp;gt;();
        for (int i = 0; i &amp;lt;= 19; i++)
        {
            int Random = ((int)(Math.random()*4));
                theList.add(new Integer(Random));
        }
                theList.writeLinkedList();
                theList.toString();
        int [] valueCount = new int[5];
            for (int i = 0; i &amp;lt; 4; i++)
            {
                valueCount[i] = CountValue(theList, i);
            }
            System.out.println("Occurrences of 0:"+ valueCount[0]);
            System.out.println("Occurrences of 1:"+ valueCount[1]);
            System.out.println("Occurrences of 2:"+ valueCount[2]);
            System.out.println("Occurrences of 3:"+ valueCount[3]);
            System.out.println("Occurrences of 4:"+ valueCount[4]);
    }
 }
&lt;/code&gt;&lt;/pre&gt;
&lt;p&gt;Main file implements these two files:&lt;/p&gt;
&lt;pre&gt;&lt;code&gt;class LLObjectNode&amp;lt;T&amp;gt;
 {
    private LLObjectNode&amp;lt;T&amp;gt; link;
    private T info;
    public LLObjectNode ( T theInfo )
    {
        info = theInfo;
        link = null;
    }
    public void setInfo ( T theInfo )
    {
        info = theInfo;
    }
    public T getInfo()
    {
        return info;
    }
    public void setLink ( LLObjectNode&amp;lt;T&amp;gt; theLink )
    {
        link = theLink;
    }
    public LLObjectNode&amp;lt;T&amp;gt; getLink()
    {
        return link;
    }
 }
 // Stores and manipulates collection of objects in accordance with ListInterface functionality:
 public class RefList&amp;lt;T&amp;gt; implements ListInterface&amp;lt;T&amp;gt;
 {
    // Stores number of elements within list:
    protected int numElements;
    /*
     * Points to first node of list:
     *
     * This variable will be set to null, when list is empty.
     */
     protected LLObjectNode&amp;lt;T&amp;gt; first;
     /*
      * Used for iteration through list:
      *
      * This variable will be set to null until call is made to reset() method,
      * at which this variable will point to first element of list:
      */
      protected LLObjectNode&amp;lt;T&amp;gt; currentPos;
      // Used to locate elements on list:
      // Set to true if find (...) is successful:
      protected boolean found;
      // Points to the found element:
      protected LLObjectNode&amp;lt;T&amp;gt; location;
      // Points to element preceding the found element:
      protected LLObjectNode&amp;lt;T&amp;gt; previous;
      /*
       * Attempts to find element contained within list that exists as a copy
       * of the given object:
       *
       * If find is successful, the found variable will be set to true, the location
       * variable will point to found element, and the previous variable will point to the
       * element preceding the found element, unless the found element is the first element of list.
       */
       protected void find ( T theTarget )
       {
            found = false;
            location = first;
            previous = null;
            while ( location != null )
            {
                if ( location.getInfo().equals( theTarget ))
                {
                    found = true;
                    break;
                }
                else
                {
                    previous = location;
                    location = location.getLink();
                }
            }
        }
        // Creates empty list:
        public RefList()
        {
            currentPos = null;
            first = null;
            numElements = 0;
        }
        // Returns number of elements within list:
        public int size()
        {
            return numElements;
        }
        // Returns true if this list contains copy of given object:
        public boolean contains ( T theTarget )
        {
            find( theTarget );
            return found;
        }
        // Removes first element found in list that exists as copy of given
        // object and returns true  if such element was found:
        public boolean remove ( T theTarget )
        {
            find( theTarget );
            if ( found )
            {
                if ( location == first )
                    first = first.getLink();
                else
                    previous.setLink( location.getLink());
                --numElements;
            }
        return found;
        }
    // Returns reference to first element found within list that exists as copy
    // of given object or null if no such element was found:
    public T get ( T theTarget )
    {
        find( theTarget );
        if ( found )
            return location.getInfo();
        else
            return null;
    }
    // Returns a nicely formatted string representation fo this list:
    public String toString()
    {
        LLObjectNode node = first;
        StringBuffer buff = new StringBuffer ( "List:" );
        while ( node != null )
        {
            buff.append( " " + node.getInfo());
            node = node.getLink();
        }
        return buff.toString();
    }
    // Prints contents of this list to screen:
    public void writeLinkedList()
    {
        System.out.println( toString());
    }
    // Initializes this list for iteration:
    public void reset()
    {
        currentPos = first;
    }
    /*
     * Returns reference to element located at currentPos and increments currentPos
     * to point to next element contained within list:
     *
     * If correntPos is pointing to last element in list, it will be reset to point to
     * first element in list.
     *
     * @Preconditions:
     *      This list is not empty.
     *      This list has been reset.
     *      This list has not been modified since last reset.
     */
     public T getNext()
     {
        T next = currentPos.getInfo();
        if ( currentPos.getLink()== null )
            currentPos = first;
        else
            currentPos = currentPos.getLink();
        return next;
     }
     // Inserts given object onto front of list:
     public void add ( T theObject )
     {
        LLObjectNode&amp;lt;T&amp;gt; node = new LLObjectNode&amp;lt;T&amp;gt; ( theObject);
        node.setLink( first );
        first = node;
        ++numElements;
     }
 }
public interface ListInterface&amp;lt;T&amp;gt;
{
    // Returns number of elements within list:
    int size();
    /* Returns tru if list contains a copy of given object:
     *
     * Comparisons should be performed by calling the equals(...) method of
     * each element, passing the given object as an argument
     */
    boolean contains ( T theObject);
    /*
     * Removes the first element found within this list that exists as a copy of
     * the given object and returns true if element was found:
     */
    boolean remove ( T theObject);
    /*
     * Returns reference to first element found within this list that exists as a
     * copy of the given object or null if no such element was found:
     */
    Object get ( T element);
    // Returns a nicely formatted string representation of this list:
    String toString();
    // Prints the contents of this list to screen:
    void writeLinkedList();
    // Initializes this list for iteration (use of the getNext() method):
    void reset();
    /*
     * Returns reference to the element located at the iterator's current
     * position and increment the iterator:
     *
     * If iterator is currently pointing to the last element in this list,
     * the iterator should be reset to point to first element in list.
     *
     * @Preconditions:
     *      This list is not empty.
     *      This list has been reset.
     *      This list has not been modified since last reset.
     */
     T getNext();
     // Inserts the given object onto front of list:
     void add ( T theObject);
}
&lt;/code&gt;&lt;/pre&gt;</t>
  </si>
  <si>
    <t>2013-04-30 00:50:16.050000+00:00</t>
  </si>
  <si>
    <t>2013-04-30 01:02:08.613000+00:00</t>
  </si>
  <si>
    <t>How to erase a section using Jlink script</t>
  </si>
  <si>
    <t>&lt;p&gt;Currently i use:&lt;/p&gt;
&lt;p&gt;&lt;em&gt;erase&lt;/em&gt;&lt;/p&gt;
&lt;p&gt;&lt;em&gt;loadfile "image.hex"&lt;/em&gt;&lt;/p&gt;
&lt;p&gt;&lt;strong&gt;How can i erase only the section of the image?&lt;/strong&gt; 
the image size is known. &lt;/p&gt;</t>
  </si>
  <si>
    <t>2017-10-30 09:24:42.777000+00:00</t>
  </si>
  <si>
    <t>2017-10-30 13:02:51.967000+00:00</t>
  </si>
  <si>
    <t>jlink|swd</t>
  </si>
  <si>
    <t>looking for HTML tutorials</t>
  </si>
  <si>
    <t>&lt;p&gt;Does anyone know the type of scrolling used in these websites? &lt;a href="http://www.mimochai.com/" rel="nofollow"&gt;http://www.mimochai.com/&lt;/a&gt; and &lt;a href="http://www.jennetliaw.com/#design" rel="nofollow"&gt;http://www.jennetliaw.com/#design&lt;/a&gt;. Where you get that sliding effect when you scroll down. I'm looking for the terminology but can't find if there's a word to describe it.&lt;/p&gt;</t>
  </si>
  <si>
    <t>2015-03-27 18:35:28.007000+00:00</t>
  </si>
  <si>
    <t>2015-03-27 18:43:21.233000+00:00</t>
  </si>
  <si>
    <t>jquery|html|css|web</t>
  </si>
  <si>
    <t>Find out if a combination of 2 Cells values right next to each has been entered previously in 2 columns</t>
  </si>
  <si>
    <t>&lt;p&gt;So I have column A and B, we manually enter the values of this 2 columns to record when we change from Part A to Part B, if its in the file it means the change could be performed after some investigation. We do this manually every time a change of part number is requested.&lt;/p&gt;
&lt;p&gt;To avoid this search with manual search or filtering, I want to know if its possible with an Excel Macro or a function to search in the whole columns if the combination of the values in, for example, A2131 &amp;amp; B2131 have been entered before (For example it was entered before in A1521 &amp;amp; B1521), and if yes, return a 1 or a yes, or anything that tells me it has been done before, and if it isn't, return something else.&lt;/p&gt;
&lt;p&gt;I have tried to use vlook up, but I can only compare one column vs another, is there a way to compare 2 columns for example, which is what I need.&lt;/p&gt;</t>
  </si>
  <si>
    <t>2018-07-13 22:03:12.877000+00:00</t>
  </si>
  <si>
    <t>2018-07-13 22:40:27.823000+00:00</t>
  </si>
  <si>
    <t>excel|excel-vba|vlookup</t>
  </si>
  <si>
    <t>Loading data in constructors and not in constructors</t>
  </si>
  <si>
    <t>&lt;p&gt;I just want to know the difference between loading the data inside the constructor and loading the data outside the constructor but not inside any methods&lt;/p&gt;
&lt;p&gt;example: Loading inside constructor &lt;/p&gt;
&lt;pre&gt;&lt;code&gt;public class Model{
   Object testobject;
   public Model(){
      testobject=new Object();
   }
}
&lt;/code&gt;&lt;/pre&gt;
&lt;p&gt;VS&lt;/p&gt;
&lt;p&gt;example: Loading outside constructor&lt;/p&gt;
&lt;pre&gt;&lt;code&gt;public class Model{
   Object testobject=new Object();
   public Model(){
   }
}
&lt;/code&gt;&lt;/pre&gt;</t>
  </si>
  <si>
    <t>2010-06-08 13:19:38.080000+00:00</t>
  </si>
  <si>
    <t>2010-06-08 14:22:28.983000+00:00</t>
  </si>
  <si>
    <t>2010-06-08 13:21:11.703000+00:00</t>
  </si>
  <si>
    <t>java|constructor</t>
  </si>
  <si>
    <t>Integrating Wordpress MU Blog into Web Site</t>
  </si>
  <si>
    <t>&lt;p&gt;I have a wordpress multisite network and it has 6 blogs who's posts I want to extract and put into 6 different pages on a separate website (this separate website is not wordpress based but it is php based). Its kind of like integrating wordpress blog into my own website but it does'nt seem to work for wordpress MU blogs. I spent all morning searching the web on how to do this but have come up with nothing. Anyone have any idea on how I can achieve this?&lt;/p&gt;
&lt;p&gt;Thanks&lt;/p&gt;</t>
  </si>
  <si>
    <t>2011-12-20 17:04:49.460000+00:00</t>
  </si>
  <si>
    <t>2012-04-05 16:06:46.903000+00:00</t>
  </si>
  <si>
    <t>How to add the helper to `underscorejs` template?</t>
  </si>
  <si>
    <t>&lt;p&gt;I am trying to add the helper function to my &lt;code&gt;underscore&lt;/code&gt; template. But I am not able to do this. any one can please correct me?&lt;/p&gt;
&lt;p&gt;here is my tempalate:&lt;/p&gt;
&lt;pre&gt;&lt;code&gt;&amp;lt;script type="text/template" id="table"&amp;gt;
    &amp;lt;table&amp;gt;
        &amp;lt;tbody&amp;gt;
            &amp;lt;tr&amp;gt;
                &amp;lt;% _.each(obj.titles, function(item){ %&amp;gt;
                    &amp;lt;td&amp;gt;&amp;lt;%= item.label %&amp;gt;
                &amp;lt;% }); %&amp;gt;
            &amp;lt;/tr&amp;gt;
        &amp;lt;/tbody&amp;gt;
    &amp;lt;/table&amp;gt;
&amp;lt;/script&amp;gt;
&lt;/code&gt;&lt;/pre&gt;
&lt;p&gt;Here is my js:&lt;/p&gt;
&lt;pre&gt;&lt;code&gt;var viewHelper = {
    getProperty: function(propertyName) {
        console.log('getProperty ' + propertyName);
        return propertyName;
    }
};
var obj = {
    "titles" : [
            {"label" : "-----Totals for Month----   "},
            {"label":"-----Previous Year-----"}
    ]
};
var template = _.template($('#table').html());
var html =  _.extend(obj, viewHelper);
$('body').html(template(html));
&lt;/code&gt;&lt;/pre&gt;
&lt;p&gt;But I am not able to get any call in to my helper function at all..&lt;/p&gt;
&lt;p&gt;please update in to my fiddle;&lt;/p&gt;
&lt;p&gt;&lt;a href="http://jsfiddle.net/rcr45c9z/" rel="nofollow"&gt;fiddle&lt;/a&gt;&lt;/p&gt;</t>
  </si>
  <si>
    <t>2014-09-10 05:18:21.413000+00:00</t>
  </si>
  <si>
    <t>2014-09-10 08:08:09.210000+00:00</t>
  </si>
  <si>
    <t>javascript|jquery|underscore.js|underscore.js-templating</t>
  </si>
  <si>
    <t>Boost Spirit X3: "Attribute does not have the expected size," but why does it care?</t>
  </si>
  <si>
    <t>&lt;p&gt;I am trying to write a parser with Spirit X3, but I haven't gotten very far because I'm running into a compilation error that I can't figure out. I think I know what the compiler is complaining about, but what I don't understand is why it cares. The following code compiles (clang 3.9, Boost 1.62.0) and works. (I realize it's structured poorly and that there are built-in parsers for constants; I'm just trying to demonstrate the issue.)&lt;/p&gt;
&lt;pre&gt;&lt;code&gt;#define BOOST_SPIRIT_X3_DEBUG
#include &amp;lt;iostream&amp;gt;
#include &amp;lt;boost/spirit/home/x3.hpp&amp;gt;
using namespace std;
namespace x3 = boost::spirit::x3;
namespace lang {
    using namespace x3;
    struct Constant {
    };
    rule&amp;lt;class constant_id, Constant&amp;gt; const constant = "constant";
    auto const integer_literal = -char_('-') &amp;gt;&amp;gt; +digit;
    auto const float_literal = -char_('-') &amp;gt;&amp;gt; +digit &amp;gt;&amp;gt; -(char_('.') &amp;gt;&amp;gt; *digit);
    auto const constant_def = (integer_literal)[([](auto &amp;amp;ctx) { _val(ctx) = Constant(); })];
    BOOST_SPIRIT_DEFINE(constant);
}
int main(int argc, char *argv[]) {
    string s("3.14159");
    if (x3::phrase_parse(s.begin(), s.end(), lang::constant, x3::space)) {
        cout &amp;lt;&amp;lt; "Ok!";
    } else {
        cout &amp;lt;&amp;lt; "Error!";
    }
    return 0;
}
&lt;/code&gt;&lt;/pre&gt;
&lt;p&gt;However, if I change constant_def to use float_literal instead of integer_literal:&lt;/p&gt;
&lt;pre&gt;&lt;code&gt;auto const constant_def = (float_literal)[([](auto &amp;amp;ctx) { _val(ctx) = Constant(); })];
&lt;/code&gt;&lt;/pre&gt;
&lt;p&gt;I start to get a compilation error.&lt;/p&gt;
&lt;pre&gt;&lt;code&gt;sequence.hpp:143:9: error: static_assert failed "Attribute does not have the expected size."
    static_assert(
    ^
&lt;/code&gt;&lt;/pre&gt;
&lt;p&gt;Looking at the source, I see a message:&lt;/p&gt;
&lt;pre&gt;&lt;code&gt;// If you got an error here, then you are trying to pass
// a fusion sequence with the wrong number of elements
// as that expected by the (sequence) parser.
&lt;/code&gt;&lt;/pre&gt;
&lt;p&gt;I think that the error has to do with the presence of the optional in the definition of float_literal. I believe that the attribute type of &lt;code&gt;integer_literal&lt;/code&gt; is something like &lt;code&gt;vector&amp;lt;char&amp;gt;&lt;/code&gt; but that the optional causes the attribute of &lt;code&gt;float_literal&lt;/code&gt; to be something like &lt;code&gt;tuple&amp;lt;vector&amp;lt;char&amp;gt;, optional&amp;lt;vector&amp;lt;char&amp;gt;&amp;gt;&amp;gt;&lt;/code&gt;? And somewhere I'm trying to force that to be a string or something and it's failing because it's trying to convert a 2-tuple to a 1-tuple. I suspect that the solution is to wrap the &lt;code&gt;float_literal&lt;/code&gt; definition in &lt;code&gt;raw[]&lt;/code&gt; so that I get the underlying string instead, which is want I want anyway. But since this is my first X3 parser, I want to understand why the compiler is raising this error so I can diagnose it if it comes up in another context.&lt;/p&gt;
&lt;p&gt;What I really don't understand is why the compiler cares about the type of &lt;code&gt;float_literal&lt;/code&gt;. I've attached a semantic action that generates an instance of Constant, which is the attribute type of the constant rule, without any reference to the attribute of &lt;code&gt;float_literal&lt;/code&gt;, so why does the compiler care about the attribute of &lt;code&gt;float_literal&lt;/code&gt; at all? Where is it trying to do the unequal-length-sequence assignment, and for what purpose?&lt;/p&gt;
&lt;p&gt;Thanks!&lt;/p&gt;</t>
  </si>
  <si>
    <t>2016-12-12 13:23:47.640000+00:00</t>
  </si>
  <si>
    <t>2016-12-12 15:08:47.590000+00:00</t>
  </si>
  <si>
    <t>c++|boost-spirit|boost-spirit-x3</t>
  </si>
  <si>
    <t>Communicating with a content script on active tab from a Chrome extension's page action popup</t>
  </si>
  <si>
    <t>&lt;p&gt;I'm not getting how to pass data between content script and page action popup.&lt;/p&gt;
&lt;p&gt;I've started with the following simple skeleton, that shows an page action for any page having a minus-dash in title:&lt;/p&gt;
&lt;ul&gt;
&lt;li&gt;&lt;p&gt;Extension manifest (&lt;code&gt;manifest.json&lt;/code&gt;):&lt;/p&gt;
&lt;pre&gt;&lt;code&gt;{
   ���
   "permissions": ["http://example.org/*"],
   "background": {"scripts": ["background.js"]},
   "page_action": {"default_popup": "popup.html", ���},
   "content_scripts": {
     "matches": ["http://example.org/*"],
     "js": ["content.js"]
   }
}
&lt;/code&gt;&lt;/pre&gt;&lt;/li&gt;
&lt;li&gt;&lt;p&gt;Background script (&lt;code&gt;background.js&lt;/code&gt;):&lt;/p&gt;
&lt;pre&gt;&lt;code&gt;chrome.extension.onRequest.addListener(function (msg, sender, respond) {
  if (msg &amp;amp;&amp;amp; msg.what === "match") {
    console.log("Match:", msg.title);
    chrome.pageAction.show(sender.tab.id);
  }
}
&lt;/code&gt;&lt;/pre&gt;&lt;/li&gt;
&lt;li&gt;&lt;p&gt;Content script (&lt;code&gt;content.js&lt;/code&gt;), checking document titles:&lt;/p&gt;
&lt;pre&gt;&lt;code&gt;var title = document.title;
if (title.indexOf("-") &amp;gt;= 0) {
  chrome.extension.sendRequest({"what": "match", "title": title});
}
&lt;/code&gt;&lt;/pre&gt;&lt;/li&gt;
&lt;/ul&gt;
&lt;p&gt;Now, in a page action's popup, I want to show matched page's title. Not the last loaded page's title (as would be done by using &lt;a href="https://stackoverflow.com/a/7217280/116546"&gt;this answer&lt;/a&gt;), but the title of the active tab.&lt;/p&gt;
&lt;p&gt;My first though was to send a query to the content script, but according to documentation &lt;code&gt;chrome.extension.sendMessage&lt;/code&gt; will send it to &lt;em&gt;all&lt;/em&gt; listeners (i.e. all my content scripts on all tabs), without any clear definition on whose response I'll receive back. Also, I can't use &lt;code&gt;chrome.tabs.sendMessage&lt;/code&gt; as it &lt;em&gt;requires&lt;/em&gt; &lt;code&gt;tabId&lt;/code&gt;. Trying to find the current tab using &lt;code&gt;chrome.tabs.getCurrent&lt;/code&gt; will return &lt;code&gt;null&lt;/code&gt;, as the query comes from non-tab context (from a popup).&lt;/p&gt;
&lt;p&gt;I guess I could probably use &lt;code&gt;chrome.tabs.executeScript&lt;/code&gt; to communicate, but this just feels dirty.&lt;/p&gt;
&lt;p&gt;Still, I believe, this is a basic thing that should be very simple to do and I'm just missing something. Could someone, please, help me, preferably, with an example code?&lt;/p&gt;
&lt;p&gt;&lt;strong&gt;Update:&lt;/strong&gt; I've found &lt;a href="https://developer.chrome.com/extensions/samples.html#4042eaccda909714a2b78cfe60d59b9f" rel="nofollow noreferrer"&gt;Mappy example extension&lt;/a&gt; and it uses &lt;code&gt;chrome.tabs.onUpdated&lt;/code&gt; to keep track of the active tab. This, unfortunately, requires &lt;code&gt;tabs&lt;/code&gt; permission. Personally, I'd like to use least privileges possible.&lt;/p&gt;
&lt;p&gt;So, is it just unfortunately bad permission system design and I have no choice but to do it this way, or there's any workaround? I'd be happy if &lt;code&gt;chrome.pageAction.onClicked&lt;/code&gt; event handler (which provides &lt;code&gt;Tab&lt;/code&gt; object that I need) would allow me to show a popup...&lt;/p&gt;</t>
  </si>
  <si>
    <t>2013-01-25 20:26:17.957000+00:00</t>
  </si>
  <si>
    <t>2013-01-26 10:17:44.277000+00:00</t>
  </si>
  <si>
    <t>2017-05-23 11:49:02.013000+00:00</t>
  </si>
  <si>
    <t>google-chrome-extension|popup</t>
  </si>
  <si>
    <t>Corona SDK Composer not working, but also not giving me any errors</t>
  </si>
  <si>
    <t>&lt;p&gt;I have this small game I made, everything worked great but I decided it was time to add a start menu in order to make the game more presentable. I tried using Composer for scene management and so far I have not had any luck with it. I don't get any errors through the corona terminal but I don't see anything on the emulator either, I just get a black screen.&lt;/p&gt;
&lt;p&gt;Here is the code&lt;/p&gt;
&lt;pre&gt;&lt;code&gt;local composer = require( "composer" )
local scene = composer.newScene()
-- -----------------------------------------------------------------------------------------------------------------
-- All code outside of the listener functions will only be executed ONCE unless "composer.removeScene()" is called.
-- -----------------------------------------------------------------------------------------------------------------
-- local forward references should go here
-- -------------------------------------------------------------------------------
-- "scene:create()"
function scene:create( event )
    local sceneGroup = self.view
    -- Initialize the scene here.
    -- Example: add display objects to "sceneGroup", add touch listeners, etc.
    --Image Assets
stoneGroup = display.newGroup()
    local bg = display.newImageRect("images/GameBackground.png",display.viewableContentHeight*2,display.viewableContentWidth*2)
    bg.x= display.viewableContentWidth/2
    bg.y = display.viewableContentHeight/2
    bg.anchorX = 0.5
    bg.anchorY = 0.5
    physics = require("physics")
    physics.start()
    physics.setDrawMode( "normal" )
    sceneGroup:insert(bg)
    local bg2 = display.newImageRect("images/GameBackground.png",display.viewableContentHeight*2,display.viewableContentWidth*2)
    bg2.x= display.viewableContentWidth*4
    bg2.y = display.viewableContentHeight/2
    bg2.anchorX = 0.5
    bg2.anchorY = 0.5
    sceneGroup:insert(bg2)
    local ground = display.newRect(display.viewableContentWidth/2,display.viewableContentHeight-84,display.viewableContentWidth*3.5, 65)
    ground.anchorX = 0.5
    ground.anchorY = 0.5
    ground:setFillColor(0,0,0)
    physics.addBody( ground, "static", { density=3.0, friction=0.5, bounce=0.1} )
    sceneGroup:insert(ground)
    local ghost = display.newImageRect("images/Ghost.png", 83,55)
    ghost.y = display.viewableContentHeight-170
    physics.addBody( ghost, "dynamic", { density=3, friction=5.5, bounce=.3 } )
    ghost.isFixedRotation = true
    sceneGroup:insert(ghost)
    local stoned = {"images/Bones_Gravestone_nograss.png", "images/Skull_Gravestone_nograss.png", "images/Web_Gravestone_nograss.png"}
--Stones
        local stone1 = display.newImageRect(stoned[math.random(1,3)], 50,50)
        stone1.x = display.viewableContentWidth * 2.2
        stone1.anchorX = 0.5
        stone1.anchorY = 0.5
        stone1.y = (ground.y - stone1.height-3)
        sceneGroup:insert(stone1)
        local stone2 = display.newImageRect(stoned[math.random(1,3)], 50,50)
        stone2.x = display.viewableContentWidth * 3.2
        stone2.anchorX = 0.5
        stone2.anchorY = 0.5
        stone2.y = (ground.y - stone2.height-3)
        sceneGroup:insert(stone2)
        local stone3 = display.newImageRect(stoned[math.random(1,3)], 50,50)
        stone3.x = display.viewableContentWidth * 5.2
        stone3.anchorX = 0.5
        stone3.anchorY = 0.5
        stone3.y = (ground.y - stone2.height-3)
        sceneGroup:insert(stone3)
        local stone4 = display.newImageRect(stoned[math.random(1,3)], 50,50)
        stone4.x = display.viewableContentWidth * 7.2
        stone4.anchorX = 0.5
        stone4.anchorY = 0.5
        stone4.y = (ground.y - stone2.height-3)
        sceneGroup:insert(stone4)
        local stone5 = display.newImageRect(stoned[math.random(1,3)], 50,50)
        stone5.x = display.viewableContentWidth * 8.5
        stone5.anchorX = 0.5
        stone5.anchorY = 0.5
        stone5.y = (ground.y - stone2.height-3)
        sceneGroup:insert(stone5)
--Grass
    local grass = display.newImageRect("images/Grass.png", display.viewableContentWidth*5, 200)
    grass.anchorX = .5
    grass.y = (display.viewableContentHeight - 171)
    sceneGroup:insert(grass)
--Wall Left
    local leftWall = display.newRect(display.viewableContentWidth-display.viewableContentWidth*2.13, 200,100,display.viewableContentHeight)
    physics.addBody(leftWall,"kinematic", { density=10, friction=10, bounce=5 } )
    leftWall.alpha=0
    sceneGroup:insert(leftWall)
    local rightWall = display.newRect(display.viewableContentWidth*2.13, 200,100,display.viewableContentHeight)
    physics.addBody(rightWall,"kinematic", { density=10, friction=10, bounce=5 } )
    rightWall.alpha=0
    sceneGroup:insert(rightWall)
--Coin
    local coin = display.newImageRect("images/Coin.png", 45, 45)
    coin.x = display.viewableContentWidth*2.5
    coin.y = 350
    physics.addBody( coin, "kinematic", { density=0, friction=0, bounce=0 } )
    sceneGroup:insert(coin)
    local coin2 = display.newImageRect("images/Coin.png", 45, 45)
    coin2.x = coin.x*2.5
    coin2.y = 350
    physics.addBody( coin2, "kinematic", { density=0, friction=0, bounce=0 } )
    sceneGroup:insert(coin2)
    --Score
    scoreNum = tonumber(0)
    local score = display.newText(scoreNum, 0, 0, native.systemFont, 32)
    score.anchorX = .5
    score.anchorY = .5
    score.x = display.viewableContentWidth*1.92
    score.y = 50
    sceneGroup:insert(score)
    --scoreIcon
    local scoreIcon = display.newImageRect("images/Coin.png", 45, 45)
    scoreIcon.y = score.y-2
    scoreIcon.x = score.x - 50
    sceneGroup:insert(scoreIcon)
    -- Listener Functions
--Scrolls bg
function scrollBG(self, event)
    if self.x &amp;lt; -(display.viewableContentWidth*3) then
        self.x = display.viewableContentWidth*4
    else
        self.x = self.x - 3
    end
end
function scrollBG2(self, event)
    if self.x &amp;lt; -(display.viewableContentWidth*3) then
        self.x = display.viewableContentWidth*4
    else
        self.x = self.x - 3
    end
end
-- Jump Function
function jump(event)
    if event.phase == "began" and ghost.y &amp;gt;=  (display.viewableContentHeight-200) then
        ghost:applyForce(200, -4500, ghost.x, ghost.y)
    end
    return true
end
--Scroll Tomb Stone
function scrollStone(self, event)
    if self.x &amp;lt; -(display.viewableContentWidth*3) then
        self.x = display.viewableContentWidth*math.random(2,5)
    else
        self.x = self.x - 5
    end
end
--Scroll Coin
function scrollCoin(self, event)
    if self.x &amp;lt; -(display.viewableContentWidth*3) then
        self.x = display.viewableContentWidth*math.random(2,5)
        self.y = math.random(300, 400)
        physics.addBody(coin, "kinematic", { density=0, friction=0, bounce=0 })
        transition.to(coin, {time=300, alpha=100, width=45, height=45})
    else
        self.x = self.x - 5
    end
end
--Scroll Coin
function scrollCoin2(self, event)
    if self.x &amp;lt; -(display.viewableContentWidth*3) then
        self.x = display.viewableContentWidth*math.random(2,5)
        self.y = math.random(300, 400)
        physics.addBody(coin2,"kinematic", { density=0, friction=0, bounce=0 })
        transition.to(coin2, {time=300, alpha=100, width=45, height=45})
    else
        self.x = self.x - 5
    end
end
    local function removeTheBody()
        physics.removeBody(coin)
    end
    local function removeTheBody2()
        physics.removeBody(coin2)
    end
--Coin Collision
local function onCoinCollision( self, event )
    transition.to(coin, {time=300, alpha=0, width=10, height=30})
    scoreNum = scoreNum+1
    score.text = scoreNum
    timer.performWithDelay( 1, removeTheBody )
end
local function onCoin2Collision( self, event )
    transition.to(coin2, {time=300, alpha=0, width=10, height=30})
    scoreNum = scoreNum+1
    score.text = scoreNum
    timer.performWithDelay( 1, removeTheBody2 )
end
--Stone Physics
physics.addBody( stone1, "static", { density=3, friction=5.5, bounce=.3 } )
physics.addBody( stone2, "static", { density=3, friction=5.5, bounce=.3 } )
physics.addBody( stone3, "static", { density=3, friction=5.5, bounce=.3 } )
physics.addBody( stone4, "static", { density=3, friction=5.5, bounce=.3 } )
physics.addBody( stone5, "static", { density=3, friction=5.5, bounce=.3 } )
end
-- "scene:show()"
function scene:show( event )
    local sceneGroup = self.view
    local phase = event.phase
    if ( phase == "will" ) then
        -- Called when the scene is still off screen (but is about to come on screen).
    elseif ( phase == "did" ) then
        --Tomb Stoned
--Event Listeners
bg.enterFrame=scrollBG
Runtime:addEventListener("enterFrame", bg)
bg2.enterFrame=scrollBG2
Runtime:addEventListener("enterFrame", bg2)
stone1.enterFrame=scrollStone
Runtime:addEventListener("enterFrame", stone1)
stone2.enterFrame=scrollStone
Runtime:addEventListener("enterFrame", stone2)
stone3.enterFrame=scrollStone
Runtime:addEventListener("enterFrame", stone3)
stone4.enterFrame=scrollStone
Runtime:addEventListener("enterFrame", stone4)
stone5.enterFrame=scrollStone
Runtime:addEventListener("enterFrame", stone5)
--Ghost Listener
Runtime:addEventListener("touch", jump)
--Coin Move
coin.enterFrame=scrollCoin
Runtime:addEventListener("enterFrame", coin)
coin.collision=onCoinCollision
coin:addEventListener("collision", coin)
--Coin Move
coin2.enterFrame=scrollCoin2
Runtime:addEventListener("enterFrame", coin2)
coin2.collision=onCoin2Collision
coin2:addEventListener("collision", coin2)
        -- Called when the scene is now on screen.
        -- Insert code here to make the scene come alive.
        -- Example: start timers, begin animation, play audio, etc.
    end
end
-- "scene:hide()"
function scene:hide( event )
    local sceneGroup = self.view
    local phase = event.phase
    if ( phase == "will" ) then
        -- Called when the scene is on screen (but is about to go off screen).
        -- Insert code here to "pause" the scene.
        -- Example: stop timers, stop animation, stop audio, etc.
    elseif ( phase == "did" ) then
        -- Called immediately after scene goes off screen.
    end
end
-- "scene:destroy()"
function scene:destroy( event )
    local sceneGroup = self.view
    -- Called prior to the removal of scene's view ("sceneGroup").
    -- Insert code here to clean up the scene.
    -- Example: remove display objects, save state, etc.
end
-- -------------------------------------------------------------------------------
-- Listener setup
scene:addEventListener( "create", scene )
scene:addEventListener( "show", scene )
scene:addEventListener( "hide", scene )
scene:addEventListener( "destroy", scene )
-- -------------------------------------------------------------------------------
return scene
&lt;/code&gt;&lt;/pre&gt;</t>
  </si>
  <si>
    <t>2015-10-01 19:34:15.340000+00:00</t>
  </si>
  <si>
    <t>2015-10-02 20:34:04.613000+00:00</t>
  </si>
  <si>
    <t>android|lua|corona|corona-storyboard</t>
  </si>
  <si>
    <t>SVG get right mime type when uploading</t>
  </si>
  <si>
    <t>&lt;p&gt;When I upload a SVG to my Symfony application the mimetype is &lt;code&gt;text/html&lt;/code&gt; but it should be &lt;code&gt;image/svg+xml&lt;/code&gt;. Did I miss to configure something in my php to detect the right mimetype?&lt;/p&gt;
&lt;p&gt;Example Code:&lt;/p&gt;
&lt;pre&gt;&lt;code&gt;public function uploadAction(Request $request) 
{
    $uploadFile = $request-&amp;gt;files-&amp;gt;get($name);
    $mimeType = $uploadedFile-&amp;gt;getMimeType();
    // or $mimeType = mime_content_type($uploadedFile-&amp;gt;getPathname());
    // both return "text/html" instead of "image/svg+xml"
    return new Response($mimeType);
}
&lt;/code&gt;&lt;/pre&gt;
&lt;p&gt;I used the Wiki example of svg to test it: &lt;a href="https://upload.wikimedia.org/wikipedia/commons/0/02/SVG_logo.svg" rel="nofollow"&gt;https://upload.wikimedia.org/wikipedia/commons/0/02/SVG_logo.svg&lt;/a&gt;&lt;/p&gt;</t>
  </si>
  <si>
    <t>2016-07-21 12:29:35.547000+00:00</t>
  </si>
  <si>
    <t>2016-07-21 13:11:08.130000+00:00</t>
  </si>
  <si>
    <t>php|symfony|php-7</t>
  </si>
  <si>
    <t>Java reference to selected values of object to another object?</t>
  </si>
  <si>
    <t>&lt;p&gt;sorry if this question was already asked but I don't even know how to formulate it precisely or just can't find it.&lt;/p&gt;
&lt;p&gt;I have class Rule and class Fact&lt;/p&gt;
&lt;pre&gt;&lt;code&gt;public class Rule {
    private Fact first;
    private String operator;
    private Fact second;
    private String operator2;
    private Fact result;
    public boolean fired;
    ...
}
public class Fact {
    private String name;
    private int state;
    private boolean canBeModified;
    ...
}
&lt;/code&gt;&lt;/pre&gt;
&lt;p&gt;Rules I create based on what I have in file, but there are two ways:
&lt;code&gt;a &amp;amp;&amp;amp; b =&amp;gt; c&lt;/code&gt; or &lt;code&gt;b =&amp;gt; a&lt;/code&gt; ( &lt;code&gt;=&amp;gt;&lt;/code&gt; is not implication here but simply result)&lt;/p&gt;
&lt;p&gt;In second case when I lack second fact (&lt;code&gt;b=&amp;gt;a&lt;/code&gt;) I use &lt;code&gt;b&lt;/code&gt; again and make it as &lt;code&gt;b &amp;amp;&amp;amp; b =&amp;gt; a&lt;/code&gt; and here I want to assign values of &lt;code&gt;b&lt;/code&gt; to &lt;code&gt;a&lt;/code&gt; so that &lt;code&gt;a&lt;/code&gt; is dependent on &lt;code&gt;b&lt;/code&gt;, and later when &lt;code&gt;b.state&lt;/code&gt; changes, &lt;code&gt;a.state&lt;/code&gt; changes exactly the same. Same for canBeModified. Only variables names should be different, constant for each fact. 
How to achieve that?&lt;/p&gt;</t>
  </si>
  <si>
    <t>2016-04-17 12:12:32.300000+00:00</t>
  </si>
  <si>
    <t>2016-04-17 13:21:03.497000+00:00</t>
  </si>
  <si>
    <t>Can Google Earth export kml files usable in the Google Earth Api?</t>
  </si>
  <si>
    <t>&lt;p&gt;Is it possible for me to go through and edit my virtual copy of the landscape being worked on and export that to kml, usable in the Google Earth API? In other words if I have my models, and color markings laid over the earth, can I share those certain addons through GE API (not allowing users to edit it).&lt;/p&gt;</t>
  </si>
  <si>
    <t>2014-01-14 03:15:05.713000+00:00</t>
  </si>
  <si>
    <t>2014-02-07 17:35:24.817000+00:00</t>
  </si>
  <si>
    <t>kml|google-earth|google-earth-plugin</t>
  </si>
  <si>
    <t>Count the number of occurrences of a char in a string?</t>
  </si>
  <si>
    <t>&lt;blockquote&gt;
  &lt;p&gt;&lt;strong&gt;Possible Duplicate:&lt;/strong&gt;&lt;br&gt;
  &lt;a href="https://stackoverflow.com/questions/5193893/count-specific-character-occurances-in-string"&gt;Count specific character occurances in string&lt;/a&gt;  &lt;/p&gt;
&lt;/blockquote&gt;
&lt;p&gt;I have a delimeter in string that i have to validate. How can I count occurrences of that char. For now i have a next function.&lt;/p&gt;
&lt;pre&gt;&lt;code&gt;Private Shared Function CountChars(ByVal value As String) As Integer
    Dim count = 0
    For Each c As Char In value
        If c = "$"c Then
            count += 1
        End If
    Next
    Return count
End Function
&lt;/code&gt;&lt;/pre&gt;
&lt;p&gt;Any alternative solution that looks better?&lt;/p&gt;</t>
  </si>
  <si>
    <t>2012-03-30 07:40:50.230000+00:00</t>
  </si>
  <si>
    <t>2012-03-30 14:28:14.403000+00:00</t>
  </si>
  <si>
    <t>2017-05-23 12:25:34.227000+00:00</t>
  </si>
  <si>
    <t>How to change proxy in Laravel Elixir BrowserSync</t>
  </si>
  <si>
    <t>&lt;p&gt;I'm currently using Laravel Elixir and I have a problem with BrowserSync. When I changed the proxy into my domain, it still kept using &lt;strong&gt;&lt;a href="http://homestead.app" rel="nofollow"&gt;http://homestead.app&lt;/a&gt;&lt;/strong&gt; no matter what. Here is my code:&lt;/p&gt;
&lt;pre&gt;&lt;code&gt;elixir(mix =&amp;gt; {
    mix
    .sass('resources/sass/*.*', 'public/css/style.css' )
    .scripts('resources/js/*.*', 'public/js/main.js')
    .browserSync([
        'public/css/**/*'
        ], {
        proxy: 'dev.mydomain.com'
    });
});
&lt;/code&gt;&lt;/pre&gt;
&lt;p&gt;And here is the result in the terminal&lt;/p&gt;
&lt;pre&gt;&lt;code&gt;[16:57:38] Finished 'default' after 95 ms
[16:57:38] Finished 'watch' after 1.38 s
[BS] Proxying: http://homestead.app
[BS] Access URLs:
 -------------------------------------
       Local: http://localhost:3000
    External: http://192.168.56.1:3000
 -------------------------------------
          UI: http://localhost:3001
 UI External: http://192.168.56.1:3001
 -------------------------------------
[BS] Watching files...
&lt;/code&gt;&lt;/pre&gt;
&lt;p&gt;As you can see, it's still proxying at homestead.app
Any idea how to fix this issue?&lt;/p&gt;</t>
  </si>
  <si>
    <t>2016-10-12 10:06:46.163000+00:00</t>
  </si>
  <si>
    <t>2016-10-12 10:16:27.607000+00:00</t>
  </si>
  <si>
    <t>2016-10-12 10:12:02.493000+00:00</t>
  </si>
  <si>
    <t>php|laravel|proxy|browser-sync|laravel-elixir</t>
  </si>
  <si>
    <t>Can't figure out why JS plugin isn't working</t>
  </si>
  <si>
    <t>&lt;p&gt;I am trying to implement a JS modal window and have nearly copied the code for the plugin verbatim and it is still not working; the following is my code...&lt;/p&gt;
&lt;pre&gt;&lt;code&gt;&amp;lt;!doctype html&amp;gt;
&amp;lt;html&amp;gt;
&amp;lt;head&amp;gt;
    &amp;lt;meta charset="utf-8"&amp;gt;
    &amp;lt;link rel="stylesheet" href="avgrund.css"&amp;gt;
&amp;lt;/head&amp;gt;
&amp;lt;body&amp;gt;
    &amp;lt;div class="buttons"&amp;gt;
        &amp;lt;a href="#" id="show" class="button left"&amp;gt;Show it&amp;lt;/a&amp;gt;
    &amp;lt;/div&amp;gt;
    &amp;lt;script src="https://ajax.googleapis.com/ajax/libs/jquery
                            /1.7.2/jquery.min.js"&amp;gt;&amp;lt;/script&amp;gt;
    &amp;lt;script src="jquery.avgrund.js"&amp;gt;&amp;lt;/script&amp;gt;
    &amp;lt;script&amp;gt;
    $(function() {
        $('#show').avgrund({
            height: 200,
            holderClass: 'custom',
            showClose: true,
            showCloseText: 'Close',
            enableStackAnimation: true,
            onBlurContainer: '.container',
            template: '&amp;lt;p&amp;gt;So implement your design ' +
            'and place content here! If you want to ' +
            'close modal, please hit "Esc", click ' +
            'somewhere on the screen or use special ' +
            'button.&amp;lt;/p&amp;gt;'
        });
    });
    &amp;lt;/script&amp;gt;
&amp;lt;/body&amp;gt;
&amp;lt;/html&amp;gt;
&lt;/code&gt;&lt;/pre&gt;
&lt;p&gt;The html file which contains this code is located in the same directory as all the required JS and CSS files. I believe I've brought everything to the bare-bone basics but can't figure out why this isn't working; what am I missing? Modal retrieved from &lt;a href="http://labs.voronianski.com/jquery.avgrund.js/" rel="nofollow"&gt;http://labs.voronianski.com/jquery.avgrund.js/&lt;/a&gt;&lt;/p&gt;</t>
  </si>
  <si>
    <t>2014-03-14 04:08:49.077000+00:00</t>
  </si>
  <si>
    <t>2014-03-14 06:09:11.687000+00:00</t>
  </si>
  <si>
    <t>describe_snapshots filter in boto3 not working on "description" field</t>
  </si>
  <si>
    <t>&lt;p&gt;I am trying to filter snapshots based on description using boto3, but the description filter doesn't seem to work. See below:&lt;/p&gt;
&lt;pre&gt;&lt;code&gt;&amp;gt;&amp;gt;&amp;gt; ec2.describe_snapshots(Filters=[{'Name':'snapshot-id','Values':['snap-yyyy']}],MaxResults=10,OwnerIds=['xxxxx'])['Snapshots']
[{u'Description': 'snap-yyyy blah blah', u'VolumeSize': 100, u'VolumeId': 'vol-ffffffff', u'State': 'completed', u'StartTime': datetime.datetime(2018, 6, 12, 9, 59, 16, tzinfo=tzutc()), u'Progress': '100%', u'OwnerId': 'xxxxx', u'SnapshotId': 'snap-yyyy'}]
&lt;/code&gt;&lt;/pre&gt;
&lt;p&gt;If I then take the snapshot description and use that to search, I get nothing back:&lt;/p&gt;
&lt;pre&gt;&lt;code&gt;&amp;gt;&amp;gt;&amp;gt; ec2.describe_snapshots(Filters=[{'Name':'description','Values':['snap-yyyy blah blah']}],MaxResults=10,OwnerIds=['xxxxx'])['Snapshots']
[]
&lt;/code&gt;&lt;/pre&gt;
&lt;p&gt;OwnerId and snapshotId has been redacted, but VolumeId is actually &lt;code&gt;vol-fffffff&lt;/code&gt; due to the snapshot being a copy of a snapshot from a different region.&lt;/p&gt;
&lt;p&gt;Is there a reason that a description filter doesn't match? According to the docs, &lt;code&gt;description&lt;/code&gt; is a valid field to filter by - &lt;a href="https://boto3.readthedocs.io/en/latest/reference/services/ec2.html#EC2.Client.describe_snapshots" rel="nofollow noreferrer"&gt;https://boto3.readthedocs.io/en/latest/reference/services/ec2.html#EC2.Client.describe_snapshots&lt;/a&gt; &lt;/p&gt;</t>
  </si>
  <si>
    <t>2018-06-13 08:08:00.180000+00:00</t>
  </si>
  <si>
    <t>2018-06-14 15:00:15.293000+00:00</t>
  </si>
  <si>
    <t>boto3|aws-ebs</t>
  </si>
  <si>
    <t>Delete writable file with windows batch script</t>
  </si>
  <si>
    <t>&lt;p&gt;Is seems to be a simple question but I didn't find any answer on google.&lt;br&gt;
Simple &lt;code&gt;del /Q abc/stub/file.txt&lt;/code&gt; doesn't work.&lt;br&gt;
Error says Parameter format not correct - "stub".&lt;/p&gt;</t>
  </si>
  <si>
    <t>2014-07-19 14:24:08.897000+00:00</t>
  </si>
  <si>
    <t>2014-07-19 17:21:39.843000+00:00</t>
  </si>
  <si>
    <t>windows|batch-file|dos</t>
  </si>
  <si>
    <t>Embed external images for use in HTML canvas?</t>
  </si>
  <si>
    <t>&lt;p&gt;I'm using JavaScript to load an image into my Canvas element in Firefox. This works fine for local images, but throws a security exception for external images. Is there any way to avoid this security exception, one that does not involve my server having to act as proxy to load the image locally (because that would stress my server)?&lt;/p&gt;
&lt;p&gt;PS: The current code is similar to this:&lt;/p&gt;
&lt;pre&gt;&lt;code&gt;var img = new Image();
var contextSource = canvasSource.getContext('2d');
contextSource.drawImage(img, 0, 0);
// get image data to do stuff with pixels
var imageDataSource = contextSource.getImageData(0, 0, width - 1, height - 1);
&lt;/code&gt;&lt;/pre&gt;</t>
  </si>
  <si>
    <t>2010-04-14 09:09:59.030000+00:00</t>
  </si>
  <si>
    <t>2013-11-15 12:46:02.277000+00:00</t>
  </si>
  <si>
    <t>javascript|html|image|canvas</t>
  </si>
  <si>
    <t>Function from a referenced library which has function pointers as parameters</t>
  </si>
  <si>
    <t>&lt;p&gt;UPDATE: Changed question to match updated code and be more specific to my problem.&lt;/p&gt;
&lt;p&gt;I have no experience working with &lt;code&gt;VB.Net&lt;/code&gt; or &lt;code&gt;Visual Studio&lt;/code&gt;, and limited experience with &lt;code&gt;C&lt;/code&gt;. I have been trying to learn about &lt;code&gt;Function Pointers&lt;/code&gt; and &lt;code&gt;Delegates&lt;/code&gt; but still don't fully understand them.&lt;/p&gt;
&lt;p&gt;I am writing a project in VB.Net that makes calls to methods from a dll file. &lt;/p&gt;
&lt;p&gt;C code from the dll file:&lt;/p&gt;
&lt;pre&gt;&lt;code&gt;typedef unsigned char BYTE;
typedef unsigned short WORD;
typedef unsigned long DWORD;
typedef void (__stdcall *fp_setbaud)(WORD);
typedef short (__stdcall *fp_get)(WORD);
typedef void (__stdcall *fp_put)(BYTE);
typedef void (__stdcall *fp_flush)(void);
typedef void (__stdcall *fp_delay)(WORD);
BYTE __stdcall InitRelay(fp_setbaud _setbaud, fp_get _get, fp_put _put,
            fp_flush _flush, fp_delay _delay) { ... }
BYTE __stdcall ReadRelay(void){ ... }
&lt;/code&gt;&lt;/pre&gt;
&lt;p&gt;VB.net Module code:&lt;/p&gt;
&lt;pre&gt;&lt;code&gt;Declare Function InitRelay Lib "Z:\Devel\RelayAPI\Debug\RelayAPI.dll" (ByVal setbaud As Action(Of Short), ByVal getit As Func(Of Short, Short), ByVal putit As Action(Of Short), ByVal flushit As Action, ByVal delay As Action(Of Short)) As Byte
Declare Function ReadRelay Lib "Z:\Devel\RelayAPI\Debug\RelayAPI.dll" () As Byte
Public Sub setbaud(ByVal baud As Short)
    ...
End Sub
Public Function getit(ByVal timeout As Short) As Short
    ...
End Function
Public Sub putit(ByVal dat As Short)
    ...
End Sub
Public Sub flushit()
    ...
End Sub
Public Function delaymS(ByVal mS As Short) As Short
    ...
End Function
&lt;/code&gt;&lt;/pre&gt;
&lt;p&gt;VB.Net Form Code:&lt;/p&gt;
&lt;pre&gt;&lt;code&gt;    Dim a As Byte
    Call InitRelay(AddressOf moduleCode.setbaud, AddressOf moduleCode.getit,      
                   AddressOf moduleCode.putit, AddressOf moduleCode.flushit, 
                   AddressOf moduleCode.delaymS)
    a = ReadRelay()
&lt;/code&gt;&lt;/pre&gt;
&lt;p&gt;The error I am getting is when I call &lt;code&gt;a = ReadRelay()&lt;/code&gt;  from within my VB.Net code. The error appears on each one of the parameters and says the following:&lt;/p&gt;
&lt;pre&gt;&lt;code&gt;An unhandled exception of type 'System.AccessViolationException' occurred 
&lt;/code&gt;&lt;/pre&gt;
&lt;p&gt;The &lt;code&gt;ReadRelay&lt;/code&gt; function uses all of the functions passed to the &lt;code&gt;InitRelay&lt;/code&gt; function. &lt;code&gt;InitRelay&lt;/code&gt; is called prior to the &lt;code&gt;ReadRelay&lt;/code&gt; and gives me no errors. I am assuming the error still has to do with how I am passing the function pointers to the &lt;code&gt;InitRelay&lt;/code&gt; function.&lt;/p&gt;
&lt;p&gt;I have been using &lt;a href="http://www.marvintest.com/KnowledgeBase/KBArticle.aspx?ID=210" rel="nofollow"&gt;this website&lt;/a&gt; to try to figure out the type conversions but I still don't know what to do.&lt;/p&gt;
&lt;p&gt;Does anyone have any information on what I should be doing to properly call these functions?&lt;/p&gt;
&lt;p&gt;&lt;strong&gt;EDIT&lt;/strong&gt;&lt;/p&gt;
&lt;p&gt;New Delegate declarations as suggested below:&lt;/p&gt;
&lt;pre&gt;&lt;code&gt;Private setBaudDelegate As New Action(Of Short)(AddressOf modCommStuff.setbaud)
Private getItDelegate As New Func(Of Short, Short)(AddressOf modCommStuff.getit)
Private putItDelegate As New Action(Of Short)(AddressOf modCommStuff.putit)
Private flushItDelegate As New Action(AddressOf modCommStuff.flushit)
Private delayItDelegate As New Action(Of Short)(AddressOf modCommStuff.delaymS)
....
 Call InitRelay(setBaudDelegate, getItDelegate, putItDelegate, flushItDelegate, delayItDelegate)
&lt;/code&gt;&lt;/pre&gt;</t>
  </si>
  <si>
    <t>2014-06-20 17:36:28.780000+00:00</t>
  </si>
  <si>
    <t>2014-06-23 18:40:31.423000+00:00</t>
  </si>
  <si>
    <t>vb.net|delegates|visual-studio-2013|function-pointers</t>
  </si>
  <si>
    <t>Why does a junit test fail in eclipse but pass from ant?</t>
  </si>
  <si>
    <t>&lt;p&gt;I have a JUnit test that is checking to make sure that a customized xml serialization is working properly.  The customized xml serialization is just a few custom converters for Xstream.  The deserializers work, but for some reason in Eclipse 3.x, JUnit fails the serialization.  In Ant on the command line, it works just fine.  It also works just fine in Eclipse if I debug and step through the test case, but if put a break point after the failing testcase executes it fails still.&lt;/p&gt;
&lt;p&gt;What gives?  Am I having a class path issue?&lt;/p&gt;
&lt;p&gt;Some additional information:&lt;/p&gt;
&lt;p&gt;Expected:&lt;/p&gt;
&lt;pre&gt;&lt;code&gt;&amp;lt;site&amp;gt;
  &amp;lt;name&amp;gt;origin&amp;lt;/name&amp;gt;
  &amp;lt;version&amp;gt;0.6.0&amp;lt;/version&amp;gt;
  &amp;lt;description&amp;gt;Stuff&amp;lt;/description&amp;gt;
  &amp;lt;source&amp;gt;./fake-file.xml&amp;lt;/source&amp;gt;
  &amp;lt;location&amp;gt;
    &amp;lt;latitude deg="44" min="26" sec="37.640"/&amp;gt;
    &amp;lt;longitude deg="-57" min="-38" sec="-6.877"/&amp;gt;
    &amp;lt;ellipsoid-height value="-79.256" units="meters"/&amp;gt;
    &amp;lt;geoid-height value="0.000" units="meters"/&amp;gt;
  &amp;lt;/location&amp;gt;
&amp;lt;/site&amp;gt;
&lt;/code&gt;&lt;/pre&gt;
&lt;p&gt;Actual:&lt;/p&gt;
&lt;pre&gt;&lt;code&gt;&amp;lt;site&amp;gt;
  &amp;lt;name&amp;gt;origin&amp;lt;/name&amp;gt;
  &amp;lt;version&amp;gt;0.6.0&amp;lt;/version&amp;gt;
  &amp;lt;description&amp;gt;Stuff&amp;lt;/description&amp;gt;
  &amp;lt;source&amp;gt;./fake-file.xml&amp;lt;/source&amp;gt;
  &amp;lt;location&amp;gt;
    &amp;lt;latitude deg="44" min="26" sec="37.640"/&amp;gt;
    &amp;lt;longitude deg="-57" min="-38" sec="-6.877"/&amp;gt;
    &amp;lt;ellipsoid-height value="-79.256" units="meters"/&amp;gt;
    &amp;lt;geoid-height value="-79.256" units="meters"/&amp;gt;
  &amp;lt;/location&amp;gt;
&amp;lt;/site&amp;gt;
&lt;/code&gt;&lt;/pre&gt;
&lt;p&gt;The code that writes the location fields:&lt;/p&gt;
&lt;pre&gt;&lt;code&gt;public void marshal(Object source, 
                    HierarchicalStreamWriter writer,
                    MarshallingContext context)
{
   ILatLonEllipsoidHeightPoint aLoc = (ILatLonEllipsoidHeightPoint) source;
   synchronized(aLoc)
   {
      writer.startNode(LATITUDE);
      writer.addAttribute(DEGREES,
         Integer.toString(
           PointUnitConversions.getLatitudeHours(aLoc.getLatitude())));
      writer.addAttribute(MINUTES,
         Integer.toString(
           PointUnitConversions.getLatitudeMinutes(aLoc.getLatitude())));
      writer.addAttribute(SECONDS,
         String.format("%.3f", 
           PointUnitConversions.getLatitudeSeconds(aLoc.getLatitude())));
      writer.endNode();
      writer.startNode(LONGITUDE);
      writer.addAttribute(DEGREES, 
         Integer.toString(
           PointUnitConversions.getLongitudeHours(aLoc.getLongitude())));
      writer.addAttribute(MINUTES,
         Integer.toString(
           PointUnitConversions.getLongitudeMinutes(aLoc.getLongitude())));
      writer.addAttribute(SECONDS,
         String.format("%.3f", 
           PointUnitConversions.getLongitudeSeconds(aLoc.getLongitude())));      
      writer.endNode();
      writer.startNode(ELLIPSOID_HEIGHT);
      writer.addAttribute(VALUE, 
         String.format("%.3f", aLoc.getEllipsoidHeight()));
      writer.addAttribute(UNITS, METERS);
      writer.endNode();      
      writer.startNode(GEOID_HEIGHT);
      writer.addAttribute(VALUE, 
         String.format("%.3f", aLoc.getGeoidHeight()));
      writer.addAttribute(UNITS, METERS);
      writer.endNode();
   }
}
&lt;/code&gt;&lt;/pre&gt;
&lt;p&gt;The PointUnitConversions calls do the obvious math to take a decimal degrees and convert to corresponding integer or double values for the component parts.&lt;/p&gt;
&lt;p&gt;Its just that last attribute of location that is causing the failure.&lt;/p&gt;</t>
  </si>
  <si>
    <t>2009-03-11 14:40:55.710000+00:00</t>
  </si>
  <si>
    <t>2009-03-11 15:29:26.777000+00:00</t>
  </si>
  <si>
    <t>2009-03-11 15:11:06.493000+00:00</t>
  </si>
  <si>
    <t>Jay R.</t>
  </si>
  <si>
    <t>java|eclipse|junit</t>
  </si>
  <si>
    <t>How can I add class to link inserted in TinyMCE?</t>
  </si>
  <si>
    <t>&lt;p&gt;I would like to add class for every link to a file inserted in TinyMCE.&lt;/p&gt;
&lt;p&gt;For example if I insert link to file.pdf file class should be exactly like file extension (class="pdf"). If link is not file I don't need any class.&lt;/p&gt;
&lt;p&gt;Does someone do it already?&lt;/p&gt;
&lt;p&gt;I know I must edit /link/plugin.js but at the moment I don't know exactly where should I check link value and add class to inserted link.&lt;/p&gt;
&lt;p&gt;Any help would be appreciated.&lt;/p&gt;</t>
  </si>
  <si>
    <t>2013-12-17 15:03:05.543000+00:00</t>
  </si>
  <si>
    <t>2014-01-02 10:40:43.533000+00:00</t>
  </si>
  <si>
    <t>2014-01-02 10:40:26.470000+00:00</t>
  </si>
  <si>
    <t>class|hyperlink|insert|tinymce|add</t>
  </si>
  <si>
    <t>How to migrate SQL data and keep SP's</t>
  </si>
  <si>
    <t>&lt;p&gt;I have two databases &lt;code&gt;LIVE&lt;/code&gt; and &lt;code&gt;DEVEL&lt;/code&gt;. I am currently working in &lt;code&gt;DEVEL&lt;/code&gt; and have created and modified a number of stored procedures however I am running out of test data so I need to find a way to copy data from &lt;code&gt;LIVE&lt;/code&gt; to &lt;code&gt;DEVEL&lt;/code&gt; but I don't want to lose my stored procedures.&lt;/p&gt;
&lt;p&gt;I am using SQL Server 2008 Management Studio and have tried &lt;code&gt;Tasks -&amp;gt; Export Data&lt;/code&gt;. I then pick &lt;code&gt;Drop and recreate new destination tables&lt;/code&gt; however I get errors like:&lt;/p&gt;
&lt;blockquote&gt;
  &lt;p&gt;Violation of PRIMARY KEY constraint 'PK_Currency_Rate'. Cannot insert
  duplicate key in object 'dbo.Currency_Rate'.&lt;/p&gt;
&lt;/blockquote&gt;
&lt;p&gt;So it is not dropping and recreating the tables.&lt;/p&gt;
&lt;p&gt;I need to migrate data from &lt;code&gt;LIVE&lt;/code&gt; to &lt;code&gt;DEVEL&lt;/code&gt; quite often but haven't yet found a way of doing it and this is holding me back because I cannot test the implemented functionality.&lt;/p&gt;
&lt;p&gt;Could anyone out there experienced enough in the matter point me in the right direction? I am not interested in paid third party tools like RedGate SQL Compare so please do not suggest them&lt;/p&gt;</t>
  </si>
  <si>
    <t>2013-06-03 08:42:47.717000+00:00</t>
  </si>
  <si>
    <t>2016-03-26 08:28:49.337000+00:00</t>
  </si>
  <si>
    <t>user1709803</t>
  </si>
  <si>
    <t>sql|sql-server|database</t>
  </si>
  <si>
    <t>ajax jquery does not return select query results</t>
  </si>
  <si>
    <t>&lt;p&gt;So, I have a textfield n my view file that gets the employee code and jquery calls a function in the controller for employees details to fill in some fields in the same view page immediately. But I am stock and nothing is really happening, see in my codes and help me do it.
Thank you!&lt;/p&gt;
&lt;p&gt;jquery:&lt;/p&gt;
&lt;pre&gt;&lt;code&gt;$('#employee_code').change(function(){  
    var em_code = $('#employee_code').val();
    if (em_code != ""){
        var post_url = "&amp;lt;?php echo base_url();?&amp;gt;index.php/it_inventory/get_employee_details/" + em_code;
        $.ajax({
            type: "POST",
            url: post_url,
            success: function(name,position,department) 
            {
                $('#employee_name').val(name);
                $('#employee_position').val(position);
                $('#employee_department').val(department);
            }
        }); 
    }          
});
&lt;/code&gt;&lt;/pre&gt;
&lt;p&gt;CI controller:&lt;/p&gt;
&lt;pre&gt;&lt;code&gt;function get_employee_details($em_code="") {
        header('Content-Type: application/x-json; charset=utf-8');
        echo(json_encode($this-&amp;gt;it_inventory_model-&amp;gt;get_employee_details($em_code)));
    }
&lt;/code&gt;&lt;/pre&gt;
&lt;p&gt;CI Model&lt;/p&gt;
&lt;pre&gt;&lt;code&gt;function get_employee_details($em_code){
        $q = "select name,position,department from employees where code=?";
        $query_em_detail=$this-&amp;gt;db-&amp;gt;query($q,$em_code);
        $outputs = array();
        if($query_em_detail-&amp;gt;result()){
            foreach ($query_em_detail-&amp;gt;result() as $output) {
                $outputs['name'] = $output-&amp;gt;name;
                $outputs['position'] = $output-&amp;gt;position;
                $outputs['department'] = $output-&amp;gt;department_code;
            }
            return $outputs;
        } else {
            return FALSE;
        }
    }
&lt;/code&gt;&lt;/pre&gt;</t>
  </si>
  <si>
    <t>2013-02-24 06:39:46.787000+00:00</t>
  </si>
  <si>
    <t>2013-03-31 00:47:20.850000+00:00</t>
  </si>
  <si>
    <t>jquery|codeigniter</t>
  </si>
  <si>
    <t>Improving SQL Server database performance</t>
  </si>
  <si>
    <t>&lt;p&gt;I'm designing a reporting solution which uses SQL Server 2008 R2 as its backend database. The database schema is fairly simple. One table named &lt;code&gt;Calls&lt;/code&gt; with &lt;code&gt;CallId&lt;/code&gt; PK and one table named &lt;code&gt;Events&lt;/code&gt; which has a foreign key association to calls with &lt;code&gt;fk_CallId&lt;/code&gt;.  &lt;/p&gt;
&lt;p&gt;Each call has at least 6-7 events and there are 3000+ calls per day logged in db.&lt;br&gt;
I'm a bit worried about how much effect this relation has on the queries' performance. If using &lt;code&gt;inner join&lt;/code&gt; on a table with more than a couple of million rows (&lt;code&gt;Events&lt;/code&gt;) is going to degrade performance very much, I could add a &lt;code&gt;CallerId&lt;/code&gt; field to &lt;code&gt;Events&lt;/code&gt; table a do not use joins (Although I will lose some other information on related &lt;code&gt;Calls&lt;/code&gt; table).  &lt;/p&gt;
&lt;p&gt;In general, Is there any other step I can do to make sure the performance is ok?&lt;/p&gt;</t>
  </si>
  <si>
    <t>2012-01-09 07:50:23+00:00</t>
  </si>
  <si>
    <t>2012-01-09 21:10:39.003000+00:00</t>
  </si>
  <si>
    <t>sql-server|database|performance|inner-join|database-performance</t>
  </si>
  <si>
    <t>Does AWS SAM CodePipelines do whole rebuild per commit?</t>
  </si>
  <si>
    <t>&lt;p&gt;I am building a distributed app in AWS consisting of base resource (iam etc), data-warehousing but mostly serverless resources like lambdas, sns, mongodb,..&lt;/p&gt;
&lt;p&gt;For deploying this over an OTAP I am looking into AWS tooling for this, mostly outlined &lt;a href="https://docs.aws.amazon.com/lambda/latest/dg/build-pipeline.html" rel="nofollow noreferrer"&gt;here&lt;/a&gt;.&lt;/p&gt;
&lt;p&gt;This means that the 1 repo in CodeCommit will trigger the CodePipeline, which will have these components in de right places (realizing order control):&lt;/p&gt;
&lt;ul&gt;
&lt;li&gt;deploying CF stacks&lt;/li&gt;
&lt;li&gt;using CodeBuild to package (AWS sam package) a SAM resource-&gt; for every SAM resource one&lt;/li&gt;
&lt;li&gt;using a build step to create a change set -&gt; one per SAM resource&lt;/li&gt;
&lt;li&gt;using a build step to execute a change set -&gt; one per change-set&lt;/li&gt;
&lt;/ul&gt;
&lt;p&gt;So as an example, I will need a buildspec.yml for every lambda beside the .js file for that lambda and also the lambda will need to be constructed in a SAM template (its own or a grouped one). Also a build-change-set step and execute-change-set step for each.&lt;/p&gt;
&lt;p&gt;&lt;strong&gt;My question:&lt;/strong&gt;
If in this setup, for 1 repo for the whole distributed app, I change 1 tiny dumb thing like the time-out of 1 of the many lambdas, will this rebuild en redeploy all elements of the app? &lt;/p&gt;
&lt;p&gt;&lt;strong&gt;If no&lt;/strong&gt;, thank god, but how does it work? CodeCommit sends a whole zip of all sources to S3, NOT changes only. So all elements will be triggered and during de deployments of a stack (CF or SAM) the underlying tech could be smart and only do what needs to be changed. But still, all elements in CodePipeline (and there are many) will be triggered which is inefficient where the goal is to finish the whole deployment as fast as possible.&lt;/p&gt;
&lt;p&gt;&lt;strong&gt;If yes&lt;/strong&gt;, well that would suck and I would then find another solution with custom code (lambdas) in the pipeline extracting changes only from CodeCommit API and do cretae-change-set and execute. Using aws sdk with main drawback giving in on order control and some things like "aws sam package" are not available in sdk.&lt;/p&gt;</t>
  </si>
  <si>
    <t>2018-05-13 13:58:47.947000+00:00</t>
  </si>
  <si>
    <t>2018-06-03 09:17:26.557000+00:00</t>
  </si>
  <si>
    <t>2018-05-19 10:00:01.100000+00:00</t>
  </si>
  <si>
    <t>amazon-web-services|aws-lambda|aws-codepipeline|aws-codecommit|aws-sam-local</t>
  </si>
  <si>
    <t>Is it possible to run classic asp and webpages (webmatrix c#) on the same site?</t>
  </si>
  <si>
    <t>&lt;p&gt;I have a very old homepage made from classic asp that works like a charm, but we need to upload images easy and save them on the server.&lt;/p&gt;
&lt;p&gt;Previously we did this with a asp.net webforms page on the same server, which worked like a charm. But it's getting really unreliable and need to be exchanged for something else.&lt;/p&gt;
&lt;p&gt;My idea then have been to build a webpage with matrix, razor and c#. So tonight I've been fiddeling and made it work on my computer and local webserver.&lt;/p&gt;
&lt;p&gt;My problem now is that I need this to run on the same site as the classic asp and I don't really know how to configure this and make it work.&lt;/p&gt;
&lt;p&gt;I have an App_Data and bin folder, do these go in the rootfolder of the site or can I put them anywhere and the page will look for any App_Data and bin folders and running the code?&lt;/p&gt;
&lt;p&gt;I have done som testing but since I don't have a testserver to try on and can only try it on the real server I don't want to try to much with the possibility of me crasching the site.&lt;/p&gt;
&lt;p&gt;Any help is appreciated :-)&lt;/p&gt;</t>
  </si>
  <si>
    <t>2015-02-07 23:13:04.997000+00:00</t>
  </si>
  <si>
    <t>2015-02-09 08:39:35.690000+00:00</t>
  </si>
  <si>
    <t>c#|razor|asp-classic|webmatrix</t>
  </si>
  <si>
    <t>Apache serves empty file when symlinking to a php script outside of httpdocs</t>
  </si>
  <si>
    <t>&lt;p&gt;As stated above, when symlinking to a php file outside of the httpdocs directory Apache/php serves an empty file. However if I change the extension to html the file is served properly as an html document. This leads me to believe that it is not a permissions error but could be something related to the php configuration (could open_basedir be causing this?) or Apache.&lt;/p&gt;
&lt;p&gt;Does anyone know what could be causing this behavior?&lt;/p&gt;
&lt;p&gt;EDIT: For anyone wondering about this, the problem was cause by the php open_basedir restriction.&lt;/p&gt;</t>
  </si>
  <si>
    <t>2011-12-08 20:25:56.190000+00:00</t>
  </si>
  <si>
    <t>2011-12-08 23:47:54.943000+00:00</t>
  </si>
  <si>
    <t>php|apache</t>
  </si>
  <si>
    <t>MySQL - Invert Date Spans in table; create unavailability table from availability table</t>
  </si>
  <si>
    <t>&lt;p&gt;I have a table of available dates, and I would like to make a table of unavailable dates from it. Seems like it should be pretty simple, can do it in php no problem, but can't figure out how to do it in a MySQL query.&lt;/p&gt;
&lt;p&gt;Source table:
(opens is the date someone checks out; closes is the day someone checks in)&lt;/p&gt;
&lt;pre&gt;&lt;code&gt;+------------+------------+
|   opens    |   closes   |
+------------+------------+
| 2015-12-03 | 2015-12-09 |
| 2016-01-03 | 2016-01-06 |
| 2016-01-08 | 2016-01-15 |
| 2016-01-16 | 2016-02-08 |
| 2016-02-21 | 2016-02-27 |
| 2016-03-01 | 2016-03-06 |
| 2016-03-10 | 2016-12-03 |
+------------+------------+
&lt;/code&gt;&lt;/pre&gt;
&lt;p&gt;Query should return: &lt;/p&gt;
&lt;pre&gt;&lt;code&gt;+------------+------------+
|   checkin  |   checkout |
+------------+------------+
| 2015-12-09 | 2016-01-03 |
| 2016-01-06 | 2016-01-08 |
| 2016-01-15 | 2016-01-16 |
| 2016-02-08 | 2016-02-21 |
| 2016-02-27 | 2016-03-01 |
| 2016-03-06 | 2016-03-10 |
+------------+------------+
&lt;/code&gt;&lt;/pre&gt;
&lt;p&gt;Thank you for your help!&lt;/p&gt;</t>
  </si>
  <si>
    <t>2015-12-04 08:32:51.010000+00:00</t>
  </si>
  <si>
    <t>2015-12-04 08:46:04.930000+00:00</t>
  </si>
  <si>
    <t>2015-12-04 08:41:08.520000+00:00</t>
  </si>
  <si>
    <t>Angular 4 routing params captured as undefined</t>
  </si>
  <si>
    <t>&lt;p&gt;I'm new at Angular. I'm attempting to edit an item at localhost:4200/edit/:id but I can't capture the :id param to fetch the corresponding number from it (it is supposed to be something like localhost:4200/edit/7, for example). When I output the params.id to console, it always shows "undefined". &lt;/p&gt;
&lt;p&gt;My app.module.ts&lt;/p&gt;
&lt;pre&gt;&lt;code&gt;...
import { RouterModule} from '@angular/router';
const routes = [
{ path: '', component: NavigateComponent },
{ path: 'field', component: FieldComponent },
{ path: 'book', component: MaterialFullComponent, children: [
  { path: '', redirectTo: '', pathMatch: 'full' },
  { path: ':id_book', component: MaterialFullComponent }
] },
{ path: 'edit', component: MaterialEditComponent, children: [
  { path: '', redirectTo: '', pathMatch: 'full' },
  { path: 'new', component: MaterialEditComponent },
  { path: ':id', component: MaterialEditComponent }
] },
{ path: '**', redirectTo: '/'}
];
@NgModule({
  declarations: [
    AppComponent,
    AppLoginComponent,
    NavigateComponent,
    MaterialEditComponent,
    MaterialFullComponent,
    FieldComponent,
    MaterialComponent
  ],
  imports: [
    BrowserModule,
    FormsModule,
    RouterModule.forRoot(routes)
  ],
  providers: [
    MarcService,
    BookService,
    BookDetailService
  ],
  bootstrap: [AppComponent]
})
&lt;/code&gt;&lt;/pre&gt;
&lt;p&gt;My MaterialEditComponent&lt;/p&gt;
&lt;pre&gt;&lt;code&gt;import { Component, OnInit } from '@angular/core';
import { ActivatedRoute } from '@angular/router';
import { BookService } from '../book.service';
@Component({
  selector: 'app-material-edit',
  templateUrl: './material-edit.component.html',
  styleUrls: ['./material-edit.component.css']
})
export class MaterialEditComponent implements OnInit {
  activatedRoute: ActivatedRoute;  
  bookService: BookService;
  selectedBook = {  id_book: null, 
                numero_ejemplares: null, 
                autor: '', 
                titulo: '',
                editorial: '',
                fecha_publicacion: '',
                portada: ''
  };
  constructor(activatedRoute: ActivatedRoute, bookService: BookService) {
    this.activatedRoute = activatedRoute;
    this.bookService = bookService;
  }
  ngOnInit() {
    this.activatedRoute.params.subscribe(
      (params) =&amp;gt; {
        console.log(params.id);
      }
    );
  }
}
&lt;/code&gt;&lt;/pre&gt;</t>
  </si>
  <si>
    <t>2017-08-27 17:03:59.400000+00:00</t>
  </si>
  <si>
    <t>2017-08-28 04:29:55.773000+00:00</t>
  </si>
  <si>
    <t>angular|parameters|router</t>
  </si>
  <si>
    <t>HashMap in Java, 100 Million entries</t>
  </si>
  <si>
    <t>&lt;p&gt;I want to store 100 Million terms and their frequencies (in a text database ) into a &lt;code&gt;HashMap &amp;lt;String, Double&amp;gt;&lt;/code&gt;. It is giving me "Out of Memory" Error. I tried to increase the heap-space to &lt;code&gt;-Xmx15000M&lt;/code&gt;. However it runs half an hour then again throw the same exception. The file size from which I'm trying to read the words and frequencies is 1.7GB. &lt;/p&gt;
&lt;p&gt;Any help would be much appreciated.&lt;/p&gt;
&lt;p&gt;Thanks :-)  &lt;/p&gt;</t>
  </si>
  <si>
    <t>2010-11-02 17:26:26.283000+00:00</t>
  </si>
  <si>
    <t>2017-07-11 14:20:51.257000+00:00</t>
  </si>
  <si>
    <t>2010-11-02 17:33:57.803000+00:00</t>
  </si>
  <si>
    <t>Open video stream on VLC Player through the browser</t>
  </si>
  <si>
    <t>&lt;p&gt;Is it possible to add a type of link on a webpage that will open up VLC Player and start playing a stream video? Like this one: &lt;/p&gt;
&lt;p&gt;Alternatively, is it possible to embed VLC Player in the browser?&lt;/p&gt;</t>
  </si>
  <si>
    <t>2011-11-15 14:53:21.200000+00:00</t>
  </si>
  <si>
    <t>2018-09-25 16:33:21.243000+00:00</t>
  </si>
  <si>
    <t>2012-03-01 23:52:51.753000+00:00</t>
  </si>
  <si>
    <t>user516242</t>
  </si>
  <si>
    <t>video|stream|video-streaming|vlc</t>
  </si>
  <si>
    <t>C# Address Book GUI not closing</t>
  </si>
  <si>
    <t>&lt;p&gt;Alright so I figured out my EXTREMELY stupid mistake about why the folders weren't being created but there was another problem I was having. Whenever I try to close the Window Application it wont close. It's suppose to save the information that is in the file but it doesn't and it wont close either.&lt;/p&gt;
&lt;pre&gt;&lt;code&gt;    private void Form1_FormClosing(object sender, FormClosingEventArgs e)
    {
        XmlDocument xDoc = new XmlDocument();
        string path = Environment.GetFolderPath(Environment.SpecialFolder.Desktop);
        xDoc.Load(path + "\\Address Book\\settings.xml");
        XmlNode xNode = xDoc.SelectSingleNode("People");
        xNode.RemoveAll();
        foreach (Person p in people)
        {
            XmlNode xTop = xDoc.CreateElement("Person");
            XmlNode xName = xDoc.CreateElement("Name");
            XmlNode xEmail = xDoc.CreateElement("Email");
            xName.InnerText = p.Name;
            xEmail.InnerText = p.Email;
            xTop.AppendChild(xName);
            xTop.AppendChild(xEmail);
            xDoc.DocumentElement.AppendChild(xTop);
        }
        xDoc.Save(path + "\\Address Book\\settings.xml");
    }
&lt;/code&gt;&lt;/pre&gt;
&lt;p&gt;That's what I have right now.&lt;/p&gt;</t>
  </si>
  <si>
    <t>2012-08-29 20:35:41.010000+00:00</t>
  </si>
  <si>
    <t>c#|user-interface|formclosing</t>
  </si>
  <si>
    <t>c++ object of one class wants to use method of object in another class</t>
  </si>
  <si>
    <t>&lt;p&gt;I'm converting my old c++ program into OOP and as things grow bigger I'm splitting it per class in .h and .cpp files. The first class compiled nicely into an object file. But my second class is dependant on that first class and now I run into problems. Here my very simplified "all in a single file" code that works:&lt;/p&gt;
&lt;pre&gt;&lt;code&gt;class A {
public:
    void amethod(int) {
        ....code....
    }
};
A a_obj;   //object creation
class B {
public
    void bmethod(void) {
        a_obj.amethod(int);
    }
};
B b_obj;   //object creation
main() {
    b_obj.bmethod();
}
&lt;/code&gt;&lt;/pre&gt;
&lt;p&gt;After deviding the code over different files my .h files look like:&lt;/p&gt;
&lt;pre&gt;&lt;code&gt;//file A.h:
class A {
public:
    void amethod(int);
};
//file B.h
#include "A.h"
class B {
public
    void bmethod(void);
};
&lt;/code&gt;&lt;/pre&gt;
&lt;p&gt;In the implementation of class B there is the call to a_obj.amethod() and even I understand that g++ has no way to know that a_obj is an object of class A as I did not even include the a_obj object creating anywhere in the code.&lt;/p&gt;
&lt;p&gt;How to solve this ? Is it something simple that I need to put the object creation somewhere in my .h or .cpp file (note that lots of other classes are using the same amethod()). I can not make everything static as I also have classes with multiple objects (in fact the same way of working is all over the program). Or is this way of working completely wrong (which would explain why I can not find any solution for this).  &lt;/p&gt;</t>
  </si>
  <si>
    <t>2014-02-11 00:18:58.370000+00:00</t>
  </si>
  <si>
    <t>2014-02-11 01:04:52.487000+00:00</t>
  </si>
  <si>
    <t>c++|class|object|instantiation</t>
  </si>
  <si>
    <t>Running an expression that will divide if meets criteria</t>
  </si>
  <si>
    <t>&lt;p&gt;I'm trying to figure out on how to write an expression for a derived column. Basically what I want it to do is, if the data is greater than one, then divide by 100. If data is &amp;lt;=1, then do nothing and leave the current data as is. Expressions are pretty new to me, so wrapping my head around them is kind of tough.&lt;/p&gt;</t>
  </si>
  <si>
    <t>2014-12-29 07:21:06.810000+00:00</t>
  </si>
  <si>
    <t>2014-12-29 16:46:26.050000+00:00</t>
  </si>
  <si>
    <t>sql-server|ssis|expression</t>
  </si>
  <si>
    <t>Error 3 error C2447: '{' : missing function header (old-style formal list?)?</t>
  </si>
  <si>
    <t>&lt;p&gt;The error that I am getting is coming from a { on the bottom, but did I do something wrong somewhere else that is causing the error?How can I fix this?&lt;/p&gt;
&lt;pre&gt;&lt;code&gt;#include &amp;lt;iostream&amp;gt;
#include &amp;lt;string&amp;gt;
#include&amp;lt;stdafx.h&amp;gt;
using namespace std;
char Board[9];
//Declare Functions
int main()
{
char Board[9];
//Values for playing board
Board[0] = '0';
Board[1] = '1';
Board[2] = '2';
Board[3] = '3';
Board[4] = '4';
Board[5] = '5';
Board[6] = '6';
Board[7] = '7';
Board[8] = '8';
}
int showBoard();
{ //THIS IS WHERE THE ERROR IS COMING FROM
cout &amp;lt;&amp;lt; endl;
cout &amp;lt;&amp;lt; Board[0] &amp;lt;&amp;lt; "|" &amp;lt;&amp;lt; Board[1] &amp;lt;&amp;lt; "|" &amp;lt;&amp;lt; Board[2] &amp;lt;&amp;lt; endl;
cout &amp;lt;&amp;lt; "-+-+-" &amp;lt;&amp;lt; endl;
cout &amp;lt;&amp;lt; Board[3] &amp;lt;&amp;lt; "|" &amp;lt;&amp;lt; Board[4] &amp;lt;&amp;lt; "|" &amp;lt;&amp;lt; Board[5] &amp;lt;&amp;lt; endl;
cout &amp;lt;&amp;lt; "-+-+-" &amp;lt;&amp;lt; endl;
cout &amp;lt;&amp;lt; Board[6] &amp;lt;&amp;lt; "|" &amp;lt;&amp;lt; Board[7] &amp;lt;&amp;lt; "|" &amp;lt;&amp;lt; Board[8] &amp;lt;&amp;lt; endl;
cout &amp;lt;&amp;lt; endl;
}
&lt;/code&gt;&lt;/pre&gt;</t>
  </si>
  <si>
    <t>2015-10-19 14:26:39.233000+00:00</t>
  </si>
  <si>
    <t>2015-10-19 14:43:50+00:00</t>
  </si>
  <si>
    <t>ajax only loads once</t>
  </si>
  <si>
    <t>&lt;p&gt;I have this code:&lt;/p&gt;
&lt;pre&gt;&lt;code&gt;window.onload= function() {
    window.scrollTo(0, 0.9);
    if (navigator.standalone) return;
    for (var i= document.links.length; i--&amp;gt;0;) {
        document.links[i].onclick= function() {
            var req= new XMLHttpRequest();
            req.onreadystatechange= function() {
                if (this.readyState!==4) return;
                document.body.innerHTML= this.responseText;
            };
            req.open('GET', this.href, true);
            req.send();
            return false;
        };
    }
};
&lt;/code&gt;&lt;/pre&gt;
&lt;p&gt;It basically gets the href of an a that is clicked and loads that href into the current body. Now the problem is that it only works once. Once the content gets changed, as soon as I click another link (on the new page) it redirects and the url changes. Then the ajax works again since I "really" changed pages and reset the entire thing.&lt;/p&gt;
&lt;p&gt;I'm kind of lost here. How can I reset my function to work forever?
Thanks,&lt;/p&gt;
&lt;p&gt;Christopher&lt;/p&gt;
&lt;p&gt;EDIT:
Ok so I tried something like this:&lt;/p&gt;
&lt;pre&gt;&lt;code&gt;function ajax(){
    if (navigator.standalone) return;
    for (var i= document.links.length; i--&amp;gt;0;) {
        document.links[i].onclick= function() {
            var req= new XMLHttpRequest();
            req.onreadystatechange= function() {
                if (this.readyState!==4) return;
                document.body.innerHTML= this.responseText;
            };
            req.open('GET', this.href, true);
            req.send();
            ajax();
            return false;
        };}
    }
window.onload= function() {
    window.scrollTo(0, 0.9);
    ajax();
};
&lt;/code&gt;&lt;/pre&gt;
&lt;p&gt;But to no avail... calling the ajax() function when it finishes is not enough apparently. Can anyone help me a bit more :s. This isn't my field of expertise :).&lt;/p&gt;</t>
  </si>
  <si>
    <t>2011-06-14 21:46:54.097000+00:00</t>
  </si>
  <si>
    <t>2011-06-14 22:31:34.687000+00:00</t>
  </si>
  <si>
    <t>2011-06-14 22:01:57.440000+00:00</t>
  </si>
  <si>
    <t>javascript|ajax|loops</t>
  </si>
  <si>
    <t>WP image link changes on permalink change</t>
  </si>
  <si>
    <t>&lt;p&gt;Migrated my joomla site to WP. The images were in a folder named 'asets' in joomla site. I copied the dir to wp and images work fine while url structure is raw.
But if I change the url permalink, the link to images also change.&lt;/p&gt;
&lt;pre&gt;&lt;code&gt;like
sitename/?p=123 image path = sitename/asets/imagefile this works.
sitename/samplepost image path = sitename/post-name/asets/imagefile image not found
sitename/archive/123 image path = sitename/archive/asets/imagefile image not found
Please help me to solve this problem.
&lt;/code&gt;&lt;/pre&gt;</t>
  </si>
  <si>
    <t>2017-05-12 06:21:21.843000+00:00</t>
  </si>
  <si>
    <t>2017-05-12 16:21:20.760000+00:00</t>
  </si>
  <si>
    <t>2017-05-12 06:28:16.423000+00:00</t>
  </si>
  <si>
    <t>php|wordpress|image|apache|joomla</t>
  </si>
  <si>
    <t>arc land "Not possible to fast-forward, aborting."</t>
  </si>
  <si>
    <t>&lt;p&gt;i am trying to land my arc patch. I am up-to-date with origin/master, my patch was reviewed and accepted. On teh phabricator site is says: &lt;code&gt;Next Step arc land 'arcpatch-D37'&lt;/code&gt;.
But if i use &lt;code&gt;arc patch D37&lt;/code&gt; and then &lt;code&gt;arc land&lt;/code&gt; i run into problems.&lt;/p&gt;
&lt;p&gt;It breaks at the pull:&lt;/p&gt;
&lt;pre&gt;&lt;code&gt;Switched back to branch ���[1marcpatch-D37���[m.
[2014-04-29 14:06:50] EXCEPTION: (CommandException) Command failed with error #1
28!
COMMAND
git pull --ff-only --no-stat
STDOUT
(empty)
STDERR
fatal: Not possible to fast-forward, aborting.
at [D:\arcanist\libphutil\src\future\exec\ExecFuture.php:398]
&lt;/code&gt;&lt;/pre&gt;
&lt;p&gt;I tried pulling first and had no problems/conflicts.
No idea what to do/try next.&lt;/p&gt;</t>
  </si>
  <si>
    <t>2014-04-29 12:12:49.573000+00:00</t>
  </si>
  <si>
    <t>2015-10-06 17:33:46.010000+00:00</t>
  </si>
  <si>
    <t>2014-04-29 13:14:15.520000+00:00</t>
  </si>
  <si>
    <t>git|phabricator|arcanist</t>
  </si>
  <si>
    <t>Why java swing does not allow changes from an ExecutorService Thread</t>
  </si>
  <si>
    <t>&lt;p&gt;I have a problem about my java GUI management. I'm making an updater but when i'm trying to edit some JText or JProgressbar from an ExecutorService Thread, nothing..&lt;/p&gt;
&lt;p&gt;Why is it broken ? This is my ControllerManager:&lt;/p&gt;
&lt;pre&gt;&lt;code&gt;public class UpdateManager extends AppManager {
    private final List&amp;lt;Controller&amp;gt; controllers;
    @Getter private final ExecutorService worker;
    @Getter private final UserInterface form;
    private boolean isEnd;
    public UpdateManager() {
        this.controllers = new ArrayList&amp;lt;&amp;gt;();
        this.form = new Form(this);
        this.worker = Executors.newCachedThreadPool();
    }
    @Override
    public void start(Controller... controllers) {
        form.initialize();
        this.controllers.addAll(Arrays.asList(controllers));
        for(Controller controller: controllers)
            controller.start();
    }
    @Override
    public void end(boolean dispose) {
        if(isEnd) return;
        for(Controller controller: controllers)
            controller.end();
        if(dispose) form.dispose();
        isEnd = true;
    }
}
&lt;/code&gt;&lt;/pre&gt;
&lt;p&gt;And here is an example when i'm trying to change some labels:&lt;/p&gt;
&lt;pre&gt;&lt;code&gt;/**
 * Created by romain on 17/05/2015.
 */
public class ReleaseController implements Controller {
    private final AppManager manager;
    @Getter private final LinkedBlockingDeque&amp;lt;URL&amp;gt; files;
    private Future&amp;lt;?&amp;gt; future;
    private final SerializedObject&amp;lt;SerializedReleases&amp;gt; serializedReleases;
    private final SerializedObject&amp;lt;Integer&amp;gt; serializedRelease, serializedTimestamp;
    public ReleaseController(AppManager manager) {
        this.manager = manager;
        this.files = new LinkedBlockingDeque&amp;lt;&amp;gt;();
        this.serializedReleases = SerializedObjectImpl.create(FileUtils.path("releases", "releases.dat"), true, null);
        this.serializedRelease = SerializedObjectImpl.create(FileUtils.path("swtour", "release.int"), false, 0);
        this.serializedTimestamp = SerializedObjectImpl.create(FileUtils.path("swtour", "timestamp.int"), false, 0);
    }
    /**
     * TODO: checking local files
     */
    @Override
    public void start() {
        this.future = manager.getWorker().submit(new Runnable() {
            @Override
            public void run() {
                int release = serializedRelease.get();
                int serverRelease = serializedReleases.get().lastRelease(AppUtils.OS);
                int result = serverRelease - release;
                if(result == 0 || result &amp;lt; 0) {
                    manager.getForm().alreadyUpdated(); //HERE
                    return;
                }
                for(int i=release+1;i&amp;lt;serverRelease;i++) {
                    try {
                        files.addLast(new URL(
                                FileUtils.path(Main.SERVER, "releases", AppUtils.OS.toString(), i + ".zip")));
                    } catch(Exception e) {
                        System.out.println(e.getMessage());
                    }
                }
                serializedRelease.setObject(serverRelease).write();
                serializedTimestamp.setObject((int)System.currentTimeMillis()).write();
            }
        });
    }
    @Override
    public void end() {
        if(future != null &amp;amp;&amp;amp; !future.isCancelled())
            future.cancel(true);
    }
}
&lt;/code&gt;&lt;/pre&gt;
&lt;p&gt;If you saw correctly, it:&lt;/p&gt;
&lt;pre&gt;&lt;code&gt;manager.getForm().alreadyUpdated();
&lt;/code&gt;&lt;/pre&gt;
&lt;p&gt;Modifies my GUI :&lt;/p&gt;
&lt;pre&gt;&lt;code&gt;public void alreadyUpdated() {
        content.getFirstLine().setText("");
        content.getSecondLine().setText("Your client is already up-to-date!");
        content.getPlayButton().setEnabled(true);
}
&lt;/code&gt;&lt;/pre&gt;
&lt;p&gt;but nothing.. My gui is not changed !
Thank you&lt;/p&gt;</t>
  </si>
  <si>
    <t>2015-05-30 13:29:07.747000+00:00</t>
  </si>
  <si>
    <t>2015-05-30 14:01:24.057000+00:00</t>
  </si>
  <si>
    <t>java|multithreading|swing|user-interface</t>
  </si>
  <si>
    <t>Android: How to mirror your touch? (visual pointer issue)</t>
  </si>
  <si>
    <t>&lt;p&gt;I'm having a problem with my pointer for my tablet. I'm designing an art app and I'm trying to figure out how to mirror my movement (symmetry). Currently, if you touch the screen with your finger or stylus, an image (programmatically generated circle) is drawn and updates itself to wherever you move your finger/stylus. This works perfectly. But now I want to add two new features: Horizontal and vertical symmetry. So if you choose horizontal symmetry, another pointer will appear at the opposite X position, but along the same Y axis. So if you touch at 300x, 250y, and another pointer will show at -300x, 250y on the screen along with the original pointer. Now when I tried to apply and test it, I still only get the original pointer. Here is what I have so far:&lt;/p&gt;
&lt;pre&gt;&lt;code&gt;rLO.setOnTouchListener(new View.OnTouchListener() {
    @Override
    public boolean onTouch(View v, MotionEvent event) {
        switch (event.getAction() &amp;amp; MotionEvent.ACTION_MASK) {
        case MotionEvent.ACTION_DOWN:               
            // Hardware accelerated at runtime
            getWindow().setFlags(
                    WindowManager.LayoutParams.FLAG_HARDWARE_ACCELERATED,
                    WindowManager.LayoutParams.FLAG_HARDWARE_ACCELERATED);
            cursor.x = (int)event.getX() - (cursor.radius / 2);
            cursor.y = (int)event.getY() - (cursor.radius / 2);
            cursor.onDraw(cursor.e);
            rLO.addView(cursor);
            if (hSym &amp;gt; 0) {
                vSym = 0;
                cursorH.x = -cursor.x;
                cursorH.y = cursor.y;
                cursorH.onDraw(cursorH.e);
                rLO.addView(cursorH);
            }
            if (vSym &amp;gt; 0) {
                hSym = 0;
                cursorV.x = cursor.x;
                cursorV.y = -cursor.y;
                cursorV.onDraw(cursorV.e);
                rLO.addView(cursorV);
            }
            break;
        case MotionEvent.ACTION_MOVE:
            // Hardware accelerated at runtime
            getWindow().setFlags(
                    WindowManager.LayoutParams.FLAG_HARDWARE_ACCELERATED,
                    WindowManager.LayoutParams.FLAG_HARDWARE_ACCELERATED);
            //update pointer to new position of stylus/finger
            cursor.x = (int)event.getRawX() - (cursor.radius / 2);
            cursor.y = (int)event.getRawY() - (cursor.radius / 2);
            rLO.removeView(cursor);
            rLO.addView(cursor);
            if (hSym &amp;gt; 0) {
                cursorH.x = -cursor.x;
                cursorH.y = cursor.y;
                rLO.removeView(cursorH);
                rLO.addView(cursorH);
            }
            if (vSym &amp;gt; 0) {
                cursorV.x = cursor.x;
                cursorV.y = -cursor.y;
                rLO.removeView(cursorV);
                rLO.addView(cursorV);
            }
            break;
        case MotionEvent.ACTION_UP:
            if (vSym &amp;gt; 0 || hSym &amp;gt; 0) {
                rLO.removeView(cursorH);
                rLO.removeView(cursorV);
            }
            rLO.removeView(cursor);
            break;
        } // end switch 
&lt;/code&gt;&lt;/pre&gt;
&lt;p&gt;&lt;em&gt;&lt;strong&gt;NOTE:&lt;/em&gt;&lt;/strong&gt;
I used the word "cursor" in the code for "pointer." The pointer (cursor) is programmatically drawn from a different class which creates a circle.&lt;/p&gt;</t>
  </si>
  <si>
    <t>2012-01-20 04:45:47.060000+00:00</t>
  </si>
  <si>
    <t>2012-01-20 05:02:24.697000+00:00</t>
  </si>
  <si>
    <t>2012-01-20 04:59:30.470000+00:00</t>
  </si>
  <si>
    <t>android|view|touch|draw|mirror</t>
  </si>
  <si>
    <t>Xamarin Design Issue in landscape mode</t>
  </si>
  <si>
    <t>&lt;p&gt;I'm trying to design a screen in &lt;code&gt;Xamarin.Forms&lt;/code&gt; that having &lt;code&gt;Image&lt;/code&gt; as background on screen and main content &lt;code&gt;StackLayout&lt;/code&gt; having white background in center of main screen. For that I've tried this yet:&lt;/p&gt;
&lt;pre&gt;&lt;code&gt;&amp;lt;RelativeLayout x:Name="mainContainer" &amp;gt;
   &amp;lt;Image Source="bg.png" Aspect="Fill"
               RelativeLayout.WidthConstraint="{ConstraintExpression Type=RelativeToParent, Property=Width}"
               RelativeLayout.HeightConstraint="{ConstraintExpression Type=RelativeToParent, Property=Height}"/&amp;gt;
   &amp;lt;StackLayout Spacing="0"
                 RelativeLayout.WidthConstraint="{ConstraintExpression Type=RelativeToParent, Property=Width}"
                 RelativeLayout.HeightConstraint="{ConstraintExpression Type=RelativeToParent, Property=Height}"  &amp;gt;
     &amp;lt;StackLayout Padding="100,100,100,100"&amp;gt;
         &amp;lt;StackLayout x:Name="MainContent" backgroundcolor="white"&amp;gt;
         &amp;lt;/StackLayout&amp;gt;
     &amp;lt;/StackLayout&amp;gt;
   &amp;lt;/StackLayout&amp;gt;
&amp;lt;/RelativeLayout&amp;gt;
&lt;/code&gt;&lt;/pre&gt;
&lt;p&gt;I'm giving padding here so my content can come in center. But that padding will be different when i run in landscape mode. So what could i do instead to just make content &lt;code&gt;StackLayout&lt;/code&gt; in center of the screen ?any help please.&lt;/p&gt;</t>
  </si>
  <si>
    <t>2016-09-06 07:51:58.800000+00:00</t>
  </si>
  <si>
    <t>2018-11-29 01:56:40.367000+00:00</t>
  </si>
  <si>
    <t>xamarin.forms</t>
  </si>
  <si>
    <t>using listview from android application</t>
  </si>
  <si>
    <t>&lt;pre&gt;&lt;code&gt;private List&amp;lt;String&amp;gt; locations_list =new ArrayList&amp;lt;String&amp;gt;();
public DataBase db;
public ListView lv1;
@Override
protected void onCreate(Bundle savedInstanceState) {
    // TODO Auto-generated method stub
    super.onCreate(savedInstanceState);
    setContentView(R.layout.locations);
    db = new DataBase(getApplicationContext());
    lv1=(ListView)findViewById(R.id.listView1);
    this.load_list();
    registerForContextMenu(lv1);
}
@Override
public void onCreateContextMenu(ContextMenu menu, View v,
                                ContextMenuInfo menuInfo) {
    super.onCreateContextMenu(menu, v, menuInfo);
    MenuInflater inflater = getMenuInflater();
    inflater.inflate(R.menu.context_menu, menu);
}
public boolean onContextItemSelected(MenuItem item){
        switch (item.getItemId()) {
        case R.id.set_property:
            //startActivity(new Intent(locations.this, add_location.class));
         return true;
        case R.id.set_location:
          return true;
        case R.id.edit:
              return true;
        case R.id.delete:
              db.location_delete(id);  // will send id of the recored to be deletion as parameter
              return true;
        }
        return false;
    }
    private void load_list(){
        Cursor locations_list_db=db.location_result();
        locations_list.clear();
        while(locations_list_db.moveToNext()){
            locations_list.add(locations_list_db.getString(locations_list_db.getColumnIndex("name")));
        } 
        lv1.setAdapter(new ArrayAdapter&amp;lt;String&amp;gt;(this,android.R.layout.simple_list_item_1 , locations_list));
    }
&lt;/code&gt;&lt;/pre&gt;
&lt;p&gt;I make load to data to listview from database in load_list() function.
I want to make selected child to deletion from database in onContextItemSelected() function.
How can I do it 
My english is litte bad. I'm sorry.&lt;/p&gt;</t>
  </si>
  <si>
    <t>2014-03-16 16:13:15.913000+00:00</t>
  </si>
  <si>
    <t>2014-03-16 17:58:10.370000+00:00</t>
  </si>
  <si>
    <t>android|android-listview|contextmenu</t>
  </si>
  <si>
    <t>Perl: concatenate variable inside variable?</t>
  </si>
  <si>
    <t>&lt;p&gt;Inside variable I would like to concatenate other variable:&lt;/p&gt;
&lt;pre&gt;&lt;code&gt;my %hash = (
 DNS_AD_toto =&amp;gt; ['10.0.0.1'],
 DNS_OP_toto =&amp;gt; ['192.168.0.2', '10.0.0.2'],
 DNS_ZA_toto =&amp;gt; ['192.168.0.3'],
);
foreach my $abc ("AD", "OP"){
  print $DNS_${abc}_toto[0];
} 
&lt;/code&gt;&lt;/pre&gt;
&lt;p&gt;But &lt;code&gt;print $DNS_$a_toto[0]&lt;/code&gt; doesn't work because &lt;code&gt;$DNS_&lt;/code&gt; doesn't exist.
So, how to concatenate two variables in only one line?&lt;/p&gt;</t>
  </si>
  <si>
    <t>2015-08-24 09:26:24.337000+00:00</t>
  </si>
  <si>
    <t>2015-08-24 12:02:49.103000+00:00</t>
  </si>
  <si>
    <t>perl|concatenation</t>
  </si>
  <si>
    <t>Calculate Blending of two Hex int values</t>
  </si>
  <si>
    <t>&lt;p&gt;I want to overlay or more calculate a new color based on two existing.&lt;/p&gt;
&lt;p&gt;My colors are stored like this:&lt;/p&gt;
&lt;pre&gt;&lt;code&gt;int color1 = 0xffFF00FF;
int color2 = 0x00FFFFFF;
&lt;/code&gt;&lt;/pre&gt;
&lt;p&gt;Now as you can tell this is assigned in hex format. I know that these will get transformed into "real" numbers at runtime (or during compile).&lt;/p&gt;
&lt;p&gt;These hex "strings" are constructed as you know with the first two symbols after the &lt;code&gt;0x&lt;/code&gt; represanting the alpha of this color (e.g. &lt;code&gt;ff&lt;/code&gt; and &lt;code&gt;00&lt;/code&gt; in this case).&lt;/p&gt;
&lt;p&gt;I now want to overlay them so I can get the new color int value. I want to be able to choose which algorithm of overlay (screen, multiply, add, subtract, divide, etc.).&lt;/p&gt;
&lt;p&gt;I have done LOTS of research on the Internet, but nothing was telling me how to solve my problem.&lt;/p&gt;
&lt;p&gt;I've tried a tons of stuff and did intensive testing and debugging, but I am now at a point where I do not now what to do anymore.&lt;/p&gt;
&lt;p&gt;For example:&lt;/p&gt;
&lt;p&gt;I tried to do some simple math operation to get the add method etc. done like this:&lt;/p&gt;
&lt;pre&gt;&lt;code&gt;return a + b;
return a - b;
return a * b;
return a / b;
// Even stuff like color burn
return (1 - (1 - a) / b);
&lt;/code&gt;&lt;/pre&gt;
&lt;p&gt;I got these from &lt;a href="http://en.wikipedia.org/wiki/Blend_modes" rel="nofollow"&gt;Wikipedia&lt;/a&gt; but I guess, based on the output that this is based on on the RGBA format &lt;code&gt;(255/255/255/100)&lt;/code&gt; and not the hex stuff.&lt;/p&gt;
&lt;p&gt;Then I tried to convert the hex stuff into RGBA values with the &lt;code&gt;java.awt.Color&lt;/code&gt; class and binary operations &lt;code&gt;(a &amp;amp;&amp;amp; 0xff)&lt;/code&gt; and much more.&lt;/p&gt;
&lt;p&gt;I am literally working on this for days and I don't know exactly how I have done all these things in detail, but I know none of them worked as expected (e.g. the Alpha value was not taken into account.&lt;/p&gt;
&lt;p&gt;Maybe I just have a completely wrong starting point or just were looking and working into the wrong direction. Everything so far (also here on SO) wasn't sufficient for my particular situation. Most of the stuff I' ve found were talking about hex-string to int conversation and opposite ;)&lt;/p&gt;
&lt;p&gt;Thanks in advance,&lt;/p&gt;
&lt;p&gt;Christian&lt;/p&gt;</t>
  </si>
  <si>
    <t>2013-10-14 13:37:48.330000+00:00</t>
  </si>
  <si>
    <t>2013-10-14 14:17:39.950000+00:00</t>
  </si>
  <si>
    <t>java|graphics|hex|rendering|blending</t>
  </si>
  <si>
    <t>How do I deserialise this JSON?</t>
  </si>
  <si>
    <t>&lt;p&gt;I haven't done anything with JSON before... so I am probably just missing a step.&lt;/p&gt;
&lt;p&gt;Here is an example of the JSON I want to deserialise:&lt;/p&gt;
&lt;pre&gt;&lt;code&gt;{"item":{"icon":"http://services.runescape.com/m=itemdb_rs/4765_obj_sprite.gif?id=4798","icon_large":"http://services.runescape.com/m=itemdb_rs/4765_obj_big.gif?id=4798","id":4798,"type":"Ammo","typeIcon":"http://www.runescape.com/img/categories/Ammo","name":"Adamant brutal","description":"Blunt adamantite arrow...ouch","current":{"trend":"neutral","price":237},"today":{"trend":"neutral","price":0},"members":"true","day30":{"trend":"positive","change":"+1.0%"},"day90":{"trend":"negative","change":"-0.0%"},"day180":{"trend":"positive","change":"+0.0%"}}}
&lt;/code&gt;&lt;/pre&gt;
&lt;p&gt;I put this into "Json 2 C#" and ended up creating this new .cs file:&lt;/p&gt;
&lt;pre&gt;&lt;code&gt;using System;
using System.Collections.Generic;
using System.Linq;
using System.Text;
using System.Threading.Tasks;
namespace RSTool.Models
{
    public class Current
    {
        public string trend { get; set; }
        public int price { get; set; }
    }
    public class Today
    {
        public string trend { get; set; }
        public int price { get; set; }
    }
    public class Day30
    {
        public string trend { get; set; }
        public string change { get; set; }
    }
    public class Day90
    {
        public string trend { get; set; }
        public string change { get; set; }
    }
    public class Day180
    {
        public string trend { get; set; }
        public string change { get; set; }
    }
    public class Item
    {
        public string icon { get; set; }
        public string icon_large { get; set; }
        public int id { get; set; }
        public string type { get; set; }
        public string typeIcon { get; set; }
        public string name { get; set; }
        public string description { get; set; }
        public Current current { get; set; }
        public Today today { get; set; }
        public string members { get; set; }
        public Day30 day30 { get; set; }
        public Day90 day90 { get; set; }
        public Day180 day180 { get; set; }
    }
    public class RootObject
    {
        public Item item { get; set; }
    }
}
&lt;/code&gt;&lt;/pre&gt;
&lt;p&gt;So, I have the class. I can retrieve the JSON from its location as a string, but I really have no idea how to deserialise it... I have installed Newtonsoft.Json and have tried using PopulateObject and also Deserializer but not with any luck...&lt;/p&gt;
&lt;p&gt;Assuming that my JSON is stored as a string called "json", how would I go about storing that query and then retrieving the item name, for example? &lt;/p&gt;</t>
  </si>
  <si>
    <t>2015-03-17 01:27:43.020000+00:00</t>
  </si>
  <si>
    <t>2015-03-17 01:35:09.417000+00:00</t>
  </si>
  <si>
    <t>c#|json|json.net</t>
  </si>
  <si>
    <t>Nested form update action producing duplicate results</t>
  </si>
  <si>
    <t>&lt;p&gt;During the update action of a nested form, instead of updating the current nested records, it seems to create new nested records. &lt;/p&gt;
&lt;p&gt;This is what my controller looks like : &lt;/p&gt;
&lt;pre&gt;&lt;code&gt;class ApplicationsController &amp;lt; ApplicationController
  before_filter :set_user_and_job
  def new 
   job = params[:job_id]
   @application = Application.build(job)
  end
  def create
    @application = Application.new(application_params)
    @application.save
    redirect_to root_url, :notice =&amp;gt; "You have now applied!"
  end
  def edit 
    @application = Application.find(params[:id])
    @answers = []
    @job.questions.each do |question|
      @application.answers.each do |answer|
        @answers &amp;lt;&amp;lt; answer if answer.question_id == question.id
      end
    end
  end
  def update
    @application = Application.find(params[:id])
    @application.update_attributes(application_params)
    redirect_to root_url, :notice =&amp;gt; "You have updated your application!"
  end
  def destroy
    Application.find(params[:id]).destroy
    flash[:success] = "Application Deleted."
    redirect_to root_url 
  end 
  def show 
    @application = Application.find(params[:id])
    @answers = []
    @job.questions.each do |question|
      @application.answers.each do |answer|
        @answers &amp;lt;&amp;lt; answer if answer.question_id == question.id
      end
    end
  end
private
  def set_user_and_job
      @user = current_user
      @job = Job.find(params[:job_id])
  end
  def application_params
       params.require(:application).permit(:job_id, :user_id, answers_attributes:[:question_id, :content]).merge(user_id: current_user.id, job_id: params[:job_id])
  end
end
&lt;/code&gt;&lt;/pre&gt;
&lt;p&gt;This is what my edit view looks like : &lt;/p&gt;
&lt;pre&gt;&lt;code&gt;&amp;lt;% provide(:title, " Edit this application") %&amp;gt;
  &amp;lt;div class="row"&amp;gt;
      &amp;lt;div class="span6"&amp;gt;
        &amp;lt;h2&amp;gt; Job: &amp;lt;%= @job.job_title  %&amp;gt;&amp;lt;/h2&amp;gt;
        &amp;lt;p&amp;gt; &amp;lt;%= @job.job_summary %&amp;gt; &amp;lt;/p&amp;gt;
      &amp;lt;/div&amp;gt;
      &amp;lt;div class="span6"&amp;gt;
        &amp;lt;h2&amp;gt; Applicant: &amp;lt;%= @user.name  %&amp;gt;&amp;lt;/h2&amp;gt;
      &amp;lt;/div&amp;gt;
      &amp;lt;div class="span12"&amp;gt;
        &amp;lt;h3&amp;gt;Edit your job application below.&amp;lt;/h3&amp;gt;
      &amp;lt;/div&amp;gt;
  &amp;lt;/div&amp;gt;
&amp;lt;%= form_for [@job, @application] do |f| %&amp;gt;
  &amp;lt;%= render 'shared/error_messages', object: f.object %&amp;gt;
     &amp;lt;% @job.questions.each_with_index do |question| %&amp;gt;
         &amp;lt;%= f.fields_for :answers, question do |question_field| %&amp;gt;
              &amp;lt;%= question_field.label :content, question.content %&amp;gt;
              &amp;lt;%= question_field.text_area :content, :value =&amp;gt; "" %&amp;gt;
              &amp;lt;%= question_field.hidden_field :question_id,  :value =&amp;gt; question.id  %&amp;gt;
         &amp;lt;% end %&amp;gt;
    &amp;lt;% end %&amp;gt;
   &amp;lt;%= f.submit "Submit the application", class: "button" %&amp;gt;
&amp;lt;% end %&amp;gt;
&lt;/code&gt;&lt;/pre&gt;
&lt;p&gt;The Application Model itself: &lt;/p&gt;
&lt;pre&gt;&lt;code&gt;# == Schema Information
#
# Table name: applications
#
#  id         :integer          not null, primary key
#  user_id    :integer
#  job_id     :integer
#  created_at :datetime
#  updated_at :datetime
#
class Application &amp;lt; ActiveRecord::Base
    belongs_to :job
    belongs_to :user
    validates :job_id, presence: true 
    validates :user_id, presence: true 
    has_many :answers
    accepts_nested_attributes_for :answers, :reject_if =&amp;gt; lambda { |a| a[:content].blank? }, :allow_destroy =&amp;gt; true
    def self.build(job_id) 
        application = self.new
        job = Job.find(job_id)
        job.questions.count.times do
         application.answers.build
        end
    application
    end
end
&lt;/code&gt;&lt;/pre&gt;
&lt;p&gt;And the Answer Model : &lt;/p&gt;
&lt;pre&gt;&lt;code&gt;# == Schema Information
#
# Table name: answers
#
#  id             :integer          not null, primary key
#  application_id :integer
#  question_id    :integer
#  created_at     :datetime
#  updated_at     :datetime
#  content        :string(255)
#
class Answer &amp;lt; ActiveRecord::Base
    belongs_to :question
    belongs_to :application
    validates :content, presence: true
end
&lt;/code&gt;&lt;/pre&gt;
&lt;p&gt;From searching, I found this link, &lt;a href="https://stackoverflow.com/questions/18946479/ror-nested-attributes-produces-duplicates-when-edit"&gt;RoR nested attributes produces duplicates when edit&lt;/a&gt; , which suggests that I add the :id to application_params, however when I do that, I get the error &lt;/p&gt;
&lt;pre&gt;&lt;code&gt;ActiveRecord::RecordNotFound in ApplicationsController#update
Couldn't find Answer with ID=5 for Application with ID=17
&lt;/code&gt;&lt;/pre&gt;
&lt;p&gt;(That's also a bit weird, because the actual id of the answer is 39. 5 is actually the ID of the question :S )&lt;/p&gt;
&lt;p&gt;What are your thoughts on this? Mentors of SO, help much appreciated :)&lt;/p&gt;</t>
  </si>
  <si>
    <t>2013-12-29 17:36:57.857000+00:00</t>
  </si>
  <si>
    <t>2013-12-30 10:31:54.533000+00:00</t>
  </si>
  <si>
    <t>2017-05-23 12:26:25.580000+00:00</t>
  </si>
  <si>
    <t>ruby-on-rails|nested-forms|nested-attributes</t>
  </si>
  <si>
    <t>Swapped some CSS from one project to another</t>
  </si>
  <si>
    <t>&lt;p&gt;I have swapped some CSS from a project I was doing into the basic ASP web forms template so I could experiment with the user controls. I have tried to implement the code that I did for my master page into the template too. The way I did it before was placing all the styling on the master page. I have now placed all the styling into &lt;code&gt;site.css&lt;/code&gt; (not sure if this is correct). It looks mostly right but a few things are different and I'm not sure why.&lt;/p&gt;
&lt;p&gt;Current state of &lt;code&gt;site.css&lt;/code&gt;:&lt;/p&gt;
&lt;pre&gt;&lt;code&gt;/* Move down content because we have a fixed navbar that is 50px tall */
body {
    padding-top: 50px;
    padding-bottom: 20px;
}
/* Wrapping element */
/* Set some basic padding to keep content from hitting the edges */
.body-content {
    padding-left: 15px;
    padding-right: 15px;
}
/* Override the default bootstrap behavior where horizontal description lists 
   will truncate terms that are too long to fit in the left column 
*/
.dl-horizontal dt {
    white-space: normal;
}
/* Set widths on the form inputs since otherwise they're 100% wide */
input[type="text"],
input[type="password"],
input[type="email"],
input[type="tel"],
input[type="select"] {
    max-width: 280px;
}
/* Responsive: Portrait tablets and up */
@media screen and (min-width: 768px) {
    .jumbotron {
        margin-top: 20px;
    }
}
li {
    border-right: 1px solid #ff6600;
}
ul {
    list-style: none;
    padding: 0;
    margin: 0;
    background: #2B3533;
    border: 1px solid #ff6600;
}
    ul li {
        display: block;
        position: relative;
        float: left;
        background: #2B3533;
    }
li ul {
    display: none;
}
ul li a {
    display: block;
    padding: 1em;
    text-decoration: none;
    white-space: nowrap;
    color: #fff;
}
li:hover &amp;gt; ul {
    display: block;
    position: absolute;
}
li:hover li {
    float: none;
}
li:hover a {
    background: #2B3533;
}
li:hover li a:hover {
    background: #ff6600;
}
.main-navigation li ul li {
    border-top: 0;
}
ul li a:hover {
    background: #ff6600;
}
ul ul ul {
    left: 100%;
    top: 0;
}
ul:before,
ul:after {
    content: " ";
    display: table;
}
ul:after {
    clear: both;
}
&lt;/code&gt;&lt;/pre&gt;
&lt;p&gt;Master page code:&lt;/p&gt;
&lt;pre&gt;&lt;code&gt;    &amp;lt;%@ Master Language="C#" AutoEventWireup="true" CodeBehind="Site.master.cs" Inherits="ComputingProjectwh.SiteMaster" %&amp;gt;
&amp;lt;!DOCTYPE html&amp;gt;
&amp;lt;html lang="en"&amp;gt;
&amp;lt;head runat="server"&amp;gt;
    &amp;lt;meta charset="utf-8" /&amp;gt;
    &amp;lt;meta name="viewport" content="width=device-width, initial-scale=1.0" /&amp;gt;
    &amp;lt;title&amp;gt;&amp;lt;%: Page.Title %&amp;gt; - My ASP.NET Application&amp;lt;/title&amp;gt;
    &amp;lt;asp:PlaceHolder runat="server"&amp;gt;
        &amp;lt;%: Scripts.Render("~/bundles/modernizr") %&amp;gt;
    &amp;lt;/asp:PlaceHolder&amp;gt;
    &amp;lt;webopt:bundlereference runat="server" path="~/Content/css" /&amp;gt;
    &amp;lt;link href="~/favicon.ico" rel="shortcut icon" type="image/x-icon" /&amp;gt;
&amp;lt;/head&amp;gt;
&amp;lt;body&amp;gt;
   &amp;lt;form id="form1" runat="server"&amp;gt;
        &amp;lt;asp:ScriptManager runat="server"&amp;gt;
            &amp;lt;Scripts&amp;gt;
                &amp;lt;%--To learn more about bundling scripts in ScriptManager see http://go.microsoft.com/fwlink/?LinkID=301884 --%&amp;gt;
                &amp;lt;%--Framework Scripts--%&amp;gt;
                &amp;lt;asp:ScriptReference Name="MsAjaxBundle" /&amp;gt;
                &amp;lt;asp:ScriptReference Name="jquery" /&amp;gt;
                &amp;lt;asp:ScriptReference Name="bootstrap" /&amp;gt;
                &amp;lt;asp:ScriptReference Name="respond" /&amp;gt;
                &amp;lt;asp:ScriptReference Name="WebForms.js" Assembly="System.Web" Path="~/Scripts/WebForms/WebForms.js" /&amp;gt;
                &amp;lt;asp:ScriptReference Name="WebUIValidation.js" Assembly="System.Web" Path="~/Scripts/WebForms/WebUIValidation.js" /&amp;gt;
                &amp;lt;asp:ScriptReference Name="MenuStandards.js" Assembly="System.Web" Path="~/Scripts/WebForms/MenuStandards.js" /&amp;gt;
                &amp;lt;asp:ScriptReference Name="GridView.js" Assembly="System.Web" Path="~/Scripts/WebForms/GridView.js" /&amp;gt;
                &amp;lt;asp:ScriptReference Name="DetailsView.js" Assembly="System.Web" Path="~/Scripts/WebForms/DetailsView.js" /&amp;gt;
                &amp;lt;asp:ScriptReference Name="TreeView.js" Assembly="System.Web" Path="~/Scripts/WebForms/TreeView.js" /&amp;gt;
                &amp;lt;asp:ScriptReference Name="WebParts.js" Assembly="System.Web" Path="~/Scripts/WebForms/WebParts.js" /&amp;gt;
                &amp;lt;asp:ScriptReference Name="Focus.js" Assembly="System.Web" Path="~/Scripts/WebForms/Focus.js" /&amp;gt;
                &amp;lt;asp:ScriptReference Name="WebFormsBundle" /&amp;gt;
                &amp;lt;%--Site Scripts--%&amp;gt;
            &amp;lt;/Scripts&amp;gt;
        &amp;lt;/asp:ScriptManager&amp;gt;
        &amp;lt;ul class="main-navigation"&amp;gt;
            &amp;lt;li&amp;gt;&amp;lt;a href="/Home.aspx"&amp;gt;Synther Physics&amp;lt;/a&amp;gt;&amp;lt;/li&amp;gt;
            &amp;lt;li&amp;gt;&amp;lt;a href="/RevisionTopicList.aspx"&amp;gt;Revision by Topic&amp;lt;/a&amp;gt;
                &amp;lt;ul&amp;gt;
                    &amp;lt;li&amp;gt;&amp;lt;a href="/RevisionPages/1. Further Mechanics/Further Mechanics Topic List.aspx"&amp;gt;Further Mechanics&amp;lt;/a&amp;gt;
                        &amp;lt;ul&amp;gt;
                            &amp;lt;li&amp;gt;&amp;lt;a href="/RevisionPages/1. Further Mechanics/Moments and Energy.aspx"&amp;gt;Moments and Energy&amp;lt;/a&amp;gt;&amp;lt;/li&amp;gt;
                            &amp;lt;li&amp;gt;&amp;lt;a href="/RevisionPages/1. Further Mechanics/Motion in a Circle.aspx"&amp;gt;Motion in a Circle&amp;lt;/a&amp;gt;&amp;lt;/li&amp;gt;
                        &amp;lt;/ul&amp;gt;
                    &amp;lt;/li&amp;gt;
                    &amp;lt;li&amp;gt;&amp;lt;a href="/RevisionPages/2. Gravitaional Fields/Universal Gravitation.aspx"&amp;gt;Gravitaional Fields&amp;lt;/a&amp;gt;
                        &amp;lt;ul&amp;gt;
                            &amp;lt;li&amp;gt;&amp;lt;a href="/RevisionPages/2. Gravitaional Fields/Universal Gravitation.aspx"&amp;gt;Universal Gravitation&amp;lt;/a&amp;gt;&amp;lt;/li&amp;gt;
                        &amp;lt;/ul&amp;gt;
                    &amp;lt;/li&amp;gt;
                    &amp;lt;li&amp;gt;&amp;lt;a href="/RevisionPages/3. Electric and Magnetic Fields/Electric and Magnetic Fields Topic List.aspx"&amp;gt;Electric and Magnetic Fields&amp;lt;/a&amp;gt;
                        &amp;lt;ul&amp;gt;
                            &amp;lt;li&amp;gt;&amp;lt;a href="/RevisionPages/3. Electric and Magnetic Fields/Capacitance.aspx"&amp;gt;Capacitance&amp;lt;/a&amp;gt;&amp;lt;/li&amp;gt;
                            &amp;lt;li&amp;gt;&amp;lt;a href="/RevisionPages/3. Electric and Magnetic Fields/Electric Fields.aspx"&amp;gt;Electric Fields&amp;lt;/a&amp;gt;&amp;lt;/li&amp;gt;
                            &amp;lt;li&amp;gt;&amp;lt;a href="/RevisionPages/3. Electric and Magnetic Fields/Magnetic Fields.aspx"&amp;gt;Magnetic Fields&amp;lt;/a&amp;gt;&amp;lt;/li&amp;gt;
                        &amp;lt;/ul&amp;gt;
                    &amp;lt;/li&amp;gt;
                    &amp;lt;li&amp;gt;&amp;lt;a href="/RevisionPages/4. Nuclear and Particle Physics/Nuclear and Particle Physics Topic List.aspx"&amp;gt;Nuclear and Particle Physics&amp;lt;/a&amp;gt;
                        &amp;lt;ul&amp;gt;
                            &amp;lt;li&amp;gt;&amp;lt;a href="/RevisionPages/4. Nuclear and Particle Physics/Electrons and Nuceli.aspx"&amp;gt;Electrons and Nuclei&amp;lt;/a&amp;gt;&amp;lt;/li&amp;gt;
                            &amp;lt;li&amp;gt;&amp;lt;a href="/RevisionPages/4. Nuclear and Particle Physics/Particle Physics.aspx"&amp;gt;Particle Physics&amp;lt;/a&amp;gt;&amp;lt;/li&amp;gt;
                        &amp;lt;/ul&amp;gt;
                    &amp;lt;/li&amp;gt;
                    &amp;lt;li&amp;gt;&amp;lt;a href="/RevisionPages/5. Nuclear Radiation/Nuclear Decay.aspx"&amp;gt;Nuclear Radiation&amp;lt;/a&amp;gt;
                        &amp;lt;ul&amp;gt;
                            &amp;lt;li&amp;gt;&amp;lt;a href="/RevisionPages/5. Nuclear Radiation/Nuclear Decay.aspx"&amp;gt;Nuclear Decay&amp;lt;/a&amp;gt;&amp;lt;/li&amp;gt;
                        &amp;lt;/ul&amp;gt;
                    &amp;lt;/li&amp;gt;
                    &amp;lt;li&amp;gt;&amp;lt;a href="/RevisionPages/6. Thermodynamics/Thermodynamics Topic List.aspx"&amp;gt;Thermodynamics&amp;lt;/a&amp;gt;
                        &amp;lt;ul&amp;gt;
                            &amp;lt;li&amp;gt;&amp;lt;a href="/RevisionPages/6. Thermodynamics/Gas Laws and Kinetic Theory.aspx"&amp;gt;Gas Laws and Kinetic Theory&amp;lt;/a&amp;gt;&amp;lt;/li&amp;gt;
                            &amp;lt;li&amp;gt;&amp;lt;a href="/RevisionPages/6. Thermodynamics/Internal Energy, Absolute Zero and Change of State.aspx"&amp;gt;Internal Energy, Absolute Zero and Change of State&amp;lt;/a&amp;gt;&amp;lt;/li&amp;gt;
                            &amp;lt;li&amp;gt;&amp;lt;a href="/RevisionPages/6. Thermodynamics/Specific Heat Capacity.aspx"&amp;gt;Specific Heat Capacity&amp;lt;/a&amp;gt;&amp;lt;/li&amp;gt;
                        &amp;lt;/ul&amp;gt;
                    &amp;lt;/li&amp;gt;
                    &amp;lt;li&amp;gt;&amp;lt;a href="/RevisionPages/7. Space/Space Topic List.aspx"&amp;gt;Space&amp;lt;/a&amp;gt;
                        &amp;lt;ul&amp;gt;
                            &amp;lt;li&amp;gt;&amp;lt;a href="/RevisionPages/7. Space/Astrophysics.aspx"&amp;gt;Astrophysics&amp;lt;/a&amp;gt;&amp;lt;/li&amp;gt;
                            &amp;lt;li&amp;gt;&amp;lt;a href="/RevisionPages/7. Space/Cosmology.aspx"&amp;gt;Cosmology&amp;lt;/a&amp;gt;&amp;lt;/li&amp;gt;
                        &amp;lt;/ul&amp;gt;
                    &amp;lt;/li&amp;gt;
                    &amp;lt;li&amp;gt;&amp;lt;a href="/RevisionPages/8. Oscillations/Oscillations.aspx"&amp;gt;Oscillations&amp;lt;/a&amp;gt;
                        &amp;lt;ul&amp;gt;
                            &amp;lt;li&amp;gt;&amp;lt;a href="/RevisionPages/8. Oscillations/Oscillations.aspx"&amp;gt;Oscillations&amp;lt;/a&amp;gt;&amp;lt;/li&amp;gt;
                        &amp;lt;/ul&amp;gt;
                    &amp;lt;/li&amp;gt;
                &amp;lt;/ul&amp;gt;
            &amp;lt;/li&amp;gt;
            &amp;lt;li&amp;gt;&amp;lt;a href="/RevisionTestList.aspx"&amp;gt;Tests by Topic&amp;lt;/a&amp;gt;
                &amp;lt;ul&amp;gt;
                    &amp;lt;li&amp;gt;&amp;lt;a href="/TestPages/1. Further Mechanics/Further Mechanics Test List.aspx"&amp;gt;Further Mechanics&amp;lt;/a&amp;gt;
                        &amp;lt;ul&amp;gt;
                            &amp;lt;li&amp;gt;&amp;lt;a href="/TestPages/1. Further Mechanics/Moments and Energy Test.aspx"&amp;gt;Moments and Energy&amp;lt;/a&amp;gt;&amp;lt;/li&amp;gt;
                            &amp;lt;li&amp;gt;&amp;lt;a href="/TestPages/1. Further Mechanics/Motion in a Circle Test.aspx"&amp;gt;Motion in a Circle&amp;lt;/a&amp;gt;&amp;lt;/li&amp;gt;
                        &amp;lt;/ul&amp;gt;
                    &amp;lt;/li&amp;gt;
                    &amp;lt;li&amp;gt;&amp;lt;a href="/TestPages/2. Gravitaional Fields/Universal Gravitation Test.aspx"&amp;gt;Gravitaional Fields&amp;lt;/a&amp;gt;
                        &amp;lt;ul&amp;gt;
                            &amp;lt;li&amp;gt;&amp;lt;a href="/TestPages/2. Gravitaional Fields/Universal Gravitation Test.aspx"&amp;gt;Universal Gravitation&amp;lt;/a&amp;gt;&amp;lt;/li&amp;gt;
                        &amp;lt;/ul&amp;gt;
                    &amp;lt;/li&amp;gt;
                    &amp;lt;li&amp;gt;&amp;lt;a href="/TestPages/3. Electric and Magnetic Fields/Electric and Magnetic Fields Test List.aspx"&amp;gt;Electric and Magnetic Fields&amp;lt;/a&amp;gt;
                        &amp;lt;ul&amp;gt;
                            &amp;lt;li&amp;gt;&amp;lt;a href="/TestPages/3. Electric and Magnetic Fields/Capacitance Test.aspx"&amp;gt;Capacitance&amp;lt;/a&amp;gt;&amp;lt;/li&amp;gt;
                            &amp;lt;li&amp;gt;&amp;lt;a href="/TestPages/3. Electric and Magnetic Fields/Electric Fields Test.aspx"&amp;gt;Electric Fields&amp;lt;/a&amp;gt;&amp;lt;/li&amp;gt;
                            &amp;lt;li&amp;gt;&amp;lt;a href="/TestPages/3. Electric and Magnetic Fields/Magnetic Fields Test.aspx"&amp;gt;Magnetic Fields&amp;lt;/a&amp;gt;&amp;lt;/li&amp;gt;
                        &amp;lt;/ul&amp;gt;
                    &amp;lt;/li&amp;gt;
                    &amp;lt;li&amp;gt;&amp;lt;a href="/TestPages/4. Nuclear and Particle Physics/Nuclear and Particle Physics Test List.aspx"&amp;gt;Nuclear and Particle Physics&amp;lt;/a&amp;gt;
                        &amp;lt;ul&amp;gt;
                            &amp;lt;li&amp;gt;&amp;lt;a href="/TestPages/4. Nuclear and Particle Physics/Electrons and Nuceli Test.aspx"&amp;gt;Electrons and Nuclei&amp;lt;/a&amp;gt;&amp;lt;/li&amp;gt;
                            &amp;lt;li&amp;gt;&amp;lt;a href="/TestPages/4. Nuclear and Particle Physics/Particle Physics Test.aspx"&amp;gt;Particle Physics&amp;lt;/a&amp;gt;&amp;lt;/li&amp;gt;
                        &amp;lt;/ul&amp;gt;
                    &amp;lt;/li&amp;gt;
                    &amp;lt;li&amp;gt;&amp;lt;a href="/TestPages/5. Nuclear Radiation/Nuclear Decay Test.aspx"&amp;gt;Nuclear Radiation&amp;lt;/a&amp;gt;
                        &amp;lt;ul&amp;gt;
                            &amp;lt;li&amp;gt;&amp;lt;a href="/TestPages/5. Nuclear Radiation/Nuclear Decay Test.aspx"&amp;gt;Nuclear Decay&amp;lt;/a&amp;gt;&amp;lt;/li&amp;gt;
                        &amp;lt;/ul&amp;gt;
                    &amp;lt;/li&amp;gt;
                    &amp;lt;li&amp;gt;&amp;lt;a href="/TestPages/6. Thermodynamics/Thermodynamics Test List.aspx"&amp;gt;Thermodynamics&amp;lt;/a&amp;gt;
                        &amp;lt;ul&amp;gt;
                            &amp;lt;li&amp;gt;&amp;lt;a href="/TestPages/6. Thermodynamics/Gas Laws and Kinetic Theory Test.aspx"&amp;gt;Gas Laws and Kinetic Theory&amp;lt;/a&amp;gt;&amp;lt;/li&amp;gt;
                            &amp;lt;li&amp;gt;&amp;lt;a href="/TestPages/6. Thermodynamics/Internal Energy, Absolute Zero and Change of State.aspx"&amp;gt;Internal Energy, Absolute Zero and Change of State&amp;lt;/a&amp;gt;&amp;lt;/li&amp;gt;
                            &amp;lt;li&amp;gt;&amp;lt;a href="/TestPages/6. Thermodynamics/Specific Heat Capacity.aspx"&amp;gt;Specific Heat Capacity&amp;lt;/a&amp;gt;&amp;lt;/li&amp;gt;
                        &amp;lt;/ul&amp;gt;
                    &amp;lt;/li&amp;gt;
                    &amp;lt;li&amp;gt;&amp;lt;a href="/TestPages/7. Space/Space Test List.aspx"&amp;gt;Space&amp;lt;/a&amp;gt;
                        &amp;lt;ul&amp;gt;
                            &amp;lt;li&amp;gt;&amp;lt;a href="/TestPages/7. Space/Astrophysics Test.aspx"&amp;gt;Astrophysics&amp;lt;/a&amp;gt;&amp;lt;/li&amp;gt;
                            &amp;lt;li&amp;gt;&amp;lt;a href="/TestPages/7. Space/Cosmology.aspx"&amp;gt;Cosmology&amp;lt;/a&amp;gt;&amp;lt;/li&amp;gt;
                        &amp;lt;/ul&amp;gt;
                    &amp;lt;/li&amp;gt;
                    &amp;lt;li&amp;gt;&amp;lt;a href="/TestPages/8. Oscillations/Oscillations Test.aspx"&amp;gt;Oscillations&amp;lt;/a&amp;gt;
                        &amp;lt;ul&amp;gt;
                            &amp;lt;li&amp;gt;&amp;lt;a href="/TestPages/8. Oscillations/Oscillations Test.aspx"&amp;gt;Oscillations&amp;lt;/a&amp;gt;&amp;lt;/li&amp;gt;
                        &amp;lt;/ul&amp;gt;
                    &amp;lt;/li&amp;gt;
                &amp;lt;/ul&amp;gt;
            &amp;lt;/li&amp;gt;
            &amp;lt;li&amp;gt;&amp;lt;a href="/Formula Analysis.aspx"&amp;gt;Formula Analysis&amp;lt;/a&amp;gt;&amp;lt;/li&amp;gt;
            &amp;lt;li&amp;gt;&amp;lt;a href="/Sylabus Breakdown.aspx"&amp;gt;Sylabus Breakdown&amp;lt;/a&amp;gt;&amp;lt;/li&amp;gt;
            &amp;lt;asp:LoginView runat="server" ViewStateMode="Disabled"&amp;gt;
                &amp;lt;AnonymousTemplate&amp;gt;
                    &amp;lt;ul class="nav navbar-nav navbar-right"&amp;gt;
                        &amp;lt;li&amp;gt;&amp;lt;a runat="server" href="~/Account/Register"&amp;gt;Register&amp;lt;/a&amp;gt;&amp;lt;/li&amp;gt;
                        &amp;lt;li&amp;gt;&amp;lt;a runat="server" href="~/Account/Login"&amp;gt;Log in&amp;lt;/a&amp;gt;&amp;lt;/li&amp;gt;
                    &amp;lt;/ul&amp;gt;
                &amp;lt;/AnonymousTemplate&amp;gt;
                &amp;lt;LoggedInTemplate&amp;gt;
                    &amp;lt;ul class="nav navbar-nav navbar-right"&amp;gt;
                        &amp;lt;li&amp;gt;&amp;lt;a runat="server" href="~/Account/Manage" title="Manage your account"&amp;gt;Hello, &amp;lt;%: Context.User.Identity.GetUserName()  %&amp;gt;!&amp;lt;/a&amp;gt;&amp;lt;/li&amp;gt;
                        &amp;lt;li&amp;gt;
                            &amp;lt;asp:LoginStatus runat="server" LogoutAction="Redirect" LogoutText="Log off" LogoutPageUrl="~/" OnLoggingOut="Unnamed_LoggingOut" /&amp;gt;
                        &amp;lt;/li&amp;gt;
                    &amp;lt;/ul&amp;gt;
                &amp;lt;/LoggedInTemplate&amp;gt;
            &amp;lt;/asp:LoginView&amp;gt;
        &amp;lt;/ul&amp;gt;
        &amp;lt;div&amp;gt;
            &amp;lt;asp:ContentPlaceHolder ID="MainCOntent" runat="server"&amp;gt;
            &amp;lt;/asp:ContentPlaceHolder&amp;gt;
            &amp;lt;footer&amp;gt;
                &amp;lt;p&amp;gt;&amp;amp;copy; &amp;lt;%: DateTime.Now.Year %&amp;gt; - Synther Physics&amp;lt;/p&amp;gt;
            &amp;lt;/footer&amp;gt;
        &amp;lt;/div&amp;gt;
    &amp;lt;/form&amp;gt;
&amp;lt;/body&amp;gt;
&amp;lt;/html&amp;gt;
&lt;/code&gt;&lt;/pre&gt;
&lt;p&gt;I am trying to make it so that it looks like this:
&lt;a href="https://i.stack.imgur.com/Wmy5o.png" rel="nofollow noreferrer"&gt;&lt;img src="https://i.stack.imgur.com/Wmy5o.png" alt="Drop down"&gt;&lt;/a&gt;
However, it currently looks like this:
&lt;a href="https://i.stack.imgur.com/m89Bk.png" rel="nofollow noreferrer"&gt;&lt;img src="https://i.stack.imgur.com/m89Bk.png" alt="broken dropw down"&gt;&lt;/a&gt;&lt;/p&gt;
&lt;p&gt;where the link is blue and underwritten.&lt;/p&gt;
&lt;p&gt;If anyone can see how I can sort this or tell me that would be a real help.&lt;/p&gt;</t>
  </si>
  <si>
    <t>2017-04-04 21:51:25.160000+00:00</t>
  </si>
  <si>
    <t>2017-04-05 00:00:19.623000+00:00</t>
  </si>
  <si>
    <t>2017-04-04 23:46:13.220000+00:00</t>
  </si>
  <si>
    <t>html|css|asp.net</t>
  </si>
  <si>
    <t>Visual basic retrieving data from SQL</t>
  </si>
  <si>
    <t>&lt;p&gt;I want to retrieve something from a database in vb.net and display it. It has 4 columns with unlimited amounts of rows, could be 5, could be 10. &lt;/p&gt;
&lt;p&gt;First column is an &lt;code&gt;int&lt;/code&gt;, second a &lt;code&gt;name&lt;/code&gt;, 3rd &lt;code&gt;date&lt;/code&gt; and 4th a &lt;code&gt;date&lt;/code&gt;. I have to sort it by date. What would be the best way to retrieve all the data and store it?&lt;/p&gt;
&lt;p&gt;One solution I thought of was to store each individual column into an array then sort them, but I am not sure how to sort more than 2 arrays. The next solution I though of was to use a datatable and organizing the columns but I am just not sure how to do.&lt;/p&gt;
&lt;p&gt;Any ideas?&lt;/p&gt;</t>
  </si>
  <si>
    <t>2014-06-11 16:18:44.930000+00:00</t>
  </si>
  <si>
    <t>2014-06-11 18:15:04.430000+00:00</t>
  </si>
  <si>
    <t>2014-06-11 17:23:23.317000+00:00</t>
  </si>
  <si>
    <t>asp.net|sql|vb.net</t>
  </si>
  <si>
    <t>The approach to avoid including js file twice</t>
  </si>
  <si>
    <t>&lt;p&gt;this is a simple html file:&lt;/p&gt;
&lt;pre&gt;&lt;code&gt;&amp;lt;!DOCTYPE html&amp;gt;
&amp;lt;html&amp;gt;
   &amp;lt;head&amp;gt;
&amp;lt;title&amp;gt;Test Uploading Func.&amp;lt;/title&amp;gt;
&amp;lt;script type="text/javascript" src="jquery-1.7.2.min.js"&amp;gt;&amp;lt;/script&amp;gt;
&amp;lt;script type="text/javascript" charset="utf-8" src="jquery-1.7.2.js"&amp;gt;                  &amp;lt;/script&amp;gt;        
&amp;lt;link type="text/css" href="jquery-ui-1.8.21.custom.css" rel="Stylesheet" /&amp;gt;
    &amp;lt;script type="text/javascript" src="jquery-ui-1.8.21.custom.min.js"&amp;gt;&amp;lt;/script&amp;gt;
        &amp;lt;!--Include js file--&amp;gt;
        &amp;lt;script type="text/javascript" src="upload.js" &amp;gt;&amp;lt;/script&amp;gt;
&amp;lt;/head&amp;gt;
&amp;lt;body&amp;gt;
    &amp;lt;button id="Upload" value="upload"&amp;gt;upload&amp;lt;/button&amp;gt;      
    &amp;lt;script type="text/javascript" src="upload.js" &amp;gt;&amp;lt;/script&amp;gt;
&amp;lt;/body&amp;gt;
&lt;/code&gt;&lt;/pre&gt;
&lt;p&gt;&lt;/p&gt;
&lt;p&gt;And this is the js file I want to include:&lt;/p&gt;
&lt;pre&gt;&lt;code&gt;$( '#Upload' ).bind('click', function(){
alert("&amp;gt;");
});
&lt;/code&gt;&lt;/pre&gt;
&lt;p&gt;If I just include the js file in the beginning, the &lt;strong&gt;selector #&lt;/strong&gt; can't know the id &lt;strong&gt;Upload&lt;/strong&gt; so that I have to include it again 
at the end of the file...  I do know it's not correct. But I don't know how to resolve it? Don't we just include all the js file within the tag &lt;strong&gt;head&lt;/strong&gt;? 
What's the appropriate coding style I show have?
Thanks.                                                       &lt;/p&gt;
&lt;p&gt;UPDATE question!!!&lt;/p&gt;
&lt;p&gt;If I have a lot of scenario like this, should I add "$(document).ready()" to all the functions? A little weird...
Still another approach? Or web developers always do so. &lt;/p&gt;
&lt;p&gt;And where should I include my js file? In the begin or the end?&lt;/p&gt;
&lt;p&gt;If I include them all in the end, this kind of problem won't appear.
Then why lots of people include the js file just in the start?&lt;/p&gt;</t>
  </si>
  <si>
    <t>2012-09-16 13:02:03.087000+00:00</t>
  </si>
  <si>
    <t>2013-10-16 16:17:14.197000+00:00</t>
  </si>
  <si>
    <t>2012-09-16 13:29:50.457000+00:00</t>
  </si>
  <si>
    <t>Generalizing the column name in linq.Where or .OrderBy</t>
  </si>
  <si>
    <t>&lt;p&gt;I have a "manager" class with a number of sub-classes. I find one particular method being duplicated in all or almost all of the sub-classes, so I want to generalize it.  In one case, it looks like this:&lt;/p&gt;
&lt;pre&gt;&lt;code&gt;                        var Results =
                        from j in Job.All( )
                        where guids.Contains( j.JobID )
                        orderby j.JobNumber
                        select j;
&lt;/code&gt;&lt;/pre&gt;
&lt;p&gt;I am using SubSonic, so Job.All( ) is a static method that returns an &lt;code&gt;IQueryable&amp;lt;Job&amp;gt;&lt;/code&gt;.  guids is an &lt;code&gt;IEnumerable&amp;lt;Guid&amp;gt;&lt;/code&gt; which holds a list of keys into the Job table.  My final result is a SQL query with WHERE Job.JobID IN (x, y, z).&lt;/p&gt;
&lt;p&gt;What I'm looking for is a way to call a method like this where I pass in guids, "Job", "JobID" and "JobNumber" so that I can plug them into the appropriate places.&lt;/p&gt;
&lt;p&gt;There is a limit to the number of parameters a SQL IN clause can handle, so my general method would also check guids.Count and code a little bit different query when it exceeded a certain number (say, 2000).  This code is also in all the sub-classes.&lt;/p&gt;
&lt;p&gt;Note:  I have no objection to using the lambda-style notation.  This is my first cut, which has problems with "T.All( )", and item.???:&lt;/p&gt;
&lt;pre&gt;&lt;code&gt;    const int MAX_ITEMS = 2000;
    public List&amp;lt;T&amp;gt; GetFromList&amp;lt;T&amp;gt;( List&amp;lt;Guid&amp;gt; _IDs ) 
        where T : class, IActiveRecord
    {
        List&amp;lt;T&amp;gt; rc;
        if ( MAX_ITEMS &amp;gt; _IDs.Count )
        {
            var Results =
                from item in T.All( )
                where _IDs.Contains( item.??? )
                orderby item.???
                select item;
            rc = Results.ToList&amp;lt;T&amp;gt;( );
        }
        else // too many for IN clause
        {
            var Results =
                from id in _IDs
                join item in T.All( ) on id equals item.???
                orderby item.???
                select item;
            rc = Results.ToList&amp;lt;T&amp;gt;( );
        }
        return rc;
    }
&lt;/code&gt;&lt;/pre&gt;</t>
  </si>
  <si>
    <t>2010-09-22 14:10:20.987000+00:00</t>
  </si>
  <si>
    <t>2010-09-23 22:51:05.103000+00:00</t>
  </si>
  <si>
    <t>linq|generics</t>
  </si>
  <si>
    <t>Other tran transpiling to JS, does google dart compile to object code?</t>
  </si>
  <si>
    <t>&lt;p&gt;Google dart compiles to javascript code but dart is also a standalone language. I know Dart can also run without javascript (on the vm), but to what does it compile to? Does it compile to C or object code? I couldnt find any information about it.&lt;/p&gt;
&lt;p&gt;Im also asking because dart works on mobile devices and ive also read it will be used in some experimental OS called fuchsia.&lt;/p&gt;</t>
  </si>
  <si>
    <t>2017-01-26 20:03:47.003000+00:00</t>
  </si>
  <si>
    <t>2017-01-26 21:12:17.827000+00:00</t>
  </si>
  <si>
    <t>dart</t>
  </si>
  <si>
    <t>Difference between pip's mysql-python and apt-get's python-mysqldb</t>
  </si>
  <si>
    <t>&lt;p&gt;What is the difference between pip's mysql-python and apt-get's python-mysqldb?&lt;/p&gt;
&lt;pre&gt;&lt;code&gt;$ pip search mysql-python
MySQL-python    - Python interface to MySQL
&lt;/code&gt;&lt;/pre&gt;
&lt;p&gt;And:&lt;/p&gt;
&lt;pre&gt;&lt;code&gt;$ apt-cache search python-mysqldb
python-mysqldb  - Python interface to MySQL
&lt;/code&gt;&lt;/pre&gt;</t>
  </si>
  <si>
    <t>2013-05-21 17:56:16.410000+00:00</t>
  </si>
  <si>
    <t>2013-05-21 18:09:52.530000+00:00</t>
  </si>
  <si>
    <t>python|mysql|pip</t>
  </si>
  <si>
    <t>How to add a certificate on a windows service</t>
  </si>
  <si>
    <t>&lt;p&gt;I have a custom soap-service for windows server which listens on a portnumber (for ex. 1024). When I make a call to this service using &lt;code&gt;http:// (ip or domain):1024&lt;/code&gt; the service works well.&lt;/p&gt;
&lt;p&gt;When I try to make the same call to &lt;code&gt;https:// (ip or domain):1024&lt;/code&gt; I get the following response:&lt;/p&gt;
&lt;blockquote&gt;
  &lt;p&gt;SSL connection error&lt;br&gt;Unable to make a secure connection to the server.
  This may be a problem with the server, or it may be requiring a client
  authentication certificate that you don't have.&lt;/p&gt;
&lt;/blockquote&gt;
&lt;p&gt;When I try to connect to the same ip without the portnumber my IIS responds without any issue (I have a certificate installed).&lt;/p&gt;
&lt;p&gt;Any help would be welcome!&lt;/p&gt;</t>
  </si>
  <si>
    <t>2013-05-03 10:02:19.190000+00:00</t>
  </si>
  <si>
    <t>2013-05-03 17:48:23.567000+00:00</t>
  </si>
  <si>
    <t>2013-05-03 17:31:17.577000+00:00</t>
  </si>
  <si>
    <t>windows|delphi|soap|ssl</t>
  </si>
  <si>
    <t>sort files before converting to pdf in imagemagick</t>
  </si>
  <si>
    <t>&lt;p&gt;I have a folder full of image files I need to convert to a pdf.  I used wget to download them.  The problem is the ordering linux gives the files isn't the actual order of the pages, this is an example of the file ordering:&lt;/p&gt;
&lt;pre&gt;&lt;code&gt;100-52b69f4490.jpg
101-689eb36688.jpg
10-1bf275d638.jpg
102-6f7dc2def9.jpg
103-2da8842faf.jpg
104-9b01a64111.jpg
105-1d5e3862d8.jpg
106-221412a767.jpg
...
&lt;/code&gt;&lt;/pre&gt;
&lt;p&gt;I can convert these images to a pdf using imagemagick, with the command 
&lt;code&gt;convert *.jpg output.pdf&lt;/code&gt;&lt;/p&gt;
&lt;p&gt;but it'll put the pages into that pdf in the above order, not in human readable numerical order 1-blahblahblah.jpg, 2-blahblahblah.jpg, 3-blahblahblah.jpg etc.&lt;/p&gt;
&lt;p&gt;Is the easiest way to do this pipe the output of sort to convert?  or to pipe my wget to add each file as I'm getting it to a pdf file?&lt;/p&gt;</t>
  </si>
  <si>
    <t>2016-12-12 07:45:38.703000+00:00</t>
  </si>
  <si>
    <t>2016-12-12 08:48:37.630000+00:00</t>
  </si>
  <si>
    <t>sorting|unix|pdf|imagemagick|pipe</t>
  </si>
  <si>
    <t>How to compile a static library in linux?</t>
  </si>
  <si>
    <t>&lt;p&gt;I have a question: How to compile a static library in linux with gcc, i.e. I need to compile my source code into a file named out.a. Is it sufficient to simply compile with the command &lt;code&gt;gcc -o out.a out.c&lt;/code&gt;? I'm not quite familiar with gcc, hope anyone can give me a hand.&lt;/p&gt;</t>
  </si>
  <si>
    <t>2010-04-29 04:06:18.777000+00:00</t>
  </si>
  <si>
    <t>2018-03-04 12:14:58.057000+00:00</t>
  </si>
  <si>
    <t>2014-11-04 20:26:53.487000+00:00</t>
  </si>
  <si>
    <t>gcc|static-libraries</t>
  </si>
  <si>
    <t>Get information about route from google map</t>
  </si>
  <si>
    <t>&lt;p&gt;I lost much time for find a solution but still nothing. I want get information from google maps and store screen of this map on image. &lt;/p&gt;
&lt;p&gt;I try to combine pjscrape and html2canvas to render this map to image. My goal is to save screen map to image and get coordinates of road. &lt;/p&gt;
&lt;p&gt;Maybe I chose bad approach to do this, maybe I try to reinvent wheel and it's ready module to this? &lt;/p&gt;
&lt;p&gt;For example I want get this information from map:&lt;/p&gt;
&lt;p&gt;&lt;a href="http://www.mapmyride.com/fr/paris-ile-de-france/5-52km-road-cycling-on-09-09-13-route-286292763" rel="nofollow"&gt;http://www.mapmyride.com/fr/paris-ile-de-france/5-52km-road-cycling-on-09-09-13-route-286292763&lt;/a&gt;&lt;/p&gt;
&lt;p&gt;But, I don't want use description on this site - need information only from map.&lt;/p&gt;
&lt;p&gt;I try to load html2canvas in pjs:&lt;/p&gt;
&lt;pre&gt;&lt;code&gt;require('./html2canvas');
pjs.config({ 
    // options: 'stdout', 'file' (set in config.logFile) or 'none'
    log: 'stdout',
    // options: 'json' or 'csv'
    format: 'json',
    // options: 'stdout' or 'file' (set in config.outFile)
    writer: 'file',
    outFile: 'scrape_output.json'
});
pjs.addSuite({
    // single URL or array
    url: '',
        scraper: function() {
        //html2canvas can't use it because it's undefined in this scope
        return '';
    }
});
&lt;/code&gt;&lt;/pre&gt;</t>
  </si>
  <si>
    <t>2015-10-28 22:19:06.870000+00:00</t>
  </si>
  <si>
    <t>2015-10-31 01:04:19.880000+00:00</t>
  </si>
  <si>
    <t>node.js|google-maps|google-maps-api-3|web-crawler|phantomjs</t>
  </si>
  <si>
    <t>Some Wordpress product pages messed up</t>
  </si>
  <si>
    <t>&lt;p&gt;Im facing with problem on some of products pages under woocommerce. Some of them look like this &lt;a href="https://stream-tek.com/product/adjustable-air-amplifier/" rel="nofollow noreferrer"&gt;https://stream-tek.com/product/adjustable-air-amplifier/&lt;/a&gt; but others are just fine, for example, same product with almost exact variations looks like this: &lt;a href="https://stream-tek.com/product/hi-temp-adjustable-air-amplifier/" rel="nofollow noreferrer"&gt;https://stream-tek.com/product/hi-temp-adjustable-air-amplifier/&lt;/a&gt; and I cant find the problem.&lt;/p&gt;
&lt;p&gt;What could be causing this issue?&lt;/p&gt;
&lt;p&gt;Thanks a lot!&lt;/p&gt;</t>
  </si>
  <si>
    <t>2018-01-14 18:21:57.560000+00:00</t>
  </si>
  <si>
    <t>wordpress|woocommerce</t>
  </si>
  <si>
    <t>Exit Python program if data directory is empty</t>
  </si>
  <si>
    <t>&lt;p&gt;UPDATE: I think I may have just realized what I need to figure out re: the below, which is the correct error type to specify with the except clause (new to this, obviously)&lt;/p&gt;
&lt;p&gt;Starting in a specified root directory, my program iterates through subdirectories, then files within those, identifying valid (.csv) data files and then aggregating and performing calculations on the data.  &lt;/p&gt;
&lt;p&gt;In cases where the root directory happens to be empty, can someone suggest a clean/graceful way to simply exit the program at the start without further processing?  &lt;/p&gt;
&lt;p&gt;I tried to adapt a suggestion I found here, but it didn't work as I expected:
&lt;a href="https://stackoverflow.com/questions/13424926/exit-gracefully-if-file-doesnt-exist"&gt;Exit gracefully if file doesn&amp;#39;t exist&lt;/a&gt;&lt;/p&gt;
&lt;p&gt;That person's code was:&lt;/p&gt;
&lt;pre&gt;&lt;code&gt;def main():
    try:
        file = open('file.txt', 'r')
    except IOError:
        print('There was an error opening the file!')
        return
&lt;/code&gt;&lt;/pre&gt;
&lt;p&gt;I gave the above a try, and it works for the particular case above. However, when I tried to adapt it as follows, it 'broke' and I got an "Index out of range error", instead dropping down to the except code. &lt;/p&gt;
&lt;pre&gt;&lt;code&gt;dir = os.listdir(masterDirPath)
def main():
    try:
        item = dir[0]
    except IOError:
        print('The data area is empty.')
        return
&lt;/code&gt;&lt;/pre&gt;
&lt;p&gt;(Also/instead, I very much welcome suggestions for some completely other approach to the task overall)&lt;/p&gt;</t>
  </si>
  <si>
    <t>2016-11-22 14:16:43.597000+00:00</t>
  </si>
  <si>
    <t>2016-11-22 15:28:48.507000+00:00</t>
  </si>
  <si>
    <t>2017-05-23 11:46:16.047000+00:00</t>
  </si>
  <si>
    <t>python|try-except</t>
  </si>
  <si>
    <t>Add subviews to uitableviewcell dynamically</t>
  </si>
  <si>
    <t>&lt;p&gt;Alright so I'm trying to do something which seems to be really hard for some reason (in other words can't seem to figure out what I'm doing wrong/missing)&lt;/p&gt;
&lt;p&gt;First I started with writing the &lt;code&gt;cell&lt;/code&gt; completely in code. This way I did get the required result but the &lt;code&gt;cell&lt;/code&gt; would not expand to the correct &lt;code&gt;height&lt;/code&gt;.&lt;/p&gt;
&lt;p&gt;Now I've switched to using a &lt;code&gt;xib&lt;/code&gt; to build the &lt;code&gt;view&lt;/code&gt;. What I need is the following:&lt;/p&gt;
&lt;p&gt;&lt;a href="https://i.stack.imgur.com/7ieHi.png" rel="nofollow noreferrer"&gt;&lt;img src="https://i.stack.imgur.com/7ieHi.png" alt="enter image description here"&gt;&lt;/a&gt;&lt;/p&gt;
&lt;p&gt;The blue part would need to be zero in case there are no &lt;code&gt;subviews&lt;/code&gt; so the &lt;code&gt;label&lt;/code&gt; and &lt;code&gt;image&lt;/code&gt; will fill the entire &lt;code&gt;cell&lt;/code&gt;. When there are subviews they should be added to it and the cell needs to expand to the required height.&lt;/p&gt;
&lt;p&gt;Here is the code I wrote to add the subviews to the container.&lt;/p&gt;
&lt;pre&gt;&lt;code&gt;override func draw(_ rect: CGRect) {
        super.draw(rect)
        drawSubCells()
    }
    func drawSubCells() {
        // Check if there are subcells
        if let cells = subCells {
            let count = CGFloat(cells.count)
            let contentViewFrame = CGRect(x: self.frame.width * 0.2, y: cell_contentView.frame.origin.y, width: self.frame.width * 0.8, height: 40 * count)
            cell_contentView.frame = contentViewFrame
            var i = 0
            for cell in cells {
                // create a view for each cell
                let cellView = UIView()
                let cellFrame = CGRect(x: 0, y: CGFloat(i * 40), width: contentViewFrame.width, height: 40)
                cellView.frame = cellFrame
                // add a image view to each cell
                let imageView = UIImageView(image: cell.cellImage)
                let imageViewFrame = CGRect(x: 0, y: (cellFrame.height - cellFrame.height / 2) / 2, width: cellFrame.width * 0.2, height: cellFrame.height / 2)
                imageView.frame = imageViewFrame
                imageView.contentMode = .scaleAspectFit
                // add a label to each cell
                let cellLabel = UILabel()
                let cellLabelFrame = CGRect(x: imageViewFrame.width, y: 0, width: cellFrame.width - imageViewFrame.width, height: 40)
                cellLabel.frame = cellLabelFrame
                //cellLabel.font = cell.cellFont
                cellLabel.textColor = cell.cellTextColor
                cellLabel.text = cell.cellText.uppercased()
                cellLabel.minimumScaleFactor = 15
                // add the imageview and label to the subcell view
                cellView.addSubview(imageView)
                cellView.addSubview(cellLabel)
                // add the subcell to the cell
                cell_contentView.addSubview(cellView)
                i += 1
            }
        }
    }
&lt;/code&gt;&lt;/pre&gt;
&lt;p&gt;however this doesn't work. I think it has to do with my constraints being incorrect in my xib.&lt;/p&gt;
&lt;p&gt;I uploaded a project (which is a test project) &lt;a href="https://github.com/MaikoHermans/tableCellDynamicHeightProblem" rel="nofollow noreferrer"&gt;here&lt;/a&gt;. I'm hoping someone will be able to help me out with this. I just can't seem to figure out where I'm going wrong. You can also find the class where I wrote the entire view programmatically in this project.&lt;/p&gt;</t>
  </si>
  <si>
    <t>2017-04-07 19:19:08.727000+00:00</t>
  </si>
  <si>
    <t>ios|swift|uitableview|draw</t>
  </si>
  <si>
    <t>Return dymanic object from WCF to AJAX request</t>
  </si>
  <si>
    <t>&lt;p&gt;I have a function in &lt;code&gt;WCF&lt;/code&gt; should return (to ajax request) class / class that inherits:&lt;/p&gt;
&lt;pre&gt;&lt;code&gt;public User GetUserData(string username, string password)
{
   return bl.GetUserData(username, password);
}
&lt;/code&gt;&lt;/pre&gt;
&lt;p&gt;The function returns an object of type User / object of type Manager (a class that inherits from User).&lt;/p&gt;
&lt;p&gt;&lt;strong&gt;When &lt;code&gt;User&lt;/code&gt; returns, everything works great!&lt;/strong&gt;&lt;/p&gt;
&lt;p&gt;When returns &lt;code&gt;Manager&lt;/code&gt; I get the following error message (on console):&lt;/p&gt;
&lt;pre&gt;&lt;code&gt;POST http://localhost:xxx/Service.svc/GetUserData net::ERR_EMPTY_RESPONSE 
&lt;/code&gt;&lt;/pre&gt;
&lt;p&gt;If I return &lt;code&gt;Manager&lt;/code&gt; in a separate function it works! So the problem is not the class.&lt;/p&gt;
&lt;p&gt;&lt;strong&gt;The problem is probably the signature of the function.&lt;/strong&gt;&lt;/p&gt;
&lt;p&gt;I tried to change my signature so that the function returns &lt;code&gt;Object / dynamic&lt;/code&gt;, nothing helped. The error still appears. &lt;/p&gt;
&lt;p&gt;Anyone know how to fix it?&lt;/p&gt;</t>
  </si>
  <si>
    <t>2014-04-07 06:48:11.860000+00:00</t>
  </si>
  <si>
    <t>javascript|jquery|ajax|html5|wcf</t>
  </si>
  <si>
    <t>Best use of Google code wiki for project documentation</t>
  </si>
  <si>
    <t>&lt;p&gt;I've recently moved my project from sourceforge to Google code.  I'm intrigued by the Google code wiki that is integrated with svn, but I'm not sure of the best way to use it to provide project documentation.&lt;/p&gt;
&lt;p&gt;For my project, documentation could appear in three places: (1) on the wiki, (2) in the desktop application I'm developing (using wxPython), and (3) on the project website (which is &lt;a href="http://www.openstv.org" rel="nofollow noreferrer"&gt;http://www.openstv.org&lt;/a&gt; and is Drupal based).  &lt;/p&gt;
&lt;p&gt;I like the idea of using the Google code wiki as the primary source of the documentation, and then automatically incorporating this documentation in both the desktop application and on the project website .&lt;/p&gt;
&lt;p&gt;Does anyone have any suggestions for doing this?&lt;/p&gt;</t>
  </si>
  <si>
    <t>2009-07-11 01:56:01.640000+00:00</t>
  </si>
  <si>
    <t>2014-03-18 09:16:55.397000+00:00</t>
  </si>
  <si>
    <t>2009-07-22 23:40:42.603000+00:00</t>
  </si>
  <si>
    <t>documentation|google-code</t>
  </si>
  <si>
    <t>Reusing a Complex type in a table or multiple tables with different nullability?</t>
  </si>
  <si>
    <t>&lt;p&gt;I'm trying to map a Complex Type to multiple columns in a table or in multiple tables with different nullability.&lt;/p&gt;
&lt;p&gt;Let's say I have entities something like:&lt;/p&gt;
&lt;pre&gt;&lt;code&gt;public class Phone
{
    public string Number { get; set; }
}
public class Contact
{
    public Phone CellPhone { get; set; }
    public Phone HomePhone { get; set; }
}
public class Organization
{
    public Phone PhoneNumber { get; set; }
    public Phone FaxNumber { get; set;}
}
&lt;/code&gt;&lt;/pre&gt;
&lt;p&gt;and the configuration is something like:&lt;/p&gt;
&lt;pre&gt;&lt;code&gt;public class ContactConfiguration
{
    public ContactConfiguration()
    {
        Property(x =&amp;gt; x.CellPhone.Number).HasColumnName("CellPhone").IsRequired();
        Property(x =&amp;gt; x.HomePhone.Number).HasColumnName("HomePhone").IsOptional();
    }
}
public class OrganizationConfiguration
{
    public OrganizationConfiguration()
    {
        Property(x =&amp;gt; x.PhoneNumber.Number).HasColumnName("Phone").IsRequired();
        Property(x =&amp;gt; x.FaxNumber.Number).HasColumnName("Fax").IsOptional();
    }
}
&lt;/code&gt;&lt;/pre&gt;
&lt;p&gt;Mapping the Phone to different columns for different names works fine, but setting the nullability doesn't. EF complains that the IsNull is not consistent.&lt;/p&gt;
&lt;p&gt;I know that I can make it work if I introduce a Fax inheriting Phone but this would only work for one table. If I had another column for Phone type, I would have to create another type from Phone. I don't think this is feasible.&lt;/p&gt;
&lt;p&gt;Is there a way to make this work?&lt;/p&gt;</t>
  </si>
  <si>
    <t>2013-05-29 16:30:11.610000+00:00</t>
  </si>
  <si>
    <t>2013-06-13 16:25:28.350000+00:00</t>
  </si>
  <si>
    <t>2013-05-29 16:56:48.153000+00:00</t>
  </si>
  <si>
    <t>.net|entity-framework</t>
  </si>
  <si>
    <t>Can I use a C# List in this case?</t>
  </si>
  <si>
    <t>&lt;p&gt;I have a list of similar types of actions for which I need to create different classes &lt;code&gt;ActionClass1&lt;/code&gt;, &lt;code&gt;ActionClass2&lt;/code&gt;.
Furthermore I have different sites at which I need to perform a list of different actions. Note that the content of this list will depend on the site.&lt;/p&gt;
&lt;p&gt;I want to develop a GUI to be able to edit the actions that are performed on a given site &lt;code&gt;SiteClass&lt;/code&gt; using c# and WPF.&lt;/p&gt;
&lt;p&gt;My idea is now to do the following:&lt;/p&gt;
&lt;ol&gt;
&lt;li&gt;Subclass the different action classes &lt;code&gt;ActionClass1&lt;/code&gt;, etc. from a common, abstract action class &lt;code&gt;AbstractActionClass&lt;/code&gt;.&lt;/li&gt;
&lt;li&gt;Create lists &lt;code&gt;ActionList&lt;/code&gt; of &lt;code&gt;AbstractActionClass&lt;/code&gt;, which will contain the different action as concrete implementations (e.g. &lt;code&gt;ActionClass1&lt;/code&gt;, etc.).&lt;/li&gt;
&lt;li&gt;Create a list &lt;code&gt;SiteList&lt;/code&gt; of instances of &lt;code&gt;SiteClass&lt;/code&gt;, that will contain the sites with their corresponding list of actions and additional information (such as site-location, etc.).&lt;/li&gt;
&lt;/ol&gt;
&lt;p&gt;So far, I have a pretty good idea regarding the above. However I will need to now be able to edit the &lt;code&gt;ActionList&lt;/code&gt; for each site and style it in the GUI so that all sites with the same &lt;code&gt;ActionList&lt;/code&gt; will look the same (e.g. have the same color). I therefore need to be able to compare the &lt;code&gt;ActionList&lt;/code&gt; of each instance of &lt;code&gt;SiteClass&lt;/code&gt; in &lt;code&gt;SiteList&lt;/code&gt; to check if they are different, find out how many different instances there are, and then style them accordingly in the GUI.&lt;/p&gt;
&lt;p&gt;So my question is: Will I be able to use lists of type &lt;code&gt;ActionList List&amp;lt;AbstractActionClass&amp;gt;&lt;/code&gt; in &lt;code&gt;SiteClass&lt;/code&gt; in order to perform comparisons such as 'Unique', etc. to find out the number of unique occurrences of &lt;code&gt;ActionList List&amp;lt;AbstractActionClass&amp;gt;&lt;/code&gt; inside &lt;code&gt;SiteList List&amp;lt;SiteClass&amp;gt;&lt;/code&gt; and use this information for the styling? Is there a better way?&lt;/p&gt;</t>
  </si>
  <si>
    <t>2016-01-19 10:25:15.040000+00:00</t>
  </si>
  <si>
    <t>2016-01-19 10:39:39.180000+00:00</t>
  </si>
  <si>
    <t>c#|list|unique</t>
  </si>
  <si>
    <t>Browse Server button shows the homepage of the website in Ckeditor/Ckfinder</t>
  </si>
  <si>
    <t>&lt;p&gt;When I press Browse Server button in Image Properties dialogue box of ckeditor/ckfinder then it shows homepage of the website rather than actually showing the images uploaded in userfiles folder. Also I can't able to upload the images in Upload tab. I have an htaccess file in the root folder of my site whose code looks like below:&lt;/p&gt;
&lt;pre&gt;&lt;code&gt;#Enable mod rewrite
Options +FollowSymlinks -MultiViews
RewriteEngine on
RewriteCond %{REQUEST_FILENAME} !-f
RewriteCond %{REQUEST_FILENAME} !-l
RewriteCond %{REQUEST_FILENAME} !-d
RewriteRule ^(.+)$ index.php?url=$1 [QSA,L]
&lt;/code&gt;&lt;/pre&gt;
&lt;p&gt;I integrated ckeditor with ckfinder with the help of following code:&lt;/p&gt;
&lt;pre&gt;&lt;code&gt;// Integration of ckfinder with ckeditor for multiple textareas
var opt = {
    filebrowserBrowseUrl: "ckfinder/ckfinder.html",
    filebrowserImageBrowseUrl: "ckfinder/ckfinder.html?type=Images",
    filebrowserFlashBrowseUrl: "ckfinder/ckfinder.html?type=Flash",
    filebrowserUploadUrl: "ckfinder/core/connector/php/connector.php?command=QuickUpload&amp;amp;type=Files",
    filebrowserImageUploadUrl: "ckfinder/core/connector/php/connector.php?command=QuickUpload&amp;amp;type=Images",
    filebrowserFlashUploadUrl: "ckfinder/core/connector/php/connector.php?command=QuickUpload&amp;amp;type=Flash",
    filebrowserWindowWidth: "1000",
    filebrowserWindowHeight: "700"
}
$(".editor").each(function(){
    CKEDITOR.replace( $(this).attr("id"), opt );
});
&lt;/code&gt;&lt;/pre&gt;
&lt;p&gt;When I try to upload the image in ckeditor, I get the homepage of website in a weird way. The baseurl and basedir are set correct and everything seems to be OK. &lt;/p&gt;
&lt;p&gt;Can you please tell me what can be the problem and how can I resolve it.&lt;/p&gt;</t>
  </si>
  <si>
    <t>2017-09-06 18:17:30.140000+00:00</t>
  </si>
  <si>
    <t>How to detect user has scrolled to bottom of web page on their iPhone</t>
  </si>
  <si>
    <t>&lt;p&gt;I want a function that can be called when user has scrolled to bottom of a web page on their iPhone. (For example, to load in more data.) Kind of like Facebook does when you scroll to the bottom of your Wall or News Feed.&lt;/p&gt;
&lt;p&gt;I have tried the &lt;strong&gt;jQuery.scroll&lt;/strong&gt; handler, but when I test it on an iPhone it doesn't work. Any answer that works will do. I don't need to use jQuery if not necessary.&lt;/p&gt;
&lt;p&gt;Thanks!&lt;/p&gt;</t>
  </si>
  <si>
    <t>2012-01-09 13:44:22.867000+00:00</t>
  </si>
  <si>
    <t>2012-01-09 13:58:36.560000+00:00</t>
  </si>
  <si>
    <t>javascript|iphone|html|ios|javascript-events</t>
  </si>
  <si>
    <t>SSIS flat file export timestamps have excess precision?</t>
  </si>
  <si>
    <t>&lt;p&gt;SQL 2008 R2, have a simple export to a Flat File Destination. Timestamp columns are set to DT_DBTIMESTAMP in the destination, which according to the docs "The fractional seconds have a maximum scale of 3 digits." However, my exported files have 7 digits of fractional second precision, as defined by DT_DBTIMESTAMP2 in the docs. The columns of course cannot be reimported into SQL Server, because of the excess fractional second positions.&lt;/p&gt;
&lt;p&gt;Does anyone know why SSIS exports datetime columns with a different definition than the SSIS data type?&lt;/p&gt;</t>
  </si>
  <si>
    <t>2010-10-20 01:13:35.927000+00:00</t>
  </si>
  <si>
    <t>2011-06-23 04:12:18.770000+00:00</t>
  </si>
  <si>
    <t>Delphi XE2 Data Module expects only database components?</t>
  </si>
  <si>
    <t>&lt;p&gt;In prior versions of Delphi, I have used the data module (&lt;code&gt;TDataModule&lt;/code&gt;) as a place to keep non-visual components to avoid cluttering up the main form. In Delphi XE2, when I create a new data module, it only allows me to place database related components in it (such as &lt;code&gt;TADOConnection&lt;/code&gt; and &lt;code&gt;TDataSource&lt;/code&gt;). Why is this and how can I put other components in it? Is there an alternative?&lt;/p&gt;</t>
  </si>
  <si>
    <t>2012-12-31 03:55:28.763000+00:00</t>
  </si>
  <si>
    <t>2012-12-31 14:08:51.417000+00:00</t>
  </si>
  <si>
    <t>delphi|delphi-xe2|datamodule</t>
  </si>
  <si>
    <t>Visual studio 2017 cant push to git</t>
  </si>
  <si>
    <t>&lt;p&gt;i am having issues to push to git from visual studio 2017, i had no issues in the past with it, and the exact same project with the same version of visual studio, but suddenly it stopped working, i have no idea why, basically i am getting this error.&lt;/p&gt;
&lt;blockquote&gt;
  &lt;p&gt;Unable to complete read operation after process has exited.
  Error encountered while pushing to the remote repository: Git failed with a fatal error.
  HttpRequestException encountered.
     An error occurred while sending the request.
  cannot spawn /C/Program Files (x86)/Microsoft Visual Studio/2017/Community/Common7/IDE/CommonExtensions/Microsoft/TeamFoundation/Team Explorer/Git/mingw32/libexec/git-core/git-askpass.exe: No such file or directory
  could not read Password for '&lt;a href="https://xxx@bitbucket.org" rel="nofollow noreferrer"&gt;https://xxx@bitbucket.org&lt;/a&gt;': terminal prompts disabled
  Pushing to &lt;a href="https://xxx@bitbucket.org/xxx/xxx.git" rel="nofollow noreferrer"&gt;https://xxx@bitbucket.org/xxx/xxx.git&lt;/a&gt;&lt;/p&gt;
&lt;/blockquote&gt;
&lt;p&gt;if i use the CMD, i have no issues, everything works fine there.&lt;/p&gt;
&lt;p&gt;any thoughts how to fix it in visual studio 2017 community edition?&lt;/p&gt;</t>
  </si>
  <si>
    <t>2018-08-13 14:33:05.367000+00:00</t>
  </si>
  <si>
    <t>2018-08-13 20:54:43.713000+00:00</t>
  </si>
  <si>
    <t>git|visual-studio|visual-studio-2017</t>
  </si>
  <si>
    <t>Xmpullparser Android nested tag</t>
  </si>
  <si>
    <t>&lt;p&gt;I have problem with parsing my xml document, I need take values from section: coordinates. There is not problem with parsing  and  section.&lt;/p&gt;
&lt;p&gt;Below there is my xml document and part of code. Any sugestions? &lt;/p&gt;
&lt;pre&gt;&lt;code&gt;&amp;lt;?xml version="1.0" encoding="utf-8"?&amp;gt;
&amp;lt;kml xmlns="http://earth.google.com/kml/2.1"&amp;gt;
&amp;lt;Document&amp;gt;
        &amp;lt;Placemark id="placemark1"&amp;gt;
            &amp;lt;name&amp;gt;test_name&amp;lt;/name&amp;gt;
            &amp;lt;description&amp;gt;geom_test&amp;lt;/description&amp;gt;
            &amp;lt;point&amp;gt;
                &amp;lt;coordinates&amp;gt;40.751816, -73.959119&amp;lt;/coordinates&amp;gt;
            &amp;lt;/point&amp;gt;
        &amp;lt;/Placemark&amp;gt;
        &amp;lt;Placemark id="placemark2"&amp;gt;
            &amp;lt;name&amp;gt;test_name1&amp;lt;/name&amp;gt;
            &amp;lt;description&amp;gt;geom_test&amp;lt;/description&amp;gt;
            &amp;lt;point&amp;gt;
                &amp;lt;coordinates&amp;gt;40.751816, -73.959119&amp;lt;/coordinates&amp;gt;
            &amp;lt;/point&amp;gt;
    &amp;lt;/Placemark&amp;gt;
&amp;lt;/Document&amp;gt;
&amp;lt;/kml&amp;gt;
&lt;/code&gt;&lt;/pre&gt;
&lt;p&gt;Code:&lt;/p&gt;
&lt;pre&gt;&lt;code&gt;while (parser.next() != XmlPullParser.END_TAG) {
    if (parser.getEventType() != XmlPullParser.START_TAG) {
        continue;
    }
    String name = parser.getName();
    if (name.equals("Placemark")) {
        String id = null, date = null, pob = null;
        while (parser.next() != XmlPullParser.END_TAG) {
            if (parser.getEventType() != XmlPullParser.START_TAG) {
                    continue;
            }
            name = parser.getName();
            if (name.equals("name")) {
                id = readText(parser);
            } else if (name.equals("description")) {
                date = readText(parser);
            } else if (name.equals("point")) {
                parser.nextTag();
            } else if (name.equals("coordinates")) {
                pob = readText(parser);
            }
        }
        myDbHelper.insertData(id, date, pob);
&lt;/code&gt;&lt;/pre&gt;</t>
  </si>
  <si>
    <t>2015-02-16 16:52:24.410000+00:00</t>
  </si>
  <si>
    <t>2015-02-16 17:28:44.197000+00:00</t>
  </si>
  <si>
    <t>android|android-xmlpullparser</t>
  </si>
  <si>
    <t>Grouping by concatenated string azure stream analytics</t>
  </si>
  <si>
    <t>&lt;p&gt;My query as below :&lt;/p&gt;
&lt;pre&gt;&lt;code&gt;SELECT
        concat (dummy1,dummy2) as dummydata,
        COUNT(*) as countdata
        FROM events  TIMESTAMP BY EventEnqueuedUtcTime
        GROUP BY HoppingWindow(second,10,5), dummydata
&lt;/code&gt;&lt;/pre&gt;
&lt;p&gt;This gives an error: Column 'dummy1' is invalid in the select list because it is not contained in either an aggregate function or the GROUP BY clause.&lt;/p&gt;
&lt;p&gt;I do not wish to group by the individual columns dummy1 or dummy2 but use the cancatenated data dummydata..&lt;/p&gt;
&lt;p&gt;Any way of solvng this..&lt;/p&gt;
&lt;p&gt;Thanks&lt;/p&gt;</t>
  </si>
  <si>
    <t>2015-09-09 12:22:35.230000+00:00</t>
  </si>
  <si>
    <t>2015-09-10 00:23:43.550000+00:00</t>
  </si>
  <si>
    <t>2015-09-09 13:01:13.500000+00:00</t>
  </si>
  <si>
    <t>azure|azure-stream-analytics</t>
  </si>
  <si>
    <t>Displaying an iTunes webpage in Swift</t>
  </si>
  <si>
    <t>&lt;p&gt;I would like to display an iTunes page in my app. 
Eg: &lt;a href="https://itunes.apple.com/us/app/evil-cogs/id1292156349?mt=8" rel="nofollow noreferrer"&gt;https://itunes.apple.com/us/app/evil-cogs/id1292156349?mt=8&lt;/a&gt;&lt;/p&gt;
&lt;p&gt;A regular webpage displays fine, but when I pass the above link to WebKit View, nothing happens, it is just a white page. &lt;/p&gt;</t>
  </si>
  <si>
    <t>2018-05-01 14:35:00.253000+00:00</t>
  </si>
  <si>
    <t>swift|webkit|itunes</t>
  </si>
  <si>
    <t>Google AutocompleteService doesn't return results for certain cities</t>
  </si>
  <si>
    <t>&lt;p&gt;I'm developing Angular 6 application&lt;/p&gt;
&lt;p&gt;I found out the Google Autocomplete doesn't return proper values for valid inputs.&lt;/p&gt;
&lt;p&gt;When i call API for certain cities it returns ZERO_RESULTS, or just ignore calling a function telling me about specifing an input.&lt;/p&gt;
&lt;p&gt;&lt;strong&gt;Those are the cities:&lt;/strong&gt;&lt;/p&gt;
&lt;blockquote&gt;
  &lt;p&gt;Ni��, Nisko, G��rlitz&lt;/p&gt;
&lt;/blockquote&gt;
&lt;p&gt;Even though it works for other places. &lt;/p&gt;
&lt;p&gt;Here's my code: &lt;/p&gt;
&lt;pre&gt;&lt;code&gt;        const firstResult = $('.pac-container .pac-item:first').text(); //returns 'NiskoPolska' 
        console.log(firstResult);
        const autoCompleteService = new google.maps.places.AutocompleteService();
        const placesService = new google.maps.places.PlacesService(self.searchPlacesRef.nativeElement);
        autoCompleteService.getPlacePredictions({ input: firstResult }, function (results, status) {
          if (status == google.maps.places.PlacesServiceStatus.OK) {
            placesService.getDetails({ placeId: results[0].place_id }, function (result, stat) {
              if (stat == google.maps.places.PlacesServiceStatus.OK) {
               console.log(result);
              }
            });
          }
        });
&lt;/code&gt;&lt;/pre&gt;
&lt;p&gt;Could someone tell me what's the reason it doesn't work for some cities? &lt;/p&gt;</t>
  </si>
  <si>
    <t>2018-07-09 13:32:38.380000+00:00</t>
  </si>
  <si>
    <t>2018-07-11 16:35:52.980000+00:00</t>
  </si>
  <si>
    <t>javascript|angular|google-maps|google-maps-api-3|google-api</t>
  </si>
  <si>
    <t>Why I get wrong values in dynamic memory?</t>
  </si>
  <si>
    <t>&lt;p&gt;I'm writing a program that store a list of topics with linked structs. The program read a list of topics from a file and create a first topic "metatema", and then, the topics from the file.
When I write 4 or 5 topics in the file, it works fine. But when I write more topics and I print the values, I get incorrect values.&lt;/p&gt;
&lt;p&gt;Here is the relevant code of my program:&lt;/p&gt;
&lt;pre&gt;&lt;code&gt;#include &amp;lt;stdio.h&amp;gt;
#include &amp;lt;stdlib.h&amp;gt;
#include &amp;lt;sys/types.h&amp;gt;
#include &amp;lt;sys/socket.h&amp;gt;
#include &amp;lt;sys/stat.h&amp;gt;
#include &amp;lt;arpa/inet.h&amp;gt;
#include &amp;lt;fcntl.h&amp;gt;
#include &amp;lt;string.h&amp;gt;
#include &amp;lt;unistd.h&amp;gt;
#include &amp;lt;errno.h&amp;gt;
#include &amp;lt;ctype.h&amp;gt;
#define BUFFER_SIZE 256
/*   STRUCTS   */
typedef struct user {
    struct  sockaddr * direccion;   /* Dir from user */
    struct  user *  siguiente;      /* Next user node */
};
typedef struct topic {
    char *      nombre;         /* Topic name */
    int numero_usuarios;        /* Number of users */
    struct user *   lista;      /* Pointer to the users list */
    struct topic *  siguiente;  /* Next topic */
};
/* GLOBAL VARs */
int numero_temas = 0;
struct topic * temas;
int tam_topic = 0;
int tam_user = 0;
/* FUNCTIONS */
void leerTemas(char * file);
int main(int argc, char *argv[]) {
    if (argc!=3) {
        fprintf(stderr, "Use: %s port file\n", argv[0]);
        return 1;
    }
    leerTemas(argv[2]);
    /* PRINT VALUES */
    int i=0;
    for(i=0; i&amp;lt;numero_temas;i++){
        printf("TOPIC: %s\tADDRESS: %u",(temas + i*sizeof(struct topic))-&amp;gt;nombre,(temas + i*sizeof(struct topic)));
        printf("\tNEXT: %u\tUSERS LIST: %u\t NUM. USERS: %u\n",(temas + i*sizeof(struct topic))-&amp;gt;siguiente,
            (temas + i*sizeof(struct topic))-&amp;gt;lista, (temas + i*sizeof(struct topic))-&amp;gt;numero_usuarios);
    }
    return 0;
}
void leerTemas(char * file){
    int pipefd[2];
    if(pipe(pipefd) == -1){
        perror("pipe");
        exit(1);
    }
    /* CALCULAMOS EL NUMERO DE TEMAS PARA RESERVAR MEMORIA */
    numero_temas = 0;
    switch(fork()){
        case -1:                    // ERROR
            perror("fork");
            exit(1);
        case 0:                     // CHILD (WC)
            close(pipefd[0]);
            close(1);
            dup(pipefd[1]);
            close(pipefd[1]);
            execlp("wc","wc",file,(char *)NULL);
            perror("exec");
            exit(1);
        default:                    // PARENT (GET RESULT FROM WC)
            close(pipefd[1]);
            char buffer[BUFFER_SIZE];   bzero(buffer,BUFFER_SIZE);
            char ntemas[BUFFER_SIZE];   bzero(ntemas,BUFFER_SIZE);
            if(read(pipefd[0],buffer,BUFFER_SIZE) &amp;lt;= 0){
                perror("read");
                exit(1);
            }
            /* GETTING THE NUMBER OF LINES FROM WC */
            int i=0,j=0;
            while(buffer[i] == ' ')         // Pass blank spaces
                i++;
            while(buffer[i] != ' '){
                ntemas[j] = buffer[i];
                i++;
                j++;
            }
            ntemas[j] = '\0';
            numero_temas = atoi(ntemas)+1;  // +1 (metatema)
    }
    /* ALLOCATING TOPICs MEMORY */
    temas = malloc(sizeof(struct topic) * numero_temas);
    bzero(temas,sizeof(struct topic)*numero_temas);
    /* CREATING METATEMA */
    temas-&amp;gt;nombre = malloc(sizeof(char)*9);
    strcpy(temas-&amp;gt;nombre,"metatema\0");
    temas-&amp;gt;siguiente = NULL;
    temas-&amp;gt;lista = NULL;
    temas-&amp;gt;numero_usuarios = 0;
    /* CREATING TOPICs FROM FILE */
    FILE * f = fopen(file,"r");
    int i;
    char buffer[BUFFER_SIZE];
    for(i = 1; i &amp;lt; numero_temas; i++){
        bzero(buffer,BUFFER_SIZE);
        fgets(buffer,BUFFER_SIZE,f);
        buffer[strlen(buffer)-1] = '\0';    // Remove newline char \n
        (temas + i*sizeof(struct topic))-&amp;gt;nombre = malloc(sizeof(char)*(strlen(buffer)+1));
        strcpy((temas+i*sizeof(struct topic))-&amp;gt;nombre,buffer);
        (temas + i*sizeof(struct topic))-&amp;gt;numero_usuarios = 0;
        (temas + i*sizeof(struct topic))-&amp;gt;lista = NULL;
        (temas + i*sizeof(struct topic))-&amp;gt;siguiente = NULL;
        (temas + (i-1)*sizeof(struct topic))-&amp;gt;siguiente = (temas + i*sizeof(struct topic)); // Link prev topic
    }
}
&lt;/code&gt;&lt;/pre&gt;
&lt;p&gt;When I run the program with 5 topics in the file run fine:
&lt;/p&gt;
&lt;pre class="lang-none prettyprint-override"&gt;&lt;code&gt;$ cat topics
topic1
topic2
topic3
topic4
topic5
$ ./a.out 8000 topics
TOPIC: metatema ADDRESS: 31891472   NEXT: 31892496  USERS LIST: 0    NUM. USERS: 0
TOPIC: topic1   ADDRESS: 31892496   NEXT: 31893520  USERS LIST: 0    NUM. USERS: 0
TOPIC: topic2   ADDRESS: 31893520   NEXT: 31894544  USERS LIST: 0    NUM. USERS: 0
TOPIC: topic3   ADDRESS: 31894544   NEXT: 31895568  USERS LIST: 0    NUM. USERS: 0
TOPIC: topic4   ADDRESS: 31895568   NEXT: 31896592  USERS LIST: 0    NUM. USERS: 0
TOPIC: topic5   ADDRESS: 31896592   NEXT: 0 USERS LIST: 0    NUM. USERS: 0
&lt;/code&gt;&lt;/pre&gt;
&lt;p&gt;But, when I set 7 topics (for example), I get wrong values:&lt;/p&gt;
&lt;pre class="lang-none prettyprint-override"&gt;&lt;code&gt;$ cat topics
topic1
topic2
topic3
topic4
topic5
topic6
topic7
$ ./a.out 8000 topics
TOPIC: metatema ADDRESS: 7274512    NEXT: 7275536   USERS LIST: 0    NUM. USERS: 0
TOPIC: topic1   ADDRESS: 7275536    NEXT: 7276560   USERS LIST: 1768976244   NUM. USERS: 33
TOPIC: topic2   ADDRESS: 7276560    NEXT: 7277584   USERS LIST: 0    NUM. USERS: 0
TOPIC: topic3   ADDRESS: 7277584    NEXT: 7278608   USERS LIST: 0    NUM. USERS: 0
TOPIC: topic4   ADDRESS: 7278608    NEXT: 7279632   USERS LIST: 0    NUM. USERS: 0
TOPIC: topic5   ADDRESS: 7279632    NEXT: 7280656   USERS LIST: 0    NUM. USERS: 0
TOPIC: topic6   ADDRESS: 7280656    NEXT: 7281680   USERS LIST: 0    NUM. USERS: 0
TOPIC: topic7   ADDRESS: 7281680    NEXT: 0 USERS LIST: 0    NUM. USERS: 0
&lt;/code&gt;&lt;/pre&gt;
&lt;p&gt;And, when I set 11 topics, I get this:&lt;/p&gt;
&lt;pre class="lang-none prettyprint-override"&gt;&lt;code&gt;$cat topics
topic1
topic2
topic3
topic4
topic5
topic6
topic7
topic8
topic9
topic0
topicA
$ ./a.out 8000 topics
a.out: malloc.c:3096: sYSMALLOc: Assertion `(old_top == (((mbinptr) (((char *) &amp;amp;((av)-&amp;gt;bins[((1) - 1) * 2])) - __builtin_offsetof (struct malloc_chunk, fd)))) &amp;amp;&amp;amp; old_size == 0) || ((unsigned long) (old_size) &amp;gt;= (unsigned long)((((__builtin_offsetof (struct malloc_chunk, fd_nextsize))+((2 * (sizeof(size_t))) - 1)) &amp;amp; ~((2 * (sizeof(size_t))) - 1))) &amp;amp;&amp;amp; ((old_top)-&amp;gt;size &amp;amp; 0x1) &amp;amp;&amp;amp; ((unsigned long)old_end &amp;amp; pagemask) == 0)' failed.
Abortado
&lt;/code&gt;&lt;/pre&gt;
&lt;p&gt;What am I doing wrong?&lt;/p&gt;</t>
  </si>
  <si>
    <t>2015-03-16 12:32:00.557000+00:00</t>
  </si>
  <si>
    <t>2015-03-16 12:55:16.803000+00:00</t>
  </si>
  <si>
    <t>c|memory|dynamic|struct</t>
  </si>
  <si>
    <t>Get jshint errors in a text file</t>
  </si>
  <si>
    <t>&lt;p&gt;I am using &lt;code&gt;jshint&lt;/code&gt; for my code analysis. I run
 &lt;code&gt;jshint PATH_TO_.js&lt;/code&gt; .
 Is there a way to print these errors into a text file.&lt;/p&gt;</t>
  </si>
  <si>
    <t>2015-05-06 05:45:43.570000+00:00</t>
  </si>
  <si>
    <t>2015-05-06 05:55:47.317000+00:00</t>
  </si>
  <si>
    <t>javascript|jshint|static-code-analysis</t>
  </si>
  <si>
    <t>how to get a link coupled with an img to change background color on hover</t>
  </si>
  <si>
    <t>&lt;p&gt;See demo here: &lt;a href="http://jsfiddle.net/7k3BT/5/" rel="nofollow"&gt;jsfiddle demo&lt;/a&gt;&lt;br&gt;
I have a table that will contain a series of icons with text underneath each one.&lt;br&gt;
What should happen is that the background and font of the text should change when cursor hovers and the image should be part of the link.  &lt;/p&gt;
&lt;p&gt;The problem is the paragraph tag used to move text below image.&lt;br&gt;
From the demo:&lt;br&gt;
Link1: link background and font changes. Good, now move the a tag outside img...&lt;br&gt;
Link2: link background doesn't change (?!), font changes, but image is part of link.&lt;br&gt;
Link3: This is the desired behavior but the [a] and [p] tags are mismatched.  &lt;/p&gt;
&lt;p&gt;Can someone explain&lt;br&gt;
- why the paragraph tag seems to 'block' the background changing color?&lt;br&gt;
- why the mismatched tags allow this to work?&lt;br&gt;
- is there a cleaner way to implement this behavior? (w/o mistmatched tags)  &lt;/p&gt;
&lt;p&gt;Thanks!&lt;/p&gt;</t>
  </si>
  <si>
    <t>2012-04-05 20:55:45.930000+00:00</t>
  </si>
  <si>
    <t>2012-04-05 21:03:45.447000+00:00</t>
  </si>
  <si>
    <t>Custom FirebaseMessagingService is being ignored</t>
  </si>
  <si>
    <t>&lt;p&gt;I'm trying to add a &lt;code&gt;FirebaseMessagingService&lt;/code&gt; subclass to an Android app so I can receive device tokens, but the service isn't being created.&lt;/p&gt;
&lt;p&gt;Here is the service: &lt;/p&gt;
&lt;pre&gt;&lt;code&gt;package com.company.AppName;
import android.util.Log;
import com.google.firebase.messaging.FirebaseMessagingService;
public class AppFirebaseMessagingService extends FirebaseMessagingService {
  private static final String TAG = "AppFbMessagingService";
  public AppFirebaseMessagingService() {
    Log.d(TAG, "created");
  }
  @Override
  public void onNewToken(String token) {
    Log.d(TAG, "Refreshed token: " + token);
    NativeApp.shared().setDeviceToken(token);
  }
}
&lt;/code&gt;&lt;/pre&gt;
&lt;p&gt;And my manifest with the service declaration:&lt;/p&gt;
&lt;pre&gt;&lt;code&gt;&amp;lt;?xml version='1.0' encoding='utf-8'?&amp;gt;
&amp;lt;manifest android:hardwareAccelerated="true" android:versionCode="10000" android:versionName="1.0.0" package="com.company.AppName" xmlns:android="http://schemas.android.com/apk/res/android"&amp;gt;
    &amp;lt;supports-screens android:anyDensity="true" android:largeScreens="true" android:normalScreens="true" android:resizeable="true" android:smallScreens="true" android:xlargeScreens="true" /&amp;gt;
    &amp;lt;uses-permission android:name="android.permission.ACCESS_COARSE_LOCATION" /&amp;gt;
    &amp;lt;uses-permission android:name="android.permission.ACCESS_FINE_LOCATION" /&amp;gt;
    &amp;lt;uses-permission android:name="android.permission.INTERNET" /&amp;gt;
    &amp;lt;uses-permission android:name="android.permission.WRITE_EXTERNAL_STORAGE" /&amp;gt;
    &amp;lt;application android:hardwareAccelerated="true" android:icon="@mipmap/icon" android:label="@string/app_name" android:supportsRtl="true"&amp;gt;
        &amp;lt;activity android:configChanges="orientation|keyboardHidden|keyboard|screenSize|locale" android:label="@string/activity_name" android:launchMode="singleTop" android:name="MainActivity" android:screenOrientation="portrait" android:theme="@android:style/Theme.DeviceDefault.NoActionBar" android:windowSoftInputMode="adjustResize"&amp;gt;
            &amp;lt;intent-filter android:label="@string/launcher_name"&amp;gt;
                &amp;lt;action android:name="android.intent.action.MAIN" /&amp;gt;
                &amp;lt;category android:name="android.intent.category.LAUNCHER" /&amp;gt;
            &amp;lt;/intent-filter&amp;gt;
        &amp;lt;/activity&amp;gt;
        &amp;lt;provider android:authorities="${applicationId}.provider" android:exported="false" android:grantUriPermissions="true" android:name="org.apache.cordova.camera.FileProvider"&amp;gt;
            &amp;lt;meta-data android:name="android.support.FILE_PROVIDER_PATHS" android:resource="@xml/camera_provider_paths" /&amp;gt;
        &amp;lt;/provider&amp;gt;
        &amp;lt;service android:enabled="true" android:name="com.company.AppName.LocationListenerService" android:permission="android.permission.BIND_JOB_SERVICE" /&amp;gt;
        &amp;lt;service
            android:name="com.company.AppName.AppFirebaseMessagingService" android:exported="false"&amp;gt;
            &amp;lt;intent-filter&amp;gt;
                &amp;lt;action android:name="com.google.firebase.MESSAGING_EVENT"/&amp;gt;
            &amp;lt;/intent-filter&amp;gt;
        &amp;lt;/service&amp;gt;
    &amp;lt;/application&amp;gt;
    &amp;lt;uses-sdk android:minSdkVersion="21" android:targetSdkVersion="26" /&amp;gt;
&amp;lt;/manifest&amp;gt;
&lt;/code&gt;&lt;/pre&gt;
&lt;p&gt;These are the only firebase related logs I see when I start the app:&lt;/p&gt;
&lt;pre&gt;&lt;code&gt;D/FirebaseApp: com.google.firebase.auth.FirebaseAuth is not linked. Skipping initialization.
    com.google.firebase.crash.FirebaseCrash is not linked. Skipping initialization.
I/FirebaseInitProvider: FirebaseApp initialization successful
&lt;/code&gt;&lt;/pre&gt;
&lt;p&gt;Neither of the logs in &lt;code&gt;AppFirebaseMessagingService&lt;/code&gt; are called. I've tried replacing &lt;code&gt;android:name="com.company.AppName.AppFirebaseMessagingService"&lt;/code&gt; with &lt;code&gt;android:name="AppFirebaseMessagingService"&lt;/code&gt; and removing &lt;code&gt;android:exported="false"&lt;/code&gt;.&lt;/p&gt;</t>
  </si>
  <si>
    <t>2018-09-05 22:15:03.783000+00:00</t>
  </si>
  <si>
    <t>2018-09-05 23:58:18.747000+00:00</t>
  </si>
  <si>
    <t>java|android|firebase|firebase-cloud-messaging</t>
  </si>
  <si>
    <t>Sticky Shrinknav (building block) not working on mobile</t>
  </si>
  <si>
    <t>&lt;p&gt;I've been working on a simple website for the past few days using Foundation and Spring Boot. I was looking for different ways to show the top menu and came across &lt;a href="http://foundation.zurb.com/building-blocks/blocks/sticky-shrinknav.html" rel="nofollow noreferrer"&gt;http://foundation.zurb.com/building-blocks/blocks/sticky-shrinknav.html&lt;/a&gt;. &lt;/p&gt;
&lt;p&gt;I managed to implement it without issues, and it works fine when I view it on my computer no matter what size the screen is. However, when I open it on my phone, the menu is just barely visible on the right side of the screen, only showing the first option of the menu. A picture of what it looks like; &lt;a href="https://imgur.com/PfO7B2r" rel="nofollow noreferrer"&gt;http://imgur.com/PfO7B2r&lt;/a&gt;. This is a picture what it looks like in Firefox using the responsive design mode: &lt;a href="https://imgur.com/a/gLrFg" rel="nofollow noreferrer"&gt;http://imgur.com/a/gLrFg&lt;/a&gt;&lt;/p&gt;
&lt;p&gt;I did combine it with a style from a different header, but that isn't causing the issue since when I implement it in the exact same way as in the building block, it still happens on my phone.&lt;/p&gt;
&lt;p&gt;The code I'm using can be found below:&lt;/p&gt;
&lt;p&gt;HTML:&lt;/p&gt;
&lt;pre&gt;&lt;code&gt;&amp;lt;header class="sticky-shrinknav-header"&amp;gt;
    &amp;lt;div class="sticky-shrinknav-header-title"&amp;gt;
        &amp;lt;img src="/../assets/logo.png" style="height: 70%"/&amp;gt;
        &amp;lt;h1&amp;gt;Name&amp;lt;/h1&amp;gt;
    &amp;lt;/div&amp;gt;
    &amp;lt;ul class="menu align-center header-subnav"&amp;gt;
        &amp;lt;li&amp;gt;&amp;lt;a class="is-active" href="/"&amp;gt;Home&amp;lt;/a&amp;gt;&amp;lt;/li&amp;gt;
        &amp;lt;li&amp;gt;&amp;lt;a href="/about"&amp;gt;About&amp;lt;/a&amp;gt;&amp;lt;/li&amp;gt;
        &amp;lt;li&amp;gt;&amp;lt;a href="/apply"&amp;gt;Apply&amp;lt;/a&amp;gt;&amp;lt;/li&amp;gt;
        &amp;lt;li&amp;gt;&amp;lt;a href="/feed"&amp;gt;Feed&amp;lt;/a&amp;gt;&amp;lt;/li&amp;gt;
    &amp;lt;/ul&amp;gt;
&amp;lt;/header&amp;gt;
&lt;/code&gt;&lt;/pre&gt;
&lt;p&gt;CSS:&lt;/p&gt;
&lt;pre&gt;&lt;code&gt;body {
    padding-top: 330px;
}
.header-subnav li {
    float: none;
    display: inline-block;
}
.header-subnav li a {
    padding: 0.9rem 1rem;
    font-size: 0.75rem;
    color: #ffe;
    text-transform: uppercase;
    display: block;
    font-weight: bold;
    letter-spacing: 1px;
    transition: all 0.35s ease-in-out;
}
.header-subnav li a.is-active {
    background: rgba(250, 250, 250, 0.15);
}
.header-subnav li a:hover {
    background: rgba(250, 250, 250, 0.15);
    transition: all 0.35s ease-in-out;
}
.header-subnav {
    position: absolute;
    bottom: 0;
    width: 100%;
    transition: all 0.5s ease;
}
.sticky-shrinknav-header-title {
    transition: all 0.3s ease;
    position: relative;
    -webkit-transform: translateY(-1.875rem);
    -ms-transform: translateY(-1.875rem);
    transform: translateY(-1.875rem);
    margin-bottom: 0;
    color: #E6E8EB;
    height: 75%;
}
.sticky-shrinknav-header {
    width: 100%;
    height: 300px;
    display: -webkit-flex;
    display: -ms-flexbox;
    display: flex;
    -webkit-align-items: center;
    -ms-flex-align: center;
    align-items: center;
    -webkit-justify-content: center;
    -ms-flex-pack: center;
    justify-content: center;
    background-color: #2F343F;
    text-align: center;
    position: fixed;
    top: 0;
    left: 0;
    overflow: hidden;
    transition: all 0.5s ease;
    z-index: 999999;
}
body.sticky-shrinknav-wrapper {
    padding-top: 130px;
}
body.sticky-shrinknav-wrapper .sticky-shrinknav-header {
    height: 3.75rem;
    background-color: #404552;
}
body.sticky-shrinknav-wrapper .sticky-shrinknav-header .sticky-shrinknav-header-title {
    -webkit-transform: scale(0);
    -ms-transform: scale(0);
    transform: scale(0);
    transition: all 0.3s ease;
}
&lt;/code&gt;&lt;/pre&gt;
&lt;p&gt;JS:&lt;/p&gt;
&lt;pre&gt;&lt;code&gt;$(document).foundation();
$(function() {
    $(window).scroll(function() {
        var winTop = $(window).scrollTop();
        if (winTop &amp;gt;= 30) {
            $("body").addClass("sticky-shrinknav-wrapper");
        } else{
            $("body").removeClass("sticky-shrinknav-wrapper");
        }
    });
});
&lt;/code&gt;&lt;/pre&gt;
&lt;p&gt;Any help is greatly appreciated!&lt;/p&gt;
&lt;p&gt;&lt;strong&gt;EDIT: this seems to only be a problem on Apple devices.&lt;/strong&gt;&lt;/p&gt;</t>
  </si>
  <si>
    <t>2017-05-15 16:34:31.177000+00:00</t>
  </si>
  <si>
    <t>2017-05-16 08:27:43.743000+00:00</t>
  </si>
  <si>
    <t>html|css|zurb-foundation</t>
  </si>
  <si>
    <t>Looping HTTP post starts to fail for Amazon SES</t>
  </si>
  <si>
    <t>&lt;p&gt;I originally posted this at the Amazon SES forums here: &lt;a href="https://forums.aws.amazon.com/thread.jspa?threadID=74561&amp;amp;tstart=0" rel="nofollow"&gt;https://forums.aws.amazon.com/thread.jspa?threadID=74561&amp;amp;tstart=0&lt;/a&gt;&lt;/p&gt;
&lt;p&gt;But since the stackoverflow community is more active, I'll post it here :)&lt;/p&gt;
&lt;p&gt;Basically I have a forecah loop around a cURL post (see bottom of post for script snippet). It works for a couple hundred posts, but then starts to fail for all the others. Here's the last successful post followed by the first of 100's of unsuccessful posts...&lt;/p&gt;
&lt;pre&gt;&lt;code&gt;* About to connect() to email.us-east-1.amazonaws.com port 443 (#0)
*   Trying 207.171.162.2... * connected
* Connected to email.us-east-1.amazonaws.com (207.171.162.2) port 443 (#0)
* successfully set certificate verify locations:
*   CAfile: none
  CApath: /etc/ssl/certs
* SSL connection using RC4-MD5
* Server certificate:
*    subject: /C=US/ST=Washington/L=Seattle/O=Amazon.com Inc./CN=email.us-east-1.amazonaws.com
*    start date: 2010-10-08 00:00:00 GMT
*    expire date: 2013-10-07 23:59:59 GMT
*    subjectAltName: email.us-east-1.amazonaws.com matched
*    issuer: /C=US/O=VeriSign, Inc./OU=VeriSign Trust Network/OU=Terms of use at https://www.verisign.com/rpa (c)09/CN=VeriSign Class 3 Secure Server CA - G2
* SSL certificate verify ok.
POST / HTTP/1.1
Accept: */*
Host: email.us-east-1.amazonaws.com
Content-Type: application/x-www-form-urlencoded
Date: Sat, 20 Aug 2011 18:59:56 UTC
X-Amzn-Authorization: AWS3-HTTPS AWSAccessKeyId=LKIABMH7PT8SO4YBRDQA,Algorithm=HmacSHA1,Signature=/0HFVEsTBGqUUSQGy9jvmsft2k4=
Content-Length: 5810
Expect: 100-continue
&amp;lt; HTTP/1.1 200 OK
&amp;lt; x-amzn-RequestId: 4a0f8f18-cb5f-11e0-8364-b14fdafc0888
&amp;lt; Content-Type: text/xml
&amp;lt; Content-Length: 326
&amp;lt; Date: Sat, 20 Aug 2011 19:04:55 GMT
&amp;lt; 
* Connection #0 to host email.us-east-1.amazonaws.com left intact
* Closing connection #0
&lt;/code&gt;&lt;/pre&gt;
&lt;p&gt;The the failures start....&lt;/p&gt;
&lt;pre&gt;&lt;code&gt;* About to connect() to email.us-east-1.amazonaws.com port 443 (#0)
*   Trying 207.171.162.2... * connected
* Connected to email.us-east-1.amazonaws.com (207.171.162.2) port 443 (#0)
* successfully set certificate verify locations:
*   CAfile: none
  CApath: /etc/ssl/certs
* SSL connection using RC4-MD5
* Server certificate:
*    subject: /C=US/ST=Washington/L=Seattle/O=Amazon.com Inc./CN=email.us-east-1.amazonaws.com
*    start date: 2010-10-08 00:00:00 GMT
*    expire date: 2013-10-07 23:59:59 GMT
*    subjectAltName: email.us-east-1.amazonaws.com matched
*    issuer: /C=US/O=VeriSign, Inc./OU=VeriSign Trust Network/OU=Terms of use at https://www.verisign.com/rpa (c)09/CN=VeriSign Class 3 Secure Server CA - G2
* SSL certificate verify ok.
POST / HTTP/1.1
Accept: */*
Host: email.us-east-1.amazonaws.com
Content-Type: application/x-www-form-urlencoded
Date: Sat, 20 Aug 2011 18:59:56 UTC
X-Amzn-Authorization: AWS3-HTTPS AWSAccessKeyId=LKIABMH7PT8SO4YBRDQA,Algorithm=HmacSHA1,Signature=/0HFVEsTBGqUUSQGy9jvmsft2k4=
Content-Length: 5806
Expect: 100-continue
&amp;lt; HTTP/1.1 400 Bad Request
&amp;lt; x-amzn-RequestId: 4b8f29db-cb5f-11e0-b9af-33e5c8fc863b
&amp;lt; Content-Type: text/xml
&amp;lt; Content-Length: 347
&amp;lt; Date: Sat, 20 Aug 2011 19:04:58 GMT
&amp;lt; 
* Connection #0 to host email.us-east-1.amazonaws.com left intact
* Closing connection #0
&lt;/code&gt;&lt;/pre&gt;
&lt;p&gt;Here's the script snippet&lt;/p&gt;
&lt;pre&gt;&lt;code&gt;foreach($JSONarray['DATABASE'] as $E) 
{
         if ((array_diff($E['LISTS'], $FILTER) != $E['LISTS']) &amp;amp;&amp;amp; $E['STATUS'] == "CONF")
         {
         $MAIL = "Action=SendEmail&amp;amp;Source=".$FROME."&amp;amp;ReturnPath=".$BOUNCE."&amp;amp;Destination.ToAddresses.member.1=".$TOE."&amp;amp;Message.Subject.Data=".$SUBE."&amp;amp;Message.Body.Html.Data=".$BODYE;           
         //curl
         $aws = curl_init();
         curl_setopt($aws, CURLOPT_POSTFIELDS, $MAIL);
         curl_setopt($aws, CURLOPT_HTTPHEADER, $headers);
         curl_setopt($aws, CURLOPT_HEADER, false);
         curl_setopt($aws, CURLOPT_URL, $url);
         curl_setopt($aws, CURLOPT_RETURNTRANSFER, true);
         curl_setopt($aws, CURLOPT_VERBOSE, true);
         curl_setopt($aws, CURLOPT_STDERR, $SESLOG);
         curl_exec($aws);
         curl_close($aws);
         }
}
&lt;/code&gt;&lt;/pre&gt;
&lt;p&gt;Any ideas?&lt;/p&gt;</t>
  </si>
  <si>
    <t>2011-08-21 20:58:24.983000+00:00</t>
  </si>
  <si>
    <t>2011-08-23 10:19:13.793000+00:00</t>
  </si>
  <si>
    <t>php|amazon-ses</t>
  </si>
  <si>
    <t>Certificate Exception connecting to Azure SQL with JDBC with default connection string (the one the management console says to use)</t>
  </si>
  <si>
    <t>&lt;p&gt;I'm wanting to connect to an Azure SQL Server from jdbc.&lt;/p&gt;
&lt;p&gt;I copy the connection string from the azure management console. It is something like: &lt;/p&gt;
&lt;blockquote&gt;
  &lt;p&gt;jdbc:sqlserver://XXXX.database.windows.net:1433;database=YYYY;user=ZZZZZ@XXXX;password=PPPPPPPPPPP;encrypt=true;hostNameInCertificate=*.database.windows.net&lt;/p&gt;
&lt;/blockquote&gt;
&lt;p&gt;When I try and connect with this value I get the following error:&lt;/p&gt;
&lt;blockquote&gt;
  &lt;p&gt;&lt;strong&gt;com.microsoft.sqlserver.jdbc.SQLServerException: The driver could not
  establish a secure connection to SQL Server by using Secure Sockets
  Layer (SSL) encryption. Error:
  "java.security.cert.CertificateException: Failed to validate the
  server name in a certificate during Secure Sockets Layer (SSL)
  initialization. The server name is *.database.windows.net, the name in
  certificate is data.am2-1.database.windows.net.&lt;/strong&gt;&lt;/p&gt;
&lt;/blockquote&gt;
&lt;p&gt;Then if I change the *.database.windows.net to data.am2-1.database.windows.net as it says in the exception it works fine.&lt;/p&gt;
&lt;p&gt;So is it a problem to set this name? I feel like if it is a wild card as default then it is probably going to change? and when it does I assume I won't be able to connect anymore.
Has anyone else had this issue? I am using the most up to date jdbc drivers for SQL Server that I could find.&lt;/p&gt;</t>
  </si>
  <si>
    <t>2012-08-01 09:02:46.513000+00:00</t>
  </si>
  <si>
    <t>2015-06-05 14:22:27.047000+00:00</t>
  </si>
  <si>
    <t>jdbc|azure</t>
  </si>
  <si>
    <t>Feedback Widget?</t>
  </si>
  <si>
    <t>&lt;p&gt;I looked around before asking (used Google and this forum) so I wouldn't double post, (hopefully I'm not) but I couldn't find what I was looking for. &lt;/p&gt;
&lt;p&gt;Working on a project I was assigned to when I came across something I'd like to have present on my site.
It's a little animated '-/+' feedback widget which was found [&lt;a href="http://copyright.gov/title17/92chap3.html" rel="nofollow"&gt;here&lt;/a&gt;] at the bottom right of the page. &lt;/p&gt;
&lt;p&gt;How can I get something like that? &lt;/p&gt;</t>
  </si>
  <si>
    <t>2011-12-17 23:44:02.647000+00:00</t>
  </si>
  <si>
    <t>2016-03-30 12:35:52.340000+00:00</t>
  </si>
  <si>
    <t>user1101990</t>
  </si>
  <si>
    <t>animation|widget|feedback</t>
  </si>
  <si>
    <t>jsf 2 method parameters action listener</t>
  </si>
  <si>
    <t>&lt;p&gt;Is there a way to pass a variable into a method param:&lt;/p&gt;
&lt;pre&gt;&lt;code&gt; &amp;lt;h:commandButton value="Add to Order" 
 actionListener="#{orderBasket.addItems(currentItem.id)}"/&amp;gt;
&lt;/code&gt;&lt;/pre&gt;
&lt;p&gt;This always seems to pass 0 into the method for some reason.&lt;/p&gt;</t>
  </si>
  <si>
    <t>2011-05-11 21:16:49.313000+00:00</t>
  </si>
  <si>
    <t>2011-05-11 21:20:01.060000+00:00</t>
  </si>
  <si>
    <t>methods|jsf-2|parameter-passing|el</t>
  </si>
  <si>
    <t>Rearranging list containing dates in chronological order</t>
  </si>
  <si>
    <t>&lt;p&gt;Suppose I have a list:&lt;/p&gt;
&lt;pre&gt;&lt;code&gt;A=['4/21/2015', '10/14/2014', '9/16/2014', '7/10/2014', '8/11/2014', '8/3/2014', '7/20/2014', '7/6/2014', '4/21/2015', '4/21/2015']
&lt;/code&gt;&lt;/pre&gt;
&lt;p&gt;Is there any Python code to arrange it in a chronological order?&lt;/p&gt;</t>
  </si>
  <si>
    <t>2015-06-26 22:02:54.853000+00:00</t>
  </si>
  <si>
    <t>2015-06-26 22:16:52.690000+00:00</t>
  </si>
  <si>
    <t>2015-06-26 22:06:55.967000+00:00</t>
  </si>
  <si>
    <t>how to organize code for different "mobile device interfaces" and "desktop interfaces"</t>
  </si>
  <si>
    <t>&lt;p&gt;I am planning for a web application. I am using the PHP framework Kohana with Smarty. My web application will also have mobile device interface. Now, there will be lot of common and lot of separate code for the two interfaces.&lt;/p&gt;
&lt;p&gt;How should I organize the the code so that:&lt;/p&gt;
&lt;ol&gt;
&lt;li&gt;There is no duplication of code.&lt;/li&gt;
&lt;li&gt;Unnecessary code does not get loaded into. For example, the desktop UI specific code should not get loaded into iPhone interface or vice versa.&lt;/li&gt;
&lt;/ol&gt;</t>
  </si>
  <si>
    <t>2010-02-22 14:10:57.847000+00:00</t>
  </si>
  <si>
    <t>2010-05-07 12:48:34.507000+00:00</t>
  </si>
  <si>
    <t>php|user-interface|kohana|mobile-website|code-organization</t>
  </si>
  <si>
    <t>Android TimePicker AM/PM button not invoking onTimeChanged</t>
  </si>
  <si>
    <t>&lt;p&gt;I'm having some issues implementing a TimePicker in my application that allows the user to change the time of a database record prior to inserting it.&lt;/p&gt;
&lt;p&gt;The problem is that when the AM/PM button is pressed, the onTimeChanged(View, int, int) method isn't invoked.  Whenever I change either the hour or minute value of the TimePicker, onTimeChanged() is called, however.&lt;/p&gt;
&lt;p&gt;Scenarios:&lt;/p&gt;
&lt;ul&gt;
&lt;li&gt;User just clicks the AM/PM button: AM/PM is &lt;strong&gt;NOT&lt;/strong&gt; updated&lt;/li&gt;
&lt;li&gt;User clicks the Hours/Minutes: Time is updated&lt;/li&gt;
&lt;li&gt;User clicks the AM/PM button then changes the hours/minutes: Time and AM/PM is updated&lt;/li&gt;
&lt;/ul&gt;
&lt;p&gt;Am I wrong in thinking that the AM/PM button should be able to be clicked to update the time without having to also change a time value after the am/pm button?&lt;/p&gt;
&lt;p&gt;I've put together a small test project to replicate this and here's the code:&lt;/p&gt;
&lt;p&gt;&lt;strong&gt;Activity&lt;/strong&gt;&lt;/p&gt;
&lt;pre&gt;&lt;code&gt;public class TestActivity extends Activity implements OnTimeChangedListener {
    private Calendar mCalendar;
    @Override
    protected void onCreate(Bundle savedInstanceState) {
        super.onCreate(savedInstanceState);
        setContentView(R.layout.timepicker);
        mCalendar = Calendar.getInstance();
        TimePicker tp = (TimePicker)findViewById(R.id.timepicker);
        tp.setIs24HourView(false);
        tp.setOnTimeChangedListener(this);
    }
    @Override
    public void onTimeChanged(TimePicker view, int hourOfDay, int minute) {
        Log.d("TAG", "In onTimeChanged");
        mCalendar.set(mCalendar.get(Calendar.YEAR),
                      mCalendar.get(Calendar.MONTH),
                      mCalendar.get(Calendar.DAY_OF_MONTH),
                      hourOfDay,
                      minute);
        setCalendarTime();
    }
    private void setCalendarTime() {
        Date date = mCalendar.getTime();
        if (date != null) {
            SimpleDateFormat formatter = new SimpleDateFormat("MM/dd/yy '@' h:mm a");
            String dateTime = formatter.format(date);
            Toast.makeText(this, dateTime, Toast.LENGTH_LONG).show();
        }
    }
}
&lt;/code&gt;&lt;/pre&gt;
&lt;p&gt;&lt;strong&gt;timepicker.xml&lt;/strong&gt;&lt;/p&gt;
&lt;pre&gt;&lt;code&gt;&amp;lt;LinearLayout xmlns:android="http://schemas.android.com/apk/res/android"
              android:layout_width="fill_parent"
              android:layout_height="fill_parent"
              android:fillViewport="true"&amp;gt;
    &amp;lt;TimePicker android:id="@+id/timepicker"
                android:layout_width="fill_parent"
                android:layout_height="wrap_content"
                android:layout_marginLeft="5dip"
                android:layout_marginRight="5dip"/&amp;gt;
&amp;lt;/LinearLayout&amp;gt;
&lt;/code&gt;&lt;/pre&gt;</t>
  </si>
  <si>
    <t>2012-01-28 17:32:08.897000+00:00</t>
  </si>
  <si>
    <t>2016-10-31 19:57:19.320000+00:00</t>
  </si>
  <si>
    <t>android|timepicker</t>
  </si>
  <si>
    <t>printing directories code on UNIX makes error</t>
  </si>
  <si>
    <t>&lt;p&gt;I've been studying UNIX and there's a example code on the book,&lt;/p&gt;
&lt;p&gt;but this code seems not working. When I compile the code, returns segmentation error.&lt;/p&gt;
&lt;pre&gt;&lt;code&gt;#include&amp;lt;dirent.h&amp;gt;
#include&amp;lt;stdlib.h&amp;gt;
#include&amp;lt;stdio.h&amp;gt;
#include&amp;lt;unistd.h&amp;gt;
#include&amp;lt;sys/types.h&amp;gt;
int my_double_ls(const char *name)
{
   struct dirent *d;
   DIR *dp;
   if ((dp=opendir(name)) == NULL)
    return (-1);
   while (d=readdir(dp)) {
    if (d-&amp;gt;d_ino != 0)
        printf("%s\n", d-&amp;gt;d_name);
   }
   rewinddir(dp);
  while (d = readdir(dp)) {
    if (d-&amp;gt;d_ino != 0)
        printf("%s\n", d-&amp;gt;d_name);
  }
  closedir(dp);
  return(0);
}
int main(int argc, char **argv){
  my_double_ls(argv[1]);
  return(0);
}
&lt;/code&gt;&lt;/pre&gt;</t>
  </si>
  <si>
    <t>2018-11-12 14:11:03.637000+00:00</t>
  </si>
  <si>
    <t>2018-11-12 14:34:51.750000+00:00</t>
  </si>
  <si>
    <t>c|unix|posix|command-line-arguments|ls</t>
  </si>
  <si>
    <t>Program to obfuscate files before compilation?</t>
  </si>
  <si>
    <t>&lt;p&gt;I am working with ForgeGradle (Minecraft Forge modding platform).&lt;/p&gt;
&lt;p&gt;I'd like to obfuscate my mod before publishing but the nature of Forge platform won't allow me to do it by simply running program like ProGuard after compilation (with defined libraries).&lt;/p&gt;
&lt;p&gt;Why?
The structure goes like this:
Mod -&gt; Forge -&gt; Minecraft&lt;/p&gt;
&lt;p&gt;Since Minecraft uses its own obfuscated classes and ForgeGradle compilator is not DIRECTLY obfuscating Mod's code to fit with Minecraft's one, it is not possible to use MC.jar as library while using ProGuard. Compiled Forge Mod is actually decoded by Forge in runtime using SRG names. The logic behind this is not easily explainable so I'll just note: I cannot obfuscate .jar in a way to fit with libraries.&lt;/p&gt;
&lt;p&gt;So I though - I could just take my mod's code (.java files) and rename all fields/methods/classes that are MINE before Forge compilation.
Is there a software that would allow me to pick number of .java files and "obfuscate" them in a way to not reaname references that don't belong to them?&lt;/p&gt;
&lt;p&gt;&lt;strong&gt;EDIT (more explanation):&lt;/strong&gt;&lt;/p&gt;
&lt;p&gt;Mod's code has 3 states: Development, Compiled, Running.&lt;/p&gt;
&lt;p&gt;I will try to give an example:
Let's say there is a decompiled method ItemSword.onHit() inside Minecraft.jar
And its compiled (obfuscated) version look like this: bca.aa(), also all packages are lost (flattened).&lt;/p&gt;
&lt;p&gt;In mod's development state of code (.java) to make reference to it we simply make: ItemSword.onHit()&lt;/p&gt;
&lt;p&gt;When we compile mod the call will look like this (.class): ItemSword.func_ab4234() - this is the SRG I was talking about.&lt;/p&gt;
&lt;p&gt;Now when the mod will be loaded to game, forge will translate "ItemSword" to "bca" and "func_ab4234()" to "aa()"&lt;/p&gt;
&lt;p&gt;Because of this I can't even add proper library - there IS NONE. I will always get (in ProGuard) NoClassDefFound Warning and I can't ignore it (it will crash compilation).&lt;/p&gt;
&lt;p&gt;So after this edit - Is it still possible to make obfuscation with ProGuard (considering I cannot have "good" library assigned)?&lt;/p&gt;</t>
  </si>
  <si>
    <t>2015-03-10 17:49:19.283000+00:00</t>
  </si>
  <si>
    <t>2015-03-10 20:10:22.190000+00:00</t>
  </si>
  <si>
    <t>2015-03-10 19:55:23.970000+00:00</t>
  </si>
  <si>
    <t>java|obfuscation</t>
  </si>
  <si>
    <t>Delivering a Website as a Product</t>
  </si>
  <si>
    <t>&lt;p&gt;I apologize if this is a weird question but i can't really find good information regarding this.&lt;/p&gt;
&lt;p&gt;I have a website that I would like to deliver as a product for other organizations to download and use within their organization. Much like Confluence or Wordpress. I know how they do it, they just package up their code and you can download it and deploy it yourself, however I'm just wondering what the other options are out there.&lt;/p&gt;
&lt;p&gt;Is there a way to bundle up the entire site into an installer or create an image of some sort that can be downloaded and deployed. Ideally, I wouldn't want the customer to deploy the code and configure it themselves. It would be nice for them to just have to download something, run it and its up.&lt;/p&gt;
&lt;p&gt;Any process or tool recommendations is greatly appreciated. Thanks!&lt;/p&gt;</t>
  </si>
  <si>
    <t>2018-04-15 14:54:02.723000+00:00</t>
  </si>
  <si>
    <t>2018-05-14 19:04:40.820000+00:00</t>
  </si>
  <si>
    <t>web|web-deployment</t>
  </si>
  <si>
    <t>Domain look up in asp.net</t>
  </si>
  <si>
    <t>&lt;p&gt;In my asp.net application I want to use the look up domain information (ie WHOIS information).  When a user enters any domain name it has to look up and display the information.  Is there any code library or script I can use to accomplish this?&lt;/p&gt;</t>
  </si>
  <si>
    <t>2009-11-03 08:33:51.473000+00:00</t>
  </si>
  <si>
    <t>2009-11-03 16:48:57.330000+00:00</t>
  </si>
  <si>
    <t>2009-11-03 15:23:37.360000+00:00</t>
  </si>
  <si>
    <t>Azure web job - Implementing mutual exclusion in the cloud</t>
  </si>
  <si>
    <t>&lt;p&gt;we are looking at building a system which has an area of code that requires mutual exclusion. In a dedicated hosting environment on a single server we might use this simple code that would run on multiple threads:&lt;/p&gt;
&lt;pre&gt;&lt;code&gt;SomeAsyncOperation();
lock(locker)
{
  SomeSyncOperation1();
  SomeSyncOperation2();
}
&lt;/code&gt;&lt;/pre&gt;
&lt;p&gt;Will this work in the cloud (assuming that webjobs may run across multiple physical machines)? Specifically Azure. If not how would this be implemented? So far I've looked at &lt;a href="https://msdn.microsoft.com/en-us/library/microsoft.windowsazure.storage.blob.cloudblockblob.aspx" rel="nofollow"&gt;CloudBlockBlob&lt;/a&gt; and the &lt;a href="https://msdn.microsoft.com/en-gb/library/dn568101.aspx" rel="nofollow"&gt;competing consumer pattern&lt;/a&gt;. What are people doing to achieve this?&lt;/p&gt;
&lt;p&gt;Thanks in advance.&lt;/p&gt;
&lt;p&gt;Edit: more info&lt;/p&gt;
&lt;p&gt;Operation1 performs a lookup on a table, then Operation2 adds an entry to both a queue and a table if Operation1 finds nothing (otherwise an exception is thrown). To prevent duplicate items being added to a queue it is important that Operation1 and Operation2 run atomically across all threads (the application is running using async/await).&lt;/p&gt;
&lt;p&gt;The following scenario is an example of how a race condition can emerge:&lt;/p&gt;
&lt;pre&gt;&lt;code&gt;T1        T2
O1()      
          O1()
          O2()
O2()
&lt;/code&gt;&lt;/pre&gt;
&lt;p&gt;On thread T1 operation1 has not found a duplicate. Thread T2 comes along and adds a duplicate. Threat T1 then runs operation2, which it should not have done.&lt;/p&gt;
&lt;p&gt;Normally this could be prevented using a lock(), but I don't believe this will work across physical machines (such as in the cloud). Unless I'm wrong about this...&lt;/p&gt;</t>
  </si>
  <si>
    <t>2016-01-07 09:54:17.877000+00:00</t>
  </si>
  <si>
    <t>2016-01-14 02:55:01.887000+00:00</t>
  </si>
  <si>
    <t>2016-01-07 15:09:00.917000+00:00</t>
  </si>
  <si>
    <t>c#|multithreading|azure|azure-webjobs</t>
  </si>
  <si>
    <t>How to write correct/reliable transactional code with JAX-RS and Spring</t>
  </si>
  <si>
    <t>&lt;p&gt;Basically, I am trying to understand how to write correct (or "to correctly write"?) transactional code, when developing REST service with Jax-RS and Spring. Also, we're using JOOQ for data-access. But that shouldn't be very relevant...&lt;br&gt;
Consider simple model, where we have some organisations, that have these fields: &lt;code&gt;"id", "name", "code"&lt;/code&gt;. All of which must be unique. Also there's a &lt;code&gt;status&lt;/code&gt; field.&lt;br&gt;
Organization might be removed at some point. But we don't want to remove the data altogether, because we want to save it for analytical/maintenance purposes. So we just set organization 'status' field to &lt;code&gt;'REMOVED'&lt;/code&gt;.&lt;br&gt;
Because we don't delete the organization row from the table, we can't simply put the unique constraint on the "name" column, because, we might delete organization and then create a new one with the same name. But let's assume that codes has to be unique globally, so we DO have a unique constraint on the &lt;code&gt;code&lt;/code&gt; column.&lt;/p&gt;
&lt;p&gt;So with that, let's see this simple example, that creates organization, performing some checks along the way.&lt;/p&gt;
&lt;p&gt;Resource:&lt;/p&gt;
&lt;pre&gt;&lt;code&gt;@Component
@Path("/api/organizations/{organizationId: [0-9]+}")
@Consumes(MediaType.APPLICATION_JSON)
@Produces(MediaTypeEx.APPLICATION_JSON_UTF_8)
public class OrganizationResource {
    @Autowired
    private OrganizationService organizationService;
    @Autowired
    private DtoConverter dtoConverter;
    @POST
    public OrganizationResponse createOrganization(@Auth Person person, CreateOrganizationRequest request) {
        if (organizationService.checkOrganizationWithNameExists(request.name())) {
            // this throws special Exception which is intercepted and translated to response with 409 status code
            throw Responses.abortConflict("organization.nameExist", ImmutableMap.of("name", request.name()));
        }
        if (organizationService.checkOrganizationWithCodeExists(request.code())) {
            throw Responses.abortConflict("organization.codeExists", ImmutableMap.of("code", request.code()));
        }
        long organizationId = organizationService.create(person.user().id(), request.name(), request.code());
        return dtoConverter.from(organization.findById(organizationId));
    }
}
&lt;/code&gt;&lt;/pre&gt;
&lt;p&gt;DAO service looks like that:&lt;/p&gt;
&lt;pre&gt;&lt;code&gt;@Transactional(DBConstants.SOME_TRANSACTION_MANAGER)
public class OrganizationServiceImpl implements OrganizationService {
    @Autowired
    @Qualifier(DBConstants.SOME_DSL)
    protected DSLContext context;
    @Override
    public long create(long userId, String name, String code) {
        Organization organization = new Organization(null, userId, name, code, OrganizationStatus.ACTIVE);
        OrganizationRecord organizationRecord = JooqUtil.insert(context, organization, ORGANIZATION);
        return organizationRecord.getId();
    }
    @Override
    public boolean checkOrganizationWithNameExists(String name) {
        return checkOrganizationExists(Tables.ORGANIZATION.NAME, name);
    }
    @Override
    public boolean checkOrganizationWithCodeExists(String code) {
        return checkOrganizationExists(Tables.ORGANIZATION.CODE, code);
    }
    private boolean checkOrganizationExists(TableField&amp;lt;OrganizationRecord, String&amp;gt; checkField, String checkValue) {
        return context.selectCount()
                .from(Tables.ORGANIZATION)
                .where(checkField.eq(checkValue))
                .and(Tables.ORGANIZATION.ORGANIZATION_STATUS.ne(OrganizationStatus.REMOVED))
                .fetchOne(DSL.count()) &amp;gt; 0;
    }
}
&lt;/code&gt;&lt;/pre&gt;
&lt;p&gt;This brings some questions:  &lt;/p&gt;
&lt;ol&gt;
&lt;li&gt;Should I put &lt;code&gt;@Transactional&lt;/code&gt; annotation on Resource's &lt;code&gt;createOrganization&lt;/code&gt; method? Or should I create one more service that talks to DAO and put @Transactional annotation to it's method? Something else?&lt;/li&gt;
&lt;li&gt;What would happen if two users concurrently send request with the same &lt;code&gt;"code"&lt;/code&gt; field. Before first transaction is commited the checks are successfully passed, so no 409 respones will be sent. Than first transaction will be committed properly, but the second one will violate DB constraint. This will throw SQLException. How to gracefully handle that? I mean I still want to show nice error message on the client side, saying that name is already used. But I can't really parse SQLException or smth.. can I? &lt;/li&gt;
&lt;li&gt;Similar to the previous one, but this time "name" is not unique. In this case, second transaction will not violate any constraints, which leads to having two organization with the same name, that violates our buisness constraints.&lt;/li&gt;
&lt;li&gt;Where can I see/learn tutorials/code/etc., that you consider great examples on how to write correct/reliable REST+DB code with complicated buisness logic. Github/books/blogs, whatever. I've tried to find something like that myselft, but most examples just focus on the plumbing - add these libs to maven, use these annotations, there is your simple CRUD, the end. They don't contain any transactional considirations at all. I.e.&lt;/li&gt;
&lt;/ol&gt;
&lt;p&gt;UPDATE:
I know about isolation level and the usual &lt;a href="https://en.wikipedia.org/wiki/Isolation_(database_systems)#Isolation_Levels.2C_Read_Phenomena_and_Locks" rel="nofollow"&gt;error/isolation matrix&lt;/a&gt; (dirty reads, etc..). The problem I have is finding some "production-ready" sample to learn from. Or a good book on a subject. I still don't really get how to handle all the errors properly.. I guess I need to retry a couple of times, if transaction failed.. and than just throw some generic error and implement client, that handles that.. But do I really have to use SERIALIZABLE mode, whenever I use range queries? Because it will affect performance greatly. But otherwise how can I garantee that transaction will fail.. &lt;/p&gt;
&lt;p&gt;Anyway I've decided that for now I need more time to learn about transactions and db management in general to tackle this problem...&lt;/p&gt;</t>
  </si>
  <si>
    <t>2016-08-19 16:57:52.190000+00:00</t>
  </si>
  <si>
    <t>2016-08-29 16:20:43.863000+00:00</t>
  </si>
  <si>
    <t>2016-08-28 20:52:11.883000+00:00</t>
  </si>
  <si>
    <t>java|spring|rest|transactions|jax-rs</t>
  </si>
  <si>
    <t>Pass C++ vector by reference and then do push_back()</t>
  </si>
  <si>
    <t>&lt;p&gt;Consider this function to illustrate the case:&lt;/p&gt;
&lt;pre&gt;&lt;code&gt;void appendAndPrint(std::vector&amp;lt;int&amp;gt; &amp;amp;v, int number)
{
    v.push_back(number);    // let there has been a reallocation
    std::cout &amp;lt;&amp;lt; v.back();  // does the local reference v become invalid here?
    // is it safe, for example, to call here push_back() with v once again, like
    // v.push_back(number);
}
&lt;/code&gt;&lt;/pre&gt;
&lt;p&gt;and then call it with some vector:&lt;/p&gt;
&lt;pre&gt;&lt;code&gt;std::vector&amp;lt;int&amp;gt; vec;
appendAndPrint(vec, 5);
&lt;/code&gt;&lt;/pre&gt;
&lt;p&gt;Is the reference passed into the function become invalid after the first vector reallocation?&lt;/p&gt;
&lt;p&gt;EDIT:&lt;/p&gt;
&lt;p&gt;This construction is used quite often, but where this kind of safety is referenced in the C++ Standard?&lt;/p&gt;
&lt;p&gt;All what is mentioned is the lifetime of references/pointers/iterators to the container elements.&lt;/p&gt;</t>
  </si>
  <si>
    <t>2014-12-15 10:44:19.580000+00:00</t>
  </si>
  <si>
    <t>2014-12-15 10:54:00.680000+00:00</t>
  </si>
  <si>
    <t>c++|pass-by-reference|stdvector</t>
  </si>
  <si>
    <t>Validation of second user input isn't working properly and I'm told I have a lot of unnecessary coding</t>
  </si>
  <si>
    <t>&lt;p&gt;This is my first year in a Computer Programming course and one of my current assignments is to create a working Rock, Paper, Scissors game.&lt;/p&gt;
&lt;p&gt;I have most of it working but my teacher has said that I have a lot of unnecessary code without actually telling me what it is.  I'd like to get this streamline as best as possible as I'm not just satisfied with whatever works.&lt;/p&gt;
&lt;p&gt;As well, the second validation of user input (user makes a choice, program runs through and displays who wins then is asked to make a choice again) doesn't work like the first one and I can't figure out what's going wrong.  I've been looking at this for the past 2 weeks and can't figure it out so any help is appreciated.&lt;/p&gt;
&lt;p&gt;The code that I have is as follows:&lt;/p&gt;
&lt;pre&gt;&lt;code&gt;namespace Assignment04
{
class Program
{
    static void Main(string[] args)
    {
        // Declare variables
        int gamesPlayed = 0, userWins = 0, computerWins = 0, draws = 0, userSelection, computerSelection;
        bool inputIsValid = false;
        // Prompt user
        Console.WriteLine("Welcome to the Rock, Paper, Scissors game!");
        Console.WriteLine("1 - Rock");
        Console.WriteLine("2 - Paper");
        Console.WriteLine("3 - Scissors");
        Console.WriteLine("4 - Quit program and view record");
        // Create a loop to validate user's selection
            do
            {
                Console.Write("Please make a selection: ");
                // loop and test using TryParse()
                while (!int.TryParse(Console.ReadLine(), out userSelection))
                {
                    // invalid data type
                    Console.WriteLine("Invalid input.");
                    Console.Write("Please make a selection: ");
                }
                // test if input is within acceptable range
                if (userSelection &amp;gt;= 1 &amp;amp;&amp;amp; userSelection &amp;lt;= 4)
                {
                    inputIsValid = true;
                }
                else
                {
                    // valid integer, but out of acceptable range
                    Console.WriteLine("Number out of range.");
                }
            } while (!inputIsValid);
            // Display user's choice
            while (userSelection &amp;gt;= 1 &amp;amp;&amp;amp; userSelection &amp;lt;= 3)
            {
                if (userSelection == 1)
                {
                    Console.WriteLine("\nYou have selected Rock");
                    gamesPlayed = gamesPlayed + 1;
                }
                else if (userSelection == 2)
                {
                    Console.WriteLine("\nYou have selected Paper");
                    gamesPlayed = gamesPlayed + 1;
                }
                else if (userSelection == 3)
                {
                    Console.WriteLine("\nYou have selected Scissors");
                    gamesPlayed = gamesPlayed + 1;
                }
                // Generate computer's choice
                Random randomNumber = new Random();
                computerSelection = randomNumber.Next(1, 4);
                // Display computer's choice
                if (computerSelection == 1)
                {
                    Console.WriteLine("Computer has chosen Rock");
                }
                else if (computerSelection == 2)
                {
                    Console.WriteLine("Computer has chosen Paper");
                }
                else if (computerSelection == 3)
                {
                    Console.WriteLine("Computer has chosen Scissors");
                }
                // Calculate and display who wins
                if (userSelection == computerSelection)
                {
                    draws = draws + 1;
                }
                else if (userSelection == 1 &amp;amp;&amp;amp; computerSelection == 3 || userSelection == 2 &amp;amp;&amp;amp; computerSelection == 1 || userSelection == 3 &amp;amp;&amp;amp; computerSelection == 2)
                {
                    userWins = userWins + 1;
                }
                else if (userSelection == 1 &amp;amp;&amp;amp; computerSelection == 2 || userSelection == 2 &amp;amp;&amp;amp; computerSelection == 3 || userSelection == 3 &amp;amp;&amp;amp; computerSelection == 1)
                {
                    computerWins = computerWins + 1;
                }
                // Display results and statistics
                Console.WriteLine("\nYou have played {0} games with {1} wins, {2} draws, and {3} losses.", gamesPlayed, userWins, draws, computerWins);
                do
                {
                    Console.Write("Please make a selection: ");
                    // loop and test using TryParse()
                    while (!int.TryParse(Console.ReadLine(), out userSelection))
                    {
                        // invalid data type
                        Console.WriteLine("Invalid input.");
                        Console.Write("Please make a selection: ");
                    }
                    // test if input is within acceptable range
                    if (userSelection &amp;gt;= 1 &amp;amp;&amp;amp; userSelection &amp;lt;= 4)
                    {
                        inputIsValid = true;
                    }
                    else
                    {
                        // valid integer, but out of acceptable range
                        Console.WriteLine("Number out of range.");
                    }
                } while (!inputIsValid);
            }
            if (gamesPlayed == 0 &amp;amp;&amp;amp; userSelection == 4)
            {
                Console.WriteLine("\nGoodbye");
            }
            else if (gamesPlayed &amp;gt; 0 &amp;amp;&amp;amp; userSelection == 4)
            {
                Console.WriteLine("\nGames played = " + gamesPlayed);
                Console.WriteLine("User wins = " + userWins);
                Console.WriteLine("Computer wins = " + computerWins);
                Console.WriteLine("Draws = " + draws);
            }
        Console.ReadLine();
    }
}
}
&lt;/code&gt;&lt;/pre&gt;</t>
  </si>
  <si>
    <t>2011-10-23 21:11:20.253000+00:00</t>
  </si>
  <si>
    <t>2011-10-23 22:38:32.497000+00:00</t>
  </si>
  <si>
    <t>2011-10-23 21:25:21.737000+00:00</t>
  </si>
  <si>
    <t>Searchfield in Sencha touch</t>
  </si>
  <si>
    <t>&lt;p&gt;I am trying to add a search field to my form in sencha touch 1.1, but after going through examples provided by sencha touch, i could not find out a way to provide a dynamic store to the search field.
I have a store which will fetch data dynamically.
The store contains list of places and when the user enters the first letter of the place,he should be given a list of places starting from that alphabet
Here is the code i have used.&lt;/p&gt;
&lt;pre&gt;&lt;code&gt;var searchField = new Ext.form.Search({
        name : 'search',
        placeHolder: 'Search',
        useClearIcon: true,
        data:siteStore,
        autoComplete:true,
    });
inputDataForm = Ext.extend(Ext.Panel, {
    scroll: 'vertical',
    autoDestroy: true,
    layout: 'fit',
    id:'inputForm',
   initComponent: function() {
    this.items = [{
                    xtype: 'form',
                    cls: 'formClass',
                    id:'inputImageForm',                        
                    bodyPadding: '0',
                    scroll: 'vertical',
                    items: [searchField],
                  }];       
    inputDataForm.superclass.initComponent.call(this);  
   }, // End fo initComponent   
});
&lt;/code&gt;&lt;/pre&gt;
&lt;p&gt;Can somebody please help.
Thank you&lt;/p&gt;</t>
  </si>
  <si>
    <t>2012-05-24 05:06:47.237000+00:00</t>
  </si>
  <si>
    <t>2012-10-06 09:33:40.477000+00:00</t>
  </si>
  <si>
    <t>dynamic|sencha-touch|store</t>
  </si>
  <si>
    <t>Within the Microsoft Enterprise Framework, where did the FormatterData.GetRegistrations method go?</t>
  </si>
  <si>
    <t>&lt;p&gt;I have the unforuntate task of upgrading some decade old C# code that uses the &lt;code&gt;Microsoft.Practices.EnterpriseLibrary.Logging&lt;/code&gt; library. I've almost gotten it to compile with just one error left: &lt;/p&gt;
&lt;p&gt;They are extending the FormatterData abstract class, which is provided by &lt;code&gt;Microsoft.Practices.EnterpriseLibrary.Logging.Configuration&lt;/code&gt;. &lt;a href="https://msdn.microsoft.com/en-us/library/microsoft.practices.enterpriselibrary.logging.configuration.formatterdata(v=pandp.50).aspx" rel="nofollow noreferrer"&gt;MSDN includes the (minimal) docuemntation for this class&lt;/a&gt;. This includes the alleged method &lt;a href="https://msdn.microsoft.com/en-us/library/microsoft.practices.enterpriselibrary.logging.configuration.formatterdata.getregistrations(v=pandp.50).aspx" rel="nofollow noreferrer"&gt;GetDetails&lt;/a&gt;. The code overrides this method. However, my copy of the library does not feature that method. I have downloaded the latest copy of the library (Version tag: "6.0.0.0"). I don't have a copy of the dll the original author was working with.&lt;/p&gt;
&lt;p&gt;I can only assume that the method was removed, and I probably need to download some historical copy of the library. However, the MSDN articles (as far as I can see) do not indicate where these methods were added or removed. Which version of the library do I need to use and where might I find it?&lt;/p&gt;</t>
  </si>
  <si>
    <t>2017-10-19 14:19:52.460000+00:00</t>
  </si>
  <si>
    <t>2017-10-20 15:22:05.223000+00:00</t>
  </si>
  <si>
    <t>2017-10-19 14:22:48.567000+00:00</t>
  </si>
  <si>
    <t>.net|enterprise-library|msdn|enterprise-library-6</t>
  </si>
  <si>
    <t>Is there any way to get a listview overscroll on Android 2.2 or 2.1?</t>
  </si>
  <si>
    <t>&lt;p&gt;Is there any way to get a listview overscroll on Android 2.2 or 2.1?&lt;/p&gt;
&lt;p&gt;I have used overscroll in Android 2.3 but its not running in 2.2. How can I achieve that?&lt;/p&gt;</t>
  </si>
  <si>
    <t>2011-09-06 09:28:03.543000+00:00</t>
  </si>
  <si>
    <t>2012-05-31 19:03:50.257000+00:00</t>
  </si>
  <si>
    <t>php ajax database question</t>
  </si>
  <si>
    <t>&lt;p&gt;I am trying to understand how do I modify the example in this &lt;a href="http://www.w3schools.com/php/php_ajax_database.asp" rel="nofollow"&gt;http://www.w3schools.com/php/php_ajax_database.asp&lt;/a&gt; so that the database is queried for multiple selections. I mean, if more than one option is selected (by adding the "multiple" keyword to the form), how do I do a database query for these multiple selections?&lt;/p&gt;</t>
  </si>
  <si>
    <t>2011-01-06 07:02:52.080000+00:00</t>
  </si>
  <si>
    <t>2011-01-06 07:33:13.440000+00:00</t>
  </si>
  <si>
    <t>php|mysql|ajax|select</t>
  </si>
  <si>
    <t>onActivityResult not being called when ListActivity finishes</t>
  </si>
  <si>
    <t>&lt;p&gt;In a small app I'm working on, I need to be able to select a record from a database table.&lt;/p&gt;
&lt;p&gt;In order to do that, I've created a subclass of &lt;code&gt;ListActivity&lt;/code&gt;, &lt;code&gt;GameListScreen&lt;/code&gt;, which displays the records, and overridden &lt;code&gt;onListItemClick()&lt;/code&gt; as follows:&lt;/p&gt;
&lt;pre&gt;&lt;code&gt;@Override
protected void onListItemClick(ListView l, View v, int position, long id) {
    Game g = (Game)getListView().getItemAtPosition(position);
    Intent intent = new Intent();
    intent.putExtra("id", g.getId());
    setResult(RESULT_OK, intent);
    finish();
}
&lt;/code&gt;&lt;/pre&gt;
&lt;p&gt;Then, in order to launch my activity, I have this in my &lt;code&gt;MainMenu&lt;/code&gt; activity; an &lt;code&gt;onClick&lt;/code&gt; handler for a &lt;code&gt;Button&lt;/code&gt;:&lt;/p&gt;
&lt;pre&gt;&lt;code&gt;public void openGameClick(View view) {
    Intent intent = new Intent(this, GameListScreen.class);
    startActivityForResult(intent, -1);
}
&lt;/code&gt;&lt;/pre&gt;
&lt;p&gt;and to get the result, also in the &lt;code&gt;MainMenu&lt;/code&gt; class: &lt;/p&gt;
&lt;pre&gt;&lt;code&gt;@Override
protected void onActivityResult(int requestCode, int resultCode, Intent data) {
    if (resultCode == Activity.RESULT_OK) {
        // result is handled here
    }
}
&lt;/code&gt;&lt;/pre&gt;
&lt;p&gt;Everything works exactly as expected - the ListActivity starts, I can see my records, and when I select one, onListItemClick is being run - but &lt;code&gt;onActivityResult&lt;/code&gt; is not getting called, and I have no idea why. In another project, I follow the same basic principle, and it works there.&lt;/p&gt;
&lt;p&gt;What am I missing here? I'm sure it's a simple mistake, but I can't spot it.&lt;/p&gt;
&lt;p&gt;I've uploaded &lt;a href="http://birdiesoft.dk/PokeAssistant.7z" rel="nofollow"&gt;my project&lt;/a&gt; in case it helps. I'm using Android 2.2 to test, since that's what my phone is using.&lt;/p&gt;</t>
  </si>
  <si>
    <t>2011-03-13 13:42:20+00:00</t>
  </si>
  <si>
    <t>2011-03-13 13:49:25.247000+00:00</t>
  </si>
  <si>
    <t>android|listactivity</t>
  </si>
  <si>
    <t>Check DIV position relative to browser screen - jQuery</t>
  </si>
  <si>
    <t>&lt;p&gt;I have many DIV with the same class name, let save "wmplayer". I want to make sure that when these DIV get close to bottom of browser, let say 100px above the bottom, they will have display:none. How do I do that with jQuery? Thanks&lt;/p&gt;</t>
  </si>
  <si>
    <t>2009-11-06 05:09:42.700000+00:00</t>
  </si>
  <si>
    <t>2009-11-06 06:12:37.817000+00:00</t>
  </si>
  <si>
    <t>Transferring big amount of data (more than 64kb) through the WCF service</t>
  </si>
  <si>
    <t>&lt;p&gt;I need to pass more than 64kb of data through the WCF service. To do that I've configured server side (that hosts WCF service) in the following way:&lt;/p&gt;
&lt;pre&gt;&lt;code&gt;&amp;lt;services&amp;gt;
  &amp;lt;service name="MyService" behaviorConfiguration="MyServiceBehavior" &amp;gt;
    &amp;lt;endpoint address="" binding="customBinding" contract="MyContract"
      bindingName="testBinding" bindingConfiguration="testBinding" /&amp;gt;
    &amp;lt;endpoint address="mex" binding="customBinding" contract="IMetadataExchange"
      bindingName="testBinding" bindingConfiguration="testBinding" /&amp;gt;
  &amp;lt;/service&amp;gt;
&amp;lt;/services&amp;gt;
&amp;lt;bindings&amp;gt;
  &amp;lt;customBinding&amp;gt;
    &amp;lt;binding name="testBinding" &amp;gt;
      &amp;lt;textMessageEncoding&amp;gt;
        &amp;lt;readerQuotas maxDepth="2147483647"
          maxStringContentLength="2147483647"
          maxArrayLength="2147483647"
          maxBytesPerRead="2147483647"
          maxNameTableCharCount="2147483647" /&amp;gt;
      &amp;lt;/textMessageEncoding&amp;gt;
      &amp;lt;httpTransport transferMode="Buffered"
        maxReceivedMessageSize="2147483647"
        maxBufferSize="2147483647"/&amp;gt;
    &amp;lt;/binding&amp;gt;
  &amp;lt;/customBinding&amp;gt;
&amp;lt;/bindings&amp;gt;
&lt;/code&gt;&lt;/pre&gt;
&lt;p&gt;And client side (that consumes service):&lt;/p&gt;
&lt;pre&gt;&lt;code&gt;&amp;lt;client&amp;gt;
  &amp;lt;endpoint address="http://localhost:82/MyService.svc"
    binding="customBinding" bindingConfiguration="testBinding"
    contract="MyContract"
    name="MyName" /&amp;gt;
&amp;lt;/client&amp;gt;
&amp;lt;bindings&amp;gt;
  &amp;lt;customBinding&amp;gt;
    &amp;lt;binding name="testBinding" &amp;gt;
      &amp;lt;textMessageEncoding&amp;gt;
        &amp;lt;readerQuotas maxDepth="2147483647"
          maxStringContentLength="2147483647"
          maxArrayLength="2147483647"
          maxBytesPerRead="2147483647"
          maxNameTableCharCount="2147483647" /&amp;gt;
      &amp;lt;/textMessageEncoding&amp;gt;
      &amp;lt;httpTransport transferMode="Buffered"
        maxReceivedMessageSize="2147483647"
        maxBufferSize="2147483647"/&amp;gt;
    &amp;lt;/binding&amp;gt;
  &amp;lt;/customBinding&amp;gt;
&amp;lt;/bindings&amp;gt;
&lt;/code&gt;&lt;/pre&gt;
&lt;p&gt;When I called required method I've received the following error:&lt;/p&gt;
&lt;blockquote&gt;
  &lt;p&gt;Content Type application/soap+xml; charset=utf-8 was not supported by service &lt;a href="http://localhost:82/MyService.svc" rel="nofollow"&gt;http://localhost:82/MyService.svc&lt;/a&gt;.  The client and service bindings may be mismatched.&lt;/p&gt;
&lt;/blockquote&gt;
&lt;p&gt;Please advice, what is mismatch in my bindings?&lt;/p&gt;
&lt;p&gt;Thanks.&lt;/p&gt;</t>
  </si>
  <si>
    <t>2011-06-25 00:13:22.417000+00:00</t>
  </si>
  <si>
    <t>2011-06-25 05:16:25.317000+00:00</t>
  </si>
  <si>
    <t>wcf|wcf-binding</t>
  </si>
  <si>
    <t>How subscribe to change variable?</t>
  </si>
  <si>
    <t>&lt;p&gt;Please help my subscribe to changed variable. I make simply spinner. Spinner state(true|false) storage in service:&lt;/p&gt;
&lt;pre&gt;&lt;code&gt;import { Injectable } from '@angular/core';
import { Response, Headers, URLSearchParams } from '@angular/http';
import { Observable } from 'rxjs/Observable';
@Injectable()
export class GlobalVarsService {
    private isVisibleSpinner: boolean = false;
  getSpinnerState(): Observable&amp;lt;boolean&amp;gt; {
    return this.isVisibleSpinner;
  }; 
  setSpinnerState(state): void {
    console.log('setSpinnerState', state);
    this.isVisibleSpinner = state;
  };    
}
&lt;/code&gt;&lt;/pre&gt;
&lt;p&gt;In component-template i display spinner via condition:&lt;/p&gt;
&lt;pre&gt;&lt;code&gt;&amp;lt;div class="nav"&amp;gt;
  &amp;lt;a [routerLink]="['/select']"&amp;gt;select&amp;lt;/a&amp;gt;
  &amp;lt;a [routerLink]="['/output']"&amp;gt;output&amp;lt;/a&amp;gt;
&amp;lt;/div&amp;gt;
&amp;lt;router-outlet&amp;gt;&amp;lt;/router-outlet&amp;gt;
&amp;lt;div class="spinner-backdrop" *ngIf="isVisibleSpinner"&amp;gt;&amp;lt;/div&amp;gt;
&amp;lt;div class="spinner-area" *ngIf="isVisibleSpinner"&amp;gt;
    &amp;lt;span class="spinner"&amp;gt;loading...&amp;lt;/span&amp;gt;
&amp;lt;/div&amp;gt;
&lt;/code&gt;&lt;/pre&gt;
&lt;p&gt;In component i try subscribe to change in service isVisibleSpinner variable:&lt;/p&gt;
&lt;pre&gt;&lt;code&gt;import { Component } from '@angular/core';
import { Response } from '@angular/http';
import 'rxjs/add/operator/map'
import { GlobalVarsService } from './services/global-vars.service';
@Component({
  selector: 'app-root',
  templateUrl: './app.component.html',
  styleUrls: ['./app.component.css']
})
export class AppComponent {
    private isVisibleSpinner: boolean;
  constructor(private globalVarsService: GlobalVarsService) {  
        this.globalVarsService.getSpinnerState().subscribe(data =&amp;gt; {
          console.log(data);
          this.isVisibleSpinner = data;
        });     
  }
}
&lt;/code&gt;&lt;/pre&gt;
&lt;p&gt;But console output follow eror message:&lt;/p&gt;
&lt;blockquote&gt;
  &lt;p&gt;Type 'boolean' is not assignable to type 'Observable'.&lt;/p&gt;
&lt;/blockquote&gt;</t>
  </si>
  <si>
    <t>2017-09-12 19:24:17.010000+00:00</t>
  </si>
  <si>
    <t>2017-09-12 19:46:35.867000+00:00</t>
  </si>
  <si>
    <t>javascript|angular|rxjs</t>
  </si>
  <si>
    <t>NSURLRequest requestWithURL: only works on device after I've visited a page in Mobile Safari</t>
  </si>
  <si>
    <t>&lt;p&gt;I have the following code:&lt;/p&gt;
&lt;pre&gt;&lt;code&gt;NSURLRequest *request = [NSURLRequest requestWithURL:[NSURL URLWithString:@"http://www.lenzerheide.com/modules/weather/iphoneweather.php"] cachePolicy:NSURLRequestUseProtocolCachePolicy timeoutInterval: 10.0f];
[[NSURLConnection alloc] initWithRequest:request delegate:self];
&lt;/code&gt;&lt;/pre&gt;
&lt;p&gt;When I test the app on an iPhone, on some phones (probably those that haven't visited a page in mobile safari recently) the didFailWithError gets called with "the connection was terminted", not once, but always. But when I visit a site in mobile safari, this problem seems to go away completely for a few hours. I can even delete the app, reinstall it and the problem is still gone. It seems to take a few hours till this problem comes back up and than it's the same procedure, it only loads the XML after I visited a site in mobile safari first. If I don't do that, didFailWithError gets called all the time.&lt;/p&gt;
&lt;p&gt;Oh and btw, the webpage hosting the xml is always working. I can load the XML on my Mac without any problems or even lags. Just on iPhones that haven't visited a page in mobile safari recently, I see the problem.&lt;/p&gt;
&lt;p&gt;Any ideas?&lt;/p&gt;</t>
  </si>
  <si>
    <t>2010-07-30 09:00:09.503000+00:00</t>
  </si>
  <si>
    <t>2010-07-30 09:05:37.193000+00:00</t>
  </si>
  <si>
    <t>iphone|objective-c|cocoa-touch</t>
  </si>
  <si>
    <t>AWS EC2 file written but can't see anything in the folder - Spring boot java application</t>
  </si>
  <si>
    <t>&lt;p&gt;I see that my file was written from the logs :&lt;/p&gt;
&lt;p&gt;writing to :/home/ubuntu/s3/landing-pages/landing-page-report_2018-02-05.csv
isFileCreated :true
File was  written&lt;/p&gt;
&lt;p&gt;But when I went into EC2 to look for the file, I don't see it listed. It is a spring boot application and deployed using docker image. I double and triple checked the folder path and everything. &lt;/p&gt;
&lt;p&gt;Could someone please shed light on this? I am new to AWS&lt;/p&gt;</t>
  </si>
  <si>
    <t>2018-02-26 08:05:25.017000+00:00</t>
  </si>
  <si>
    <t>2018-02-26 08:44:25.070000+00:00</t>
  </si>
  <si>
    <t>java|file|amazon-web-services|amazon-ec2</t>
  </si>
  <si>
    <t>Is it safe to use hundreds of threads if they're only created once?</t>
  </si>
  <si>
    <t>&lt;p&gt;Basically I have a Task and a Thread class,I create threads equal to the amount of physical cores(or logical cores,since on Intel CPU cores they're double the count).&lt;/p&gt;
&lt;p&gt;So basically threads take tasks from a list of tasks and execute them.However,I do have to make sure everything is safe and multiple threads don't try to take the same task at once and of course this introduces extra overhead(and headaches).&lt;/p&gt;
&lt;p&gt;What I put the tasks functionality inside the threads?I mean - instead of 4 threads grabbing tasks from a pool of 200 tasks,why not 200 threads that execute in groups of 4 by 4,basically I won't need to synchronize anything,no locking,no nothing.Of course I won't be creating the threads during the whole run-time,just at the initialization.&lt;/p&gt;
&lt;p&gt;What pros and cons would such a method have?One problem I can thin of is - since I only create the threads at initialization,their count is fixed,while with tasks I can keep dumping more tasks in the task pool.&lt;/p&gt;</t>
  </si>
  <si>
    <t>2013-01-31 23:56:11.863000+00:00</t>
  </si>
  <si>
    <t>2013-02-01 00:05:37.010000+00:00</t>
  </si>
  <si>
    <t>2013-02-01 00:03:33.033000+00:00</t>
  </si>
  <si>
    <t>c++|multithreading|thread-safety|threadpool</t>
  </si>
  <si>
    <t>Call methods from set accessor or force the user to do manually</t>
  </si>
  <si>
    <t>&lt;p&gt;When a property is updated is it good practice to change other properties based on this or should you force the user to call a method directly? For example:&lt;/p&gt;
&lt;pre&gt;&lt;code&gt;someObject.TodaysTotalSales = 1234.56;
&lt;/code&gt;&lt;/pre&gt;
&lt;p&gt;Would it be OK to have the set accessor update another value say ThisYearsTotalSales or should you force the end user to do it manually.&lt;/p&gt;
&lt;pre&gt;&lt;code&gt;someObject.TodaysTotalSales = 1234.56;
someObject.UpdateThisYearsTotal();
&lt;/code&gt;&lt;/pre&gt;</t>
  </si>
  <si>
    <t>2014-01-31 08:38:27.270000+00:00</t>
  </si>
  <si>
    <t>2014-02-28 07:01:21.603000+00:00</t>
  </si>
  <si>
    <t>c#|methods|properties</t>
  </si>
  <si>
    <t>Symfony2 - How to call Swiftmailer service in the controller</t>
  </si>
  <si>
    <t>&lt;p&gt;I'm still learning on how to setup Swiftmailer as a service, I believe I have a working solution but need some help on how to call this in the controller.&lt;/p&gt;
&lt;p&gt;&lt;strong&gt;How do I call this service in my controller?&lt;/strong&gt; (service code, original code before service and service.yml below)&lt;/p&gt;
&lt;p&gt;Edit:
I am trying to call it like so:&lt;/p&gt;
&lt;pre&gt;&lt;code&gt;$emailManager = $this-&amp;gt;container-&amp;gt;get('email_manager');
$content = $emailManager-&amp;gt;sendMail($subject, $recipientName, $recipientEmail, $bodyHtml, $bodyText);
&lt;/code&gt;&lt;/pre&gt;
&lt;p&gt;But am getting a undefined variable error:&lt;/p&gt;
&lt;p&gt;&lt;code&gt;Notice: Undefined variable: subject in /.../DefaultController.php line 58&lt;/code&gt;&lt;/p&gt;
&lt;p&gt;&lt;strong&gt;EmailManager service&lt;/strong&gt;&lt;/p&gt;
&lt;pre&gt;&lt;code&gt;namespace Acme\EmailBundle\Service;
use Symfony\Component\HttpFoundation\RequestStack;
class EmailManager
{
private $request;
private $mailer;
public function __construct(RequestStack $requestStack, \Swift_Mailer $mailer)
{
    $this-&amp;gt;request = $requestStack-&amp;gt;getCurrentRequest();
    $this-&amp;gt;mailer  = $mailer;
}
public function sendMail($subject, $recipientName, $recipientEmail, $bodyHtml, $bodyText)
{
    /* @var $mailer \Swift_Mailer */
    if(!$this-&amp;gt;mailer-&amp;gt;getTransport()-&amp;gt;isStarted()){
        $this-&amp;gt;mailer-&amp;gt;getTransport()-&amp;gt;start();
    }
    /* @var $message \Swift_Message */
    $message = $this-&amp;gt;mailer-&amp;gt;createMessage();
    $message-&amp;gt;setSubject($subject);
    $message-&amp;gt;setBody($bodyHtml, 'text/html');
    $message-&amp;gt;addPart($bodyText, 'text/plain', 'UTF8');
    $message-&amp;gt;addTo($recipientEmail, $recipientName);
    $message-&amp;gt;setFrom( array('example@gmail.com' =&amp;gt; 'Chance') );
    $this-&amp;gt;mailer-&amp;gt;send($message);
    $this-&amp;gt;mailer-&amp;gt;getTransport()-&amp;gt;stop();
}
}
&lt;/code&gt;&lt;/pre&gt;
&lt;p&gt;&lt;strong&gt;Original controller code for sending emails prior to putting it in as a service&lt;/strong&gt;&lt;/p&gt;
&lt;pre&gt;&lt;code&gt;/**
 * @Route("/", name="contact")
 * @Template("AcmeEmailBundle:Default:index.html.twig")
 */
public function contactAction(Request $request)
{
$form = $this-&amp;gt;createForm(new ContactType());
if ($request-&amp;gt;isMethod('POST')) {
    $form-&amp;gt;submit($request);
    if ($form-&amp;gt;isValid()) {
        $message = \Swift_Message::newInstance()
            -&amp;gt;setSubject($form-&amp;gt;get('subject')-&amp;gt;getData())
            -&amp;gt;setFrom($form-&amp;gt;get('email')-&amp;gt;getData())
            -&amp;gt;setTo('example@gmail.com')
            -&amp;gt;setBody(
                $this-&amp;gt;renderView(
                    'AcmeEmailBundle:Default:index.html.twig',
                    array(
                        'ip' =&amp;gt; $request-&amp;gt;getClientIp(),
                        'name' =&amp;gt; $form-&amp;gt;get('name')-&amp;gt;getData(),
                        'message' =&amp;gt; $form-&amp;gt;get('message')-&amp;gt;getData()
                    )
                )
            );
        $this-&amp;gt;get('mailer')-&amp;gt;send($message);
        $request-&amp;gt;getSession()-&amp;gt;getFlashBag()-&amp;gt;add('success', 'Your email has been sent! Thanks!');
        return $this-&amp;gt;redirect($this-&amp;gt;generateUrl('contact'));
    }
}
return array(
    'form' =&amp;gt; $form-&amp;gt;createView()
);
}
&lt;/code&gt;&lt;/pre&gt;
&lt;p&gt;&lt;strong&gt;services.yml&lt;/strong&gt;&lt;/p&gt;
&lt;pre&gt;&lt;code&gt;services:
email_manager:
    class: Acme\EmailBundle\Service\EmailManager
    arguments: [@request_stack, @mailer]
    scope: request
&lt;/code&gt;&lt;/pre&gt;</t>
  </si>
  <si>
    <t>2014-08-28 01:54:56.290000+00:00</t>
  </si>
  <si>
    <t>2014-08-29 05:23:31.670000+00:00</t>
  </si>
  <si>
    <t>email|symfony|service|controller|swiftmailer</t>
  </si>
  <si>
    <t>How stack works when pushing registers and sub on %esp? (assembly IA-32)</t>
  </si>
  <si>
    <t>&lt;p&gt;I'm coding in assembly IA-32 and I have some problems when I use &lt;code&gt;subl&lt;/code&gt; on &lt;code&gt;%esp&lt;/code&gt; and when I &lt;code&gt;push&lt;/code&gt; registers (&lt;code&gt;%ebx&lt;/code&gt;, &lt;code&gt;%esi&lt;/code&gt;, &lt;code&gt;%edi&lt;/code&gt;).&lt;/p&gt;
&lt;p&gt;I know that if I need of call a function I must use the &lt;code&gt;subl&lt;/code&gt; on &lt;code&gt;%esp&lt;/code&gt; and the size of the &lt;code&gt;sub&lt;/code&gt; is the number of parameters that the function has times 4 (size of &lt;code&gt;int&lt;/code&gt;).&lt;/p&gt;
&lt;p&gt;Often we need to push some registers because when we call a function &lt;code&gt;%eax&lt;/code&gt;, &lt;code&gt;%ecx&lt;/code&gt; and &lt;code&gt;%edx&lt;/code&gt; lost their content.&lt;/p&gt;
&lt;p&gt;Now I know that at the end of the code we must &lt;strong&gt;add&lt;/strong&gt; on &lt;code&gt;esp&lt;/code&gt; what we subtracted and &lt;code&gt;pop&lt;/code&gt; registers.  This in the reverse order of the beginning.&lt;/p&gt;
&lt;p&gt;This is my question: if I'm rewriting a C function with 2 parameters in assembly (IA-32) and I need to push 3 registers &lt;code&gt;%ebx&lt;/code&gt;, &lt;code&gt;%esi&lt;/code&gt; and &lt;code&gt;%edi&lt;/code&gt; and &lt;code&gt;sub 12&lt;/code&gt; from &lt;code&gt;%esp&lt;/code&gt; because my C function calls an other function (I use &lt;code&gt;%esp&lt;/code&gt; because I don't know other solutions) in which point of the stack the first parameter of my C function is? (I mean on &lt;code&gt;%esp&lt;/code&gt;). Thanks everyone this is a great problem for me, I don't understand how &lt;code&gt;sub&lt;/code&gt; and &lt;code&gt;push&lt;/code&gt; work on &lt;code&gt;%esp&lt;/code&gt;.&lt;/p&gt;
&lt;p&gt;Code : &lt;/p&gt;
&lt;pre&gt;&lt;code&gt;_sort: 
        subl $8,(%esp);
        #void sort(int* v, int n) {
W1:     movl 4(%esp),%eax;          #W:
        movl 8(%esp),%ecx;  
        movl %eax,(%esp);
        movl %ecx,4(%esp);
        call _pass;     
        cmpl $0,%eax;               #    if (pass(v,n)==0) 
        je END1;                        #goto END;
        jmp W1;                     #goto W;
END1:       #END: return;
        addl $8,(%esp);
        ret;
&lt;/code&gt;&lt;/pre&gt;</t>
  </si>
  <si>
    <t>2018-06-14 13:03:40.980000+00:00</t>
  </si>
  <si>
    <t>2018-06-14 15:21:53.780000+00:00</t>
  </si>
  <si>
    <t>c|assembly|x86|stack|microprocessors</t>
  </si>
  <si>
    <t>payroll_items_controller_spec.rb:18:in `block (2 levels) displayed in Rspec Controller code</t>
  </si>
  <si>
    <t>&lt;p&gt;Below is the controller code in rspec for a master item.&lt;/p&gt;
&lt;p&gt;To be very frank I'm very new to Ruby with a little knowledge of coding.&lt;/p&gt;
&lt;pre&gt;&lt;code&gt;require 'spec_helper'
describe PayrollItemsController , "with valid params" do
  before(:each) do
    @payroll_item = mock_model(PayrollItem, :update_attributes =&amp;gt; true)
    PayrollItem.stub!(:find).with("1").and_return(@payroll_item)
  end
  it "should find PayrollItem and return object" do
    PayrollItem.should_receive(:find).with("0").and_return(@payroll_item)
  end
  it "should update the PayrollItem object's attributes" do
    @payroll_item.should_receive(:update_attributes).and_return(true)
  end
end
&lt;/code&gt;&lt;/pre&gt;
&lt;p&gt;When I run the controller code, following error displayed: &lt;/p&gt;
&lt;pre&gt;&lt;code&gt;(Mock "PayrollItem_1001").update_attributes(any args)
    expected: 1 time
    received: 0 times
./payroll_items_controller_spec.rb:18:in `block (2 levels) in '
&lt;/code&gt;&lt;/pre&gt;</t>
  </si>
  <si>
    <t>2012-09-28 07:09:04.433000+00:00</t>
  </si>
  <si>
    <t>2012-09-28 08:02:00.323000+00:00</t>
  </si>
  <si>
    <t>2012-09-28 07:17:57.757000+00:00</t>
  </si>
  <si>
    <t>ruby|rspec|controllers</t>
  </si>
  <si>
    <t>BiometricPrompt class not available in Xamarin Android</t>
  </si>
  <si>
    <t>&lt;p&gt;I've switched to the Xamarin SDK beta channel, and they say they have Android 9.0 support there, however after switching / downloading / installing the latest SDK's and targeting Android 9.0 in my Android project, I still am not seeing the BiometricPrompt class available for consumption. I need to leverage this for facial recognition on login in my app, and to replace the FingerprintManager class (at least for Android 9 devices.)&lt;/p&gt;
&lt;p&gt;&lt;a href="https://i.stack.imgur.com/g20Xz.png" rel="nofollow noreferrer"&gt;&lt;img src="https://i.stack.imgur.com/g20Xz.png" alt="enter image description here"&gt;&lt;/a&gt;&lt;/p&gt;
&lt;p&gt;What am I missing?&lt;/p&gt;</t>
  </si>
  <si>
    <t>2018-10-26 15:57:16.423000+00:00</t>
  </si>
  <si>
    <t>2018-10-26 17:27:22.210000+00:00</t>
  </si>
  <si>
    <t>android|xamarin|xamarin.android|android-9.0-pie</t>
  </si>
  <si>
    <t>How to stop Ember mouse event handlers from getting lagged</t>
  </si>
  <si>
    <t>&lt;p&gt;So I have a component that I am handling mouseEnter and mouseLeave events for, so that the component can slide down and up as the mouse enters and leave it.&lt;/p&gt;
&lt;p&gt;I have done this in jQuery many times before without Ember and I don't remember this ever happening. Basically what happens is, it will execute every mouseEnter and mouseLeave event (stacking them on top of each other) so if a user accidentally mouses into the component and the mouse leaves and then goes back into it, it will slide down, then slide up, then slide down again. If I rapidly enter and exit it will slide down, up, down, up, down, up. as many times as I did it.&lt;/p&gt;
&lt;p&gt;Couldn't find anything about this as it seems it's hard to find anything about obscure uses of Ember.&lt;/p&gt;
&lt;p&gt;This is what I have in the component's JS file:&lt;/p&gt;
&lt;pre&gt;&lt;code&gt;import Ember from 'ember';
export default Ember.Component.extend({
  classNames: ['template-select', 'windows-select-container'],
  mouseEnter: function() {
    let $options = $('.windows-select-container &amp;gt; .vault-custom-container')
    $options.slideDown();
  },
  mouseLeave: function() {
    let $options = $('.windows-select-container &amp;gt; .vault-custom-container')
    $options.slideUp();
  }
});
&lt;/code&gt;&lt;/pre&gt;</t>
  </si>
  <si>
    <t>2017-05-15 20:34:36.763000+00:00</t>
  </si>
  <si>
    <t>2017-05-16 19:57:33.577000+00:00</t>
  </si>
  <si>
    <t>javascript|jquery|ember.js</t>
  </si>
  <si>
    <t>Full outer join: sum per date</t>
  </si>
  <si>
    <t>&lt;p&gt;I have two tables: &lt;code&gt;orders(id, date, qty) A&lt;/code&gt; and &lt;code&gt;sales(id, date, qty) B&lt;/code&gt;. &lt;/p&gt;
&lt;p&gt;I want to know the total orders and sales quantity per day (I may have none or many orders and sales on the same day).&lt;/p&gt;
&lt;p&gt;Results should look like this: &lt;code&gt;A.day1 A.qty B.day1 B.qty&lt;/code&gt;.&lt;/p&gt;
&lt;p&gt;I tried a full outer join but totals per day double.&lt;/p&gt;</t>
  </si>
  <si>
    <t>2018-05-04 11:05:02.823000+00:00</t>
  </si>
  <si>
    <t>2018-05-04 11:47:54.213000+00:00</t>
  </si>
  <si>
    <t>2018-05-04 11:12:17.597000+00:00</t>
  </si>
  <si>
    <t>sql|date|join|sum</t>
  </si>
  <si>
    <t>Handle callbacks in my library</t>
  </si>
  <si>
    <t>&lt;p&gt;I have written an android library that does network calls to various websites and returns the necessary content. I am using Volley library which has callbacks like &lt;code&gt;onResponse&lt;/code&gt; and &lt;code&gt;onFailure&lt;/code&gt;. Initially this library was an app and was later changed to an library.&lt;/p&gt;
&lt;p&gt;When it was an app I could handle the callbacks easily. Whenever the callback happens I call the required functions from there but now when I import as the library and try to use it the control returns from the library as soon as I call it and the call back is not doing anything.&lt;/p&gt;
&lt;pre&gt;&lt;code&gt;public void sendForVerification(final String Response, final String Secret, final String Name) {
    StringRequest stringRequest = new StringRequest(Request.Method.POST, url, new Response.Listener&amp;lt;String&amp;gt;() {
        @Override
        public void onResponse(String response) {
            flag = true;
        },
        new Response.ErrorListener() {
            @Override
            public void onErrorResponse (VolleyError error){
                flag = false;
            }
        }})  {
            @Override
            protected Map&amp;lt;String, String&amp;gt; getParams () throws AuthFailureError {
                HashMap&amp;lt;String, String&amp;gt; params = new HashMap&amp;lt;&amp;gt;();
                params.put("secret", Secret);
                params.put("response", Response);
                return params;
            }
        };
        requestQueue.add(stringRequest);
    }
}
&lt;/code&gt;&lt;/pre&gt;
&lt;p&gt;When this code was a part of the app instead of returning the flag value I would call an appropriate function to handle the result. Now whenever I call these functions the value of flag is returned before the callback is done and this is causing some problem.&lt;/p&gt;
&lt;p&gt;My question is how can I warp this around a callback so that the app that uses this library will be notified when the network call is done?&lt;/p&gt;</t>
  </si>
  <si>
    <t>2017-07-27 04:13:47.123000+00:00</t>
  </si>
  <si>
    <t>2017-07-27 15:13:07.587000+00:00</t>
  </si>
  <si>
    <t>2017-07-27 05:51:32.820000+00:00</t>
  </si>
  <si>
    <t>android|callback|android-volley|android-library|aar</t>
  </si>
  <si>
    <t>Can an executable .jar file be called without having to use its full path?</t>
  </si>
  <si>
    <t>&lt;p&gt;I have a .jar file that I would like to be able to call without having to use a full file path to its location. &lt;/p&gt;
&lt;p&gt;For example, if the .jar file is located at: /some/path/to/thearchive.jar&lt;/p&gt;
&lt;p&gt;I'd like to be able to run it with:&lt;/p&gt;
&lt;pre&gt;&lt;code&gt;java -jar thearchive.jar
&lt;/code&gt;&lt;/pre&gt;
&lt;p&gt;instead of:&lt;/p&gt;
&lt;pre&gt;&lt;code&gt;java -jar /some/path/to/thearchive.jar
&lt;/code&gt;&lt;/pre&gt;
&lt;p&gt;when I'm elsewhere in the directory tree. In my specific case, I'm running a Mac with OS X 10.5.7 installed. Java version "1.5.0_16". I tried adding "/some/path/to" to PATH, JAVA_HOME and CLASSPATH, but that didn't work. &lt;/p&gt;
&lt;p&gt;So, how do I setup to run a .jar from the command line without having to use its full path?&lt;/p&gt;
&lt;p&gt;UPDATE: Another item to deal with would be arguments. For example: &lt;/p&gt;
&lt;pre&gt;&lt;code&gt;java -jar /some/path/to/thearchive.jar arg1 arg2
&lt;/code&gt;&lt;/pre&gt;
&lt;p&gt;This can have an effect on the way the question is dealt with as mentioned in the answers below. &lt;/p&gt;</t>
  </si>
  <si>
    <t>2009-06-01 20:20:58.823000+00:00</t>
  </si>
  <si>
    <t>2012-09-27 13:55:21.003000+00:00</t>
  </si>
  <si>
    <t>2009-06-01 21:16:27.230000+00:00</t>
  </si>
  <si>
    <t>java|command-line|jar</t>
  </si>
  <si>
    <t>Linking to framework with cmake on Mac OS X</t>
  </si>
  <si>
    <t>&lt;p&gt;I'm attempting to link a program against ogre and a few other libraries  on OS X using cmake, but I keep getting this error:&lt;/p&gt;
&lt;pre&gt;&lt;code&gt;ld: warning: directory '/Library/Frameworks/SDL.framework/Debug' following -L not found
ld: warning: directory '-framework Cocoa/Debug' following -L not found
ld: warning: directory '-framework Cocoa' following -L not found
ld: warning: directory '/System/Library/Frameworks/OpenAL.framework/Debug' following -L not found
ld: warning: directory '/Library/Frameworks/Ogre.framework/Debug' following -L not found
ld: warning: directory '/opt/local/lib/libogg.dylib/Debug' following -L not found
ld: warning: path '/opt/local/lib/libogg.dylib' following -L not a directory
ld: warning: directory '/Users/hydrowolfy/Documents/newphysgame/physgame/physgameengine/data/macosx/ogre/Debug' following -L not found
ld: warning: directory '/Users/hydrowolfy/Documents/newphysgame/physgame/physgameengine/data/macosx/ogre' following -L not found
ld: warning: directory '/Users/hydrowolfy/Documents/newphysgame/physgame/physgameengine/data/macosx/openal/Debug' following -L not found
ld: warning: directory '/Users/hydrowolfy/Documents/newphysgame/physgame/physgameengine/data/macosx/openal' following -L not found
ld: warning: directory '/Users/hydrowolfy/Documents/newphysgame/physgame/physgameengine/data/macosx/oggvorbis/Debug' following -L not found
ld: warning: directory '/Users/hydrowolfy/Documents/newphysgame/physgame/physgameengine/data/macosx/oggvorbis' following -L not found
ld: library not found for -lOgreMain
collect2: ld returned 1 exit status
Command /Developer/usr/bin/g++-4.2 failed with exit code 1
&lt;/code&gt;&lt;/pre&gt;
&lt;p&gt;The same cmake files work on windows and Linux. I'm trying to link against the ogre 1.7.2 framework that I got from the SDK on ogre's site. I think this is a linking issue, not an ogre issue though. Linking against frameworks with cmake is not as intuitive as I had hoped. Any ideas on how to fix this?  &lt;/p&gt;</t>
  </si>
  <si>
    <t>2011-02-07 05:33:57.273000+00:00</t>
  </si>
  <si>
    <t>2011-08-26 13:47:42.293000+00:00</t>
  </si>
  <si>
    <t>2011-02-08 19:00:12.603000+00:00</t>
  </si>
  <si>
    <t>c++|linker|ogre3d</t>
  </si>
  <si>
    <t>App deployed on Kubernetes cannot be accessed from Internet</t>
  </si>
  <si>
    <t>&lt;p&gt;I am new to Kubernetes &amp;amp; Docker. I created a simple nodejs application and deployed on BlueMix Kubernetes. But I am unable to accesses the application on internet. The ip &amp;amp; port mentioned in the kubernetes is not accessible. Can somebody help me.&lt;/p&gt;
&lt;p&gt;I tried to &lt;a href="http://10.76.193.146:31972" rel="nofollow noreferrer"&gt;http://10.76.193.146:31972&lt;/a&gt;, but it did not go through. I am not sure if this the public ip as its 10. series.&lt;/p&gt;
&lt;p&gt;I also tried the public ip ( &lt;a href="http://184.173.1.79:31972" rel="nofollow noreferrer"&gt;http://184.173.1.79:31972&lt;/a&gt; ) mentioned in the blue mix kubernetes cluster - screenshot below. But that too failed.&lt;/p&gt;
&lt;p&gt;This are steps I followed.&lt;/p&gt;
&lt;ol&gt;
&lt;li&gt;Created a nodejs app locally. It ran as desired on the local&lt;/li&gt;
&lt;/ol&gt;
&lt;blockquote&gt;
&lt;pre&gt;&lt;code&gt;// Load the http module to create an http server.
var http = require('http');
// Configure our HTTP server to respond with Hello World to all requests.
var server = http.createServer(function (request, response) {
  response.writeHead(200, {"Content-Type": "text/plain"});
  response.end("Hello World\n");
});
// Listen on port 8000, IP defaults to 127.0.0.1
server.listen(8000);
// Put a friendly message on the terminal
console.log("Server running at http://127.0.0.1:8000/");
&lt;/code&gt;&lt;/pre&gt;
&lt;/blockquote&gt;
&lt;p&gt;---------- package.json&lt;/p&gt;
&lt;blockquote&gt;
&lt;pre&gt;&lt;code&gt;{
  "name": "helloworld-nodejs",
  "version": "0.0.1",
  "description": "First Docker",
  "main": "app.js",
  "scripts": {
    "start": "PORT=8000 node ./app.js"
  },
  "author": "",
  "license": "ISC"
}
&lt;/code&gt;&lt;/pre&gt;
&lt;/blockquote&gt;
&lt;ol start="2"&gt;
&lt;li&gt;&lt;p&gt;Created a docker container locally and ran the docker. It worked properly&lt;/p&gt;&lt;/li&gt;
&lt;li&gt;&lt;p&gt;Uploaded the docker container on Bluemix registry as&lt;/p&gt;
&lt;blockquote&gt;
  &lt;p&gt;registry.ng.bluemix.net/testkubernetes/helloworld-nodejs:0.0.1&lt;/p&gt;
&lt;/blockquote&gt;&lt;/li&gt;
&lt;li&gt;&lt;p&gt;Created the Nodes and Services in Kubernetes, using the following YAML file&lt;/p&gt;&lt;/li&gt;
&lt;/ol&gt;
&lt;p&gt;----------Node YAML file&lt;/p&gt;
&lt;blockquote&gt;
&lt;pre&gt;&lt;code&gt;apiVersion: v1
kind: Pod
metadata:
  name: helloworld-nodejs
  labels:
    name: helloworld-nodejs
spec:
  containers:
    - name: helloworld-nodejs
      image: registry.ng.bluemix.net/testkubernetes/helloworld-nodejs:0.0.1
      ports:
        - containerPort: 8000
&lt;/code&gt;&lt;/pre&gt;
&lt;/blockquote&gt;
&lt;p&gt;---------- Services YAML&lt;/p&gt;
&lt;blockquote&gt;
&lt;pre&gt;&lt;code&gt;apiVersion: v1
kind: Service
metadata:
  name: helloworld-nodejs
  labels:
    name: helloworld-nodejs
spec:
  type: NodePort
  selector:
    name: helloworld-nodejs
  ports:
  - port: 8080
&lt;/code&gt;&lt;/pre&gt;
&lt;/blockquote&gt;
&lt;ol start="5"&gt;
&lt;li&gt;The application gets deployed properly and is also running, which I can confirm from the logs&lt;/li&gt;
&lt;/ol&gt;
&lt;p&gt;&lt;a href="https://i.stack.imgur.com/uuRik.png" rel="nofollow noreferrer"&gt;&lt;img src="https://i.stack.imgur.com/uuRik.png" alt="enter image description here"&gt;&lt;/a&gt;
&lt;a href="https://i.stack.imgur.com/coKmv.png" rel="nofollow noreferrer"&gt;&lt;img src="https://i.stack.imgur.com/coKmv.png" alt="enter image description here"&gt;&lt;/a&gt;&lt;/p&gt;
&lt;p&gt;Result of kubectl get services &amp;amp; kubectl get nodes command&lt;/p&gt;
&lt;p&gt;&lt;a href="https://i.stack.imgur.com/K9DV0.png" rel="nofollow noreferrer"&gt;&lt;img src="https://i.stack.imgur.com/K9DV0.png" alt="Result of kubectl get services"&gt;&lt;/a&gt;&lt;/p&gt;
&lt;p&gt;&lt;a href="https://i.stack.imgur.com/0HMQA.png" rel="nofollow noreferrer"&gt;&lt;img src="https://i.stack.imgur.com/0HMQA.png" alt="Result of kubectl get nodes"&gt;&lt;/a&gt;&lt;/p&gt;
&lt;p&gt;&lt;a href="https://i.stack.imgur.com/9atM8.png" rel="nofollow noreferrer"&gt;&lt;img src="https://i.stack.imgur.com/9atM8.png" alt="enter image description here"&gt;&lt;/a&gt;&lt;/p&gt;</t>
  </si>
  <si>
    <t>2017-08-14 03:35:13.487000+00:00</t>
  </si>
  <si>
    <t>2017-08-14 03:57:26.790000+00:00</t>
  </si>
  <si>
    <t>containers|kubernetes|ibm-cloud</t>
  </si>
  <si>
    <t>BluetoothGatt: negotiating new MTU succeeds but new size cannot be used (3 bytes difference)</t>
  </si>
  <si>
    <t>&lt;p&gt;I'm working on an app that exchange data between devices using BLE. &lt;/p&gt;
&lt;p&gt;In order to get better performance, after connecting two devices I'm negotiating to increase the MTU in order to exchange bigger data packages over BLE.&lt;/p&gt;
&lt;p&gt;Once the BluetoothDevice is connected and all services and characteristics are read, I request to increase the MTU using:&lt;/p&gt;
&lt;pre&gt;&lt;code&gt;private void requestMtu() {
    //gatt is a BluetoothGatt instance and MAX_MTU is 512
    this.gatt.requestMtu(MAX_MTU);
}
&lt;/code&gt;&lt;/pre&gt;
&lt;p&gt;After that, on the &lt;code&gt;BluetoothGattCallback&lt;/code&gt; implementation I get the MTU request succeeded and the new MTU matches the one I requested:&lt;/p&gt;
&lt;pre&gt;&lt;code&gt;@Override
public void onMtuChanged(BluetoothGatt gatt, int mtu, int status) {
    super.onMtuChanged(gatt, mtu, status);
    if (status == BluetoothGatt.GATT_SUCCESS) {
        this.supportedMTU = mtu;
    }
}
&lt;/code&gt;&lt;/pre&gt;
&lt;p&gt;The problem is, when I try to send a data package of 512 bytes, on the other side (&lt;code&gt;onCharacteristicWriteRequest:&lt;/code&gt;) I get 509 bytes.&lt;/p&gt;
&lt;p&gt;Any ideas?&lt;/p&gt;</t>
  </si>
  <si>
    <t>2016-04-05 19:39:10.360000+00:00</t>
  </si>
  <si>
    <t>2017-08-21 00:47:01.747000+00:00</t>
  </si>
  <si>
    <t>android|bluetooth-lowenergy|gatt</t>
  </si>
  <si>
    <t>Using limit() on a Select in ZF2 with SQL Server</t>
  </si>
  <si>
    <t>&lt;p&gt;&lt;strong&gt;e: just realized this might have something to do with the fact that it's SQL Server. Anyone know the ZF2 equivalent to LIMIT for SQL Server?&lt;/strong&gt;&lt;/p&gt;
&lt;p&gt;Hi everyone,&lt;/p&gt;
&lt;p&gt;stuck with ZF2 as always.&lt;/p&gt;
&lt;p&gt;I have a fetchAll() method in a class that selects rows from a certain table. Now, the method works but I can't seem to put a limit on it. &lt;/p&gt;
&lt;p&gt;This works (and returns the rows in the proper order):&lt;/p&gt;
&lt;pre&gt;&lt;code&gt;public function fetchAll()
{
    $resultSet = $this-&amp;gt;tableGateway-&amp;gt;select(function(Select $select){
        $select-&amp;gt;order('messageId ASC');
    });
    return $resultSet;
}
&lt;/code&gt;&lt;/pre&gt;
&lt;p&gt;but from how I understand it, limit should be fairly easy (and similar), so I did this (which does not work):&lt;/p&gt;
&lt;pre&gt;&lt;code&gt;public function fetchAll()
{
    $resultSet = $this-&amp;gt;tableGateway-&amp;gt;select(function(Select $select){
        $select-&amp;gt;limit(30);
    });
    return $resultSet;
}
&lt;/code&gt;&lt;/pre&gt;
&lt;p&gt;It doesn't return anything now. What am I doing wrong?&lt;/p&gt;</t>
  </si>
  <si>
    <t>2013-06-11 10:26:41.847000+00:00</t>
  </si>
  <si>
    <t>2013-10-23 07:42:37.087000+00:00</t>
  </si>
  <si>
    <t>2013-06-11 15:42:18.343000+00:00</t>
  </si>
  <si>
    <t>sql|zend-framework2</t>
  </si>
  <si>
    <t>Rails file upload: upload a folder</t>
  </si>
  <si>
    <t>&lt;p&gt;I work on Rails project and client asked if I can add 'upload a folder' feature to simple file upload system that we have now. Currently it attaches files to model and then displays them on a page for download. Pretty basic.&lt;/p&gt;
&lt;p&gt;But I can't figure out how can I handle folder uploads, with every folder having it's own content. Is there any pre-made gems that can help accomplish that?&lt;/p&gt;
&lt;p&gt;We use Paperclip at the moment, but I don't mind migrating to Carrerwave or some other gem that would &lt;/p&gt;
&lt;p&gt;&lt;strong&gt;UPDATE&lt;/strong&gt; I see that I was unclear about my needs. I need an upload system that could handle folders. Something like this.
&lt;a href="https://i.stack.imgur.com/8V9Ml.png" rel="nofollow noreferrer"&gt;&lt;img src="https://i.stack.imgur.com/8V9Ml.png" alt="enter image description here"&gt;&lt;/a&gt;
In Dropbox I am able to upload both files and folders. How can I make my uploaders accept folders and then display them alongside regular attached files?&lt;/p&gt;</t>
  </si>
  <si>
    <t>2017-01-03 13:08:00.720000+00:00</t>
  </si>
  <si>
    <t>2017-01-03 14:31:10.527000+00:00</t>
  </si>
  <si>
    <t>2017-01-03 13:33:31.213000+00:00</t>
  </si>
  <si>
    <t>ruby-on-rails|file-upload|paperclip|carrierwave</t>
  </si>
  <si>
    <t>Handling clipboard and toast in QPython</t>
  </si>
  <si>
    <t>&lt;p&gt;I want to monitor android clipboard and display toast from QPython. Actually, I want to check the clipboard for any changes, if the clipboard has a particular string in it that matches a particular regex, I want to process it (the process is really simple, think of its complexity as converting to uppercase, or some similar easy operation) and display the resulting string in a toast. Also, the script should run in background, so that it can monitor the clipboard even if the foreground app is different (e.g. WhatsApp or browser).&lt;/p&gt;
&lt;p&gt;I had written a similar native app, but unfortunately the corresponding Java library doesn't work anymore, so I have to rely on a python module that does the same job.&lt;/p&gt;
&lt;p&gt;Is it possible to do this using QPython?&lt;/p&gt;</t>
  </si>
  <si>
    <t>2015-05-01 07:46:39.627000+00:00</t>
  </si>
  <si>
    <t>2015-08-29 23:23:39.050000+00:00</t>
  </si>
  <si>
    <t>qpython</t>
  </si>
  <si>
    <t>Gitlab: Cloning (via ssh) on a fresh install fails with "The remote end hung up unexpectedly"</t>
  </si>
  <si>
    <t>&lt;h1&gt;The problem&lt;/h1&gt;
&lt;p&gt;Gitlab 5.3stable&lt;/p&gt;
&lt;p&gt;I have made a fresh install on my Debian 7.0 server. Everything seems to work fine, except that when I'm about to clone an existing project: &lt;/p&gt;
&lt;pre&gt;&lt;code&gt;$ git clone gitlab:root/fastalook.git
Cloning into 'fastalook'...
Debian GNU/Linux 7
fatal: The remote end hung up unexpectedly
&lt;/code&gt;&lt;/pre&gt;
&lt;p&gt;Even though ssh:ing works without a problem: &lt;/p&gt;
&lt;pre&gt;&lt;code&gt;$ ssh gitlab
Debian GNU/Linux 7
PTY allocation request failed on channel 0
Welcome to GitLab, Anonymous!
Connection to gitlab.rzetterberg.se closed.
&lt;/code&gt;&lt;/pre&gt;
&lt;p&gt;Cloning/push via http works fine:&lt;/p&gt;
&lt;pre&gt;&lt;code&gt;$ git clone http://gitlab.rzetterberg.se:666/root/fastalook.git
Cloning into 'fastalook'...
Username for 'http://gitlab.rzetterberg.se:666': root          
Password for 'http://root@gitlab.rzetterberg.se:666':
remote: Counting objects: 1589, done.
remote: Compressing objects: 100% (621/621), done.
remote: Total 1589 (delta 884), reused 1589 (delta 884)
Receiving objects: 100% (1589/1589), 1.65 MiB | 1.39 MiB/s, done.
Resolving deltas: 100% (884/884), done.
&lt;/code&gt;&lt;/pre&gt;
&lt;h1&gt;Configuration&lt;/h1&gt;
&lt;h2&gt;Ssh config&lt;/h2&gt;
&lt;pre&gt;&lt;code&gt;Host gitlab
    Hostname gitlab.rzetterberg.se
    Port 22000
    User git
&lt;/code&gt;&lt;/pre&gt;
&lt;h2&gt;Check output&lt;/h2&gt;
&lt;pre&gt;&lt;code&gt;$ bundle exec rake gitlab:check RAILS_ENV=production
WARNING: Nokogiri was built against LibXML version 2.7.8, but has dynamically loaded 2.8.0
Checking Environment ...
Git configured for git user? ... yes
Has python2? ... yes
python2 is supported version? ... yes
Checking Environment ... Finished
Checking GitLab Shell ...
GitLab Shell version &amp;gt;= 1.4.0 ? ... OK (1.4.0)
Repo base directory exists? ... yes
Repo base directory is a symlink? ... no
Repo base owned by git:git? ... yes
Repo base access is drwxrws---? ... yes
post-receive hook up-to-date? ... yes
post-receive hooks in repos are links: ... 
Richard Zetterberg / Fastalook ... ok
Checking GitLab Shell ... Finished
Checking Sidekiq ...
Running? ... yes
Checking Sidekiq ... Finished
Checking GitLab ...
Database config exists? ... yes
Database is SQLite ... no
All migrations up? ... WARNING: Nokogiri was built against LibXML version 2.7.8, but has dynamically loaded 2.8.0
yes
GitLab config exists? ... yes
GitLab config outdated? ... no
Log directory writable? ... yes
Tmp directory writable? ... yes
Init script exists? ... yes
Init script up-to-date? ... yes
Projects have satellites? ... 
Richard Zetterberg / Fastalook ... yes
Redis version &amp;gt;= 2.0.0? ... yes
Your git bin path is "/usr/bin/git"
Git version &amp;gt;= 1.7.10 ? ... yes (1.7.10)
Checking GitLab ... Finished
&lt;/code&gt;&lt;/pre&gt;
&lt;h2&gt;Env:info output&lt;/h2&gt;
&lt;pre&gt;&lt;code&gt;git@paralyzed:~/gitlab$ bundle exec rake gitlab:env:info RAILS_ENV=production
WARNING: Nokogiri was built against LibXML version 2.7.8, but has dynamically loaded 2.8.0
System information
System:         Debian 7.1
Current User:   git
Using RVM:      no
Ruby Version:   1.9.3p392
Gem Version:    1.8.23
Bundler Version:1.3.5
Rake Version:   10.0.4
GitLab information
Version:        5.3.0
Revision:       0c39f4d
Directory:      /home/git/gitlab
DB Adapter:     mysql2
URL:            http://gitlab.rzetterberg.se:666
HTTP Clone URL: http://gitlab.rzetterberg.se:666/some-project.git
SSH Clone URL:  git@gitlab.rzetterberg.se:some-project.git
Using LDAP:     no
Using Omniauth: no
GitLab Shell
Version:        1.4.0
Repositories:   /home/git/repositories/
Hooks:          /home/git/gitlab-shell/hooks/
Git:            /usr/bin/git
&lt;/code&gt;&lt;/pre&gt;
&lt;h2&gt;Gitlab config&lt;/h2&gt;
&lt;pre&gt;&lt;code&gt;production: &amp;amp;base
  gitlab:
    host: gitlab.rzetterberg.se
    port: 666
    https: false
    email_from: gitlab@gitlab.rzetterberg.se
    support_email: support@gitlab.rzetterberg.se
    default_projects_limit: 10
    default_projects_features:
      issues: true
      merge_requests: true
      wiki: true
      wall: false
      snippets: false
  gravatar:
    enabled: true                 # Use user avatar image from Gravatar.com (default: true)
  satellites:
    path: /home/git/gitlab-satellites/
  backup:
    path: "tmp/backups"   # Relative paths are relative to Rails.root (default: tmp/backups/)
  gitlab_shell:
    repos_path: /home/git/repositories/
    hooks_path: /home/git/gitlab-shell/hooks/
    upload_pack: true
    receive_pack: true
  git:
    bin_path: /usr/bin/git
    max_size: 5242880 # 5.megabytes
    timeout: 10
  extra:
development:
  &amp;lt;&amp;lt;: *base
test:
  &amp;lt;&amp;lt;: *base
  issues_tracker:
    redmine:
      project_url: "http://redmine/projects/:issues_tracker_id"
      issues_url: "http://redmine/:project_id/:issues_tracker_id/:id"
      new_issue_url: "http://redmine/projects/:issues_tracker_id/issues/new"
staging:
  &amp;lt;&amp;lt;: *base
&lt;/code&gt;&lt;/pre&gt;
&lt;p&gt;&lt;strong&gt;Edit: Add output of /home/git/.ssh/authorized_keys and key in gitlab profile&lt;/strong&gt;&lt;/p&gt;
&lt;h2&gt;Gitlab key in profile&lt;/h2&gt;
&lt;pre&gt;&lt;code&gt;ssh-rsa AAAAB3NzaC1yc2EAAAADAQABAAABAQCwiQfkb9LpHP1yI1ffGfuXYMmRiW7nBmRW9q7keLphmjvxpMcwFLtANfMIxhXE6wxBpJewtJkP1Gdye8awYknm2Mk5c/Yal67KL4SL0RIT+XTrcT8Y6c+5MSOSd5R0o/3ohxRMXVO7Wg4PIB//uSaG9LZvduIaxONdV8y7Qs5kp7vFXZ6KS+5Qcksy4vqzivgTqdjtqU9b2fXBu8nd7SmYxdzKML8HUi7To5Y15Z0LzuJDxtgz6wHMLz3m4cOS9rb2zJZ3toii4wdJnYigHkoYxOnk0p6gPmbM0bxOEJKSpPp5BUUpwbLL+SJYlyn8FaaSeEzfmKbsH0ucoboPOgXD zed@shinigami
&lt;/code&gt;&lt;/pre&gt;
&lt;h2&gt;Authorized keys&lt;/h2&gt;
&lt;pre&gt;&lt;code&gt;command="/home/git/gitlab-shell/bin/gitlab-shell key-1",no-port-forwarding,no-X11-forwarding,no-agent-forwarding,no-pty ssh-rsa AAAAB3NzaC1yc2EAAAADAQABAAABAQCwiQfkb9LpHP1yI1ffGfuXYMmRiW7nBmRW9q7keLphmjvxpMcwFLtANfMIxhXE6wxBpJewtJkP1Gdye8awYknm2Mk5c/Yal67KL4SL0RIT+XTrcT8Y6c+5MSOSd5R0o/3ohxRMXVO7Wg4PIB//uSaG9LZvduIaxONdV8y7Qs5kp7vFXZ6KS+5Qcksy4vqzivgTqdjtqU9b2fXBu8nd7SmYxdzKML8HUi7To5Y15Z0LzuJDxtgz6wHMLz3m4cOS9rb2zJZ3toii4wdJnYigHkoYxOnk0p6gPmbM0bxOEJKSpPp5BUUpwbLL+SJYlyn8FaaSeEzfmKbsH0ucoboPOgXD zed@shinigami
&lt;/code&gt;&lt;/pre&gt;</t>
  </si>
  <si>
    <t>2013-07-22 10:56:44.983000+00:00</t>
  </si>
  <si>
    <t>2013-07-22 12:45:32.560000+00:00</t>
  </si>
  <si>
    <t>2013-07-22 12:19:36.587000+00:00</t>
  </si>
  <si>
    <t>gitlab</t>
  </si>
  <si>
    <t>Getting node-notifier.tgz errors when Im tring to create a sample app using create-react-app</t>
  </si>
  <si>
    <t>&lt;p&gt;I am Getting &lt;code&gt;node-notifier.tgz&lt;/code&gt; errors when I am trying to create a sample application using &lt;code&gt;create-react-app&lt;/code&gt; generator. Can anyone suggest what I am doing wrong ? I am using Windows Operating System. &lt;/p&gt;
&lt;pre&gt;&lt;code&gt;:\Users\8776140&amp;gt;create-react-app my-app
Creating a new React app in C:\Users\8776140\my-app.
Installing packages. This might take a couple minutes.
Installing react, react-dom, and react-scripts...
npm ERR! fetch failed http://appduv03d1.machine.test.group:4873/node-notifier/-/node-notifier-4.6.1.tgz
npm WARN retry will retry, error on last attempt: Error: socket hang up
npm ERR! fetch failed http://appduv03d1.machine.test.group:4873/node-notifier/-/node-notifier-4.6.1.tgz
npm WARN retry will retry, error on last attempt: Error: fetch failed with status code 500
npm ERR! fetch failed http://appduv03d1.machine.test.group:4873/node-notifier/-/node-notifier-4.6.1.tgz
npm WARN optional Skipping failed optional dependency /react-scripts/fsevents:
npm WARN notsup Not compatible with your operating system or architecture: fsevents@1.0.17
npm ERR! Windows_NT 6.1.7601
npm ERR! argv "C:\\Program Files\\nodejs\\node.exe" "C:\\Users\\8776140\\AppData\\Roaming\\npm\\node_modules\\npm\\bin\\npm-cli.js" "install" "--save" "--save-exact
npm ERR! node v8.9.1
npm ERR! npm  v3.10.6
npm ERR! fetch failed with status code 500
npm ERR!
npm ERR! If you need help, you may report this error at:
npm ERR!     &amp;lt;https://github.com/npm/npm/issues&amp;gt;
npm ERR! Please include the following file with any support request:
npm ERR!     C:\Users\8776140\my-app\npm-debug.log
Aborting installation.
  npm install --save --save-exact react react-dom react-scripts has failed.
Deleting generated file... npm-debug.log
Deleting generated file... package.json
Deleting my-app/ from C:\Users\8776140
Done.
&lt;/code&gt;&lt;/pre&gt;</t>
  </si>
  <si>
    <t>2017-12-11 12:56:58.560000+00:00</t>
  </si>
  <si>
    <t>2017-12-11 13:05:36.983000+00:00</t>
  </si>
  <si>
    <t>reactjs|create-react-app</t>
  </si>
  <si>
    <t>ZF2 Fatal error: Class 'Locale' not found</t>
  </si>
  <si>
    <t>&lt;p&gt;I am using ZF2 2.1.5 and trying to use the &lt;code&gt;Alnum&lt;/code&gt; filter &lt;code&gt;Zend\I18n\Filter\Alnum&lt;/code&gt;.
I have the php_intl extention enabled in my local wamp server but still getting the error :&lt;/p&gt;
&lt;pre&gt;&lt;code&gt; Fatal error: Class 'Locale' not found in [root]\vendor\ZF2\library\Zend\I18n\Filter\Alnum.php on line 76
&lt;/code&gt;&lt;/pre&gt;
&lt;p&gt;what should i do?&lt;/p&gt;</t>
  </si>
  <si>
    <t>2013-05-16 12:50:36.620000+00:00</t>
  </si>
  <si>
    <t>2013-05-16 15:02:57.140000+00:00</t>
  </si>
  <si>
    <t>filter|zend-framework2|locale</t>
  </si>
  <si>
    <t>org.apache.jmeter.protocol.tcp.sampler.ReadException: Error reading from server, bytes read</t>
  </si>
  <si>
    <t>&lt;p&gt;Jmeter with TCP IP connection with &lt;code&gt;TCPClientImpl&lt;/code&gt; basic class implementation with the following options:&lt;/p&gt;
&lt;pre&gt;&lt;code&gt;EOL = 0D  
Re-use Connection = No   
Close Connection = No   
Set Delay = No
SO_LINGER=0
eolByte=0 
&lt;/code&gt;&lt;/pre&gt;
&lt;p&gt;When i run my test I'm getting response data as expected but response code is 500 with error: &lt;/p&gt;
&lt;blockquote&gt;
  &lt;p&gt;org.apache.jmeter.protocol.tcp.sampler.ReadException: Error reading from server, bytes read&lt;/p&gt;
&lt;/blockquote&gt;</t>
  </si>
  <si>
    <t>2018-04-10 20:48:26.437000+00:00</t>
  </si>
  <si>
    <t>2018-04-11 08:41:38.380000+00:00</t>
  </si>
  <si>
    <t>2018-04-10 21:31:25.610000+00:00</t>
  </si>
  <si>
    <t>jmeter|tcp-ip</t>
  </si>
  <si>
    <t>Adding icon button in tab material design lite</t>
  </si>
  <si>
    <t>&lt;p&gt;Is it possible to add icon button in tab in Material Design Lite? The tab is only a  tag so I don't know to include a icon button within.&lt;/p&gt;</t>
  </si>
  <si>
    <t>2015-11-07 09:12:11.497000+00:00</t>
  </si>
  <si>
    <t>2015-11-24 09:16:01.303000+00:00</t>
  </si>
  <si>
    <t>2015-11-07 11:21:35.517000+00:00</t>
  </si>
  <si>
    <t>javascript|material-design-lite</t>
  </si>
  <si>
    <t>SmartGWT ListGrid final</t>
  </si>
  <si>
    <t>&lt;p&gt;I realized that ListGrid must be always Final. For me a static object would be the best because I would like to modify its properties from another class.&lt;/p&gt;
&lt;p&gt;In my project to have a clear code I created several classes. &lt;/p&gt;
&lt;ol&gt;
&lt;li&gt;&lt;p&gt;class &lt;code&gt;DataGrid extends ListGrid&lt;/code&gt; which set up the properties of the new object and also fills up with data. An @Override method adds button to my grid object.&lt;/p&gt;&lt;/li&gt;
&lt;li&gt;&lt;p&gt;class &lt;code&gt;PopupWindow extend Window&lt;/code&gt; which is used to create a Window object when you click on the edit button in the ListGrid. In the Window there are some textboxes where you can add new data and a Submit button. OnClick event of the Submit button will write the data to a MySQL server, and &lt;strong&gt;should update the grid with the actual data&lt;/strong&gt; (query from the MySQL). This is the part I can not implement.&lt;/p&gt;&lt;/li&gt;
&lt;li&gt;&lt;p&gt;In the Entry Point class onModuleLoad I just have this grid code:&lt;/p&gt;
&lt;p&gt;final DataGrid grid_far = new DataGrid();
grid_far.setGridData();&lt;/p&gt;&lt;/li&gt;
&lt;/ol&gt;
&lt;p&gt;I am new in java, maybe I should not use so many classes, just put everything in the Entry Point class onModuleLoad()?&lt;/p&gt;
&lt;p&gt;If in the PopupWindow extends Window class I declare Button OnClick to run onModuleLoad() methode from Entry Point class, will this duplicate my web page?
I mean doing this:&lt;/p&gt;
&lt;pre&gt;&lt;code&gt; EntryPointClass ep = new EntryPointClass();
 ep.onModuleLoad();
&lt;/code&gt;&lt;/pre&gt;</t>
  </si>
  <si>
    <t>2013-05-01 06:49:52.227000+00:00</t>
  </si>
  <si>
    <t>2013-05-01 21:04:20.733000+00:00</t>
  </si>
  <si>
    <t>2013-05-01 08:05:19.357000+00:00</t>
  </si>
  <si>
    <t>java|static|smartgwt|final|listgrid</t>
  </si>
  <si>
    <t>Don't know how to build task 'rake tmp:clear'</t>
  </si>
  <si>
    <t>&lt;p&gt;I'm used to enhance rake tasks, but today rake do not want to collaborate...&lt;/p&gt;
&lt;p&gt;In particular I want to enhance &lt;code&gt;rake tmp:clear&lt;/code&gt;. And as usual I tried this way:&lt;/p&gt;
&lt;pre&gt;&lt;code&gt;Rake::Task["tmp:clear"].enhance do 
    puts "enhanced"
end
&lt;/code&gt;&lt;/pre&gt;
&lt;p&gt;I always get a &lt;code&gt;Don't know how to build task 'rake tmp:clear'&lt;/code&gt; on execution.&lt;/p&gt;
&lt;p&gt;I tried to:&lt;/p&gt;
&lt;ul&gt;
&lt;li&gt;Rename my xxx.rake file that contain this piece of code.&lt;/li&gt;
&lt;li&gt;Remove everything but this piece of code.&lt;/li&gt;
&lt;li&gt;Look into rake tasks/tmp.rake source code to see if tmp:clear had some other weird treatment.&lt;/li&gt;
&lt;li&gt;And of course Googled a lot...&lt;/li&gt;
&lt;/ul&gt;
&lt;p&gt;I ended up with no solutions/clues.&lt;/p&gt;
&lt;p&gt;Thanks for any help.
Flavien&lt;/p&gt;
&lt;p&gt;Footnotes:&lt;/p&gt;
&lt;ul&gt;
&lt;li&gt;It works if I change &lt;code&gt;"tmp:clear"&lt;/code&gt; for &lt;code&gt;"assets:clobber"&lt;/code&gt; for exemple. But still not for &lt;code&gt;"tmp:cache:clear"&lt;/code&gt; or other related to tmp.&lt;/li&gt;
&lt;li&gt;I use rails 4.2&lt;/li&gt;
&lt;/ul&gt;</t>
  </si>
  <si>
    <t>2016-06-16 20:25:01.077000+00:00</t>
  </si>
  <si>
    <t>2016-12-08 19:36:40.133000+00:00</t>
  </si>
  <si>
    <t>ruby-on-rails-4|rake|rake-task</t>
  </si>
  <si>
    <t>I updated java but java -version is still showing the old version on mac osx</t>
  </si>
  <si>
    <t>&lt;p&gt;So I updated java to 1.7 but when I run java -version in terminal it still shows 1.6 as the version.&lt;/p&gt;
&lt;p&gt;I updated by going to java.com and downloading the .dmg file and installing that. &lt;/p&gt;
&lt;p&gt;Also eclipse still shows 1.6 as the version which I need 1.7.&lt;/p&gt;
&lt;p&gt;How can I get java version 1.7 to show up everywhere?&lt;/p&gt;</t>
  </si>
  <si>
    <t>2014-08-04 20:17:23.957000+00:00</t>
  </si>
  <si>
    <t>2014-08-04 20:21:41.883000+00:00</t>
  </si>
  <si>
    <t>java|macos</t>
  </si>
  <si>
    <t>realloc and buffer overflow</t>
  </si>
  <si>
    <t>&lt;p&gt;Why does &lt;code&gt;result&lt;/code&gt; appear to not get reallocated?&lt;/p&gt;
&lt;pre&gt;&lt;code&gt;  while (loc) {
    char nextLine[MAX_PATH_LEN + 30];
    sprintf(nextLine, "%s:%d\n", loc-&amp;gt;item.pathname, loc-&amp;gt;item.offset);
    DPRINTF('h', ("got next line\n"));
    while (spaceUsedUp + strlen(nextLine) &amp;gt; allocatedSize) {
      allocatedSize *= 2;
    }
    if (realloc(result, allocatedSize) == NULL) {
      perror("realloc");
    }
    DPRINTF('h', ("Next line length is %d\n", strlen(nextLine)));
    DPRINTF('h', ("Allocated size is %d\n", allocatedSize));
    DPRINTF('h', ("The size of the result is %d\n", strlen(result)));
    strcat(result, nextLine); // THIS LINE CAUSES THE BUFFER OVERFLOW                         
    spaceUsedUp += strlen(nextLine);
    DPRINTF('h', ("SpaceUsedUp is %d\n", spaceUsedUp));
    loc = loc-&amp;gt;nextLocation;
  }
&lt;/code&gt;&lt;/pre&gt;
&lt;p&gt;The output is:&lt;/p&gt;
&lt;pre&gt;&lt;code&gt;got next line
Next line length is 21
Allocated size is 100
The size of the result is 0
SpaceUsedUp is 21
got next line
Next line length is 21
Allocated size is 100
The size of the result is 21
SpaceUsedUp is 42
got next line
Next line length is 21
Allocated size is 100
The size of the result is 42
SpaceUsedUp is 63
got next line
Next line length is 21
Allocated size is 100
The size of the result is 63
SpaceUsedUp is 84
got next line
Next line length is 21
Allocated size is 200
The size of the result is 84
*** buffer overflow detected ***: ./proj3/disksearch terminated
&lt;/code&gt;&lt;/pre&gt;</t>
  </si>
  <si>
    <t>2012-12-05 18:03:17.580000+00:00</t>
  </si>
  <si>
    <t>2012-12-05 18:39:39.703000+00:00</t>
  </si>
  <si>
    <t>Problems with Layout Constraints: NSArray is not a subtype of NSLayoutConstraint</t>
  </si>
  <si>
    <t>&lt;p&gt;I seem to be having issues with &lt;code&gt;NSLayoutConstraint&lt;/code&gt;. From what I can gather (and I hope I am wrong here), the &lt;code&gt;.addConstrait()&lt;/code&gt; function is supposed to take variable of type &lt;code&gt;NSLayoutContraint&lt;/code&gt; - but &lt;code&gt;NSLayoutConstraint.constraintsWithVisualFormat()&lt;/code&gt; is generating &lt;code&gt;NSArray&lt;/code&gt;s?&lt;/p&gt;
&lt;p&gt;This doesnt make sense to me. Ive tried translating the &lt;code&gt;NSArray&lt;/code&gt; over to a &lt;code&gt;NSLayoutConstraint&lt;/code&gt; but I get errors doing that. Surely the output from &lt;code&gt;NSLayoutConstraint.constraintsWithVisualFormat()&lt;/code&gt; would be the same type as is expected by &lt;code&gt;.addConstrait()&lt;/code&gt;??&lt;/p&gt;
&lt;p&gt;If not why not? and what is the best way to solve this issue?&lt;/p&gt;
&lt;p&gt;Here is the code:&lt;/p&gt;
&lt;pre&gt;&lt;code&gt;    let swiftViews:Dictionary[String: UIView] = ["status":status]
    let swiftMetrics = ["standardWidth":200]
    let views:NSDictionary = swiftViews as NSDictionary
    let metrics:NSDictionary = swiftMetrics as NSDictionary
    let statusHorzVFLCons = NSLayoutConstraint.constraintsWithVisualFormat("|-[status]-|", options: NSLayoutFormatOptions(0), metrics: metrics, views: views)
    self.view.addConstraint(statusHorzVLFCons)
&lt;/code&gt;&lt;/pre&gt;
&lt;p&gt;This last line produces the error:&lt;/p&gt;
&lt;pre&gt;&lt;code&gt;'NSArray' is not a subtype of 'NSLayoutConstraint'
&lt;/code&gt;&lt;/pre&gt;
&lt;p&gt;Can someone point out where I am going wrong.&lt;/p&gt;</t>
  </si>
  <si>
    <t>2015-02-11 13:53:02.480000+00:00</t>
  </si>
  <si>
    <t>2016-03-26 21:34:08.043000+00:00</t>
  </si>
  <si>
    <t>ios|swift|visual-format-language</t>
  </si>
  <si>
    <t>How can I pass dispatch function into Header Component?</t>
  </si>
  <si>
    <t>&lt;pre&gt;&lt;code&gt;import React from 'react'
import {
  StackNavigator
} from 'react-navigation'
import Home from './Home'
import Detail from './Detail'
import MyIcon from './MyIcon'
export default StackNavigator({
  Home: {
    screen: Home,
    navigationOptions: {
      title: 'Foo',
      headerRight: (&amp;lt;MyIcon dispatch={}/&amp;gt;), //&amp;lt;- Here
    }
  },
  Detail: {
    screen: Detail,
    navigationOptions: {},
  },
})
&lt;/code&gt;&lt;/pre&gt;
&lt;p&gt;I want to pass dispatch function into HeaderComponent like headerRight in React Navigation Option setting.
How can I do this?&lt;/p&gt;</t>
  </si>
  <si>
    <t>2018-01-08 09:06:54.300000+00:00</t>
  </si>
  <si>
    <t>2018-01-08 10:02:00.907000+00:00</t>
  </si>
  <si>
    <t>react-native|react-redux|react-navigation</t>
  </si>
  <si>
    <t>Python Flask web app hanging</t>
  </si>
  <si>
    <t>&lt;p&gt;I'm very new to python programming, I'm trying to expose few terminal commands as a http call. I'm packaging this below code into a tar.gz using setup.py and extracting this on the server to run the code in nginx web server. once I instantiate the app.py code using below, the http calls work fine for few hours. Not sure what happens after that, the http pages show an error and I do see the app is running in the server. Can someone please help me with this&lt;/p&gt;
&lt;blockquote&gt;
  &lt;p&gt;gunicorn --bind 0.0.0.0:8000 cstaradmin:app &amp;amp;&lt;/p&gt;
&lt;/blockquote&gt;
&lt;pre&gt;&lt;code&gt;#!/usr/bin/env python
from flask import Flask
from shelljob import proc
from flask import Response
from flask import json,jsonify
def get_pretty_print(json_object):
    return json.dumps(json_object, sort_keys=False, indent=4, separators=('\n',' '))
def read_process(g):
    while g.is_pending():
        lines=g.readlines()
        for proc,line in lines:
            yield line
app = Flask(__name__)
def has_no_empty_params(rule):
    defaults = rule.defaults if rule.defaults is not None else ()
    arguments = rule.arguments if rule.arguments is not None else ()
    return len(defaults) &amp;gt;= len(arguments)
@app.route('/', methods = ['GET'])
def help():
    """Print available functions."""
    func_list = {}
    for rule in app.url_map.iter_rules():
        if rule.endpoint != 'static':
            func_list[rule.rule] = app.view_functions[rule.endpoint].__doc__
    return jsonify(func_list)
@app.route("/ps")
def IRR():
    IRR = ["ps"]
    g=proc.Group()
    p=g.run(IRR)
    return Response(read_process(g),mimetype= 'text/plain')
    def catch_all(path):
    return
if __name__ == "__main__":
    try:
        app.run(host='0.0.0.0',port=8000)
    except:
        pass
&lt;/code&gt;&lt;/pre&gt;
&lt;p&gt;Error:&lt;/p&gt;
&lt;p&gt;Internal Server Error The server encountered an internal error and was    unable to complete your request. Either the server is overloaded or there is an error in the application&lt;/p&gt;
&lt;pre&gt;&lt;code&gt;[2016-10-22 15:38:55,505] ERROR in app: Exception on /path/ToMy/command [GET]
    Traceback (most recent call last):
      File "/usr/lib64/python2.7/site-packages/flask/app.py", line 1988, in wsgi_app
        response = self.full_dispatch_request()
      File "/usr/lib64/python2.7/site-packages/flask/app.py", line 1641, in full_dispatch_request
        rv = self.handle_user_exception(e)
      File "/usr/lib64/python2.7/site-packages/flask/app.py", line 1544, in handle_user_exception
        reraise(exc_type, exc_value, tb)
      File "/usr/lib64/python2.7/site-packages/flask/app.py", line 1639, in full_dispatch_request
        rv = self.dispatch_request()
      File "/usr/lib64/python2.7/site-packages/flask/app.py", line 1625, in dispatch_request
        return self.view_functions[rule.endpoint](**req.view_args)
      File "/path/ToMyapp/admin/cstaradmin.py", line 42, in listnodes
        p=g.run(listnodes)
      File "/usr/lib/python2.7/site-packages/shelljob/proc.py", line 53, in run
        CommandException( e, "Group.run '{}' failed".format( cmd ) ).do_raise()
      File "/usr/lib/python2.7/site-packages/shelljob/proc.py", line 51, in run
        return self._run_impl( cmd, shell )
      File "/usr/lib/python2.7/site-packages/shelljob/proc.py", line 63, in _run_impl
        stdin = subprocess.PIPE, # needed to detach from calling terminal (other wacky things can happen)
      File "/usr/lib64/python2.7/subprocess.py", line 711, in __init__
        errread, errwrite)
      File "/usr/lib64/python2.7/subprocess.py", line 1216, in _execute_child
        errpipe_read, errpipe_write = self.pipe_cloexec()
      File "/usr/lib64/python2.7/subprocess.py", line 1168, in pipe_cloexec
        r, w = os.pipe()
    CommandException: ("Group.run '['nodetool', ' status']' failed", OSError(24, 'Too many open files'))
&lt;/code&gt;&lt;/pre&gt;</t>
  </si>
  <si>
    <t>2016-10-22 14:31:39.287000+00:00</t>
  </si>
  <si>
    <t>2016-10-22 17:35:55.213000+00:00</t>
  </si>
  <si>
    <t>python|nginx|flask|gunicorn</t>
  </si>
  <si>
    <t>How to access a column of a DataFrame from a passed variable in Shiny?</t>
  </si>
  <si>
    <t>&lt;p&gt;I'm trying to create a simple shiny app where the user can select a variable from a drop down menu and then a plot is generated. The selected variable is seen as input$Feature w/in the server function but I am getting errors when trying to access the column of my data frame as df$input$Feature. I'm not sure how to do this.&lt;/p&gt;
&lt;pre&gt;&lt;code&gt;bw &amp;lt;- read.xls('filename')
ui &amp;lt;- fluidPage(
  selectInput(inputId = 'Feature',
               label = 'Select a feature to plot:',
               c(colnames(bw))),
  plotOutput('graph')
)
server &amp;lt;- function(input, output){
  output$graph &amp;lt;- renderPlot({
    p &amp;lt;- ggplot(bw, aes(bw$Date))
    p &amp;lt;- p + geom_line(aes(y=bw$input$Feature, colour='red', group=1))
    p &amp;lt;- p + labs(x = 'Date', y = 'Feature Name')
    print(p)
  })
}
shinyApp(ui=ui, server=server)
&lt;/code&gt;&lt;/pre&gt;</t>
  </si>
  <si>
    <t>2015-07-30 15:10:44.580000+00:00</t>
  </si>
  <si>
    <t>2015-07-30 15:56:55.823000+00:00</t>
  </si>
  <si>
    <t>2015-07-30 15:38:04.490000+00:00</t>
  </si>
  <si>
    <t>r|ggplot2|shiny</t>
  </si>
  <si>
    <t>how to trigger JQuery .draggable() on elements created by templates?</t>
  </si>
  <si>
    <t>&lt;p&gt;I have a standard template in an Html file like:&lt;/p&gt;
&lt;pre&gt;&lt;code&gt;&amp;lt;template name="cards"&amp;gt;
  {{#each all_cards}}
    {{&amp;gt; card_item}}
  {{/each}}
&amp;lt;/template&amp;gt;
&amp;lt;template name="card_item"&amp;gt;
  &amp;lt;div class="card" style="left:{{position.x}}px; top:{{position.y}}px"&amp;gt;
    {{title}}
  &amp;lt;/div&amp;gt;
&amp;lt;/template&amp;gt;
&lt;/code&gt;&lt;/pre&gt;
&lt;p&gt;I want to have the cards (css selector .card) become draggable with JQuery.
Now since Meteor automagically updates the DOM using the template, when and how do I know where to call .draggable() on what??&lt;/p&gt;
&lt;p&gt;EDIT: This is so far my solution which makes pending movements on other client visible with a wobble animation (using CSS3):&lt;/p&gt;
&lt;pre&gt;&lt;code&gt;Template.card_item.events = {
'mouseover .card': function (e) {
    var $target = $(e.target);
    var $cardContainer = $target.hasClass('card') ? $target : $target.parents('.card');     
    $cardContainer.draggable({containment: "parent", distance: 3});
},
'dragstart .card': function (e) {
    Session.set("dragging_id", e.target.id);
    $(e.target).addClass("drag");
    pos = $(e.target).position();
    Events.insert({type: "dragstart", id:e.target.id, left: pos.left, top: pos.top});       
},
'dragstop .card': function (e) {
    pos = $(e.target).position();
    Events.insert({type: "dragstop", id:e.target.id, left: pos.left, top: pos.top});        
    Cards.update(e.target.id, {$set: {left:pos.left, top:pos.top}});
    Session.set("dragging_id", null);
}
}
Events.find().observe({
added: function(event) {
    if (event.type == "dragstart" &amp;amp;&amp;amp; !Session.equals("dragging_id", event.id)) {
        $("#"+event.id).draggable({disabled: true});
        $("#"+event.id).addClass("wobble");             
    }
    if (event.type == "dragstop" &amp;amp;&amp;amp; !Session.equals("dragging_id", event.id)) {
        $("#"+event.id).animate({left: event.left, top: event.top}, 250);           
        Events.remove({id:this.id});  
        $("#"+event.id).draggable({disabled: false});
    }
}
});
&lt;/code&gt;&lt;/pre&gt;</t>
  </si>
  <si>
    <t>2012-05-04 17:14:10.913000+00:00</t>
  </si>
  <si>
    <t>2013-11-27 03:29:55.360000+00:00</t>
  </si>
  <si>
    <t>2012-05-10 21:58:56.007000+00:00</t>
  </si>
  <si>
    <t>Simplest way to get the equivalent of "find ." in python?</t>
  </si>
  <si>
    <t>&lt;p&gt;What is the simplest way to get the full recursive list of files inside a folder with python? I know about &lt;code&gt;os.walk()&lt;/code&gt;, but it seems overkill for just getting the unfiltered list of all files. Is it really the only option?&lt;/p&gt;</t>
  </si>
  <si>
    <t>2012-09-14 08:32:41.477000+00:00</t>
  </si>
  <si>
    <t>2012-09-14 21:03:47.520000+00:00</t>
  </si>
  <si>
    <t>python|file|filesystems</t>
  </si>
  <si>
    <t>Comparison of byte value and hexadecimal</t>
  </si>
  <si>
    <t>&lt;p&gt;I ran into a problem when comparing the value of a byte.
Theoretically, the following code snippet should return &lt;code&gt;true&lt;/code&gt;, yet it returns &lt;code&gt;false&lt;/code&gt;.&lt;/p&gt;
&lt;pre&gt;&lt;code&gt;public static void main(String [] args) {
    byte a = 3;
    if (MpegUtil.isSlice(a) == true) {
        System.out.print("Yes");
    }
    else System.out.print("No");
}
public static boolean isSlice(byte ID) {
    if (ID &amp;gt;= 1 &amp;amp;&amp;amp; ID &amp;lt;= (byte) 0xaf) return true;
    else return false;
}
&lt;/code&gt;&lt;/pre&gt;
&lt;p&gt;What the function &lt;code&gt;isSlice&lt;/code&gt; does is: receive a byte and if it is between 1 and af (hex), it will return true, if it doesn't the returned value is False. Yet somehow it fails my test by answering &lt;code&gt;false&lt;/code&gt; to 3.&lt;/p&gt;
&lt;p&gt;Does anyone has an idea of why this function doesn't work?&lt;/p&gt;
&lt;p&gt;EDIT:
Thank-you for the suggestion of removing the 'byte' cast, it does indeed allow the code to function, however once the compared value is superior or equal to '0x80' the result change back to being a wrong 'false'. I know this is caused by the fact that Java considers the byte to be signed (now i'm really looking forward to Java 8), but would there be any "cleaner" version than changing the condition to:&lt;/p&gt;
&lt;pre&gt;&lt;code&gt;if (ID != 0 &amp;amp;&amp;amp; ID &amp;gt;= (byte) 0xaf &amp;amp;&amp;amp; ID &amp;lt;= (byte) 0x7f) return true
&lt;/code&gt;&lt;/pre&gt;
&lt;p&gt;Since this condition doesn't seem at first glance logical, is there any more obvious way to fix this?&lt;/p&gt;</t>
  </si>
  <si>
    <t>2014-03-09 03:19:02.010000+00:00</t>
  </si>
  <si>
    <t>2014-06-27 13:51:46.377000+00:00</t>
  </si>
  <si>
    <t>java|hex|byte</t>
  </si>
  <si>
    <t>device is not defined</t>
  </si>
  <si>
    <t>&lt;p&gt;Using an existing sencha project and PhoneGap Build, I have the problem that &lt;code&gt;window.device&lt;/code&gt; is not defined if I query for it in the &lt;code&gt;microloader/testing.js&lt;/code&gt; code.&lt;/p&gt;
&lt;pre&gt;&lt;code&gt;Ext.blink = function(options) {
    ...
    Ext.microloaded = true;
    // Start my microloader enhancement
    isPhonegap = typeof window.device != "undefined";
    window.alert("isPhonegap: " + isPhonegap);
&lt;/code&gt;&lt;/pre&gt;
&lt;p&gt;The config.xml contains the plugin:&lt;/p&gt;
&lt;pre&gt;&lt;code&gt;&amp;lt;gap:plugin name="org.apache.cordova.device" /&amp;gt;
&lt;/code&gt;&lt;/pre&gt;
&lt;p&gt;Sencha is uploading everything to PhoneGap Build for me, it is built there, and then I download and &lt;code&gt;adb install -r&lt;/code&gt; the resulting apk on my Android 4.0.4 Smartphone.&lt;/p&gt;
&lt;p&gt;Result when starting the app, is the alert: &lt;code&gt;isPhonegap: false&lt;/code&gt;.&lt;/p&gt;
&lt;p&gt;What is the problem here?&lt;/p&gt;</t>
  </si>
  <si>
    <t>2015-02-18 15:19:25.297000+00:00</t>
  </si>
  <si>
    <t>2015-02-18 15:23:46.203000+00:00</t>
  </si>
  <si>
    <t>android|cordova|sencha-touch-2</t>
  </si>
  <si>
    <t>how to get thumbnail view of given html code, using php</t>
  </si>
  <si>
    <t>&lt;p&gt;I'm using ckeditor to create email templates, I'm trying to get a thumbnail view of a given html code.&lt;/p&gt;
&lt;p&gt;I have tried with &lt;/p&gt;
&lt;pre&gt;&lt;code&gt;html2canvas(document.getElementById('templatecontent'),{
   onrendered: function (canvas) {         
    var imgString = canvas.toDataURL("image/png");
    window.open(imgString);                  
}});
&lt;/code&gt;&lt;/pre&gt;
&lt;p&gt;But here id(#templatecontent) is hidden textarea element. How to save an image even if the id is hidden.&lt;/p&gt;
&lt;p&gt;&lt;strong&gt;Or&lt;/strong&gt;&lt;/p&gt;
&lt;p&gt;Can this operation can be done directly with php if I have html code? this will be great. Please give me some suggestions or procedure to follow.&lt;/p&gt;
&lt;p&gt;&lt;strong&gt;Error details:&lt;/strong&gt;
IndexSizeError: Index or size is negative or greater than the allowed amount&lt;/p&gt;</t>
  </si>
  <si>
    <t>2014-09-01 11:15:04.017000+00:00</t>
  </si>
  <si>
    <t>2014-09-01 13:24:16.540000+00:00</t>
  </si>
  <si>
    <t>2014-09-01 11:16:02.443000+00:00</t>
  </si>
  <si>
    <t>What are return types of operators in C++?</t>
  </si>
  <si>
    <t>&lt;p&gt;I am reading the C++ Primer, in the overloaded operation chapter, the author gave an example:&lt;/p&gt;
&lt;pre&gt;&lt;code&gt;// member binary operator: left-hand operand bound to implicit this pointer
Sales_item&amp;amp; Sales_item::operator+=(const Sales_item&amp;amp;);
// nonmember binary operator: must declare a parameter for each operand
Sales_item operator+(const Sales_item&amp;amp;, const Sales_item&amp;amp;);
&lt;/code&gt;&lt;/pre&gt;
&lt;p&gt;then, the author explained:&lt;/p&gt;
&lt;blockquote&gt;
  &lt;p&gt;This difference matches the return types of these operators when applied to arithmetic types: Addition yields an rvalue and compound assignment returns a reference to the left-hand operand.&lt;/p&gt;
&lt;/blockquote&gt;
&lt;p&gt;I'm not quite sure about "&lt;code&gt;compound assignment returns a reference to the left-hand operand&lt;/code&gt;". Can anyone elaborate on that, and relevant things, please?&lt;/p&gt;</t>
  </si>
  <si>
    <t>2012-05-04 02:01:36.803000+00:00</t>
  </si>
  <si>
    <t>2012-05-04 12:05:05.663000+00:00</t>
  </si>
  <si>
    <t>2012-05-04 02:04:35.697000+00:00</t>
  </si>
  <si>
    <t>c# multi threading , pass object to another object</t>
  </si>
  <si>
    <t>&lt;p&gt;I need to parse an object to another object. I know I have to pass c to t1. how to do this&lt;/p&gt;
&lt;pre&gt;&lt;code&gt;Thread t = new Thread(t1);
t.Start();
private static void t1(Class1 c)
        {
            while (c.process_done == false)
            {
                Console.Write(".");
                Thread.Sleep(1000);
            }
        }
&lt;/code&gt;&lt;/pre&gt;</t>
  </si>
  <si>
    <t>2012-07-24 22:27:31.050000+00:00</t>
  </si>
  <si>
    <t>2015-02-21 12:25:06.250000+00:00</t>
  </si>
  <si>
    <t>c#|multithreading</t>
  </si>
  <si>
    <t>Downloading the file from email is not happening directly in IE</t>
  </si>
  <si>
    <t>&lt;p&gt;I am doing automation in IE, when I found attachment in my mail, I click the download button to download files, In chrome it directly downloads into the download folder, but in IE, when I press the download button, it opens the yellow color bar in the bottom, it gives me the option 'save','open','cancel', My question here is, Is there anyway I could able to cancel out this bar so that download directly happens inside download folder like the way it happens in Chrome? &lt;/p&gt;</t>
  </si>
  <si>
    <t>2016-07-21 12:55:14.490000+00:00</t>
  </si>
  <si>
    <t>2016-07-21 13:27:46.497000+00:00</t>
  </si>
  <si>
    <t>internet-explorer-11</t>
  </si>
  <si>
    <t>Rxjs subscribe called twice ionic 3 angular 5</t>
  </si>
  <si>
    <t>&lt;p&gt;I am facing a problem with &lt;strong&gt;Rxjs subscribe&lt;/strong&gt;, it's been called twice, I already search in the google and StackOverflow, there is some question already asked but none of the questions is helpful for my case, I also didn't find whats wrong with my code.&lt;/p&gt;
&lt;p&gt;&lt;strong&gt;Here is my code:&lt;/strong&gt;
&lt;strong&gt;login.ts&lt;/strong&gt;&lt;/p&gt;
&lt;pre&gt;&lt;code&gt;import {Component} from '@angular/core';
import {
  AlertController,
  IonicPage,
  LoadingController,
  MenuController,
  NavController,
  NavParams,
  ToastController
} from 'ionic-angular';
import { Storage } from '@ionic/storage';
import {AuthServiceProvider} from "../../providers/auth-service/auth-service";
import {DashboardPage} from "../dashboard/dashboard";
import {SignupPage} from "../signup/signup";
import {FormControl, FormGroup, Validators} from "@angular/forms";
import {Network} from "@ionic-native/network";
@IonicPage()
@Component({
  selector: 'page-login',
  templateUrl: 'login.html',
})
export class LoginPage{
  loginForm: FormGroup;
  user:any = new Object();
  constructor(
    public navCtrl: NavController,
    public navParams: NavParams,
    private authService:AuthServiceProvider,
    private alertCtrl: AlertController,
    public storage: Storage,
    public menuCtrl: MenuController,
    private loading: LoadingController,
    private network: Network,
    private toast: ToastController
  ) {
    this.menuCtrl.enable(false,'menu');
    this.loginForm= new FormGroup({
      mobile: new FormControl('', [Validators.required]),
      password: new FormControl('', [Validators.required]),
    });
  }
  ionViewDidLoad() {
    console.log("called")
  }
  login() {
    if(this.network.type === 'none' || this.network.type === 'unknown'){
      this.toast.create({
        message:`You are offline, please connect your wifi or 3g`,
        position:'top',
        duration:3000
      }).present();
    } else {
      let spinner = this.loading.create({
        content: 'Please wait...'
      });
      spinner.present();
      this.authService.userLogin(this.user)
        .subscribe(
          response =&amp;gt; {
            console.log(response);
            if (response.status === "ok") {
              console.log(response.status);
              this.authService.isLoggedIn(response);
              this.navCtrl.setRoot(DashboardPage);
            } else {
              console.log(response.status);
              let alert = this.alertCtrl.create({
                title: response.status,
                subTitle: response.msg,
                buttons: ['Dismiss']
              });
              alert.present()
            }
            spinner.dismiss();
          })
    }
  }
}
&lt;/code&gt;&lt;/pre&gt;
&lt;p&gt;when the authentication is failed, it shows failure alert twice and also when authentication succeeds then it also shows failure alert and then immediately succeed and go dashboard page. &lt;/p&gt;
&lt;p&gt;&lt;strong&gt;Here is my auth-service.ts&lt;/strong&gt;&lt;/p&gt;
&lt;pre&gt;&lt;code&gt;userLogin(user):Observable&amp;lt;any&amp;gt;{
    const httpOptions = {
      headers: new HttpHeaders({
        'Content-Type':  'application/json'
      })
    };
    let ttl = 60*60*24*30;
    let delay = 'all';
    const url = ApiEndPoint+'customer_login';
    let req = this.http
      .post(url, user,httpOptions)
      .map(data=&amp;gt; {
        return data;
      })
      .catch((error:any)=&amp;gt;{
        return Observable.throw({Error:error});
      });
    return this.cache.loadFromDelayedObservable(url, req,'user',ttl,delay);
  }
&lt;/code&gt;&lt;/pre&gt;
&lt;p&gt;Right direction would be highly appreciated.
&lt;strong&gt;Thanks&lt;/strong&gt;&lt;/p&gt;</t>
  </si>
  <si>
    <t>2018-06-05 18:36:08.683000+00:00</t>
  </si>
  <si>
    <t>javascript|angular|rxjs|ionic3</t>
  </si>
  <si>
    <t>Mobile Hamburger Menu Wont Close</t>
  </si>
  <si>
    <t>&lt;p&gt;I am trying to create a dropdown (hamburger) menu for my mobile website using the div tag "mobile-links". &lt;/p&gt;
&lt;p&gt;I have it all written out (&lt;code&gt;HTML&lt;/code&gt;, &lt;code&gt;CSS&lt;/code&gt;, and &lt;code&gt;JavaScript&lt;/code&gt;) and it is working fine, except I can not get the menu to close by clicking the hamburger again when the menu is open.&lt;/p&gt;
&lt;p&gt;Visitors MUST click a link to exit the dropdown menu, which I do not want them to have to do.&lt;/p&gt;
&lt;p&gt;I would like to have the menu close by clicking the hamburger once again. &lt;/p&gt;
&lt;p&gt;I can see in my &lt;code&gt;JavaScript&lt;/code&gt; code that it is removing "show", which I thought would close the menu.  &lt;/p&gt;
&lt;p&gt;Here is my &lt;code&gt;HTML&lt;/code&gt;/&lt;code&gt;PHP&lt;/code&gt; and &lt;code&gt;JavaScript&lt;/code&gt; code:&lt;/p&gt;
&lt;p&gt;&lt;strong&gt;This code lives in my "header.phtml" file&lt;/strong&gt;&lt;/p&gt;
&lt;pre&gt;&lt;code&gt;&amp;lt;div class="spanbar"&amp;gt;
    &amp;lt;div class="header-bar container"&amp;gt;
        &amp;lt;div class="mobile-links"&amp;gt;          
            &amp;lt;div class="dropdown"&amp;gt;
                &amp;lt;onclick="myFunction()" class="dropbtn"&amp;gt;
                    &amp;lt;span&amp;gt;
                        &amp;lt;img src="http://www.smockedoverstocks.net/skin/frontend/lee/default/images/hamburger-menu.png"/&amp;gt;
                    &amp;lt;/span&amp;gt;
                &amp;lt;/button&amp;gt;
                &amp;lt;div class="dropdown-content"&amp;gt;
                    &amp;lt;div class="quick-access five columns omega"&amp;gt;
                        &amp;lt;?php echo $this-&amp;gt;getChildHtml('topLinks') ?&amp;gt;
                    &amp;lt;/div&amp;gt;
                &amp;lt;/div&amp;gt;
            &amp;lt;/div&amp;gt;
        &amp;lt;/div&amp;gt;
        &amp;lt;span&amp;gt;FREE SHIPPING ON ALL ORDERS&amp;lt;span&amp;gt;
        &amp;lt;div class="desktop-links"&amp;gt;
            &amp;lt;div class="quick-access five columns omega"&amp;gt;
                &amp;lt;?php echo $this-&amp;gt;getChildHtml('topLinks') ?&amp;gt;
            &amp;lt;/div&amp;gt;
        &amp;lt;/div&amp;gt;
    &amp;lt;/div&amp;gt;
&amp;lt;/div&amp;gt;
&amp;lt;div class="header-container"&amp;gt;
    &amp;lt;header class="container main-header"&amp;gt;
        &amp;lt;?php if ($this-&amp;gt;getIsHomePage()):?&amp;gt;
            &amp;lt;h3 class="logo seven columns alpha"&amp;gt;
                &amp;lt;a href="&amp;lt;?php echo $this-&amp;gt;getUrl('') ?&amp;gt;" title="&amp;lt;?php echo $this-&amp;gt;getLogoAlt() ?&amp;gt;" class="logo"&amp;gt;
                    &amp;lt;img src="&amp;lt;?php echo $this-&amp;gt;getLogoSrc() ?&amp;gt;" alt="&amp;lt;?php echo $this-&amp;gt;getLogoAlt() ?&amp;gt;" /&amp;gt;
                &amp;lt;/a&amp;gt;
            &amp;lt;/h3&amp;gt;
        &amp;lt;?php else:?&amp;gt;
            &amp;lt;h3 class="logo seven columns alpha"&amp;gt;
                &amp;lt;a href="&amp;lt;?php echo $this-&amp;gt;getUrl('') ?&amp;gt;" title="&amp;lt;?php echo $this-&amp;gt;getLogoAlt() ?&amp;gt;" class="logo"&amp;gt;
                    &amp;lt;img src="&amp;lt;?php echo $this-&amp;gt;getLogoSrc() ?&amp;gt;" alt="&amp;lt;?php echo $this-&amp;gt;getLogoAlt() ?&amp;gt;" /&amp;gt;
                &amp;lt;/a&amp;gt;
            &amp;lt;/h3&amp;gt;
        &amp;lt;?php endif?&amp;gt;       
        &amp;lt;div class="desktop-links"&amp;gt;
            &amp;lt;div class="quick-access five columns omega"&amp;gt;
                &amp;lt;?php echo $this-&amp;gt;getChildHtml('store_language') ?&amp;gt;
                &amp;lt;?php echo $this-&amp;gt;getChildHtml('topSearch') ?&amp;gt;
            &amp;lt;/div&amp;gt;
        &amp;lt;/div&amp;gt;
        &amp;lt;!-- &amp;lt;div class="mobile-links"&amp;gt;
            &amp;lt;div class="dropdown"&amp;gt;
                &amp;lt;button onclick="myFunction()" class="dropbtn"&amp;gt;
                    &amp;lt;span&amp;gt;Menu&amp;lt;/span&amp;gt;
                &amp;lt;/button&amp;gt;
                &amp;lt;div class="dropdown-content"&amp;gt;
                    &amp;lt;div class="quick-access five columns omega"&amp;gt;
                        &amp;lt;?php echo $this-&amp;gt;getChildHtml('topLinks') ?&amp;gt;
                        &amp;lt;?php echo $this-&amp;gt;getChildHtml('store_language') ?&amp;gt;
                        &amp;lt;?php echo $this-&amp;gt;getChildHtml('topSearch') ?&amp;gt;
                    &amp;lt;/div&amp;gt;
                &amp;lt;/div&amp;gt;
            &amp;lt;/div&amp;gt;
        &amp;lt;/div&amp;gt; --&amp;gt;
        &amp;lt;!-- &amp;lt;h3 class="welcome-msg"&amp;gt;
            &amp;lt;?php echo $this-&amp;gt;getChildHtml('welcome') ?&amp;gt;
            &amp;lt;?php echo $this-&amp;gt;getAdditionalHtml() ?&amp;gt;
        &amp;lt;/h3&amp;gt; --&amp;gt;
        &amp;lt;?php echo $this-&amp;gt;getChildHtml('topContainer'); ?&amp;gt;
    &amp;lt;/header&amp;gt;
    &amp;lt;div class="nav-bar-boarder"&amp;gt;&amp;lt;/div&amp;gt;
&amp;lt;/div&amp;gt;
&amp;lt;?php echo $this-&amp;gt;getChildHtml('topMenu') ?&amp;gt;
&amp;lt;?php echo $this-&amp;gt;getChildHtml('topScripts') ?&amp;gt;
&amp;lt;script language="javascript"&amp;gt;
    /* When the user clicks on the button, 
    toggle between hiding and showing the dropdown content */
    function myFunction() {
        document.getElementById("myDropdown").classList.toggle("show");
    }
    // Close the dropdown menu if the user clicks outside of it
    window.onclick = function(event) {
        if (!event.target.matches('.dropbtn')) {
            var dropdowns = document.getElementsByClassName("dropdown-content");
            var i;
            for (i = 0; i &amp;lt; dropdowns.length; i++) {
                var openDropdown = dropdowns[i];
                if (openDropdown.classList.contains('show')) {
                    openDropdown.classList.remove('show');
                }
            }
        }
    }
&amp;lt;/script&amp;gt;
&lt;/code&gt;&lt;/pre&gt;
&lt;p&gt;&lt;strong&gt;My CSS:&lt;/strong&gt;&lt;/p&gt;
&lt;pre&gt;&lt;code&gt;.mobile-links .dropdown {
    position:relative;
    display:inline-block;
    padding:2px 13px 0px;
}
.mobile-links .dropdown-content{
    display:none;
    position:absolute;
    background-color: #f9f9f9;
    min-width: 160px;
    box-shadow: 0px 8px 16px 0px rgba(0,0,0,0.2);
    padding: 5px 12px;
    z-index: 1;
}
.dropdown:hover .dropdown-content {
    display:block;
}
.show { display:block; }
&lt;/code&gt;&lt;/pre&gt;
&lt;p&gt;Any help would be appreciated. Thanks!&lt;/p&gt;</t>
  </si>
  <si>
    <t>2017-02-02 19:55:50.020000+00:00</t>
  </si>
  <si>
    <t>2017-02-02 21:34:07.730000+00:00</t>
  </si>
  <si>
    <t>javascript|html|css|mobile|responsive-design</t>
  </si>
  <si>
    <t>Using data from JPA queries</t>
  </si>
  <si>
    <t>&lt;p&gt;I am attempting to write a fairly simply program that can read from and write to a SQL-server database.  I've got the writing-to part down pretty well, but am having difficulty using the JPA queries effectively.  As nearly as I can tell, the only way to actually access and use data retrieved by a query is to store it in an instance or list of the appropriate entity class, like so:&lt;/p&gt;
&lt;pre&gt;&lt;code&gt;Query searchQuery = em.createNamedQuery("Document.findByDocTitle");
searchQuery.setParameter("docTitle", title);
List&amp;lt;Document&amp;gt; docList = searchQuery.getResultList();
&lt;/code&gt;&lt;/pre&gt;
&lt;p&gt;I'm sure that there must be other means of accessing the data from a query, but if so I haven't been able to find them.&lt;/p&gt;
&lt;p&gt;This method has worked for me so far, until I needed to use data from a query across joined tables.  In this case it's a m:n relationship between the "document" and "author" tables.  I obviously can't store the results of a joined query in a list of document objects, so I'm not sure how to proceed.&lt;/p&gt;
&lt;p&gt;I realize that the answer is probably something simple that I just don't know about, but I've been googling JPA stuff all day without any luck.  Also, if anyone knows of a good comprehensive book or tutorial for JPA, I would appreciate being pointed in the right direction.&lt;/p&gt;</t>
  </si>
  <si>
    <t>2015-12-12 23:21:21.653000+00:00</t>
  </si>
  <si>
    <t>2015-12-13 00:04:35.293000+00:00</t>
  </si>
  <si>
    <t>java|sql-server|jpa</t>
  </si>
  <si>
    <t>Exception Not Handled in Guid.Parse Statement</t>
  </si>
  <si>
    <t>&lt;p&gt;I've "inherited" a project that includes the following line of code:&lt;/p&gt;
&lt;pre&gt;&lt;code&gt;        objLibPharmacy.UserId = Guid.Parse(Session["GroupId"].ToString());
&lt;/code&gt;&lt;/pre&gt;
&lt;p&gt;When I run the debugger, I receive an error stating:&lt;/p&gt;
&lt;pre&gt;&lt;code&gt;Object reference not set to an instance of an object.
Description: An unhandled exception occurred during the execution of the current web 
request. Please review the stack trace for more information about the error and where it 
originated in the code. 
&lt;/code&gt;&lt;/pre&gt;
&lt;p&gt;The stack trace in part is as follows:&lt;/p&gt;
&lt;pre&gt;&lt;code&gt;[NullReferenceException: Object reference not set to an instance of an object.]
&lt;/code&gt;&lt;/pre&gt;
&lt;p&gt;UserControl_wuc_Pharmacy.bindPharmacyPopUp()&lt;/p&gt;
&lt;p&gt;The bindPharmacyPopUp is as follows:&lt;/p&gt;
&lt;pre&gt;&lt;code&gt;  private void bindPharmacyPopUp()
{
    /******************Bind Pharmacy Popup*********************/
    objLibPharmacy = new LibPharmacy();
    objLibPharmacy.PharmacyId = 0;
    objLibPharmacy.UserId = Guid.Parse(Session["GroupId"].ToString());
    objclsPharmacy = new clsPharmacy();
    objDs = objclsPharmacy.GetPharmacy(objLibPharmacy);
    string strFilter = "";
    if (objDs != null)
    {
        if (txtSearchPharmacy.Text != "")
            strFilter = "PharmacyName like '%" + txtSearchPharmacy.Text + "%'";
        DataView dv = objDs.Tables[0].DefaultView;
        if (strFilter != "")
            dv.RowFilter = strFilter;
        Utility.bindGridview(dv.ToTable(), gvPharmacyList);
        Utility.bindDDL(objDs.Tables[1], ddlPharmacyDetail, "Pharmacy");
        //ViewState["PharmacyTable"] = objDs.Tables[0];
    }
    /*********************************************************/
}
&lt;/code&gt;&lt;/pre&gt;
&lt;p&gt;What is causing the null reference?  How do I handle such null reference in order for the debug to run without error?&lt;/p&gt;</t>
  </si>
  <si>
    <t>2013-08-08 17:33:34.250000+00:00</t>
  </si>
  <si>
    <t>2013-08-08 17:48:44.170000+00:00</t>
  </si>
  <si>
    <t>how to send variable values through url using javascript in google login</t>
  </si>
  <si>
    <t>&lt;p&gt;I am sending question title value through js ,but I am not getting the value in my class.php file.Below is my js code:&lt;/p&gt;
&lt;pre&gt;&lt;code&gt;$(document).ready(function(){
var bquestionname = $.trim($("#questionname").val());
  alert(bquestionname);
    $('#google_login').oauthpopup({
    path: rootUrl+'social/login.php?google&amp;amp;bquestionname='+bquestionname,
    width:650,
    height:350,
   });
});
&lt;/code&gt;&lt;/pre&gt;
&lt;p&gt;Below is my class.php code:&lt;/p&gt;
&lt;pre&gt;&lt;code&gt;if(isset($_GET['google'])){
$pArray = array();
$pArray['chat_question_title'] = isset($_GET['bquestionname']) ? $_GET['bquestionname'] : "";
print_r($pArray);
$res = $Social_obj-&amp;gt;google();
}
&lt;/code&gt;&lt;/pre&gt;
&lt;p&gt;Form the above code I am getting value in alert, but the value is not getting in my class.
I am getting url like this :&lt;/p&gt;
&lt;pre&gt;&lt;code&gt;login.php?google&amp;amp;code=4/BoTIdK
&lt;/code&gt;&lt;/pre&gt;</t>
  </si>
  <si>
    <t>2017-02-04 06:32:20.393000+00:00</t>
  </si>
  <si>
    <t>Why are custom Breadcrumb links all going to index page even though the href string seems correct?</t>
  </si>
  <si>
    <t>&lt;p&gt;I'm trying to generate custom Breadcrumbs in a SilverStripe app and I can't figure out why the links are not working. The HTML code in page source appears to be what I want and if I click on a link from the elements section of Safari's webpage inspector, I can land on the correct page. However, when I hover over the link or click on any of my Breadcrumb links in the browser page, I always see &lt;code&gt;localhost&lt;/code&gt; and get directed to the homepage. Any ideas how to fix this?&lt;/p&gt;
&lt;p&gt;Here's some relevant code&lt;/p&gt;
&lt;p&gt;My template, Breadcrumbs.ss:&lt;/p&gt;
&lt;pre&gt;&lt;code&gt;&amp;lt;% loop $MyBreadcrumbs %&amp;gt;
  &amp;lt;a href="$url" title="$name"&amp;gt;/ $name &amp;lt;/a&amp;gt;
&amp;lt;% end_loop %&amp;gt;
&lt;/code&gt;&lt;/pre&gt;
&lt;p&gt;The code below is HTML copied from Page Source. The links from this section all go to the root page, ���/���, instead of, for example, "/resources/links/"&lt;/p&gt;
&lt;pre&gt;&lt;code&gt;&amp;lt;div id="Breadcrumbs" class="grid_9 alpha"&amp;gt;
    &amp;lt;a href="/" title="Home"&amp;gt;/ Home &amp;lt;/a&amp;gt;
    &amp;lt;a href="/resources/links/" title="Links"&amp;gt;/ Links &amp;lt;/a&amp;gt;
&amp;lt;/div&amp;gt;
&lt;/code&gt;&lt;/pre&gt;
&lt;p&gt;The links below all work and are generated using the &lt;code&gt;$Link&lt;/code&gt; SilverStripe common variable:&lt;/p&gt;
&lt;pre&gt;&lt;code&gt;&amp;lt;div class="row"&amp;gt;
    &amp;lt;aside class="col-3 col-md-3 d-none d-md-block d-print-none"&amp;gt;
        &amp;lt;ul class="aside__nav"&amp;gt;
            &amp;lt;li&amp;gt;
                &amp;lt;a href="/resources/links/" title="Links"&amp;gt;Links&amp;lt;/a&amp;gt;
            &amp;lt;/li&amp;gt;
        &amp;lt;/ul&amp;gt;
    &amp;lt;/aside&amp;gt;
&amp;lt;/div&amp;gt;
&lt;/code&gt;&lt;/pre&gt;</t>
  </si>
  <si>
    <t>2018-08-31 17:26:16.750000+00:00</t>
  </si>
  <si>
    <t>php|href|silverstripe|breadcrumbs</t>
  </si>
  <si>
    <t>how to add close [X] icon to djextNameTextBox?</t>
  </si>
  <si>
    <t>&lt;p&gt;Not sure why but on some page this control has [X] icon and on another ones doesn't. I need to be able to remove name from the list by click on this icon&lt;/p&gt;
&lt;pre&gt;&lt;code&gt;&amp;lt;?xml version="1.0" encoding="UTF-8"?&amp;gt;
&amp;lt;xp:view 
       xmlns:xp="http://www.ibm.com/xsp/core"
       xmlns:xc="http://www.ibm.com/xsp/custom"
       xmlns:xe="http://www.ibm.com/xsp/coreex"&amp;gt;
&amp;lt;xe:djextNameTextBox id="djextNameTextBox1" multipleSeparator="," multipleTrim="true"&amp;gt;
    &amp;lt;xe:this.value&amp;gt;&amp;lt;![CDATA[#{javascript:"NAME1,NAME2,NAME3"}]]&amp;gt;/xe:this.value&amp;gt;
&amp;lt;/xe:djextNameTextBox&amp;gt;
&amp;lt;/xp:view&amp;gt;
&lt;/code&gt;&lt;/pre&gt;
&lt;p&gt;Playing with .lotusFilter .lotusClose css doesn't help. This icon just appear in design mode but I don't see it on my xPage
&lt;a href="https://i.stack.imgur.com/tsgp8.jpg" rel="nofollow noreferrer"&gt;&lt;img src="https://i.stack.imgur.com/tsgp8.jpg" alt="enter image description here"&gt;&lt;/a&gt;&lt;/p&gt;</t>
  </si>
  <si>
    <t>2016-01-19 21:37:04.587000+00:00</t>
  </si>
  <si>
    <t>2016-01-19 23:23:04.010000+00:00</t>
  </si>
  <si>
    <t>javascript|css|dojo|xpages|dijit.form</t>
  </si>
  <si>
    <t>How do I change between two JTables?</t>
  </si>
  <si>
    <t>&lt;p&gt;So I have a JTable inside a JScrollPane inside a frame that works. What I want to do is to change the table that is being showed to another table that displays some other information and has more/less columns/rows. How do I do this?&lt;/p&gt;
&lt;p&gt;I have tried stuff like putting another table in the ScrollPane but that doesn't work and if I re-put the ScrollPane in the frame it disappears.&lt;/p&gt;
&lt;p&gt;EDIT:&lt;/p&gt;
&lt;p&gt;I think this is all the code that has to do with this problem. I simply call the funktions to change the view.&lt;/p&gt;
&lt;pre&gt;&lt;code&gt;    Object[][] userData = new Object[50][6];
    userTable = new JTable(userData, new String[] { "Namn", "Adress", 
            "Telefon", "Personnummer", "PIN", "Antal cyklar" }) {
        public boolean isCellEditable(int rowIndex, int colIndex) {
            return false;
        }
    };
    userTable.setSelectionMode(0);
    userTable.getTableHeader().setReorderingAllowed(false);
    Object[][] bikeData = new Object[50][7];
    bikeTable = new JTable(bikeData, new String[] { "��gare", "Streckkod", 
            "F��rg", "M��rke", "Ram-nummer", "Senast h��mtad", "Senast l��mnad" }) {
        public boolean isCellEditable(int rowIndex, int colIndex) {
            return false;
        }
    };
    bikeTable.setSelectionMode(0);
    bikeTable.getTableHeader().setReorderingAllowed(false);
    JScrollPane tablePane = new JScrollPane(bikeTable);
    frame.add(tablePane);
    frame.setVisible(true);
}
public void displayUsers(){
    tablePane.setViewportView(userTable);
}
public void displayBikes(){
    tablePane.setViewportView(bikeTable);
}
&lt;/code&gt;&lt;/pre&gt;</t>
  </si>
  <si>
    <t>2012-05-03 12:48:42.770000+00:00</t>
  </si>
  <si>
    <t>2012-05-03 19:30:37.823000+00:00</t>
  </si>
  <si>
    <t>java|swing|jtable|jscrollpane</t>
  </si>
  <si>
    <t>Looking to build a browser-based web application with underlying C++, am I looking at AJAX, LAMP?</t>
  </si>
  <si>
    <t>&lt;p&gt;I would like to write a web application where I am able to use mysql and c++. There are a lot of web technologies out there and I'm not sure where I should start. Should I look into AJAX or LAMP or something similar?&lt;/p&gt;
&lt;p&gt;Thanks&lt;/p&gt;</t>
  </si>
  <si>
    <t>2010-11-01 16:15:23.370000+00:00</t>
  </si>
  <si>
    <t>2010-11-01 18:23:21.180000+00:00</t>
  </si>
  <si>
    <t>php|c++|mysql|ajax|lamp</t>
  </si>
  <si>
    <t>LOGIN volley, Value &lt;br of type java.lang.String cannot be converted to JSONObject</t>
  </si>
  <si>
    <t>&lt;p&gt;I am trying to login using Volley, PHP, and MySQL but everytime i put in the credentials, there is always an error "Value of type java.lang.String cannot be converted to JSONObject" &lt;/p&gt;
&lt;p&gt;as you can see in my code i have put a log before i call the JSONObject to identify the response in my PHP. and it says &lt;code&gt;&amp;lt;b&amp;gt;Notice&amp;lt;/b&amp;gt;:  Undefined index: password in &amp;lt;b&amp;gt;D:\PhpStorm\TheMoneyger\api\user-login.php&amp;lt;/b&amp;gt; on line &amp;lt;b&amp;gt;61&amp;lt;/b&amp;gt;&amp;lt;br /&amp;gt;&lt;/code&gt;&lt;br&gt;
                                                                       &lt;code&gt;{"login":[],"success":"0","message":"error"}&lt;/code&gt;&lt;/p&gt;
&lt;p&gt;Can someone help me identify the solution to this problem? Thanks&lt;/p&gt;
&lt;p&gt;LoginActivity.java&lt;/p&gt;
&lt;pre&gt;&lt;code&gt;public class LoginActivity extends Activity {
    TextView title;
    Typeface marcellus;
    private EditText email, password;
    TextView forgot;
    private Button login, register;
    private ProgressBar progressBar;
    private static String HttpURL = "http://10.0.2.2:63343/TheMoneyger/api/user-login.php?";
    SessionManager sessionManager;
    @Override
    protected void onCreate(Bundle savedInstanceState) {
        super.onCreate(savedInstanceState);
        setContentView(R.layout.activity_login);
        sessionManager = new SessionManager(this);
        title = (TextView) findViewById(R.id.txtTitle);
        marcellus = Typeface.createFromAsset(getAssets(), "marcellus.ttf");
        title.setTypeface(marcellus);
        email = (EditText) findViewById(R.id.txtEmail);
        password = (EditText) findViewById(R.id.txtPassword);
        login = (Button) findViewById(R.id.btnLogin);
        forgot = (TextView) findViewById(R.id.txtForgotPW);
        register = (Button) findViewById(R.id.btnRegister);
        progressBar = (ProgressBar)findViewById(R.id.progressBar3);
        login.setOnClickListener(new View.OnClickListener() {
            @Override
            public void onClick(View view) {
                String mEmail = email.getText().toString().trim();
                String mPass = password.getText().toString().trim();
                if(!mEmail.isEmpty() || !mPass.isEmpty()) {
                    Login(mEmail, mPass);
                }
                else {
                    email.setError("Please insert email");
                    password.setError("Please insert password");
                }
            }
        });
        register.setOnClickListener(new View.OnClickListener() {
            @Override
            public void onClick(View v) {
                Intent registration = new Intent(LoginActivity.this, RegistrationActivity.class);
                startActivity(registration);
            }
        });
        forgot.setOnClickListener(new View.OnClickListener() {
            @Override
            public void onClick(View v) {
                Intent forgot = new Intent(LoginActivity.this, ForgotPassword.class);
                startActivity(forgot);
            }
        });
    }
    private void Login(final String email, final String password) {
        progressBar.setVisibility(View.VISIBLE);
        login.setVisibility(View.GONE);
        StringRequest stringRequest = new StringRequest(Request.Method.POST, HttpURL,
                new Response.Listener&amp;lt;String&amp;gt;() {
                    @Override
                    public void onResponse(String response) {
                        try {
                            Log.i("tagconvertstr", "["+response+"]");
                            JSONObject jsonObject = new JSONObject(response);
                            String success = jsonObject.getString("success");
                            JSONArray jsonArray = jsonObject.getJSONArray("login");
                            if (success.equals("1")) {
                                for (int i = 0; i &amp;lt; jsonArray.length(); i++) {
                                    JSONObject object = jsonArray.getJSONObject(i);
                                    String firstname = object.getString("firstname").trim();
                                    String email = object.getString("email").trim();
                                    String id = object.getString("userid").trim();
                                    sessionManager.createSession(firstname, email);
                                    Intent intent = new Intent(LoginActivity.this, MainActivity.class);
                                    intent.putExtra("firstname", firstname);
                                    intent.putExtra("email", email);
                                    startActivity(intent);
                                    finish();
                                }
                            }
                        } catch (JSONException e) {
                            e.printStackTrace();
                            Toast.makeText(LoginActivity.this, "Something went wrong.. " + e.toString(), Toast.LENGTH_SHORT).show();
                            login.setVisibility(View.VISIBLE);
                            progressBar.setVisibility(View.GONE);
                        }
                    }
                },
                new Response.ErrorListener() {
                    @Override
                    public void onErrorResponse(VolleyError error) {
                        Toast.makeText(LoginActivity.this, "Something went wrong.. " + error.toString(), Toast.LENGTH_SHORT).show();
                        login.setVisibility(View.VISIBLE);
                        progressBar.setVisibility(View.GONE);
                    }
                }) {
            @Override
            protected Map&amp;lt;String, String&amp;gt; getParams() throws AuthFailureError {
                Map&amp;lt;String, String&amp;gt; params = new HashMap&amp;lt;&amp;gt;();
                params.put("email", email);
                params.put("password", password);
                return params;
            }
        };
        RequestQueue requestQueue = Volley.newRequestQueue(this);
        requestQueue.add(stringRequest);
    }
}
&lt;/code&gt;&lt;/pre&gt;
&lt;p&gt;user-login.php&lt;/p&gt;
&lt;pre&gt;&lt;code&gt;if ($_SERVER['REQUEST_METHOD']=='POST') {
    $email = $_POST['email'];
    $password = $_POST['password'];
    require_once 'config.php';
    $sql = "SELECT * FROM users WHERE email='$email' ";
    $response = mysqli_query($database, $sql);
    $result = array();
    $result['login'] = array();
    if ( mysqli_num_rows($response) === 1 ) {
        $row = mysqli_fetch_assoc($response);
        if ( password_verify($password, $row['password']) ) {
            $index['firstname'] = $row['firstname'];
            $index['email'] = $row['email'];
            /*$index['id'] = $row['id'];*/
            array_push($result['login'], $index);
            $result['success'] = "1";
            $result['message'] = "success";
            echo json_encode($result);
            mysqli_close($database);
        } else {
            $result['success'] = "0";
            $result['message'] = "error";
            echo json_encode($result);
            mysqli_close($database);
        }
    }
}
&lt;/code&gt;&lt;/pre&gt;</t>
  </si>
  <si>
    <t>2018-11-09 17:51:38.873000+00:00</t>
  </si>
  <si>
    <t>php|android|android-volley</t>
  </si>
  <si>
    <t>Facebook Login using PHP SDK - Recommends using Javascript</t>
  </si>
  <si>
    <t>&lt;p&gt;I've created a simple skeleton app using the PHP SDK for Facebook. This is how I am creating my Login URL:&lt;/p&gt;
&lt;p&gt;&lt;code&gt;$login_url = $fb-&amp;gt;getLoginUrl( array (
    'redirect_uri' =&amp;gt; $okay_url,
    'scope'        =&amp;gt; 'public_profile',
    'display'      =&amp;gt; 'popup'
)&lt;/code&gt;&lt;/p&gt;
&lt;p&gt;Whenever I try to authenticate my app using this link, there is a pink notice saying:&lt;/p&gt;
&lt;blockquote&gt;
  &lt;p&gt;You are using a display type of 'popup' in a large browser window or
  tab. For a better user experience, show this dialog with our
  JavaScript SDK without specifying an explicit display type. The SDK
  will choose the best display type for each environment. Alternatively,
  set height and width on your window.open() call to properly size this
  dialog if you have special requirements precluding you from using the
  SDK. This message is only visible to developers of your application.&lt;/p&gt;
&lt;/blockquote&gt;
&lt;p&gt;If I don't set 'display' =&gt; 'popup' in the array, then I get the following notice instead:&lt;/p&gt;
&lt;blockquote&gt;
  &lt;p&gt;You are using a display type of 'page' in a small browser window or
  popup. For a better user experience, show this dialog with our
  JavaScript SDK without specifying an explicit display type. The SDK
  will choose the best display type for each environment. Alternatively,
  use display type 'popup' if you have special requirements precluding
  you from using the SDK. This message is only visible to developers of
  your application.&lt;/p&gt;
&lt;/blockquote&gt;
&lt;p&gt;I realize these notices are only shown to the developers; however, is there any way to prevent them from appearing when using the PHP SDK? Facebook seems to be pushing the Javascript SDK for handling login.&lt;/p&gt;
&lt;p&gt;Any ideas?&lt;/p&gt;
&lt;p&gt;Thanks!&lt;/p&gt;</t>
  </si>
  <si>
    <t>2014-09-26 23:02:19.230000+00:00</t>
  </si>
  <si>
    <t>2015-03-31 02:45:39.770000+00:00</t>
  </si>
  <si>
    <t>facebook|facebook-javascript-sdk|facebook-php-sdk</t>
  </si>
  <si>
    <t>Why is my time to first byte so much and how to reduce it?</t>
  </si>
  <si>
    <t>&lt;p&gt;Here is a screenshot:&lt;/p&gt;
&lt;p&gt;&lt;a href="https://i.stack.imgur.com/b1PgI.png" rel="nofollow noreferrer"&gt;&lt;img src="https://i.stack.imgur.com/b1PgI.png" alt="enter image description here"&gt;&lt;/a&gt;&lt;/p&gt;
&lt;p&gt;I am using PHP to include header and footer. All my content is static and I am not making any database queries or performing any heavy calculation. I also have turned on the compression. I understand that turning on compression increases TTFB but every other file is also being compressed like &lt;code&gt;bootstrap.min.css&lt;/code&gt;. 
Why is is that just files from my domain have long TTFB? Here is another screenshot from Chrome:&lt;/p&gt;
&lt;p&gt;&lt;a href="https://i.stack.imgur.com/LHSpo.png" rel="nofollow noreferrer"&gt;&lt;img src="https://i.stack.imgur.com/LHSpo.png" alt="enter image description here"&gt;&lt;/a&gt;&lt;/p&gt;</t>
  </si>
  <si>
    <t>2016-01-11 07:45:58.380000+00:00</t>
  </si>
  <si>
    <t>php|css|performance|caching|pagespeed</t>
  </si>
  <si>
    <t>Displaying multiple menus at once, workflow</t>
  </si>
  <si>
    <t>&lt;p&gt;I'm working on a toy project, implementing a desktop client of the popular card game Dominion. I thought it would be interesting to display the UI in the terminal, using the ncurses library.&lt;/p&gt;
&lt;p&gt;I need to display things like the player's hand, cards they've played, and cards they can buy. I envisioned displaying these as ncurses menus, arranged inline on the screen. &lt;/p&gt;
&lt;p&gt;What I can't figure out is how to communicate focus to the user. For example,&lt;/p&gt;
&lt;pre&gt;&lt;code&gt;|          |  |               |
|  Copper  |  |  &amp;gt;Adventurer&amp;lt; |
|  Copper  |  |   Chapel      |
|  Copper  |  |   Moat        |
| &amp;gt;Copper&amp;lt; |  |   Thief       |
|  Copper  |  |               |
|          |  |               |
|          |  |               |
&lt;/code&gt;&lt;/pre&gt;
&lt;p&gt;Populated menus have the cursor activated (symbolized by the &gt; &amp;lt; entries) when the menu is visible. I want to be able to have one menu active at once, by having one visible or otherwise special cursor that I can build the workflow around.&lt;/p&gt;
&lt;p&gt;How can I do this? At the highest level what I want is to have lists of items on the screen, where the user can make selections based on the logic I've set up.&lt;/p&gt;</t>
  </si>
  <si>
    <t>2013-01-25 00:15:34.063000+00:00</t>
  </si>
  <si>
    <t>2013-02-06 01:11:31.377000+00:00</t>
  </si>
  <si>
    <t>c++|ncurses</t>
  </si>
  <si>
    <t>auto scroll using animated UIScrollView.setContentOffset with NSTimer</t>
  </si>
  <si>
    <t>&lt;p&gt;I'm writing a music player using Swift, but when I'm tried to auto scroll the lyric, I found something weird.&lt;/p&gt;
&lt;p&gt;I use a NSTimer to trigger the scroll:&lt;/p&gt;
&lt;pre&gt;&lt;code&gt;timer = NSTimer.scheduledTimerWithTimeInterval(1.0, target: self, selector: "updateTime", userInfo: nil, repeats: true)
&lt;/code&gt;&lt;/pre&gt;
&lt;p&gt;func upadate is:&lt;/p&gt;
&lt;pre&gt;&lt;code&gt;let offset = lyricScrollView.contentOffset
lyricScrollView.setContentOffset(CGPoint(x: offset.x, y: offset.y + 25), animated: true)
&lt;/code&gt;&lt;/pre&gt;
&lt;p&gt;but when I change the time interval to 0.1 like this:&lt;/p&gt;
&lt;pre&gt;&lt;code&gt;timer = NSTimer.scheduledTimerWithTimeInterval(0.1, target: self, selector: "updateTime", userInfo: nil, repeats: true)
&lt;/code&gt;&lt;/pre&gt;
&lt;p&gt;I found that my scrollview doesn't scroll 10x faster than before, instead, it scrolls a little every 0.1 seconds, not 25 points every 0.1 seconds. If I set animated to false, the problem is gone.&lt;/p&gt;
&lt;p&gt;Could someone tell me why this happens?&lt;/p&gt;</t>
  </si>
  <si>
    <t>2015-10-09 02:32:50.730000+00:00</t>
  </si>
  <si>
    <t>ios|swift|uiscrollview|nstimer</t>
  </si>
  <si>
    <t>Can't Select Records from a database table with grouping using Linq</t>
  </si>
  <si>
    <t>&lt;p&gt;I'm trying to Select an SQL table and grouping columns using Linq to SQL, Entities, or Object (I don't really know what.) I'm a bit new to Linq and could use some help. The code structure is straight-forward in my view. When I don't add in the GroupBy method, it works fine. JT_Temp is an entity model by the way. When I run my code below, it goes to the exception:&lt;/p&gt;
&lt;p&gt;The entity or complex type 'JT_Temp' cannot be constructed in LINQ to Entities query. &lt;/p&gt;
&lt;p&gt;I have tried &lt;a href="http://www.mikesdotnetting.com/article/257/entity-framework-6-recipe-grouping-by-year-and-month" rel="nofollow"&gt;this&lt;/a&gt; and various stackoverflow solutions but they don't seem to solve and apply to my case.&lt;/p&gt;
&lt;p&gt;Here is my current code:&lt;/p&gt;
&lt;pre&gt;&lt;code&gt;//Goal:
 //SELECT EnvelopeCode, Branch_COA, AQ_COA, AQ_Branch, SUM(Amount), AQ_PostStatus FROM JT_Temp
            //GROUP BY EnvelopeCode, Branch_COA, AQ_COA, AQ_Branch, AQ_PostStatus
//var csvFilteredRecord = Context.JT_Temp.SqlQuery("SELECT * FROM JT_Temp").ToList&amp;lt;JT_Temp&amp;gt;(); 
// GROUP BY -- No go; Manual SELECT -- No go;
            try
            {
                var csvFilteredRecord = (
                    from c in Context.JT_Temp
                    group c by new
                    {
                        c.EnvelopeCode,
                        c.Branch_COA,
                        c.AQ_COA,
                        c.AQ_Branch,
                        c.AQ_PostStatus
                    } into i
                    select new JT_Temp
                    {
                        EnvelopeCode = i.Key.EnvelopeCode,
                        Branch_COA = i.Key.Branch_COA,
                        AQ_COA = i.Key.AQ_COA,
                        AQ_Branch = i.Key.AQ_Branch,
                        //TO-DO SUM(Amount),
                        AQ_PostStatus = i.Key.AQ_PostStatus
                    }).ToList();
                foreach (var Record in csvFilteredRecord)
                {
                    Console.WriteLine(
                            Record.EnvelopeCode
                            + Record.Branch_COA
                            + Record.AQ_COA
                            //+ Record.Amount
                            + Record.AQ_PostStatus
                        );
                }
            }
            catch (Exception e)
            {
                Console.WriteLine("---------- " + e.Message);
                Console.ReadLine();
            }
&lt;/code&gt;&lt;/pre&gt;</t>
  </si>
  <si>
    <t>2015-05-26 17:06:02.150000+00:00</t>
  </si>
  <si>
    <t>2015-05-26 18:35:58.920000+00:00</t>
  </si>
  <si>
    <t>2015-05-26 17:28:00+00:00</t>
  </si>
  <si>
    <t>How to pass references as arguments in a method in c#</t>
  </si>
  <si>
    <t>&lt;p&gt;How can you pass refernces in C#?&lt;/p&gt;</t>
  </si>
  <si>
    <t>2009-06-17 14:59:37.997000+00:00</t>
  </si>
  <si>
    <t>2011-11-14 18:14:49.563000+00:00</t>
  </si>
  <si>
    <t>c#|console</t>
  </si>
  <si>
    <t>Is google app engine 1.6.4 slower in local?</t>
  </si>
  <si>
    <t>&lt;p&gt;&lt;strong&gt;Original issue&lt;/strong&gt;&lt;/p&gt;
&lt;p&gt;Since I changed the version from 1.6.3. to 1.6.4 I get serious performance problems working together with GWT in hosted mode.&lt;/p&gt;
&lt;p&gt;&lt;strong&gt;Update 18/04/2012&lt;/strong&gt;&lt;/p&gt;
&lt;p&gt;The issue is reproductible also in 1.6.4.1 in dev environment.
By now the best is to downgrade to 1.6.3&lt;/p&gt;
&lt;p&gt;&lt;strong&gt;Update 09/07/2012&lt;/strong&gt;&lt;/p&gt;
&lt;p&gt;According to Kris Giesing:
This is still not fixed in 1.7.0. A request that takes 330ms to process in 1.4.3, and 415ms to process in 1.6.3, takes 13740ms to process in 1.7.0. That's from timing the Java analysis code (no I/O) - almost a 40x slowdown.&lt;/p&gt;
&lt;p&gt;&lt;strong&gt;Update 09/08/2012&lt;/strong&gt;&lt;/p&gt;
&lt;p&gt;Google acknowledged the problem in the &lt;a href="http://code.google.com/p/googleappengine/issues/detail?id=7282" rel="nofollow"&gt;issue 7282&lt;/a&gt; of google appengine's public issue list.&lt;/p&gt;</t>
  </si>
  <si>
    <t>2012-04-04 18:11:28.277000+00:00</t>
  </si>
  <si>
    <t>2012-10-27 11:09:21.287000+00:00</t>
  </si>
  <si>
    <t>2012-08-09 21:13:50.877000+00:00</t>
  </si>
  <si>
    <t>java|performance|google-app-engine|gwt</t>
  </si>
  <si>
    <t>To Create a Stackable Table Plugin</t>
  </si>
  <si>
    <t>&lt;p&gt;So I'm trying to create a super simple plugin that stacks a table when the view port is scrolled down to a mobile view port. Instead of using CSS pseudo selectors (not allowed in jQuery) I'm absolute positioning a span. The CSS works it's just the span in being multiplied because everything's within an .each() statement.&lt;/p&gt;
&lt;pre&gt;&lt;code&gt;(function($) {
    $.fn.stackableTable = function() {
        console.log(this);
        var $table = this;
        $table.each(function(h, table) {
            $th = $(this).find("thead th");
            $tr = $(this).find("tbody tr");
            $td = $tr.find("td");
            //console.log($th, $td, $tr);
            $tr.each(function(i, tr){
                $th.each(function(j, th){
                    var headCopy = $(this).text();
                    $td.each(function(k, td){
                        var columHead = $('&amp;lt;span /&amp;gt;').attr("class", "header").html(headCopy);
                        $td.eq(k).prepend(columHead);
                    }); 
                });
            });
        });
    };
}(jQuery)); 
&lt;/code&gt;&lt;/pre&gt;
&lt;p&gt;Any help with the correct nesting is greatly appreciated, using either jQuery or JavaScript. See CodePen here: &lt;a href="http://codepen.io/michaeladamek/pen/jPQgZg" rel="nofollow"&gt;http://codepen.io/michaeladamek/pen/jPQgZg&lt;/a&gt;&lt;/p&gt;
&lt;p&gt;Thanks! &lt;/p&gt;</t>
  </si>
  <si>
    <t>2015-07-30 20:43:53.313000+00:00</t>
  </si>
  <si>
    <t>javascript|jquery|html|mobile</t>
  </si>
  <si>
    <t>Is it ever "moral" to override a nonvirtual function?</t>
  </si>
  <si>
    <t>&lt;p&gt;I have used the following C++ rule of thumb for a long time:&lt;/p&gt;
&lt;blockquote&gt;
  &lt;p&gt;If a class overrides a function in its
  base class, the function should be
  declared &lt;code&gt;virtual&lt;/code&gt; in the base.&lt;/p&gt;
&lt;/blockquote&gt;
&lt;p&gt;I think I have come across an exception from this rule. To judge whether this is justified, or points at a flaw in my design, I am asking this question. I would like to get examples or better rules.&lt;/p&gt;
&lt;hr&gt;
&lt;p&gt;Edit: I tried describing my use case here, and I have understood that I don't really need inheritance!&lt;/p&gt;
&lt;p&gt;I wanted to ask a general question though. Thanks for the answers!&lt;/p&gt;</t>
  </si>
  <si>
    <t>2011-03-13 13:50:29.793000+00:00</t>
  </si>
  <si>
    <t>2017-08-20 13:58:50.650000+00:00</t>
  </si>
  <si>
    <t>c++|virtual-functions</t>
  </si>
  <si>
    <t>Why login without rights can see 'sa' login?</t>
  </si>
  <si>
    <t>&lt;p&gt;how its possible to see 'sa' login in connection with login which have only granted to read some views? Probably cant to edit anything, but can see. And also can see list of databases, but cant to open. All in SQL Management Studio. Login just created by:&lt;/p&gt;
&lt;pre&gt;&lt;code&gt;create login YourTpvLogin with password = 'enter new password here'
go
create user YourTpvUser for login YourTpvLogin
go
grant select on YourView to YourTpvUser
&lt;/code&gt;&lt;/pre&gt;
&lt;p&gt;Thank you for explanation or way how to fix it.&lt;/p&gt;</t>
  </si>
  <si>
    <t>2016-03-02 16:46:01.753000+00:00</t>
  </si>
  <si>
    <t>2016-03-02 17:47:04.163000+00:00</t>
  </si>
  <si>
    <t>sql-server|security|sql-server-2012</t>
  </si>
  <si>
    <t>Liferay change portal settings by file</t>
  </si>
  <si>
    <t>&lt;p&gt;i'm working with liferay in a local machine, with CAS implemented&lt;/p&gt;
&lt;p&gt;I changed the cas setting in the web like this:&lt;/p&gt;
&lt;pre&gt;&lt;code&gt;Login URL   - http://localhost:8080/cas-web/login
Logout URL  - http://localhost:8080/cas-web/logout
Server Name - http://localhost:8080/cas-web
Server URL  - http://localhost:8080/cas-web/proxyValidate
&lt;/code&gt;&lt;/pre&gt;
&lt;p&gt;Now is giving me &lt;strong&gt;ERR_SSL_PROTOCOL_ERROR&lt;/strong&gt; when i'm try enter, i tried modify the portal-ext.properties for change the  &lt;strong&gt;cas.auth.enabled=false&lt;/strong&gt; but seems like liferay have more priority in the portal settings.&lt;/p&gt;
&lt;p&gt;The last configuration that works for me was:&lt;/p&gt;
&lt;pre&gt;&lt;code&gt;cas.login.url=https://localhost:8443/cas-web/login
cas.logout.url=https://localhost:8443/cas-web/logout
cas.server.name=localhost:8080
cas.server.url=https://localhost:8443/cas-web
cas.validate.url=https://localhost:8443/cas-web/proxyValidate
&lt;/code&gt;&lt;/pre&gt;
&lt;p&gt;how disable the cas login for i can enter into liferay portal without cas and change the setting into the portal?&lt;/p&gt;</t>
  </si>
  <si>
    <t>2016-08-05 10:16:32.780000+00:00</t>
  </si>
  <si>
    <t>2017-05-22 16:16:46.413000+00:00</t>
  </si>
  <si>
    <t>liferay|cas</t>
  </si>
  <si>
    <t>c# Combo box Not Displaying The Selected value</t>
  </si>
  <si>
    <t>&lt;p&gt;I have two combo boxes defined as far as I can tell in almost identical ways:&lt;/p&gt;
&lt;pre&gt;&lt;code&gt;&amp;lt;ComboBox AllowDrop="False" DataContext="{Binding}" Height="23" IsEnabled="True" IsSynchronizedWithCurrentItem="True" ItemTemplate="{StaticResource AccountTypeTemplate}" ItemsSource="{Binding}" Margin="0,12,90,0"  Name="AccountTypeCombo" VerticalAlignment="Top" SelectionChanged="AccountTypeCombo_SelectionChanged" HorizontalAlignment="Right" Width="84" Grid.Column="1" /&amp;gt;
&amp;lt;ComboBox AllowDrop="False" DataContext="{Binding}" Height="23" IsEnabled="True" IsSynchronizedWithCurrentItem="True" ItemTemplate="{StaticResource AccountTemplate}"     ItemsSource="{Binding}" Margin="0,13,14,0" Name="AccountsList"     VerticalAlignment="Top" SelectionChanged="AccountsList_SelectionChanged"     HorizontalAlignment="Right" Width="576" /&amp;gt;
&lt;/code&gt;&lt;/pre&gt;
&lt;p&gt;Whilst &lt;code&gt;AccountType_Combo&lt;/code&gt; is fine, the other one (&lt;code&gt;AccountsList&lt;/code&gt;) refuses to display a value when selected even though I cabn get the selected value.&lt;/p&gt;
&lt;p&gt;Also when you hover over the offending box it seems to display part of another (possibly  itself) control where you would expect to see the text.&lt;/p&gt;
&lt;p&gt;I am quite new to c# progamming having spent many years on C/Pascal/C++&lt;/p&gt;
&lt;p&gt;Any ideas?&lt;/p&gt;</t>
  </si>
  <si>
    <t>2012-08-06 19:49:39.750000+00:00</t>
  </si>
  <si>
    <t>2012-08-06 20:45:43.963000+00:00</t>
  </si>
  <si>
    <t>c#|data-binding|binding|combobox</t>
  </si>
  <si>
    <t>Broken sockets in .NET?</t>
  </si>
  <si>
    <t>&lt;p&gt;Here's a really strange problem: Apparently, the specific sequence of bytes which translates to ASCII &lt;code&gt;"PUttttt"&lt;/code&gt;, if sent over a TCP socket doesn't make it to the client at all.&lt;/p&gt;
&lt;p&gt;I've included the sample code used to demonstrate the problem below in hopes that someone might have an idea as to why this is happening.  The server and client applications have been intentionally reduced to simple console synchronous versions to make troubleshooting easier.&lt;/p&gt;
&lt;p&gt;The key aspect of the problem is the data that goes into the send buffer (the "PUttttt" string).&lt;/p&gt;
&lt;p&gt;The server:&lt;/p&gt;
&lt;pre&gt;&lt;code&gt;using System;      
using System.Net.Sockets;
using System.Net;
namespace ConsoleServer
{
    private static Socket mServer;
    private static byte[] fileBytes;
    private static int sent_total;
    static void Main(string[] args)
    {
        string hostName = "localhost";  //Dns.GetHostName();
        IPHostEntry ipHostInfo = Dns.GetHostEntry(hostName);
        IPAddress iaddr = null;
        for(int k = 0; k &amp;lt; ipHostInfo.AddressList.Length; k++)
            if (ipHostInfo.AddressList[k].AddressFamily == AddressFamily.InterNetwork)
            {
                iaddr = ipHostInfo.AddressList[k];
                break;
            }
        if (iaddr == null)
        {
            Console.WriteLine("Can not bind to any interface.. Server can not start");
            Console.ReadKey();
            return;
        }
        mServer = new Socket(iaddr.AddressFamily, SocketType.Stream, ProtocolType.Tcp);
        mServer.Bind(new IPEndPoint(iaddr, 8000));
        Console.WriteLine("Server: Bound to " + hostName + " (" + iaddr.ToString() + "):8000");
        mServer.Listen(1);
        Console.WriteLine("Server: Started. Awaiting connection.");
        Socket handler = mServer.Accept();
        handler.LingerState = new LingerOption(true, 5);
        Console.WriteLine("Server: A Client connected\r\nServer: sending data");
        string str = @"PUttttt";
        fileBytes = System.Text.ASCIIEncoding.ASCII.GetBytes(str);
        SocketError errCode = SocketError.Success;
        int sent = handler.Send(fileBytes, 0, fileBytes.Length, SocketFlags.None, out errCode);
        sent_total += sent;
        Console.WriteLine("Server: Done sending. " + sent_total + " bytes (" + errCode.ToString() + ")");
        handler.Close();
        Console.WriteLine("Server: CLient Disconnected");
        Console.ReadKey();
    } 
   }
}
&lt;/code&gt;&lt;/pre&gt;
&lt;p&gt;The client:&lt;/p&gt;
&lt;pre&gt;&lt;code&gt;using System;
using System.Net.Sockets;
using System.Net;
namespace ConsoleClient
{
  class Program
  {
    private static int BUFFER_SIZE = 1024 * 1024;
    private static string SERVER_ADDR = "localhost"; //Dns.GetHostName();
    private static int SERVER_PORT = 8000;
    static void Main(string[] args)
    {
        Console.WriteLine("Client: connecting to " + SERVER_ADDR + " server");
        Socket socket = new Socket(AddressFamily.InterNetwork, SocketType.Stream, ProtocolType.Tcp);
        socket.ReceiveTimeout = 30000;
        socket.ReceiveBufferSize = BUFFER_SIZE;
        IPHostEntry ipHostInfo = Dns.GetHostEntry(SERVER_ADDR);
        IPAddress ipAddress = null;
        for (int k = 0; k &amp;lt; ipHostInfo.AddressList.Length; k++)
            if (ipHostInfo.AddressList[k].AddressFamily == AddressFamily.InterNetwork)
            {
                ipAddress = ipHostInfo.AddressList[k];
                break;
            }
        socket.Connect(new IPEndPoint(ipAddress, SERVER_PORT));
        Console.WriteLine("Client: connected");
        byte[] buffer = new byte[BUFFER_SIZE];
        int total = 0;
        int read = socket.Receive(buffer, buffer.Length, SocketFlags.None);
        total += read;
        Console.WriteLine("Client: read " + read + " bytes. " + total + " total");
        while (read &amp;gt; 0)
        {
            try
            {
                read = socket.Receive(buffer, buffer.Length, SocketFlags.None);
                total += read;
                Console.WriteLine("Client: read " + read + " bytes. " + total + " total: ");
            }
            catch (Exception se)
            {
                Console.WriteLine(se.ToString());
                break;
            }
        }
        Console.WriteLine("Client: received " + total + " bytes");
        socket.Shutdown(SocketShutdown.Both);
        socket.Close();
        Console.WriteLine("Connection Closed.");
        Console.ReadKey();
    }
  }
}
&lt;/code&gt;&lt;/pre&gt;
&lt;p&gt;I've compiled this using Visual Studio 2010, and the .NET 4 Client Profile but I suspect it is broken in other versions of .NET.&lt;/p&gt;
&lt;p&gt;Here's the output from the server:&lt;/p&gt;
&lt;pre&gt;&lt;code&gt;Server: Bound to localhost (127.0.0.1):8000
Server: Started. Awaiting connection.
Server: A Client connected
Server: sending data
Server: Done sending. 7 bytes (Success)
Server: CLient Disconnected
&lt;/code&gt;&lt;/pre&gt;
&lt;p&gt;And this is the output from the client&lt;/p&gt;
&lt;pre&gt;&lt;code&gt;Client: connecting to localhost server
Client: connected
Client: read 0 bytes. 0 total
Client: received 0 bytes
Connection Closed.
&lt;/code&gt;&lt;/pre&gt;
&lt;p&gt;Note the difference between what is sent from the server and what is received by the client.  Also, if the line that closes the socket on the server is commented out, the client will just hang waiting to receive data.&lt;/p&gt;</t>
  </si>
  <si>
    <t>2010-10-22 18:54:07.990000+00:00</t>
  </si>
  <si>
    <t>2010-10-22 22:54:12.060000+00:00</t>
  </si>
  <si>
    <t>.net|sockets</t>
  </si>
  <si>
    <t>"2+2=5" Python edition</t>
  </si>
  <si>
    <t>&lt;p&gt;Can somebody explain this tricky output:&lt;/p&gt;
&lt;pre&gt;&lt;code&gt;&amp;gt;&amp;gt;&amp;gt; not(type(1.01)) == type(1) # Why does the expression evaluates to True!?
True
&amp;gt;&amp;gt;&amp;gt; not(type(1.01))
False
&amp;gt;&amp;gt;&amp;gt; False == type(1)
False
&lt;/code&gt;&lt;/pre&gt;
&lt;p&gt;What happens there? And why this happens?&lt;/p&gt;
&lt;p&gt;&lt;strong&gt;Answer:&lt;/strong&gt;
When I asked question I treated &lt;code&gt;not&lt;/code&gt; as a function, but actually &lt;code&gt;not&lt;/code&gt; isn't a function. That's why not(#something) doesn't change operator precedence. For example:&lt;/p&gt;
&lt;pre&gt;&lt;code&gt;not(type(1.01)) == type(1)
&lt;/code&gt;&lt;/pre&gt;
&lt;p&gt;is the same as:&lt;/p&gt;
&lt;pre&gt;&lt;code&gt;not(type(1.01) == type(1))
&lt;/code&gt;&lt;/pre&gt;
&lt;p&gt;and:&lt;/p&gt;
&lt;p&gt;&lt;code&gt;not type(1.01) == type(1)&lt;/code&gt;&lt;/p&gt;
&lt;p&gt;but not the same as:&lt;/p&gt;
&lt;pre&gt;&lt;code&gt;(not type(1.01)) == type(1)
&lt;/code&gt;&lt;/pre&gt;</t>
  </si>
  <si>
    <t>2013-11-13 11:19:05.713000+00:00</t>
  </si>
  <si>
    <t>2014-11-10 14:28:57.863000+00:00</t>
  </si>
  <si>
    <t>Cache issue in Yii</t>
  </si>
  <si>
    <t>&lt;p&gt;I am using &lt;code&gt;Yii v. 1.1.14&lt;/code&gt; to cache some data using &lt;code&gt;CMemCache&lt;/code&gt;:&lt;/p&gt;
&lt;pre&gt;&lt;code&gt;    $realtyJsonCacheId = 'realtyForMap';
    $realtyJson = Yii::app()-&amp;gt;cache-&amp;gt;get($realtyJsonCacheId);
    if ( $realtyJson === false )
    {
        $realty = Realty::model()-&amp;gt;findAll();
        $realtyJson = CJSON::encode($realty);
        $realtyJsonDep = new CDbCacheDependency("SELECT COUNT(id) FROM Realty");
        Yii::app()-&amp;gt;cache-&amp;gt;set($realtyJsonCacheId,$realtyJson,0,$realtyJsonDep);
    }
    else
    {
        echo "CACHED";
    }
&lt;/code&gt;&lt;/pre&gt;
&lt;p&gt;The problem is that the size of data I am trying to cache is over 2Mb and it actually gets cached, when it should not be.&lt;/p&gt;
&lt;p&gt;My &lt;code&gt;memcached&lt;/code&gt; server is default counfigured, I launch it using &lt;code&gt;sudo service memcached -I 1M&lt;/code&gt; command.&lt;/p&gt;
&lt;p&gt;I would like to know what and why is going on. Obviously the data IS being cached, but why and how?&lt;/p&gt;</t>
  </si>
  <si>
    <t>2014-03-15 08:08:21.170000+00:00</t>
  </si>
  <si>
    <t>2016-01-27 08:51:26.243000+00:00</t>
  </si>
  <si>
    <t>caching|yii|size|memcached</t>
  </si>
  <si>
    <t>jQuery: Run animation after all calculations and DOM updates are complete</t>
  </si>
  <si>
    <t>&lt;p&gt;I am trying to prevent an element from being animated until a specific function is complete. The problem is that the animation starts while the function still is running, so the animation is extremely laggy and jumpy instead of smooth and calm as it is when I disable the function. &lt;/p&gt;
&lt;p&gt;My code looks something like this:&lt;/p&gt;
&lt;pre&gt;&lt;code&gt;function editElement() {
    // Do a lot of calculations and edit what is inside #box (no Ajax)
}
$("#click").click(function() {
    editElement();
    $("#element").slideDown("slow");
});
&lt;/code&gt;&lt;/pre&gt;
&lt;p&gt;How can force the &lt;code&gt;slideDown&lt;/code&gt; animation to wait until the function is complete before running? &lt;/p&gt;
&lt;p&gt;I have tried &lt;code&gt;callbacks&lt;/code&gt; and &lt;code&gt;$.Deferred&lt;/code&gt; suggested in other questions, but most of them seem to be directed towards Ajax and do not work for me. Thank you for your time!&lt;/p&gt;</t>
  </si>
  <si>
    <t>2013-11-06 06:06:01.270000+00:00</t>
  </si>
  <si>
    <t>2013-11-06 06:16:06.120000+00:00</t>
  </si>
  <si>
    <t>Handling error in Observable</t>
  </si>
  <si>
    <t>&lt;h1&gt;Problem Description&lt;/h1&gt;
&lt;p&gt;I have a simple class with simple function &lt;code&gt;buildUseCaseObservable&lt;/code&gt;. Function should do following &lt;/p&gt;
&lt;ol&gt;
&lt;li&gt;Try to get data from Internet first
&lt;ul&gt;
&lt;li&gt;If succeed write data to Database&lt;/li&gt;
&lt;li&gt;&lt;strong&gt;If failed with exceptions like: &lt;code&gt;ServerUnavailable&lt;/code&gt;, &lt;code&gt;SocketException&lt;/code&gt; should read data from database and also should report error.&lt;/strong&gt;&lt;/li&gt;
&lt;li&gt;If receive data, but data was null or empty, should read data from database.   &lt;/li&gt;
&lt;/ul&gt;&lt;/li&gt;
&lt;/ol&gt;
&lt;p&gt;Basically everything works like expected, except bold point. In case something happens while getting data from web, only &lt;code&gt;onError&lt;/code&gt; is called and &lt;code&gt;onNext&lt;/code&gt; is not called.&lt;/p&gt;
&lt;p&gt;I found out that there is method called &lt;code&gt;onErrorResumeNext&lt;/code&gt; which is basically doing what I need but in that case I'm loosing error (&lt;code&gt;onError&lt;/code&gt; is not called, instead &lt;code&gt;onNext&lt;/code&gt; is called)&lt;/p&gt;
&lt;h1&gt;Question&lt;/h1&gt;
&lt;p&gt;Is the such method like &lt;code&gt;onCompleteWithError&lt;/code&gt; or if no how to implement such a thing to not lose error?&lt;/p&gt;
&lt;pre&gt;&lt;code&gt;@PerActivity
public class DataInteractor extends Interactor {
    private RestService rest;
    private DataService data;
    @Inject
    AuthorsInteractor(RestService rest, DataService data) {
        this.rest = rest;
        this.data = data;
    }
    @Override
    protected Observable buildUseCaseObservable() {
        return Observable.concat(
                rest.getData().doOnNext(data -&amp;gt; data.setAuthors(authors)),
                data.getData())
                .first(data -&amp;gt; data != null &amp;amp;&amp;amp; !authors.isEmpty());
    }
}
&lt;/code&gt;&lt;/pre&gt;</t>
  </si>
  <si>
    <t>2016-11-18 14:16:23.963000+00:00</t>
  </si>
  <si>
    <t>2016-11-18 14:47:21.987000+00:00</t>
  </si>
  <si>
    <t>java|android|rx-java|observable|subscriber</t>
  </si>
  <si>
    <t>How Can I Upload a Photo to Server in iPhone SDK?</t>
  </si>
  <si>
    <t>&lt;p&gt;The below is my method to upload a photo to the server. There are two parameters: &lt;code&gt;DeviceToken&lt;/code&gt; and &lt;code&gt;ContentModel.ContentModel&lt;/code&gt; that contains a dictionary. Inside 2 field there is &lt;code&gt;AlbumID&lt;/code&gt; and &lt;code&gt;ContentPath&lt;/code&gt;.  &lt;/p&gt;
&lt;pre&gt;&lt;code&gt;NSURL *rtfUrl = [[NSBundle mainBundle] URLForResource:@"AlertBody" withExtension:@".png"];
NSString *deviceToken = @"5FF2C5A6-3930-4102-99A7-A55107B4375C";
NSString *loStr = [NSString stringWithFormat:myUrl];
loStr = [loStr stringByAddingPercentEscapesUsingEncoding:NSUTF8StringEncoding];
NSMutableURLRequest *request = [[NSMutableURLRequest alloc] init];
[request setURL:[NSURL URLWithString:loStr]];
[request setHTTPMethod:@"POST"];
NSString *boundary = @"---------------------------14737809831466499882746641449";
NSString *contentType = [NSString stringWithFormat:@"multipart/form-data; boundary=%@", boundary];
[request addValue:contentType forHTTPHeaderField:@"Content-Type"];
NSMutableData *postbody = [NSMutableData data];
[postbody appendData:[[NSString stringWithFormat:@"--%@\r\n", boundary] dataUsingEncoding:NSUTF8StringEncoding]];
[postbody appendData:[[NSString stringWithFormat:@"Content-Disposition: form-data; name=\"%@\"\r\n\r\n",@"deviceToken"] dataUsingEncoding:NSUTF8StringEncoding]];
[postbody appendData:[[NSString stringWithString:deviceToken] dataUsingEncoding:NSUTF8StringEncoding]];
[postbody appendData:[[NSString stringWithFormat:@"\r\n"] dataUsingEncoding:NSUTF8StringEncoding]];
NSDictionary *contentModel = @{
                            @"AlbumID" : @"0",
                            @"contentPath" : [rtfUrl absoluteString],
                            };
[postbody appendData:[[NSString stringWithFormat:@"--%@\r\n", boundary] dataUsingEncoding:NSUTF8StringEncoding]];
[postbody appendData:[[NSString stringWithFormat:@"Content-Disposition: form-data; name=\"%@\"\r\n\r\n",@"contentModel"] dataUsingEncoding:NSUTF8StringEncoding]];
[postbody appendData:[[NSString stringWithFormat:@"%@",contentModel] dataUsingEncoding:NSUTF8StringEncoding]];
[postbody appendData:[[NSString stringWithFormat:@"\r\n"] dataUsingEncoding:NSUTF8StringEncoding]];
//Adding Image
NSData *imageData = UIImageJPEGRepresentation([UIImage imageNamed:@"AlertBody.png"], 0.3);
[postbody appendData:[[NSString stringWithFormat:@"--%@\r\n",boundary] dataUsingEncoding:NSUTF8StringEncoding]];
 [postbody appendData:[[NSString stringWithFormat:@"Content-Disposition: form-data; name=\"myfile\"; filename=\"%@\"\r\n",@"AlertBody.png"] dataUsingEncoding:NSUTF8StringEncoding]]; // filetype=\"image/png\";
[postbody appendData:[@"Content-Type: image/png\r\n\r\n" dataUsingEncoding:NSUTF8StringEncoding]];
[postbody appendData:[NSData dataWithData:imageData]];
[postbody appendData:[[NSString stringWithFormat:@"\r\n--%@--\r\n",boundary] dataUsingEncoding:NSUTF8StringEncoding]];
//Close form
[postbody appendData:[[NSString stringWithFormat:@"--%@--\r\n",boundary] dataUsingEncoding:NSUTF8StringEncoding]];
//send data to server
[request setHTTPBody:postbody];
NSString *msgLength = [NSString stringWithFormat:@"%d", [postbody length]];
[request addValue: msgLength forHTTPHeaderField:@"Content-Length"];
NSURLResponse *response = NULL;
NSError *requestError = NULL;
NSData *responseData1 = [NSURLConnection sendSynchronousRequest:request returningResponse:&amp;amp;response error:&amp;amp;requestError];
NSString *responseString = [[NSString alloc] initWithData:responseData1 encoding:NSUTF8StringEncoding];
NSLog(@"response string ==%@;",responseString);
&lt;/code&gt;&lt;/pre&gt;
&lt;p&gt;This is my code. What is the error in this? I am getting this response: &lt;code&gt;Source code **500** .web service is created using ASP.net.&lt;/code&gt;&lt;/p&gt;
&lt;p&gt;Please Help me. I am facing this problem a lot. &lt;/p&gt;</t>
  </si>
  <si>
    <t>2014-07-07 10:40:40.253000+00:00</t>
  </si>
  <si>
    <t>2014-07-07 13:11:30.847000+00:00</t>
  </si>
  <si>
    <t>2014-07-07 11:00:22.457000+00:00</t>
  </si>
  <si>
    <t>ios|asp.net|iphone|web-services</t>
  </si>
  <si>
    <t>Xamarin Forms Update ListView on WillEnterForeground</t>
  </si>
  <si>
    <t>&lt;p&gt;&lt;strong&gt;Objective&lt;/strong&gt;&lt;/p&gt;
&lt;p&gt;Update a Xamarin.Forms ListView when the iOS Application Enters the foreground&lt;/p&gt;
&lt;p&gt;&lt;strong&gt;Approach&lt;/strong&gt;&lt;/p&gt;
&lt;p&gt;The closes example I have seen is found in the monotouch samples&lt;/p&gt;
&lt;p&gt;&lt;a href="https://github.com/xamarin/monotouch-samples/blob/master/SimpleBackgroundFetch/SimpleBackgroundFetch/AppDelegate.cs" rel="nofollow"&gt;https://github.com/xamarin/monotouch-samples/blob/master/SimpleBackgroundFetch/SimpleBackgroundFetch/AppDelegate.cs&lt;/a&gt;&lt;/p&gt;
&lt;pre&gt;&lt;code&gt;public override void PerformFetch (UIApplication application, Action&amp;lt;UIBackgroundFetchResult&amp;gt; completionHandler)
        {
            UINavigationController navigationController = Window.RootViewController as UINavigationController;
            UIViewController topViewController = navigationController.TopViewController;
            if (topViewController is RootViewController) {
                (topViewController as RootViewController).InsertNewObjectForFetch (completionHandler);
                UIApplication.SharedApplication.ApplicationIconBadgeNumber++;
            } else
                completionHandler (UIBackgroundFetchResult.Failed);
        }
&lt;/code&gt;&lt;/pre&gt;
&lt;p&gt;This is using PerformFetch but the WillEnterForegroundMethod will accomplish what I am trying to do.&lt;/p&gt;
&lt;p&gt;&lt;strong&gt;Problem&lt;/strong&gt;&lt;/p&gt;
&lt;p&gt;The problem is I am using a Xamarin.Form Page and don't know how to get access to the Page or the Pages' ViewModel from the App Delegate Class. Any ideas?&lt;/p&gt;</t>
  </si>
  <si>
    <t>2014-12-04 18:59:15.850000+00:00</t>
  </si>
  <si>
    <t>2015-05-15 21:51:34.400000+00:00</t>
  </si>
  <si>
    <t>c#|xamarin.ios|xamarin|xamarin.forms</t>
  </si>
  <si>
    <t>MVC project what is the difference between PartialViewResult, ActionResult,ViewResult classes?</t>
  </si>
  <si>
    <t>&lt;p&gt;MVC project 
what is the difference between &lt;/p&gt;
&lt;p&gt;&lt;code&gt;PartialViewResult&lt;/code&gt;&lt;/p&gt;
&lt;p&gt;&lt;code&gt;ActionResult&lt;/code&gt;&lt;/p&gt;
&lt;p&gt;&lt;code&gt;ViewResult&lt;/code&gt; &lt;/p&gt;
&lt;p&gt;classes?&lt;/p&gt;
&lt;p&gt;can anyone post brief introduction link?&lt;/p&gt;</t>
  </si>
  <si>
    <t>2011-12-20 15:19:59.850000+00:00</t>
  </si>
  <si>
    <t>2013-04-13 15:02:51.930000+00:00</t>
  </si>
  <si>
    <t>2011-12-20 15:34:36.567000+00:00</t>
  </si>
  <si>
    <t>asp.net-mvc|asp.net-mvc-3|model-view-controller</t>
  </si>
  <si>
    <t>MoveFocus won't trigger on TabItem Header click event</t>
  </si>
  <si>
    <t>&lt;p&gt;&lt;code&gt;DataGrid&lt;/code&gt; is located on &lt;code&gt;Tab1&lt;/code&gt;. If I am located on &lt;code&gt;Tab2&lt;/code&gt; and I click on the &lt;code&gt;Tab1&lt;/code&gt; header the program switches to &lt;code&gt;Tab1&lt;/code&gt; and the &lt;code&gt;DataGrid&lt;/code&gt; scrolls into view at the right position, but the selected &lt;code&gt;Row&lt;/code&gt; won't get focused(highlighted) unless I click on the &lt;code&gt;Tab1&lt;/code&gt; header again. The rest of the code is triggering just fine.&lt;/p&gt;
&lt;p&gt;CS&lt;/p&gt;
&lt;pre&gt;&lt;code&gt;private void Tab1_Clicked(object sender, MouseButtonEventArgs e)
{
    if (dg_address.SelectedIndex &amp;gt; -1)
    {
        dg_address.ScrollIntoView(dg_address.Items[dg_address.SelectedIndex]);
        DataGridRow row = (DataGridRow)dg_address.ItemContainerGenerator.ContainerFromIndex(dg_address.SelectedIndex);
        row.MoveFocus(new TraversalRequest(FocusNavigationDirection.Next));
    }
}
&lt;/code&gt;&lt;/pre&gt;
&lt;p&gt;XAML&lt;/p&gt;
&lt;pre&gt;&lt;code&gt;&amp;lt;TabControl x:Name="tab_control"
            HorizontalAlignment="Stretch"
            VerticalAlignment="Stretch"
            Background="#FFE5E5E5"&amp;gt;
    &amp;lt;TabItem&amp;gt;
        &amp;lt;TabItem.Header&amp;gt;
            &amp;lt;Label Content="Seznam"
                   MouseLeftButtonDown="Tab1_Clicked"/&amp;gt;
        &amp;lt;/TabItem.Header&amp;gt;
&lt;/code&gt;&lt;/pre&gt;</t>
  </si>
  <si>
    <t>2018-10-18 11:39:01.297000+00:00</t>
  </si>
  <si>
    <t>2018-10-23 12:43:11.340000+00:00</t>
  </si>
  <si>
    <t>2018-10-18 11:56:35.687000+00:00</t>
  </si>
  <si>
    <t>c#|.net|wpf|tabcontrol</t>
  </si>
  <si>
    <t>jquery return false not Working in Function called from onclientclick button event</t>
  </si>
  <si>
    <t>&lt;p&gt;in my ASPX page i have declared a jquery function and called it in button's onclientclick function but the return false is not occuring in it&lt;/p&gt;
&lt;pre&gt;&lt;code&gt; &amp;lt;asp:Button ID="btnRemove" Text="Remove" runat="server" CausesValidation="true" CssClass="submitButton" OnClientClick="CheckConfirm();" OnClick="btnRemove_Click" /&amp;gt;
function CheckConfirm() {
            if ($("['txtServerName']").val() != "") {
                var r = confirm("The selected server will be deleted from the Database!!");
                if (r == true) {
                    return true;
                }
                else {
                    return false;
                }
            }
        }
&lt;/code&gt;&lt;/pre&gt;
&lt;p&gt;I am new To jquery. Please let me know why the return false is not stopping hte event from proceeding.&lt;/p&gt;</t>
  </si>
  <si>
    <t>2013-05-09 13:39:09.450000+00:00</t>
  </si>
  <si>
    <t>2013-05-12 05:33:30.110000+00:00</t>
  </si>
  <si>
    <t>How/Why HLS is codec dependent?</t>
  </si>
  <si>
    <t>&lt;p&gt;I was reading about HLS and DASH. I was going through this post &lt;a href="https://stackoverflow.com/questions/15687434/what-is-the-difference-between-hls-and-mpeg-dash"&gt;Difference between HLS and DASH&lt;/a&gt;. One of the difference I found is that HLS supports only H264 video codec and DASH is completely codec agnostic. I have some questions.&lt;/p&gt;
&lt;ol&gt;
&lt;li&gt;&lt;p&gt;Why HLS is considered to be codec dependent?&lt;/p&gt;&lt;/li&gt;
&lt;li&gt;&lt;p&gt;How HLS is codec dependent? My understanding is that HLS has a .M3U8 file which contains URL and other information of different representations. Client applicartion can fetch .ts media files from the required URL depending on the available bandwidth.&lt;/p&gt;&lt;/li&gt;
&lt;/ol&gt;</t>
  </si>
  <si>
    <t>2016-08-19 22:03:51.987000+00:00</t>
  </si>
  <si>
    <t>2016-08-23 19:36:26.867000+00:00</t>
  </si>
  <si>
    <t>2017-05-23 10:28:47.653000+00:00</t>
  </si>
  <si>
    <t>streaming|video-streaming|hls</t>
  </si>
  <si>
    <t>box viewer for microsoft office documents</t>
  </si>
  <si>
    <t>&lt;p&gt;I have a quiz website, where user will select the topic and can read contents.&lt;/p&gt;
&lt;p&gt;So I have contents in various formats like video, textfile, pdf reports.&lt;/p&gt;
&lt;p&gt;For contents to show them in box I am using &lt;a href="http://viewerjs.org/" rel="nofollow"&gt;http://viewerjs.org/&lt;/a&gt;.
since it supports limited extensions and doesn't fill up my all requirements for file type- &lt;code&gt;.docx&lt;/code&gt;,&lt;code&gt;.doc&lt;/code&gt;, &lt;code&gt;.xlsx&lt;/code&gt;,&lt;code&gt;.pptx&lt;/code&gt;.&lt;/p&gt;
&lt;p&gt;Is there any open source box viewer that supports office document?&lt;/p&gt;
&lt;p&gt;Although I can read their contents through &lt;code&gt;c#&lt;/code&gt; and display them back as plain text but my primarily requirement is to show them in box as viewer.js does it for pdf.&lt;/p&gt;</t>
  </si>
  <si>
    <t>2014-08-08 10:25:45.143000+00:00</t>
  </si>
  <si>
    <t>2014-08-09 15:27:34.980000+00:00</t>
  </si>
  <si>
    <t>c#|box-view-api</t>
  </si>
  <si>
    <t>Ignore warnings in entire subfolder</t>
  </si>
  <si>
    <t>&lt;p&gt;I have resource files connected with some source in a sub directory, like this: &lt;/p&gt;
&lt;pre&gt;&lt;code&gt;__init__.py
one.py
subdir/
    __init__.py
    two.py
    dir_two_resources_but_causes_lots_of_warnings/
&lt;/code&gt;&lt;/pre&gt;
&lt;p&gt;How can I ignore warnings generated in &lt;code&gt;dir_two_resources_but_causes_lots_of_warnings&lt;/code&gt; in Eclipse?&lt;/p&gt;</t>
  </si>
  <si>
    <t>2012-06-01 07:19:47.870000+00:00</t>
  </si>
  <si>
    <t>2012-06-01 09:54:15.483000+00:00</t>
  </si>
  <si>
    <t>python|eclipse|pydev|directory-structure</t>
  </si>
  <si>
    <t>How to smoothly zoom in or out (Visual Basic)</t>
  </si>
  <si>
    <t>&lt;p&gt;I try to zoom in or out a picture in small steps until it fills the screen. My code:
            While I &amp;lt;&gt; Math.Round(ZoomFactor, 2)
                If ZoomFactor &gt;= 1 Then
                    I = I + 0.01
                    ZoomPicture(1.01)
                Else
                    I = I - 0.01
                    ZoomPicture(0.99)
                End If
                Me.PictureBox1.Update()
            End While
    Private Sub ZoomPicture(ZoomFactor)
        Dim BiggerImage As Bitmap
        BiggerImage = New Bitmap(PictureBox1.Image, PictureBox1.Image.Width * ZoomFactor, PictureBox1.Image.Height * ZoomFactor)
        PictureBox1.Image = BiggerImage
    End Sub&lt;/p&gt;
&lt;p&gt;This works, but the zooming is a bit jerky (not smooth). I would like it to be like a movie (so mnimum 24 zooms/seconds).&lt;/p&gt;
&lt;p&gt;Is there a better way to achieve this? But not too complicated (I think using DirectX is very complicated, or isn't it?)&lt;/p&gt;
&lt;p&gt;Thanks a lot for an useful information&lt;/p&gt;
&lt;p&gt;Marc&lt;/p&gt;</t>
  </si>
  <si>
    <t>2015-08-04 03:26:45.397000+00:00</t>
  </si>
  <si>
    <t>2015-08-11 09:12:45.960000+00:00</t>
  </si>
  <si>
    <t>performance|vba|image-zoom</t>
  </si>
  <si>
    <t>WRITE_SECURE_SETTINGS + root</t>
  </si>
  <si>
    <t>&lt;p&gt;my application gives the user the option to grant root access to allow access to some system function (NFC). By default it never asks for root. &lt;/p&gt;
&lt;p&gt;So, after permissions is granted, I figured it should work, but I am still getting the dreaded:&lt;/p&gt;
&lt;pre&gt;&lt;code&gt;08-10 22:06:49.320: W/System.err(9421): Caused by: java.lang.SecurityException: WRITE_SECURE_SETTINGS permission required: Neither user 10174 nor current process has android.permission.WRITE_SECURE_SETTINGS.
&lt;/code&gt;&lt;/pre&gt;
&lt;p&gt;error. Am I missing something?
I am asking for the &lt;code&gt;WRITE_SECURE_SETTINGS&lt;/code&gt; permission, so that can't be it.&lt;/p&gt;
&lt;p&gt;The funny thing is I had NFC enable/ disable working, but after I installed a new Rom, I keep getting this error. It updated from 4.0.3 to 4.0.4, but no changes to the code in question as far as I can tell...any ideas?&lt;/p&gt;</t>
  </si>
  <si>
    <t>2012-08-10 20:12:09.817000+00:00</t>
  </si>
  <si>
    <t>2018-09-30 00:06:10.913000+00:00</t>
  </si>
  <si>
    <t>flip-flop-operator/readline-counter question</t>
  </si>
  <si>
    <t>&lt;p&gt;Reading this &lt;a href="https://stackoverflow.com/questions/4069243/perl-extract-rows-from-1-to-n-windows"&gt;Perl: extract rows from 1 to n (Windows)&lt;/a&gt; I didn't understand the flip-flop-operator/readline-counter part.&lt;/p&gt;
&lt;pre&gt;&lt;code&gt;perl -nE 'say $c if $c=1..3' my_file 
&lt;/code&gt;&lt;/pre&gt;
&lt;blockquote&gt;
  &lt;p&gt;1&lt;br&gt;
  2&lt;br&gt;
  3E0  &lt;/p&gt;
&lt;/blockquote&gt;
&lt;p&gt;Could someone explain me more detailed where this output comes from?&lt;/p&gt;</t>
  </si>
  <si>
    <t>2010-11-01 17:41:27.987000+00:00</t>
  </si>
  <si>
    <t>2013-05-31 15:04:10.467000+00:00</t>
  </si>
  <si>
    <t>2017-05-23 12:19:04.390000+00:00</t>
  </si>
  <si>
    <t>perl|counter|readline|flip-flop</t>
  </si>
  <si>
    <t>specification of list of servers in zookeeper cluster</t>
  </si>
  <si>
    <t>&lt;p&gt;Is the second component of the list of zookeepers just a sequence numbering or does it have to correspond to the &lt;code&gt;myId&lt;/code&gt; of the instance? For instance if I set up a new node with &lt;code&gt;myId=4&lt;/code&gt; and take deprovision the instance with &lt;code&gt;myId=3&lt;/code&gt; of the existing nodes, would my config have to look like the following:  &lt;/p&gt;
&lt;pre&gt;&lt;code&gt;tickTime=2000 
dataDir=/usr/src/zookeeper
clientPort=2181
initLimit=10
syncLimit=5
server.1=192.168.1.2:2888:3888
server.2=192.168.1.3:2888:3888
server.4=192.168.1.5:2888:3888
&lt;/code&gt;&lt;/pre&gt;</t>
  </si>
  <si>
    <t>2016-11-10 00:06:50.670000+00:00</t>
  </si>
  <si>
    <t>2016-11-10 14:54:03.750000+00:00</t>
  </si>
  <si>
    <t>apache-zookeeper</t>
  </si>
  <si>
    <t>add image from gallery to hero section</t>
  </si>
  <si>
    <t>&lt;p&gt;What I'm trying to do is have a gallery image replace the hero image on click.
I'm pretty sure there is a way to do this in jquery, but I can't find anything elegant.&lt;/p&gt;
&lt;p&gt;I have this site &lt;a href="http://nicholasdumais.com/jonbar/fashion/" rel="nofollow"&gt;http://nicholasdumais.com/jonbar/fashion/&lt;/a&gt;&lt;/p&gt;
&lt;p&gt;and code:&lt;/p&gt;
&lt;pre&gt;&lt;code&gt;&amp;lt;div class="col-8"&amp;gt;
    &amp;lt;img class="gallery-hero" src="../img/shot7.jpg"&amp;gt;
&amp;lt;/div&amp;gt;
&amp;lt;div class="col-4 gallery-container"&amp;gt;
    &amp;lt;span style="font-size:36px;color:#222;"&amp;gt;
        fashion
    &amp;lt;/span&amp;gt; 
    &amp;lt;br&amp;gt;&amp;lt;br&amp;gt;
    &amp;lt;div class="col-4"&amp;gt;
        &amp;lt;img class="gallery-thumb" src="../img/shot1.jpg"&amp;gt;
        &amp;lt;img class="gallery-thumb" src="../img/shot3.jpg"&amp;gt;
        &amp;lt;img class="gallery-thumb" src="../img/shot11.jpg"&amp;gt;
        &amp;lt;img class="gallery-thumb" src="../img/shot5.jpg"&amp;gt;
        &amp;lt;img class="gallery-thumb" src="../img/shot13.jpg"&amp;gt;
    &amp;lt;/div&amp;gt;
    &amp;lt;div class="col-4"&amp;gt;
        &amp;lt;img class="gallery-thumb" src="../img/shot7.jpg"&amp;gt;
        &amp;lt;img class="gallery-thumb" src="../img/shot2.jpg"&amp;gt;
        &amp;lt;img class="gallery-thumb" src="../img/shot4.jpg"&amp;gt;
        &amp;lt;img class="gallery-thumb" src="../img/shot9.jpg"&amp;gt;
    &amp;lt;/div&amp;gt;
    &amp;lt;div class="col-4"&amp;gt;
        &amp;lt;img class="gallery-thumb" src="../img/shot12.jpg"&amp;gt;
        &amp;lt;img class="gallery-thumb" src="../img/shot8.jpg"&amp;gt;
        &amp;lt;img class="gallery-thumb" src="../img/shot10.jpg"&amp;gt;
        &amp;lt;img class="gallery-thumb" src="../img/shot6.jpg"&amp;gt;
        &amp;lt;img class="gallery-thumb" src="../img/shot14.jpg"&amp;gt;
    &amp;lt;/div&amp;gt;
&amp;lt;/div&amp;gt;
&lt;/code&gt;&lt;/pre&gt;
&lt;p&gt;Thanks!&lt;/p&gt;</t>
  </si>
  <si>
    <t>2016-05-15 12:12:00.550000+00:00</t>
  </si>
  <si>
    <t>2016-05-15 12:34:20.877000+00:00</t>
  </si>
  <si>
    <t>First Transition not smooth jQuery fade in/out</t>
  </si>
  <si>
    <t>&lt;p&gt;I have some jQuery codes that cycles through a series of divs. I have it so the current div fades out and the next div then fades in in its place. The problem is on the first transition, the visible div doesn't fade out, it just disappears. After that first transition, the rest of the transitions are smooth with proper fade in/out motion. The following is an example of the divs:&lt;/p&gt;
&lt;pre&gt;&lt;code&gt;&amp;lt;div id="testimonials"&amp;gt;
    &amp;lt;div class="testimony current"&amp;gt;
        &amp;lt;p&amp;gt;Text1&amp;lt;/p&amp;gt;
    &amp;lt;/div&amp;gt;
    &amp;lt;div class="testimony"&amp;gt;
        &amp;lt;p&amp;gt;Text2&amp;lt;/p&amp;gt;
    &amp;lt;/div&amp;gt;
&amp;lt;/div&amp;gt;
&lt;/code&gt;&lt;/pre&gt;
&lt;p&gt;And the following is the jQuery for the transitions:&lt;/p&gt;
&lt;pre&gt;&lt;code&gt;$(document).ready(function() {
    var cycle = window.setInterval(next, 6000);
    function next() {
        $('#testimonials .current').removeClass('current').fadeOut(500).next().add('#testimonials div:first').last().fadeIn(2000).addClass('current');
    }
});
&lt;/code&gt;&lt;/pre&gt;
&lt;p&gt;You can see the awkward first transition at: &lt;a href="http://jrubins.webfactional.com/tamid/vision.php" rel="nofollow"&gt;http://jrubins.webfactional.com/tamid/vision.php&lt;/a&gt;&lt;/p&gt;</t>
  </si>
  <si>
    <t>2012-08-04 21:20:18.107000+00:00</t>
  </si>
  <si>
    <t>2012-08-04 21:46:09.490000+00:00</t>
  </si>
  <si>
    <t>What is the difference between ref and out?</t>
  </si>
  <si>
    <t>&lt;p&gt;while am trying with ref keyword by replacing out key word there is no error in the below code.while am trying to use out instead of ref there occur an error like"&lt;strong&gt;Unassigned OUT Parameter&lt;/strong&gt;" 
What does this error mean ?&lt;/p&gt;
&lt;pre&gt;&lt;code&gt;   static void Main()
    {
        string test = "34";
        addOneToRefParam(out test);
        Console.WriteLine("test is : " + test);
    }
    public static void addOneToRefParam(out string i)
    {
        int  k =Convert.ToInt32(i) + 1;
        i = Convert.ToString(k);
        Console.WriteLine("i is : " + i);
    }
&lt;/code&gt;&lt;/pre&gt;</t>
  </si>
  <si>
    <t>2014-09-02 08:39:36.187000+00:00</t>
  </si>
  <si>
    <t>2015-02-05 17:58:29.060000+00:00</t>
  </si>
  <si>
    <t>2014-10-15 22:05:28.380000+00:00</t>
  </si>
  <si>
    <t>Why is String.intern() a native method?</t>
  </si>
  <si>
    <t>&lt;p&gt;What's the logic behind making this method native? &lt;/p&gt;
&lt;p&gt;What is the advantage over just making the interned String pool with a hash map?&lt;/p&gt;
&lt;p&gt;It looks a little strange, but it seems like it'd be pretty easy to do in non-native code:&lt;/p&gt;
&lt;pre&gt;&lt;code&gt;import java.util.HashMap;
public class String {
    // ...
    private final static HashMap&amp;lt;String, String&amp;gt; pool = new HashMap&amp;lt;&amp;gt;();
    public String intern() {
        if (pool.containsKey(this))
            return pool.get(this);
        synchronized (pool) {
            if (pool.containsKey(this))
                return pool.get(this);
            pool.put(this, this);
            return this;
        }
    }
    // ...
}
&lt;/code&gt;&lt;/pre&gt;
&lt;p&gt;So why is it native code then?&lt;/p&gt;</t>
  </si>
  <si>
    <t>2015-07-17 23:54:41.687000+00:00</t>
  </si>
  <si>
    <t>2015-08-19 15:26:39.427000+00:00</t>
  </si>
  <si>
    <t>How to change Bootstrap grid system with media-query</t>
  </si>
  <si>
    <t>&lt;p&gt;My table is using Bootstrap grid system. &lt;/p&gt;
&lt;p&gt;What I want is to get rid of a column when the screen width is below 700px.&lt;/p&gt;
&lt;p&gt;Here is what I have :&lt;/p&gt;
&lt;p&gt;HTML&lt;/p&gt;
&lt;pre&gt;&lt;code&gt;&amp;lt;table&amp;gt;
                    &amp;lt;thead&amp;gt;
                        &amp;lt;tr&amp;gt;
                            &amp;lt;th class="col-xs-1"&amp;gt;#&amp;lt;/th&amp;gt;
                            &amp;lt;th id="when" class="col-xs-2"&amp;gt;When&amp;lt;/th&amp;gt;
                            &amp;lt;th class="col-xs-5"&amp;gt;Track ID&amp;lt;/th&amp;gt;
                            &amp;lt;th class="col-xs-2 tracklink"&amp;gt;&amp;lt;i class="fa fa-soundcloud" aria-hidden="true"&amp;gt;&amp;lt;/i&amp;gt;&amp;lt;/th&amp;gt;
                            &amp;lt;th id="buy" class="col-xs-1 tracklink"&amp;gt;&amp;lt;i class="fa fa-cart-arrow-down" aria-hidden="true"&amp;gt;&amp;lt;/i&amp;gt;&amp;lt;/th&amp;gt;
                            &amp;lt;th class="col-xs-1" id="audio"&amp;gt;&amp;lt;/th&amp;gt; &amp;lt;!-- column to show sound icon when playing--&amp;gt;
                        &amp;lt;/tr&amp;gt;
                    &amp;lt;/thead&amp;gt;
                    &amp;lt;tbody id='trackinfo'&amp;gt;
                        &amp;lt;tr&amp;gt;
                            &amp;lt;td id='order' class="col-xs-1"&amp;gt;1&amp;lt;/td&amp;gt;
                            &amp;lt;td id='timecue' class="col-xs-2"&amp;gt;00:00&amp;lt;/td&amp;gt;
                            &amp;lt;td id='song' class="col-xs-5 song-tracklist"&amp;gt;Korama - Pretty Baby&amp;lt;/td&amp;gt;
                            &amp;lt;td id='link' class="col-xs-2 tracklink"&amp;gt;&amp;lt;a href='http://www.google.fr' target="_blank" class="tracklink"&amp;gt;Link&amp;lt;/a&amp;gt;&amp;lt;/td&amp;gt;
                            &amp;lt;td id='link' class="col-xs-1 tracklink"&amp;gt;&amp;lt;a href='http://www.google.fr' target="_blank" class="tracklink"&amp;gt;Link&amp;lt;/a&amp;gt;&amp;lt;/td&amp;gt;
                            &amp;lt;td class="col-xs-1" id="audio"&amp;gt;&amp;lt;i class="fa fa-volume-up tracklink-icon" aria-hidden="true"&amp;gt;&amp;lt;/i&amp;gt;&amp;lt;/td&amp;gt;
                        &amp;lt;/tr&amp;gt;
                    &amp;lt;/tbody&amp;gt;
                &amp;lt;/table&amp;gt;
&lt;/code&gt;&lt;/pre&gt;
&lt;p&gt;CSS&lt;/p&gt;
&lt;pre&gt;&lt;code&gt;@media screen and (max-width: 700px) {
  #audio{ 
display: none; }
}
&lt;/code&gt;&lt;/pre&gt;
&lt;p&gt;You can see that the last column with id="audio" disappears with screen below 700px width.&lt;/p&gt;
&lt;p&gt;Therefore, the class="col-xs-1" goes away with it and the whole table gets messed up.&lt;/p&gt;
&lt;p&gt;To re-balance it, I want to turn the class="col-xs-5" into class="col-xs-6" when the screen is below 700px width.&lt;/p&gt;
&lt;p&gt;I tried adding a class="col-xs-6" next to class="col-xs-5" and added a CSS to hide one/show the other above/below 700px :&lt;/p&gt;
&lt;p&gt;CSS&lt;/p&gt;
&lt;pre&gt;&lt;code&gt;@media screen and (max-width: 700px) {
th td .col-xs-6 { 
display: block; }
}
@media screen and (max-width: 700px) {
th td .col-xs-5 { 
display: none; }
}
@media screen and (min-width: 700px) {
th td .col-xs-6 { 
display: none; }
}
@media screen and (min-width: 700px) {
th td .col-xs-5 { 
display: block; }
}
&lt;/code&gt;&lt;/pre&gt;
&lt;p&gt;However, it does not seem to work.&lt;/p&gt;
&lt;p&gt;Please help me turning class="col-xs-5" into class="col-xs-6" when the screen gets below 700px width.&lt;/p&gt;</t>
  </si>
  <si>
    <t>2017-11-23 10:43:08.617000+00:00</t>
  </si>
  <si>
    <t>2017-11-23 11:53:07.237000+00:00</t>
  </si>
  <si>
    <t>Why isn't AJAX working?</t>
  </si>
  <si>
    <t>&lt;p&gt;I'm trying to perform a simple ajax call to a simple php script to test that ajax is working.&lt;/p&gt;
&lt;p&gt;HTML:&lt;/p&gt;
&lt;pre&gt;&lt;code&gt;&amp;lt;button id="hi"&amp;gt;hi&amp;lt;/button&amp;gt;
&lt;/code&gt;&lt;/pre&gt;
&lt;p&gt;JS:&lt;/p&gt;
&lt;pre&gt;&lt;code&gt;&amp;lt;script type="text/javascript"&amp;gt;
$( "#hi" ).click(function(){
   var dataString = "hi";
   $.ajax({
     url: "custom_scripts/hi.php",
     type: "POST",
     dataType:'json',
     data: dataString,
     cache: false,
     success: function(data){
       if(data.auth==true){
         alert("success: " + data.auth);
       }         
     }
   }) 
&lt;/code&gt;&lt;/pre&gt;
&lt;p&gt;});
&lt;/p&gt;
&lt;p&gt;PHP:&lt;/p&gt;
&lt;pre&gt;&lt;code&gt;&amp;lt;?php
    $hi=$_POST['hi'];
    $rVal=array("auth" =&amp;gt; false);
    if(isset($hi)){
        $rVal['auth']=true;
    } else {
        $rVal['auth']=false;
    }
    echo json_encode($rVal);
?&amp;gt;
&lt;/code&gt;&lt;/pre&gt;
&lt;p&gt;Are there any other scripts or libraries (from any language) that can interfere with ajax calls? When I step through, it's reaching the call, it's not returning any data (and no error in console) ...&lt;/p&gt;</t>
  </si>
  <si>
    <t>2016-03-10 18:28:27.417000+00:00</t>
  </si>
  <si>
    <t>2016-03-10 18:30:34.197000+00:00</t>
  </si>
  <si>
    <t>How to get all offers of item in aws amazon api (ItemLookup)</t>
  </si>
  <si>
    <t>&lt;p&gt;I am calling ItemLookUp amazon api to get all the offers of the item but in the response it show the total offer 4 but in the "offers" it return only one offer details. How I can get the all 4 offer details? In response group I have used "Offers" and "OfferFull" but both did not returned expected result.&lt;/p&gt;</t>
  </si>
  <si>
    <t>2014-09-05 19:12:22.300000+00:00</t>
  </si>
  <si>
    <t>2014-11-26 14:17:13.210000+00:00</t>
  </si>
  <si>
    <t>web-services|api|amazon-web-services|amazon</t>
  </si>
  <si>
    <t>Mysql Query Left Join error</t>
  </si>
  <si>
    <t>&lt;p&gt;Hey guys a quick mysql problem ive got this current query whats giving me a headache&lt;/p&gt;
&lt;pre&gt;&lt;code&gt;SELECT stafflist.id, stafflist.full_name, (wages.wage /5) * stafflist.avgworkingdays AS workingwage ,
count(sick.d) AS DaysOffSick, variables.value AS VAT, count(hols.d) AS Prebooked_Holidays,
((((wages.wage /5) * stafflist.avgworkingdays)/stafflist.avgworkingdaysmonth)*count(sick.d)) AS daysoffsickvalue,
((((((wages.wage / 5) * stafflist.avgworkingdays) * 3 ) /100) * (100 + variables.value))/ (stafflist.avgworkingdaysmonth)) * (stafflist.avgworkingdaysmonth 
- count(hols.d)) AS Commision_target_After_Holidays
from stafflist 
LEFT JOIN wages ON wages.wagesid = stafflist.WageGrade
LEFT JOIN variables ON variables.company=stafflist.company and variables.name = 'VAT'
LEFT JOIN off AS sick ON sick.StaffMember = stafflist.id and sick.isitsick=1 AND sick.addedtowages=0
LEFT JOIN off As hols ON hols.StaffMember = stafflist.id and hols.isitsick=0 AND hols.addedtowages=0 AND hols.m = MONTH(now()) -1 AND hols.prebooked=1
WHERE stafflist.id = 48
GROUP By stafflist.full_name
&lt;/code&gt;&lt;/pre&gt;
&lt;p&gt;the problem is i want it to count how many days are marked as sick and how many as holidays
however once i left join the off table again and name it as hols the field daysoffsick pulls the days marked as holidays&lt;/p&gt;
&lt;p&gt;could you please help me out with this &lt;/p&gt;
&lt;p&gt;regards
Shane&lt;/p&gt;</t>
  </si>
  <si>
    <t>2012-05-04 18:19:38.813000+00:00</t>
  </si>
  <si>
    <t>2012-05-04 23:13:15.453000+00:00</t>
  </si>
  <si>
    <t>Using Beautiful Soup to get the full URL in source code</t>
  </si>
  <si>
    <t>&lt;p&gt;So I was looking at some source code and I came across this bit of code&lt;/p&gt;
&lt;pre&gt;&lt;code&gt;&amp;lt;img src="/gallery/2012-winners-finalists/HM_Watching%20birds2_Shane%20Conklin_MA_2012.jpg"
&lt;/code&gt;&lt;/pre&gt;
&lt;p&gt;now in the source code the link is blue and when you click it, it takes you to the full URL where that picture is located, I know how to get what is shown in the source code in Python using Beautiful Soup I was wondering though how to get the full URL you get once clicking the link in the source code?&lt;/p&gt;
&lt;p&gt;EDIT:
if I was given &lt;code&gt;&amp;lt;a href = "/folder/big/a.jpg"&lt;/code&gt; how do you figure out the starting part of that url through python or beautiful soup?&lt;/p&gt;</t>
  </si>
  <si>
    <t>2013-07-31 13:59:01.920000+00:00</t>
  </si>
  <si>
    <t>2013-08-01 16:39:43.747000+00:00</t>
  </si>
  <si>
    <t>2013-08-01 16:21:46.407000+00:00</t>
  </si>
  <si>
    <t>DropWizard without using LogBack and support for my log4j.properties</t>
  </si>
  <si>
    <t>&lt;p&gt;kafka source Connector uses Dropwizard for metrics registration in my code. I enabled custom port to see in my browser.
Initially without dropwizard in connector, I used log4j.properties for logging( slf4j).
When i used dropwizard in connector automatically it switches to logback and showing the folowing results:&lt;/p&gt;
&lt;pre&gt;&lt;code&gt;SLF4J: Found binding in [jar:file:jarfilename/org/slf4j/impl/StaticLoggerBinder.class]
SLF4J: Found binding in [jar:file:/home/kafka_2.12-0.10.2.1/libs/slf4j-log4j12-1.7.21.jar!/org/slf4j/impl/StaticLoggerBinder.class]
SLF4J: See http://www.slf4j.org/codes.html#multiple_bindings for an explanation.
SLF4J: Actual binding is of type [ch.qos.logback.classic.util.ContextSelectorStaticBinder]
Apr 13, 2018 8:58:47 AM org.glassfish.jersey.internal.Errors logErrors
WARNING: The following warnings have been detected: WARNING: The (sub)resource method createConnector in org.apache.kafka.connect.runtime.rest.resources.ConnectorsResource contains empty path annotation.
WARNING: The (sub)resource method listConnectors in org.apache.kafka.connect.runtime.rest.resources.ConnectorsResource contains empty path annotation.
WARNING: The (sub)resource method listConnectorPlugins in org.apache.kafka.connect.runtime.rest.resources.ConnectorPluginsResource contains empty path annotation.
WARNING: The (sub)resource method serverInfo in org.apache.kafka.connect.runtime.rest.resources.RootResource contains empty path annotation.
&lt;/code&gt;&lt;/pre&gt;
&lt;p&gt;conf.yml file for dropwizard to run server&lt;/p&gt;
&lt;pre&gt;&lt;code&gt;server:
  adminConnectors:
  - type: http
    port: 8989
&lt;/code&gt;&lt;/pre&gt;
&lt;p&gt;code snippet&lt;/p&gt;
&lt;pre&gt;&lt;code&gt;public class KafkaMetricsPort extends Application&amp;lt;MetricsConfiguration&amp;gt;{
@Override
    public void run(MetricsConfiguration configuration, Environment environment) throws Exception {
    }
}
import io.dropwizard.Configuration;
public class MetricsConfiguration extends Configuration{
}
&lt;/code&gt;&lt;/pre&gt;
&lt;p&gt;When i run the code automatically goes into debug mode and not using my custom log4j.properties.
Some of dependecies added in my pom.xml &lt;/p&gt;
&lt;pre&gt;&lt;code&gt;&amp;lt;dependency&amp;gt;
&amp;lt;groupId&amp;gt;io.dropwizard&amp;lt;/groupId&amp;gt;
&amp;lt;artifactId&amp;gt;dropwizard-core&amp;lt;/artifactId&amp;gt;
&amp;lt;version&amp;gt;0.9.2&amp;lt;/version&amp;gt;
&amp;lt;dependency&amp;gt;
&amp;lt;groupId&amp;gt;io.dropwizard.metrics&amp;lt;/groupId&amp;gt;
 &amp;lt;artifactId&amp;gt;metrics-core&amp;lt;/artifactId&amp;gt;
 &amp;lt;version&amp;gt;3.1.2&amp;lt;/version&amp;gt;
&lt;/code&gt;&lt;/pre&gt;
&lt;p&gt;When i excluded dependecnies of all dropwizard logback logging levels from io.dropwizard-core then the code raising an exception:&lt;/p&gt;
&lt;pre&gt;&lt;code&gt; Caused by: java.lang.ClassNotFoundException: 
        ch.qos.logback.classic.filter.ThresholdFilter
        at java.net.URLClassLoader.findClass(URLClassLoader.java:381)
        at java.lang.ClassLoader.loadClass(ClassLoader.java:424)
        at sun.misc.Launcher$AppClassLoader.loadClass(Launcher.java:331)
        at java.lang.ClassLoader.loadClass(ClassLoader.java:357)
&lt;/code&gt;&lt;/pre&gt;
&lt;p&gt;below links which they are suggedted are tired in my code
&lt;a href="https://github.com/dropwizard/dropwizard/pull/2112" rel="nofollow noreferrer"&gt;https://github.com/dropwizard/dropwizard/pull/2112&lt;/a&gt;
&lt;a href="https://github.com/dropwizard/dropwizard/pull/1900" rel="nofollow noreferrer"&gt;https://github.com/dropwizard/dropwizard/pull/1900&lt;/a&gt;
&lt;a href="https://stackoverflow.com/questions/32891708/cant-exclude-logback-classic-dependency-from-dropwizard-project"&gt;Can&amp;#39;t exclude logback-classic dependency from dropwizard project&lt;/a&gt;
Point: I copied myconnector jar to kafka libs(Because kafka needs to identify myconnecotr jar) so that If i run any other kafka dependecy programming jars then programm goes into debug mode and showing above warnings Multiple slf4j bindings and binding to ch.qos.logback. &lt;/p&gt;</t>
  </si>
  <si>
    <t>2018-04-13 14:41:10.933000+00:00</t>
  </si>
  <si>
    <t>2018-08-29 01:01:11.773000+00:00</t>
  </si>
  <si>
    <t>java|logging|logback|slf4j|dropwizard</t>
  </si>
  <si>
    <t>EXC_BAD_ACCESS while filling in the dictionary (?)</t>
  </si>
  <si>
    <t>&lt;pre&gt;&lt;code&gt;void CountlyRecordEventSegmentationCountSum(const char * key, const char * segmentation, int count, double sum)
{
    NSString * seg = CreateNSString(segmentation);
    NSArray * entries = [seg componentsSeparatedByString:@"`"];
    NSDictionary * dict = [NSDictionary dictionary];
    for (id entry in entries)
    {
        NSArray * keyValue = [entry componentsSeparatedByString:@"|"];
        [dict setValue:[keyValue objectAtIndex:1] forKey:[keyValue objectAtIndex:0]];
    }
    [[Countly sharedInstance] recordEvent:CreateNSString(key) segmentation:dict count:count sum:sum];
}
&lt;/code&gt;&lt;/pre&gt;
&lt;p&gt;I put "?" in the title because I'm not entirely sure if the problem is in the code above but that's my best guess. I'm integrating Countly iOS plugin with Unity and one of Countly plugin's methods take &lt;code&gt;NSDictionary *&lt;/code&gt; as argument. As I don't know how to send a dictionary from C# to Objective-C I'm storing my dict in a &lt;code&gt;string&lt;/code&gt;, sending it to Objective-C and then recreating the dictionary (the code above).&lt;/p&gt;
&lt;p&gt;But that's probably even not relevant. I know &lt;code&gt;EXC_BAD_ACCESS&lt;/code&gt; usually has something to do with unfreed resources or sth so maybe you can see what I'm doing wrong (I don't know Objective-C at all, just writing a few lines needed by the plugin).&lt;/p&gt;
&lt;p&gt;Edit:
From Unity sample:&lt;/p&gt;
&lt;pre&gt;&lt;code&gt;// Converts C style string to NSString
NSString * CreateNSString (const char * string)
{
    if (string)
        return [NSString stringWithUTF8String: string];
    else
        return [NSString stringWithUTF8String: ""];
}
&lt;/code&gt;&lt;/pre&gt;</t>
  </si>
  <si>
    <t>2013-05-15 08:52:01.837000+00:00</t>
  </si>
  <si>
    <t>2013-05-15 15:45:51.423000+00:00</t>
  </si>
  <si>
    <t>2013-05-15 12:50:52.363000+00:00</t>
  </si>
  <si>
    <t>objective-c|plugins|nsdictionary</t>
  </si>
  <si>
    <t>Implement Ooui on Asp.net core</t>
  </si>
  <si>
    <t>&lt;p&gt;I am trying to implement Ooui in order to make my viewmodels supports ASP.NET Core and to target the web. I have a class library who is share across WPF, Xamarin.Forms using the MvvmLight framework. So i try to get the better approach for ooui. An advise will be apprecieted. For now i am not able to make the DisplayAlert work on every pages. &lt;/p&gt;
&lt;pre&gt;&lt;code&gt;public class BaseController : Controller, IDialogService, INavigationService
{
    private static Stack&amp;lt;Page&amp;gt; _stack = null;
    protected Page CurrentPage =&amp;gt; page.Navigation.NavigationStack.LastOrDefault();
    protected Page RootPage =&amp;gt; page.Navigation.NavigationStack.FirstOrDefault();
    static BaseController()
    {
        _stack = new Stack&amp;lt;Page&amp;gt;();
    }
    private IHttpContextAccessor _service;
    private IApplicationBuilder app;
    protected NavigationPage page;
    private HttpContext Context
    {
        get { return _service.HttpContext; }
    }
    public string CurrentPageKey =&amp;gt; throw new NotImplementedException();
    public BaseController()
    {
        if (!SimpleIoc.Default.IsRegistered&amp;lt;IDialogService&amp;gt;())
            SimpleIoc.Default.Register&amp;lt;IDialogService&amp;gt;(() =&amp;gt; this);
        if (!SimpleIoc.Default.IsRegistered&amp;lt;INavigationService&amp;gt;())
            SimpleIoc.Default.Register&amp;lt;INavigationService&amp;gt;(() =&amp;gt; this);
        _service = SimpleIoc.Default.GetInstance&amp;lt;IHttpContextAccessor&amp;gt;();
        app = SimpleIoc.Default.GetInstance&amp;lt;IApplicationBuilder&amp;gt;();
    }
    public async Task ShowError(string message, string title, string buttonText, Action afterHideCallback)
    {
        await CurrentPage.DisplayAlert(title, message, buttonText);
        afterHideCallback();
    }
    public async Task ShowError(Exception error, string title, string buttonText, Action afterHideCallback)
    {
        await CurrentPage.DisplayAlert(title, error.Message, buttonText);
        afterHideCallback();
    }
    public async Task ShowMessage(string message, string title)
    {
        await CurrentPage.DisplayAlert(title, message, "OK");
    }
    public async Task ShowMessage(string message, string title, string buttonText, Action afterHideCallback)
    {
        await CurrentPage.DisplayAlert(title, message, buttonText);
        afterHideCallback();
    }
    public async Task&amp;lt;bool&amp;gt; ShowMessage(string message, string title, string buttonConfirmText, string buttonCancelText, Action&amp;lt;bool&amp;gt; afterHideCallback)
    {
        var result = await page.DisplayAlert(title, message, buttonConfirmText, buttonCancelText);
        afterHideCallback(result);
        return result;
    }
    public async Task ShowMessageBox(string message, string title)
    {
        await CurrentPage.DisplayAlert(title, message, "OK");
    }
    public void GoBack()
    {
        page.PopAsync();
        page.PushAsync(_stack.Pop());
    }
    public void NavigateTo(string pageKey)
    {
        _stack.Push(CurrentPage);
        page.PopAsync();            
        page.PushAsync(SimpleIoc.Default.GetInstance&amp;lt;Page&amp;gt;(pageKey));
    }
    public void NavigateTo(string pageKey, object parameter)
    {
        throw new NotImplementedException();
    }
}
public class HomeController : BaseController
    {        
        public HomeController()
            : base()
        {
            SimpleIoc.Default.Register&amp;lt;Page&amp;gt;(() =&amp;gt; new Next(), "Next");
            SimpleIoc.Default.Register&amp;lt;Page&amp;gt;(() =&amp;gt; new MainPage(), "MainPage");
        }
        public IActionResult Index()
        {
            page = new NavigationPage(new MainPage());            
            //NavigateTo("MainPage");
            return new ElementResult(page.GetOouiElement(), "Hello from XAML!");
        }
        public IActionResult Error()
        {
            return View(new ErrorViewModel { RequestId = Activity.Current?.Id ?? HttpContext.TraceIdentifier });
        }
&lt;/code&gt;&lt;/pre&gt;</t>
  </si>
  <si>
    <t>2018-09-19 17:55:22.173000+00:00</t>
  </si>
  <si>
    <t>2018-10-28 19:17:24.377000+00:00</t>
  </si>
  <si>
    <t>c#|xamarin.forms</t>
  </si>
  <si>
    <t>Python: Parsing a single-line JSON file</t>
  </si>
  <si>
    <t>&lt;p&gt;I'm trying to parse a large one-line JSON file and can't seem to figure it out. I've looked for resources on here and elsewhere, but most of what I see tells you to parse everything line-by-line. Since I'm working with one really long line, what's the best way to parse this with python?&lt;/p&gt;
&lt;p&gt;Specifically, I'm looking for one particular value that's in a nested dictionary in the JSON data. The data looks like this (after running it through a formatter):&lt;/p&gt;
&lt;pre&gt;&lt;code&gt;{
   "type":"FeatureCollection",
   "features":[
      {
         "type":"Feature",
         "id":"wells.529038",
         "geometry":null,
         "properties":{
            "api":"4245180382"
         }
      },
      {
         "type":"Feature",
         "id":"wells.481699",
         "geometry":null,
         "properties":{
            "api":"4237182573"
         }
      }
   ]
}
&lt;/code&gt;&lt;/pre&gt;
&lt;p&gt;I want to extract all the api values, but I'm having trouble wrapping my head around how to do that given the multi-nested structure and because the file is huge and only one line. What the best approach here?&lt;/p&gt;</t>
  </si>
  <si>
    <t>2013-10-11 15:17:48.643000+00:00</t>
  </si>
  <si>
    <t>2013-10-11 15:26:10.780000+00:00</t>
  </si>
  <si>
    <t>php,image download</t>
  </si>
  <si>
    <t>&lt;p&gt;when users upload the image i save it to the image folder in htdocs directory. so any user without logging into site can go type the url/images/"name" would get it. what is the best way to prevent this. since the browse would just request just like the user typing directly in the address bar the location of the image.
I was thinking of using a script to download each image file from a directory after checking the session details. Do you think will it will a good approach if so can you suggest me a script.
I don't want to use database. I think it will be slow. OR if it is the better approach let me know.&lt;/p&gt;
&lt;p&gt;THnks&lt;/p&gt;</t>
  </si>
  <si>
    <t>2009-05-03 17:13:17.787000+00:00</t>
  </si>
  <si>
    <t>2009-05-03 22:43:41.923000+00:00</t>
  </si>
  <si>
    <t>Objective-C Base Class Property Custom Getter Not Being Called From Subclass</t>
  </si>
  <si>
    <t>&lt;p&gt;Base Class Interface:&lt;/p&gt;
&lt;pre&gt;&lt;code&gt;@interface Base : NSObject
@property (nonatomic, readonly, getter=getPriceForListing) double_t priceForListing;
@end
&lt;/code&gt;&lt;/pre&gt;
&lt;p&gt;Base Class Implementation:&lt;/p&gt;
&lt;pre&gt;&lt;code&gt;@implementation Base
-(double_t)getPriceForListing
{
��������if (self.listPriceLow &amp;gt; 0 &amp;amp;&amp;amp; self.listPriceHigh &amp;gt; 0)
��������{
����������������return self.listPriceLow;
��������}
��������else if (self.listPriceLow &amp;gt; 0)
��������{
����������������return self.listPriceLow;
��������}
��������else if (self.listPriceHigh &amp;gt; 0)
��������{
����������������return self.listPriceHigh;
��������}
��������else
��������{
����������������return self.currentPrice;
��������}
}
@end
&lt;/code&gt;&lt;/pre&gt;
&lt;p&gt;Subclass Interface:&lt;/p&gt;
&lt;pre&gt;&lt;code&gt;@interface Subclass : Base
@end
&lt;/code&gt;&lt;/pre&gt;
&lt;p&gt;Subclass Implementation:&lt;/p&gt;
&lt;pre&gt;&lt;code&gt;@implementation Subclass
@dynamic priceForListing;
@end
&lt;/code&gt;&lt;/pre&gt;
&lt;p&gt;How subclass is used:&lt;/p&gt;
&lt;pre&gt;&lt;code&gt;Subclass *sub = [[Subclass alloc] init];
NSLog(@"%@", sub.priceForListing);
&lt;/code&gt;&lt;/pre&gt;
&lt;p&gt;The problem I am having here is that &lt;code&gt;sub.priceForListing&lt;/code&gt; always returns zero and the base class getter is never being called, at least no breakpoint is being hit in there.&lt;/p&gt;</t>
  </si>
  <si>
    <t>2015-03-12 15:59:05.277000+00:00</t>
  </si>
  <si>
    <t>2015-03-12 16:54:33.170000+00:00</t>
  </si>
  <si>
    <t>objective-c|inheritance|properties|getter</t>
  </si>
  <si>
    <t>How could I manage memory in objective C++</t>
  </si>
  <si>
    <t>&lt;p&gt;I am not familiar with objective c++, and here is my question: suppose I have a class&lt;/p&gt;
&lt;pre&gt;&lt;code&gt;class MyTestClass
{
 public:
  int memLength_;
  char *mem;
  MyTestClass(int memLength)
  {
      memLength_ = memLength;
      mem = new char[memLength_];
   }
   ~MyTestClass()
   {
      delete []mem;
   }
}
&lt;/code&gt;&lt;/pre&gt;
&lt;p&gt;Now what I want to do is to create a &lt;code&gt;MyTestClass&lt;/code&gt; object using Objective C++, and what I did is as follows:&lt;/p&gt;
&lt;pre&gt;&lt;code&gt;@interface ObjectRetriever : NSObject
+ (MyTestClass)ObtainMyTestClass;  // Function 1
+ (MyTestClass*)ObtainMyNextTestClass; //Function 2
@end
+(MyTestClass)ObtainMyTestClass
{
  int memLen = 100;
  MyTestClass myClass(memLen)
  return myClass;
}
+ (MyTestClass*)ObtainMyNextTestClass
{
  MyTestClass *myClassPtr;
  myClassPtr = new MyTestClass(memLen)
  return myClassPtr;
}
&lt;/code&gt;&lt;/pre&gt;
&lt;p&gt;So when I use the &lt;code&gt;ObjectRetriever&lt;/code&gt; to create &lt;code&gt;MyTestClass&lt;/code&gt; object, I will do in this way&lt;/p&gt;
&lt;pre&gt;&lt;code&gt; MyTestClass testClassObject1 = [ObjectRetriever ObtainMyTestClass];
  MyTestClass *testClassObjectPtr2 = [ObjectRetriever  ObtainMyNextTestClass];
&lt;/code&gt;&lt;/pre&gt;
&lt;p&gt;My questions then are as follows:&lt;/p&gt;
&lt;ul&gt;
&lt;li&gt;&lt;code&gt;ObtainMyTestClass&lt;/code&gt; and &lt;code&gt;ObtainMyNextTestClass&lt;/code&gt;, which one is better?&lt;/li&gt;
&lt;li&gt;If I implement and use the class in this way, will I have the danger of memory leak? &lt;/li&gt;
&lt;/ul&gt;
&lt;p&gt;Thanks. &lt;/p&gt;</t>
  </si>
  <si>
    <t>2013-10-30 09:08:40.297000+00:00</t>
  </si>
  <si>
    <t>2013-10-30 12:05:41.303000+00:00</t>
  </si>
  <si>
    <t>c++|objective-c|objective-c++</t>
  </si>
  <si>
    <t>possible to strip second line from cell data in a mysql query</t>
  </si>
  <si>
    <t>&lt;p&gt;I want to strip any data paste the first line in a cell.&lt;/p&gt;
&lt;p&gt;&lt;img src="https://i.stack.imgur.com/0KOUP.png" alt="Here is a screenshot of data in a cell, using Sequel Pro"&gt;&lt;/p&gt;
&lt;p&gt;Is it possible in mysql to go thru each cell (in this case, field_id_60) and remove all data after the end of the first line?&lt;/p&gt;
&lt;p&gt;This is what I want it to look like after the query is run (if possible)&lt;/p&gt;
&lt;p&gt;&lt;img src="https://i.stack.imgur.com/xvpC8.png" alt="enter image description here"&gt;&lt;/p&gt;</t>
  </si>
  <si>
    <t>2011-10-13 15:38:12.733000+00:00</t>
  </si>
  <si>
    <t>2011-10-13 16:00:00.377000+00:00</t>
  </si>
  <si>
    <t>2011-10-13 15:45:20.097000+00:00</t>
  </si>
  <si>
    <t>if() else function doesn't work in a loop</t>
  </si>
  <si>
    <t>&lt;p&gt;I have this table&lt;/p&gt;
&lt;pre&gt;&lt;code&gt;cityreportcomment :
-----------------
reportID (fK)
cityID (fK)
comment
&lt;/code&gt;&lt;/pre&gt;
&lt;p&gt;EDIT: if city has no comment, there is no row in the table: a row (for a city) exists only if that city has a comment.&lt;/p&gt;
&lt;p&gt;for every report, I print 13 cities (that are in another table). I would like to check if city has a comment, then echo comment, if not, echo 'different'; but my code doesn't work.&lt;/p&gt;
&lt;pre&gt;&lt;code&gt;for ($i = 0; $i &amp;lt; 13; ++$i) {
    $stmt = $conn-&amp;gt;prepare("SELECT * FROM cityreportcomment WHERE reportID=? AND cityID=?");
    if (!$stmt) {
        die(printf("Error: %s.\n", mysqli_stmt_error($stmt)));
    } else if (!$stmt-&amp;gt;bind_param('ii', $reportID, $selectcityID_array_unique[$i])) {
        die(printf("Error: %s.\n", mysqli_stmt_error($stmt)));
    } else if (!$stmt-&amp;gt;execute()) {
        die(printf("Error execute from ereportcomment table: %s.\n", mysqli_stmt_error($stmt)));
    } else {
        $result = $stmt-&amp;gt;get_result();
        while ($row = $result-&amp;gt;fetch_assoc()) {
            if (isset($row['cityID']) &amp;amp;&amp;amp; $row['cityID'] == $selectcityID_array_unique[$i]) {
                $selectcomment2[] = 'same' . $row['cityID'] . (isset($row['comment']) ? $row['comment'] : "");
            } elseif (!isset($row['cityID']) || $row['cityID'] != $selectcityID_array_unique[$i]) {
                $selectcomment2[] = 'different';
            }
        }
    }
    /* end else */
    $stmt-&amp;gt;close();
    echo $i . ' ' . $selectcomment2[$i] . '&amp;lt;br&amp;gt;';
} //end for
&lt;/code&gt;&lt;/pre&gt;
&lt;p&gt;PROBLEM:&lt;/p&gt;
&lt;p&gt;if &lt;code&gt;$i=1&lt;/code&gt; has comment, &lt;code&gt;$i=2&lt;/code&gt; no comment, &lt;code&gt;$i=3&lt;/code&gt; has comment, &lt;code&gt;$i=4&lt;/code&gt; no comment, my echo results is&lt;/p&gt;
&lt;pre&gt;&lt;code&gt;1 comment1
2 comment3
3
4
5
.....
It should be
1 comment1
2 different
3 comment3
4 different
5 different
.....
&lt;/code&gt;&lt;/pre&gt;
&lt;p&gt;&lt;strong&gt;SOLUTION:&lt;/strong&gt;&lt;/p&gt;
&lt;p&gt;Thanks to everybody for your help: after reading every answer and every comment, this is what I did (very important is to unset $comment2 at the beginning of the loop):&lt;/p&gt;
&lt;pre&gt;&lt;code&gt;for ($i = 0; $i &amp;lt; 13; ++$i) {
    unset( $selectcomment2 ); //veeeery important
    $stmt = $conn-&amp;gt;prepare("SELECT * FROM cityreportcomment WHERE reportID=? AND cityID=?");
    if (!$stmt) {
        die(printf("Error: %s.\n", mysqli_stmt_error($stmt)));
    } else if (!$stmt-&amp;gt;bind_param('ii', $reportID, $selectcityID_array_unique[$i])) {
        die(printf("Error: %s.\n", mysqli_stmt_error($stmt)));
    } else if (!$stmt-&amp;gt;execute()) {
        die(printf("Error execute from ereportcomment table: %s.\n", mysqli_stmt_error($stmt)));
    } else {
        $result = $stmt-&amp;gt;get_result();
        while ($row = $result-&amp;gt;fetch_assoc()) {
                     $selectcomment2 = $row['comment'];
            }         
  }
    /* end else */
    $stmt-&amp;gt;close();
  if ( !isset($selectcomment2 ) ){
          $selectcomment2 = 'different';
  }
    echo $i . ' ' . $selectcomment2[$i] . '&amp;lt;br&amp;gt;';
} //end for
&lt;/code&gt;&lt;/pre&gt;
&lt;p&gt;Thanks again (please don't edit this line, I really appreciate all the help I received) &lt;/p&gt;</t>
  </si>
  <si>
    <t>2016-02-12 19:56:49.747000+00:00</t>
  </si>
  <si>
    <t>2016-02-13 04:55:18.417000+00:00</t>
  </si>
  <si>
    <t>r function list all parameters including ellipses</t>
  </si>
  <si>
    <t>&lt;p&gt;Is there any ways to list all parameters including ellipses(additional parameters with three dots) of R function? For example,I want to know "qplot" function's parameters,the only way I found is args(qplot),which result &lt;/p&gt;
&lt;pre&gt;&lt;code&gt;&amp;gt; args(qplot)
function (x, y = NULL, ..., data, facets = NULL, margins = FALSE, 
    geom = "auto", xlim = c(NA, NA), ylim = c(NA, NA), log = "", 
    main = NULL, xlab = deparse(substitute(x)), ylab = deparse(substitute(y)), 
    asp = NA, stat = NULL, position = NULL) 
&lt;/code&gt;&lt;/pre&gt;
&lt;p&gt;But I really want to know what additional parameters the three dots represents can pass into this function.for example,the "shape" parameter.&lt;/p&gt;</t>
  </si>
  <si>
    <t>2018-04-15 11:40:23.610000+00:00</t>
  </si>
  <si>
    <t>2018-04-15 12:18:06.233000+00:00</t>
  </si>
  <si>
    <t>How do I spawn a new process while another process is running?</t>
  </si>
  <si>
    <t>&lt;p&gt;I am writing a shell script that will perform 2 tasks. One task will start up a program that must keep running continuously. Within the same script, the 2nd task is to be initiated that will start up another program. But when the first is running continuously, how can i start another within the same script ?&lt;/p&gt;
&lt;p&gt;Thanks in advance.&lt;/p&gt;</t>
  </si>
  <si>
    <t>2012-06-29 07:06:36.623000+00:00</t>
  </si>
  <si>
    <t>2012-06-29 07:16:10.263000+00:00</t>
  </si>
  <si>
    <t>linux|shell|spawning</t>
  </si>
  <si>
    <t>Not able to load sass file Rails 3.1.3</t>
  </si>
  <si>
    <t>&lt;p&gt;I imported a css.sass file which in turn has : &lt;/p&gt;
&lt;pre&gt;&lt;code&gt;@import "mountable_engine/file.sass"
&lt;/code&gt;&lt;/pre&gt;
&lt;p&gt;But due to some weird reason some of the sass files are found and for some I get the  following error : &lt;/p&gt;
&lt;blockquote&gt;
  &lt;p&gt;&lt;strong&gt;ActionView::Template::Error (File to import not found or unreadable:
  mountable_engine/file1.sass&lt;/strong&gt;&lt;/p&gt;
&lt;/blockquote&gt;
&lt;p&gt;How can I get rid of this error?&lt;/p&gt;
&lt;p&gt;*&lt;em&gt;EDIT : *&lt;/em&gt; This is happening within a mountable engine&lt;/p&gt;</t>
  </si>
  <si>
    <t>2012-04-26 08:37:39.647000+00:00</t>
  </si>
  <si>
    <t>2012-05-01 11:03:22.363000+00:00</t>
  </si>
  <si>
    <t>2012-04-26 09:13:12.670000+00:00</t>
  </si>
  <si>
    <t>ruby-on-rails|ruby-on-rails-3.1|sass|rails-engines</t>
  </si>
  <si>
    <t>What is web app runtime</t>
  </si>
  <si>
    <t>&lt;p&gt;I was going through the node-webkit package for creating desktop application. and it is mentioned that node-webkit is web app runtime. Please explain what is "web app runtime"?&lt;/p&gt;</t>
  </si>
  <si>
    <t>2014-04-23 06:04:55.177000+00:00</t>
  </si>
  <si>
    <t>2014-04-23 08:45:10.847000+00:00</t>
  </si>
  <si>
    <t>javascript|node.js|node-webkit</t>
  </si>
  <si>
    <t>Copy elements of list to new list</t>
  </si>
  <si>
    <t>&lt;p&gt;I have a structure:&lt;/p&gt;
&lt;pre&gt;&lt;code&gt;public struct rawData {
    public string recType;          
    public string ncmCode;         
    public string depotNo;         
    public string accNo;              
    public string kVK;             
    public string callPut;         
    public string quanSetUnset;   
    public string abbNameOTC;  
}
public List&amp;lt;rawData&amp;gt; myData = new List&amp;lt;rawData&amp;gt;();
rawData tempRawData = new rawData();
&lt;/code&gt;&lt;/pre&gt;
&lt;p&gt;into which I import data to from csv.&lt;/p&gt;
&lt;p&gt;My question is, depeding on &lt;code&gt;accNo&lt;/code&gt;, how can I copy just specific "rows" into a new list of the same structure. &lt;/p&gt;
&lt;p&gt;I can loop through the list&lt;/p&gt;
&lt;pre&gt;&lt;code&gt;if (account == "xxxxx") {
    for (int i = 0; i &amp;lt; myData.Count; i++) {
        if (myData[i].accNo == account) {
            myData.CopyTo(acc85RawD, i);
        }
    }
}
&lt;/code&gt;&lt;/pre&gt;
&lt;p&gt;Im using the copyto but its wrong as that copies to a array, the index i, i need it to copy all elements of index i to a new list....&lt;/p&gt;
&lt;p&gt;any help? thanks&lt;/p&gt;</t>
  </si>
  <si>
    <t>2013-06-25 08:04:39.967000+00:00</t>
  </si>
  <si>
    <t>2013-06-25 08:23:04.383000+00:00</t>
  </si>
  <si>
    <t>2013-06-25 08:18:08.040000+00:00</t>
  </si>
  <si>
    <t>c#|list</t>
  </si>
  <si>
    <t>Create a service or a background application?</t>
  </si>
  <si>
    <t>&lt;p&gt;Ok, so I know how to write both a service and a background application, I'm looking more for general opinions because this is an odd use-case in the sense that I haven't been able to find examples of this online to give me guidance.&lt;/p&gt;
&lt;p&gt;Basically the issue I am running into is I have a server (an application, not a web server) that houses all my application logic, and a set of clients that can send messages to the server to do things. &lt;/p&gt;
&lt;p&gt;The clients, obviously, are traditional UI applications. Problem is what the server should be... &lt;/p&gt;
&lt;p&gt;It doesn't need a GUI, and when it is started, there should be only one version of it on the machine. On the other hand, it should only be running if there is atleast one client, otherwise it should shut off.&lt;/p&gt;
&lt;p&gt;I may be over-thinking it, but should I make this a service or a background application that is instantiated by the first client?&lt;/p&gt;
&lt;p&gt;I am referencing things like: &lt;a href="https://stackoverflow.com/questions/1000023/windows-service-vs-windows-application-best-practice"&gt;Windows Service vs Windows Application - Best Practice&lt;/a&gt;&lt;/p&gt;</t>
  </si>
  <si>
    <t>2013-06-10 19:37:49.250000+00:00</t>
  </si>
  <si>
    <t>2013-06-14 02:29:01.367000+00:00</t>
  </si>
  <si>
    <t>2017-05-23 10:25:54.697000+00:00</t>
  </si>
  <si>
    <t>c#|windows|windows-services</t>
  </si>
  <si>
    <t>Error while using predict() in XG-Boost in R</t>
  </si>
  <si>
    <t>&lt;p&gt;I've been running different algorithms to predict performance of Facebook posts based on several other parameters. The last method I'm trying out is XG-Boost. &lt;/p&gt;
&lt;p&gt;I'm continuously getting an error even after re-checking my code and documentation of the package. Both my train and test data have been cleaned and all the factors have been converted into columns with 1s and 0s. &lt;/p&gt;
&lt;p&gt;// Treating test and train data&lt;/p&gt;
&lt;pre&gt;&lt;code&gt;temp.treat &amp;lt;- prepare(treatplan,temp, varRestriction = newvars)
test.treat &amp;lt;- prepare(treatplan,test, varRestriction = newvars) 
&lt;/code&gt;&lt;/pre&gt;
&lt;p&gt;//Training the model&lt;/p&gt;
&lt;pre&gt;&lt;code&gt;cv &amp;lt;- xgb.cv(data = as.matrix(temp.treat),
         label = temp$Reach,
         objective = "reg:linear",
         nrounds = 400, nfold = 5, eta = 0.3, depth = 6) 
&lt;/code&gt;&lt;/pre&gt;
&lt;p&gt;//Getting predictions&lt;/p&gt;
&lt;pre&gt;&lt;code&gt;test$pred &amp;lt;- predict(cv, as.matrix(test.treat))
&lt;/code&gt;&lt;/pre&gt;
&lt;p&gt;The data trains without throwing an error, but the moment I run the predict command, I get the error -&lt;/p&gt;
&lt;p&gt;Error in UseMethod("predict") : 
  no applicable method for 'predict' applied to an object of class "xgb.cv.synchronous"&lt;/p&gt;
&lt;p&gt;Can anyone tell me what am I doing wrong?&lt;/p&gt;</t>
  </si>
  <si>
    <t>2018-08-24 15:48:07.283000+00:00</t>
  </si>
  <si>
    <t>r|prediction|xgboost</t>
  </si>
  <si>
    <t>Offline agent when creating a Kubernetes pod template using Jenkins scripted pipeline</t>
  </si>
  <si>
    <t>&lt;p&gt;I have created a shared library and it has a groovy file named &lt;code&gt;myBuildPlugin.groovy&lt;/code&gt;:&lt;/p&gt;
&lt;pre&gt;&lt;code&gt;def label = "worker-${UUID.randomUUID().toString()}"
podTemplate(label: label, yaml: """
          apiVersion: v1
          kind: Pod
          metadata:
            name: my-build
          spec:
            containers:
              - name: jnlp
                image: dtr.myhost.com/test/jenkins-build-agent:latest
                ports:
                  - containerPort: 8080
                  - containerPort: 50000
                resources:
                  limits:
                    cpu : 1
                    memory : 1Gi
                  requests:
                    cpu: 200m
                    memory: 256Mi
                env:
                  - name: JENKINS_URL
                    value: http://jenkins:8080
              - name: mongo
                image: mongo
                ports:
                  - containerPort: 8080
                  - containerPort: 50000
                  - containerPort: 27017
                resources:
                  requests:
                    cpu: 200m
                    memory: 256Mi
                  limits:
                    cpu: 1
                    memory: 512Mi
            imagePullSecrets:
            - name: dtrsecret""")
        {
            node(label) {
                pipelineParams.step1.call([label : label])
        }
    }
&lt;/code&gt;&lt;/pre&gt;
&lt;p&gt;When in my project I use myBuildPlugin as below, the log shows it waits for an executor forever. When I look at Jenkins I can see the agent is being created but for some reason it can't talk to it via port &lt;code&gt;50000&lt;/code&gt; (or perhaps the pod can't talk to the agent!)&lt;/p&gt;
&lt;p&gt;Later I tried to remove &lt;code&gt;yaml&lt;/code&gt; and instead used the following code:&lt;/p&gt;
&lt;pre&gt;&lt;code&gt;podTemplate(label: 'mypod', cloud: 'kubernetes', containers: [
        containerTemplate(
                name: 'jnlp',
                image: 'dtr.myhost.com/test/jenkins-build-agent:latest',
                ttyEnabled: true,
                privileged: false,
                alwaysPullImage: false,
                workingDir: '/home/jenkins',
                resourceRequestCpu: '1',
                resourceLimitCpu: '100m',
                resourceRequestMemory: '100Mi',
                resourceLimitMemory: '200Mi',
                envVars: [
                        envVar(key: 'JENKINS_URL', value: 'http://jenkins:8080'),
                ]
        ),
        containerTemplate(name: 'maven', image: 'maven:3.5.0', command: 'cat', ttyEnabled: true),
        containerTemplate(name: 'docker', image: 'docker', command: 'cat', ttyEnabled: true)
],
        volumes: [
                emptyDirVolume(mountPath: '/etc/mount1', memory: false),
                hostPathVolume(mountPath: '/var/run/docker.sock', hostPath: '/var/run/docker.sock')
        ],
        imagePullSecrets: [ 'dtrsecret' ],
)
        {
            node(label) {
                pipelineParams.step1.call([label : label])
            }
        }
&lt;/code&gt;&lt;/pre&gt;
&lt;p&gt;Still no luck. Interestingly if I define all these containers in Jenkins configuration, things work smoothly. This is my configuration:&lt;/p&gt;
&lt;p&gt;&lt;a href="https://i.stack.imgur.com/EyqQe.png" rel="nofollow noreferrer"&gt;&lt;img src="https://i.stack.imgur.com/EyqQe.png" alt="enter image description here"&gt;&lt;/a&gt;&lt;/p&gt;
&lt;p&gt;and this is the pod template configuration:&lt;/p&gt;
&lt;p&gt;&lt;a href="https://i.stack.imgur.com/L2574.png" rel="nofollow noreferrer"&gt;&lt;img src="https://i.stack.imgur.com/L2574.png" alt="enter image description here"&gt;&lt;/a&gt;&lt;/p&gt;
&lt;p&gt;It appears that if I change the label to something other that &lt;code&gt;jenkins-jenkins-slave&lt;/code&gt; the issue happens. This is the case even if it's defined via Jenkins' configuration page. If that's the case, how am I suppose to create multiple Pod template for different type of projects?&lt;/p&gt;
&lt;p&gt;Just today, I also tried to use pod inheritance as below without any success:&lt;/p&gt;
&lt;pre&gt;&lt;code&gt;def label = 'kubepod-test'
podTemplate(label : label, inheritFrom : 'default',
        containers : [
                containerTemplate(name : 'mongodb', image : 'mongo', command : '', ttyEnabled : true)
        ]
)
        {
            node(label) {
            }
        }
&lt;/code&gt;&lt;/pre&gt;
&lt;p&gt;Please help me on this issue. Thanks&lt;/p&gt;</t>
  </si>
  <si>
    <t>2018-10-04 22:56:43.057000+00:00</t>
  </si>
  <si>
    <t>2018-10-08 00:09:21.557000+00:00</t>
  </si>
  <si>
    <t>jenkins|kubernetes|jenkins-pipeline</t>
  </si>
  <si>
    <t>DICOM CTDI Phantom Type Code Sequence Attribute (0018,9346) - Values?</t>
  </si>
  <si>
    <t>&lt;p&gt;I have checked a lot of DICOM Images about &lt;strong&gt;CTDI Phantom Type Code Sequence Attribute (0018,9346)&lt;/strong&gt; Values. I found 2000 times the value: &lt;strong&gt;1)&lt;/strong&gt;&lt;/p&gt;
&lt;p&gt;What do these signs "&lt;strong&gt;1)&lt;/strong&gt;" mean?&lt;/p&gt;
&lt;p&gt;&lt;a href="https://dicom.innolitics.com/ciods/ct-image/ct-image/00189346" rel="nofollow noreferrer"&gt;https://dicom.innolitics.com/ciods/ct-image/ct-image/00189346&lt;/a&gt;&lt;/p&gt;</t>
  </si>
  <si>
    <t>2018-01-12 13:52:53.470000+00:00</t>
  </si>
  <si>
    <t>2018-01-12 18:48:25.813000+00:00</t>
  </si>
  <si>
    <t>2018-01-12 14:06:51.540000+00:00</t>
  </si>
  <si>
    <t>dicom</t>
  </si>
  <si>
    <t>What is the use of the init() method in this code?</t>
  </si>
  <si>
    <t>&lt;p&gt;I'm trying to learn how to use JSON and I'm going over this code from a tutorial and there is a init() method. From what I found online init() is usually used as the entry point of applets. If so then why is init() in the android apps code and not the website code? Can someone please explain its reason? Is this something that is common when using JSON in android or is this uncommon?&lt;/p&gt;
&lt;pre&gt;&lt;code&gt;public class MainActivity extends AppCompatActivity {
private RecyclerView mRestaurantRecyclerView;
private RestaurantAdapter mAdapter;
private ArrayList&amp;lt;Restaurant&amp;gt; mRestaurantCollection;
@Override
protected void onCreate(Bundle savedInstanceState) {
    super.onCreate(savedInstanceState);
    setContentView(R.layout.activity_main);
    init();
    new FetchDataTask().execute();
}
private void init() {
    mRestaurantRecyclerView = (RecyclerView) findViewById(R.id.restaurant_recycler);
    mRestaurantRecyclerView.setLayoutManager(new LinearLayoutManager(this));
    mRestaurantRecyclerView.setHasFixedSize(true);
    mRestaurantCollection = new ArrayList&amp;lt;&amp;gt;();
    mAdapter = new RestaurantAdapter(mRestaurantCollection, this);
    mRestaurantRecyclerView.setAdapter(mAdapter);
}
public class FetchDataTask extends AsyncTask&amp;lt;Void, Void, Void&amp;gt; {
    private String mZomatoString;
    @Override
    protected Void doInBackground(Void... params) {
        HttpURLConnection urlConnection = null;
        BufferedReader reader = null;
        Uri builtUri = Uri.parse(getString(R.string.zomato_api));
        URL url;
        try {
            url = new URL(builtUri.toString());
            urlConnection = (HttpURLConnection) url.openConnection();
            urlConnection.setRequestMethod("GET");
            urlConnection.setRequestProperty("user-key", "acfd3e623c5f01289bd87aaaff1926c1");
            urlConnection.connect();
            InputStream inputStream = urlConnection.getInputStream();
            StringBuffer buffer = new StringBuffer();
            if (inputStream == null) {
                //Nothing to do
                return null;
            }
            reader = new BufferedReader(new InputStreamReader(inputStream));
            String line;
            while ((line = reader.readLine()) != null) {
                buffer.append(line + "\n");
            }
            if (buffer.length() == 0) {
                return null;
            }
            mZomatoString = buffer.toString();
            JSONObject jsonObject = new JSONObject(mZomatoString);
            Log.v("Response", jsonObject.toString());
            JSONArray restaurantsArray = jsonObject.getJSONArray("restaurants");
            //list = new ArrayList&amp;lt;&amp;gt;();
            for (int i = 0; i &amp;lt; restaurantsArray.length(); i++) {
                Log.v("BRAD_", i + "");
                String name;
                String address;
                String currency;
                String imageUrl;
                long lon;
                long lat;
                long cost;
                float rating;
                JSONObject jRestaurant = (JSONObject) restaurantsArray.get(i);
                jRestaurant = jRestaurant.getJSONObject("restaurant");
                JSONObject jLocattion = jRestaurant.getJSONObject("location");
                JSONObject jRating = jRestaurant.getJSONObject("user_rating");
                name = jRestaurant.getString("name");
                address = jLocattion.getString("address");
                lat = jLocattion.getLong("latitude");
                lon = jLocattion.getLong("longitude");
                currency = jRestaurant.getString("currency");
                cost = jRestaurant.getInt("average_cost_for_two");
                imageUrl = jRestaurant.getString("thumb");
                rating = (float) jRating.getDouble("aggregate_rating");
                Restaurant restaurant = new Restaurant();
                restaurant.setName(name);
                restaurant.setAddress(address);
                restaurant.setLatitiude(lat);
                restaurant.setLongitude(lon);
                restaurant.setCurrency(currency);
                restaurant.setCost(String.valueOf(cost));
                restaurant.setImageUrl(imageUrl);
                restaurant.setRating(String.valueOf(rating));
                mRestaurantCollection.add(restaurant);
            }
        } catch (MalformedURLException e) {
            e.printStackTrace();
        } catch (IOException e) {
            e.printStackTrace();
        } catch (JSONException e) {
            e.printStackTrace();
        } finally {
            if (urlConnection != null) {
                urlConnection.disconnect();
            }
            if (reader != null) {
                try {
                    reader.close();
                } catch (final IOException e) {
                    Log.e("MainActivity", "Error closing stream", e);
                }
            }
        }
        return null;
    }
    @Override
    protected void onPostExecute(Void aVoid) {
        mAdapter.notifyDataSetChanged();
    }
}
&lt;/code&gt;&lt;/pre&gt;</t>
  </si>
  <si>
    <t>2017-08-18 01:51:41.760000+00:00</t>
  </si>
  <si>
    <t>2017-08-18 02:15:43.173000+00:00</t>
  </si>
  <si>
    <t>java|android|json</t>
  </si>
  <si>
    <t>TcpClient Auto-Reconnect</t>
  </si>
  <si>
    <t>&lt;p&gt;What is the best way to make a Tcpclient auto reconnect to the server when
it's disconnected (e.g. by the server itself)?&lt;/p&gt;
&lt;p&gt;The code I'm currently using is:&lt;/p&gt;
&lt;pre&gt;&lt;code&gt;public void ClientWork()
{
        TcpClient client = new TcpClient();
        try
        {
            try
            {
                client.Connect(ip, port);
            }
            catch(Exception ex)
            {
                logger.ErrorFormat("client.Connect: {0}", ex.Message);
                return false;
            }
            NetworkStream ns = client.GetStream();
            byte[] buff;
            while (__bRunning)
            {
                buff = new byte[1000];
                ns.Read(buff, 0, 1000);
                string line = System.Text.Encoding.Default.GetString(buff);
            }
            //ns.Close();
            client.Close();
        }
        catch(Exception e)
        {
            //Reconnect?
            client.Close();
            client = null;
            return false;
        }
}
&lt;/code&gt;&lt;/pre&gt;
&lt;p&gt;I'm using C# .NET&lt;/p&gt;</t>
  </si>
  <si>
    <t>2011-05-31 12:28:47.700000+00:00</t>
  </si>
  <si>
    <t>2018-01-24 18:20:35.440000+00:00</t>
  </si>
  <si>
    <t>2011-05-31 12:36:12.003000+00:00</t>
  </si>
  <si>
    <t>c#|tcpclient|reconnect</t>
  </si>
  <si>
    <t>Replace values of multiple columns from one dataframe using another dataframe with conditions</t>
  </si>
  <si>
    <t>&lt;p&gt;Hi I have two data frames as followed:&lt;/p&gt;
&lt;pre&gt;&lt;code&gt;df1: 
ID   x    y     z     
1    a    b     c     
2    a    b     c
3    a    b     c 
4    a    b     c
&lt;/code&gt;&lt;/pre&gt;
&lt;p&gt;and df2:&lt;/p&gt;
&lt;pre&gt;&lt;code&gt;ID   x    y     
 2   d    NA
 3   NA   e
&lt;/code&gt;&lt;/pre&gt;
&lt;p&gt;and I am after a result like this:&lt;/p&gt;
&lt;p&gt;df1: &lt;/p&gt;
&lt;pre&gt;&lt;code&gt;    ID   x    y     z     
    1    a    b     c     
    2    d    b     c
    3    a    e     c 
    4    a    b     c
&lt;/code&gt;&lt;/pre&gt;
&lt;p&gt;I have been trying to use the match function as suggested by some other posts but I keep getting the issue where my df1 dataframe being replaced with NA values from df2.
This is the code I have been using without luck&lt;/p&gt;
&lt;pre&gt;&lt;code&gt;for (i in names(df2)[2:length(names(df2))]) {
  df1[i] &amp;lt;- df2[match(df1$ID, df2$ID)]
}
&lt;/code&gt;&lt;/pre&gt;
&lt;p&gt;Thanks&lt;/p&gt;</t>
  </si>
  <si>
    <t>2017-12-08 01:04:19.027000+00:00</t>
  </si>
  <si>
    <t>2018-07-20 07:43:48.557000+00:00</t>
  </si>
  <si>
    <t>2017-12-08 06:04:43.210000+00:00</t>
  </si>
  <si>
    <t>Java: SQL and Statistics/Machine Learning</t>
  </si>
  <si>
    <t>&lt;p&gt;I have a question for you concerning Java. I am basically a Java user and did most of my work with it. However, in the machine learning classes I took in college, we used mostly python with the scikit-learn and numpy packages.&lt;/p&gt;
&lt;p&gt;Now I want to do a project where I crawl data from the web, store it in SQL databases, and then do machine learning on this data. Maybe some of you have experience with those things and share some of it? I mean, of course it is possible to do these things with java, but maybe you have had some particular experiences on why I should use something else or what to consider?&lt;/p&gt;
&lt;p&gt;I am happy for all your thoughts :-)&lt;/p&gt;
&lt;p&gt;Have a great weekend!&lt;/p&gt;</t>
  </si>
  <si>
    <t>2014-11-28 20:11:42.113000+00:00</t>
  </si>
  <si>
    <t>2014-11-28 20:22:16.507000+00:00</t>
  </si>
  <si>
    <t>java|sql|statistics</t>
  </si>
  <si>
    <t>Error when sending Mail and attachment in Java</t>
  </si>
  <si>
    <t>&lt;p&gt;I have a function to send mail with attachment in java. It works when i uploaded the attachment. However, the problem is that if i have to send a mail without attachment, it says error when i send a mail and i did not upload any attachment.&lt;/p&gt;
&lt;p&gt;here is my code:&lt;/p&gt;
&lt;pre&gt;&lt;code&gt; Properties props = new Properties();
    props.put("mail.smtp.starttls.enable", "true");
    props.put("mail.smtp.auth", "true");
    props.put("mail.smtp.host", "smtp.gmail.com");
    props.put("mail.smtp.port", "587");
    Session session = Session.getInstance(props,
      new javax.mail.Authenticator() {
        protected PasswordAuthentication getPasswordAuthentication() {
            return new PasswordAuthentication(username, password);
        }
      });
    try {
        String html = text;
        Message message = new MimeMessage(session);
        message.setFrom(new InternetAddress("abdool.latiff@gmail.com"));
        message.setRecipients(Message.RecipientType.TO,
            InternetAddress.parse(email));
        message.setSubject(subject);
        BodyPart messageBodyPart = new MimeBodyPart(); 
        messageBodyPart.setContent(html, "text/html"); 
        Multipart multipart = new MimeMultipart(); 
        multipart.addBodyPart(messageBodyPart); 
        messageBodyPart = new MimeBodyPart(); 
        String filename = "C:/Users/gro/Desktop/"+attachment; 
        DataSource source = new FileDataSource(filename); 
        messageBodyPart.setDataHandler(new DataHandler(source)); 
        messageBodyPart.setFileName(filename); 
        multipart.addBodyPart(messageBodyPart);  
        message.setContent(multipart);
        Transport.send(message);
        System.out.println("Done");
    } catch (MessagingException e) {
        throw new RuntimeException(e);
    }
&lt;/code&gt;&lt;/pre&gt;
&lt;p&gt;any idea how i can solve this?&lt;/p&gt;
&lt;p&gt;i get this error:&lt;/p&gt;
&lt;p&gt;org.apache.jasper.JasperException: java.lang.RuntimeException: javax.mail.MessagingException: IOException while sending message;
  nested exception is:
    java.io.FileNotFoundException: C:\Users\gro\Desktop (Access is denied)&lt;/p&gt;</t>
  </si>
  <si>
    <t>2016-02-09 18:35:16.327000+00:00</t>
  </si>
  <si>
    <t>2016-02-09 19:42:51.977000+00:00</t>
  </si>
  <si>
    <t>2016-02-09 18:40:22.453000+00:00</t>
  </si>
  <si>
    <t>java|javamail</t>
  </si>
  <si>
    <t>How to add empty row depending on condition in report builder</t>
  </si>
  <si>
    <t>&lt;p&gt;I have specific report that i need to create. I have two tables, one that has data of jobs in my company and other that has data of people who work there. In table of jobs there is a data field that contains data of how many people can work on some job (name of job and 1, 2 or other number of people). I need report that will show a name of the job and then list of people that work on that job BUT , and this is problem, if there are less people then job places I need to add empty row for every empty job place. example:&lt;/p&gt;
&lt;pre&gt;&lt;code&gt;job name 1 = 3 places
job name 2 = 4 places
&lt;/code&gt;&lt;/pre&gt;
&lt;p&gt;Report:&lt;/p&gt;
&lt;pre&gt;&lt;code&gt;JOB NAME 1
---------------------- 
WORKING MAN NAME 1   
WORKING MAN NAME 2   
--- empty place ---  
JOB NAME 2
----------------------
WORKING MAN NAME 1   
WORKING MAN NAME 2   
--- empty place --- 
--- empty place --- 
&lt;/code&gt;&lt;/pre&gt;
&lt;p&gt;I forgot to mention that I am working with DB2 database on IBM system Z and for building reports I am using Visual Studio 10. My two tables are: &lt;/p&gt;
&lt;p&gt;JOB:  job_id, job_name, job_num_places&lt;/p&gt;
&lt;p&gt;WORKER: worker_id, worker_name, job_id&lt;/p&gt;
&lt;p&gt;I am joining tables on job_id &lt;/p&gt;</t>
  </si>
  <si>
    <t>2013-11-09 21:44:02.597000+00:00</t>
  </si>
  <si>
    <t>2017-11-07 21:35:59.070000+00:00</t>
  </si>
  <si>
    <t>sql|report|builder</t>
  </si>
  <si>
    <t>Filtering a list to find elements divisible by a number</t>
  </si>
  <si>
    <t>&lt;p&gt;I have a list in Groovy and I would like to get out of all elements to a new list which can be divisible by 6.&lt;/p&gt;
&lt;pre&gt;&lt;code&gt; def someList = [5, 6, 7, 8, 9, 10, 11, 12] 
&lt;/code&gt;&lt;/pre&gt;
&lt;p&gt;The new list should be: &lt;code&gt;[6, 12]&lt;/code&gt;&lt;/p&gt;
&lt;p&gt;Do you have any idea how to do that?&lt;/p&gt;</t>
  </si>
  <si>
    <t>2015-07-20 19:11:41.560000+00:00</t>
  </si>
  <si>
    <t>2015-07-20 20:12:00.213000+00:00</t>
  </si>
  <si>
    <t>collections|groovy</t>
  </si>
  <si>
    <t>How to get the order of files/dirs in the Explorer?</t>
  </si>
  <si>
    <t>&lt;p&gt;I am programming in C++, Windows
I wonder if I can get the order of files in a certain folder.
the order of FileFind seems by alphabetic order.&lt;/p&gt;
&lt;p&gt;For example. I can drag folders/files in a folder. and if I open it again, the order will remain.
I wish I can get this order.
Many Thanks!&lt;/p&gt;
&lt;p&gt;Sorry for not stating my question clear enough.
I thought the order in explorer is about file system. now I know from your answers, It is just explorer's order.
Then ,How can I read the order from explorer.&lt;/p&gt;
&lt;p&gt;The situation is as bellow:
I am writting a image viewer, double-click an Image, open the window.  and press "-&gt;" "&amp;lt;-", you can navigate the image folder. 
Users want the order of the navigation in my image viewer is just like the order in explorer. I don't know how to do it.&lt;/p&gt;
&lt;p&gt;Is there any shell API todo this?&lt;/p&gt;</t>
  </si>
  <si>
    <t>2010-02-01 06:30:15.363000+00:00</t>
  </si>
  <si>
    <t>2010-02-01 16:00:52.243000+00:00</t>
  </si>
  <si>
    <t>2010-02-01 09:29:07.217000+00:00</t>
  </si>
  <si>
    <t>c++|windows|order|folder</t>
  </si>
  <si>
    <t>Error in unzip(file, exdir = tmp) : 'exdir' does not exist (Windows 10 R Installation)</t>
  </si>
  <si>
    <t>&lt;p&gt;I receive the error message "Error in unzip(file, exdir = tmp) : 'exdir' does not exist" when I try to run a package command from a Windows 10 R installation.  &lt;/p&gt;
&lt;p&gt;Unfortunately I do not have the capability to run the unzip as an individual command since a package runs this as one of their compiled commands.&lt;/p&gt;
&lt;ul&gt;
&lt;li&gt;the tmp directory is created to C:\&lt;/li&gt;
&lt;li&gt;I changed my permissions to full-control for the C:\tmp folder&lt;/li&gt;
&lt;/ul&gt;
&lt;p&gt;From the other posts many were able to work around this error by removing the "/" at the end of the path.  Unfortunately because this is another packages script I'm not able to directly control the path were the unzip is performed.&lt;/p&gt;</t>
  </si>
  <si>
    <t>2018-06-22 12:49:24.900000+00:00</t>
  </si>
  <si>
    <t>2018-06-22 13:19:00.847000+00:00</t>
  </si>
  <si>
    <t>Error: spawn ENOENT in meteor mup deploy</t>
  </si>
  <si>
    <t>&lt;p&gt;i successfully deploy my meteor app on amazon EC2 but in next day when i deploy again that time it is not working. it's give me error like&lt;/p&gt;
&lt;p&gt;Error: spawn ENOENT
    at errnoException (child_process.js:988:11)
    at Process.ChildProcess._handle.onexit (child_process.js:779:34)&lt;/p&gt;
&lt;p&gt;any help?&lt;/p&gt;</t>
  </si>
  <si>
    <t>2016-05-09 04:23:50.353000+00:00</t>
  </si>
  <si>
    <t>Using two versions of the same assembly (system.web.mvc) at the same time</t>
  </si>
  <si>
    <t>&lt;p&gt;I'm using a content management system whose admin interface uses MVC 1.0. I would like to build the public parts of the site using MVC 2. &lt;/p&gt;
&lt;p&gt;If I just reference System.Web.Mvc version 2 in my project the admin mode doesn't work as the reference to System.Web.Mvc.ViewPage created by the views in the admin interface is ambiguous: &lt;/p&gt;
&lt;p&gt;The type 'System.Web.Mvc.ViewPage' is ambiguous: it could come from assembly 'C:\Windows\assembly\GAC_MSIL\System.Web.Mvc\2.0.0.0__31bf3856ad364e35\System.Web.Mvc.dll' or from assembly 'C:\Windows\assembly\GAC_MSIL\System.Web.Mvc\1.0.0.0__31bf3856ad364e35\System.Web.Mvc.dll'. Please specify the assembly explicitly in the type name.&lt;/p&gt;
&lt;p&gt;I could easily work around this by using binding redirects to specify that MVC 2 should always be used. Unfortunately the content management systems admin mode isn't compatible with MVC 2. I'm not exactly sure why, but I start getting a bunch of null reference exceptions in some of it's actions when I try it and the developers of the CMS have confirmed that it isn't compatible with MVC 2 (yet).&lt;/p&gt;
&lt;p&gt;The admin interface which is accessed through domain.com/admin is not physically located in webroot/admin but in the program files folder on the server and domain.com/admin is instead routed there using a virtual path provider. Therefor, putting a separate web.config file in the admin folder to specify a different version of System.Web.Mvc for that part of the site isn't an option as that won't fly when using shared hosting.&lt;/p&gt;
&lt;p&gt;Can anyone see any solution to this problem? Perhaps it's possible to specify that for some assemblies a different version of a referenced assembly should be used? &lt;/p&gt;</t>
  </si>
  <si>
    <t>2010-05-13 08:02:27.743000+00:00</t>
  </si>
  <si>
    <t>2012-05-01 14:07:01.807000+00:00</t>
  </si>
  <si>
    <t>2010-05-13 17:30:26.023000+00:00</t>
  </si>
  <si>
    <t>.net|asp.net|asp.net-mvc|configuration|assemblies</t>
  </si>
  <si>
    <t>Sending key value pairs to a storage server</t>
  </si>
  <si>
    <t>&lt;p&gt;My task is to send key value pairs as bytes to a storage server. &lt;/p&gt;
&lt;p&gt;The current approach I take is to send everything (key, value) as one message to the server. I am planning to use a delimiter for the separation between key and value. Is this the common approach to use? And if so, which char is an appropriate delimiter?&lt;/p&gt;</t>
  </si>
  <si>
    <t>2013-11-17 10:27:22.737000+00:00</t>
  </si>
  <si>
    <t>2013-11-17 10:48:51.193000+00:00</t>
  </si>
  <si>
    <t>java|byte</t>
  </si>
  <si>
    <t>JQuery Clone objects not passing value to SQL, Asp</t>
  </si>
  <si>
    <t>&lt;p&gt;I am building a tool that will allow users to insert a survey/poll.  By default I am supplying four text boxes for possible answers.  However, I am using JQuery clone() in the event the survey requires more answer options.  However, when a user clicks to clone an extra answer field, the value is not able to be passed using Asp into the database as if the textfield created does not exist.&lt;/p&gt;
&lt;p&gt;I have my code working here: &lt;a href="http://jsfiddle.net/LAECx/120/" rel="nofollow"&gt;http://jsfiddle.net/LAECx/120/&lt;/a&gt;&lt;/p&gt;
&lt;p&gt;Rendered Html Markup&lt;/p&gt;
&lt;pre&gt;&lt;code&gt;    &amp;lt;table id='pollcreate' width="100%" cellpadding="2" cellspacing="0" border="0" &amp;gt;
&amp;lt;tbody&amp;gt;
&amp;lt;form name="pollcreation_form" action="pollcreate_action.asp" method="post"&amp;gt;
    &amp;lt;tr id="qrow_poll_answer" name="qrow_poll_answer"&amp;gt;
        &amp;lt;td id="qcell_poll_answer" name="qcell_poll_answer" align="left" valign="top"  class="formlabelcell" &amp;gt;Answer Option 1&amp;lt;/td&amp;gt;
    &amp;lt;/tr&amp;gt;
    &amp;lt;tr id="arow_poll_answer" name="arow_poll_answer"&amp;gt;
        &amp;lt;td id="acell_poll_answer" name="acell_poll_answer" align="left" valign="top"  class="formquestioncell" &amp;gt;&amp;lt;input type="text" id="poll_answer" name="poll_answer" value="" size="50" maxlength="500"  class="forminputtext" &amp;gt;&amp;lt;/td&amp;gt;
    &amp;lt;/tr&amp;gt;
    &amp;lt;tr id="sprow_poll_answer" name="sprow_poll_answer"&amp;gt;
        &amp;lt;td id="spcell_poll_answer" name="spcell_poll_answer" align="left" valign="top"&amp;gt;&amp;lt;img src="http://img.lightreading.com/images/spacer.gif" width="1" height="8" border="0"&amp;gt;&amp;lt;/td&amp;gt;
    &amp;lt;/tr&amp;gt;
    &amp;lt;tr id="brow_addrow" name="brow_addrow"&amp;gt;
        &amp;lt;td align="left" valign="top"  class="formfullcell" &amp;gt;&amp;lt;input type="submit" name="addrow" id="addrow" value="Add Answer Option"  class="forminputbutton" &amp;gt;&amp;lt;/td&amp;gt;
    &amp;lt;/tr&amp;gt;
    &amp;lt;tr id="brow_submit" name="brow_submit"&amp;gt;
        &amp;lt;td align="left" valign="top"  class="formfullcell" &amp;gt;&amp;lt;input type="submit" name="submit" id="submit" value="Create"  class="forminputbutton" &amp;gt;&amp;lt;/td&amp;gt;
    &amp;lt;/tr&amp;gt;
&amp;lt;/tbody&amp;gt;
&amp;lt;/table&amp;gt;
&lt;/code&gt;&lt;/pre&gt;
&lt;p&gt;JQuery&lt;/p&gt;
&lt;pre&gt;&lt;code&gt;$(document).ready(function() {
    var index = 5;
  $("#addrow").click(function() {
    var row = $('#pollcreate tbody tr#qrow_poll_answer:last, #pollcreate tbody tr#arow_poll_answer:last, #pollcreate tbody tr#sprow_poll_answer:last').clone(true).insertAfter('#pollcreate tbody tr#sprow_poll_answer:last');
      $("td.formlabelcell:eq(0)", row).text("Answer Option " + index)
     $("td.formquestioncell:eq(0) input", row).attr("name", "poll_answer" + index).attr("id", "poll_answer" + index).attr("value", index)
                      index++;
        return false;
  });
});
&lt;/code&gt;&lt;/pre&gt;</t>
  </si>
  <si>
    <t>2012-05-11 01:53:49.450000+00:00</t>
  </si>
  <si>
    <t>jquery|asp-classic|clone</t>
  </si>
  <si>
    <t>How to restrict to invoke service dependencies while writing Unit test for Controller?</t>
  </si>
  <si>
    <t>&lt;p&gt;I have the following controller:&lt;/p&gt;
&lt;pre&gt;&lt;code&gt;(function () {
    "use strict";
    angular.module('usp.configuration').controller('ConfigurationController', ConfigurationController);
    ConfigurationController.$inject = ['$scope', '$rootScope', '$routeParams', 'configurationService'];
    function ConfigurationController($scope, $rootScope, $routeParams, configurationService) {
        //Get Master Gas List
        configurationService.getMasterGasList().then(function (response) {
            $scope.masterGasList = response.data.data;
        });
        $scope.convertToInt = function (str) {
            if (!isNumberEmpty(str) &amp;amp;&amp;amp; !isNaN(str)) {
                return parseInt(str, 10);
            }
            return "";
        }
        $scope.convertToString = function (num) {
            if (!isNumberEmpty(num) &amp;amp;&amp;amp; !isNaN(num)) {
                return num + "";
            }
            return "";
        }
    }
}());
&lt;/code&gt;&lt;/pre&gt;
&lt;p&gt;And below is the test case for the controller:&lt;/p&gt;
&lt;pre&gt;&lt;code&gt;describe("test suite for Configuration test controller", function() {
    var scope = null;
    var configurationService;
    beforeEach(module("usp.configuration"));
    beforeEach(inject(function($rootScope, $controller, _configurationService_) {
         // Services
         // _'s are automatically unwrapped
        configurationService = _configurationService_;
        // Controller Setup
        scope = $rootScope.$new();
        $controller("ConfigurationController", {
            $scope: scope,
            configurationService : configurationService
        });
    }));
    it("should convert to int", function() {
        expect(scope.convertToInt("2")).toEqual(2);
    });
    it("should return empty string", function() {
        expect(scope.convertToInt("asd")).toEqual("");
    });
});
&lt;/code&gt;&lt;/pre&gt;
&lt;p&gt;I don't want to call that service while I am running the test case.&lt;/p&gt;
&lt;p&gt;I am new to unit testing, I don't know how can I do this.&lt;/p&gt;
&lt;p&gt;Please help me to do this?&lt;/p&gt;</t>
  </si>
  <si>
    <t>2016-04-13 08:07:14.517000+00:00</t>
  </si>
  <si>
    <t>2016-04-13 09:19:33.853000+00:00</t>
  </si>
  <si>
    <t>angularjs|unit-testing</t>
  </si>
  <si>
    <t>Why does my table and background not expand correctly LibGDX?</t>
  </si>
  <si>
    <t>&lt;p&gt;I have an Image for drawing my background that I add to the stage. For some reason, there is a small space on the bottom - it's not laid out correctly&lt;/p&gt;
&lt;p&gt;See attached image. I draw the background yellow to make it more visible. Why doesn't expand the background all the way to the bottom?&lt;/p&gt;
&lt;pre&gt;&lt;code&gt;@Override
public void show() {
    cam = new OrthographicCamera(Helper.RESOLUTION_WIDTH, Helper.RESOLUTION_HEIGHT);
    cam.position.set(Helper.RESOLUTION_WIDTH / 2, Helper.RESOLUTION_HEIGHT / 2, 0);
    stage = new Stage(Helper.RESOLUTION_WIDTH, Helper.RESOLUTION_HEIGHT, true);
    stage.setCamera(cam); // !IMPORTANT
    Image img = new Image(Assets.background);
    img.setFillParent(true);
    img.setSize(Helper.RESOLUTION_WIDTH, Helper.RESOLUTION_HEIGHT);
    stage.addActor(img);
    Table table = new Table(skin);
    table.debug();
    table.setBounds(0, 0, Helper.RESOLUTION_WIDTH, Helper.RESOLUTION_HEIGHT);
    table.setFillParent(true);
    /* add all the menu items to table */
    stage.addActor(table);
}
&lt;/code&gt;&lt;/pre&gt;
&lt;p&gt;RESOLUTION_WIDTH = 800
RESOLUTION_HEIGHT = 1280;&lt;/p&gt;
&lt;p&gt;&lt;img src="https://i.stack.imgur.com/SZhlV.png" alt="enter image description here"&gt;&lt;/p&gt;</t>
  </si>
  <si>
    <t>2014-02-12 01:54:02.150000+00:00</t>
  </si>
  <si>
    <t>2014-02-17 15:06:18.367000+00:00</t>
  </si>
  <si>
    <t>libgdx</t>
  </si>
  <si>
    <t>Delete or remove the polylines in google map api v2</t>
  </si>
  <si>
    <t>&lt;p&gt;I am trying this from quite long so is why i am here seeking for some serious help!!&lt;/p&gt;
&lt;p&gt;In my application i am suppose to plot more than 2 alternative routes onclick of a button, say in my application i have 3 buttons such as r1,r2 and r3.When i enter the source and destination locations in my application's respective's edittexts and click enter then i shall be plotting by default r1 so now when i click on r2 button the path/route plotted on the map previously should be erased/deleted and the new alternative path/route should be plotted on the map but isnt happening that way instead of erasing the previous path/route it is plotting both the routes on the map:( can someone please help me?&lt;/p&gt;
&lt;p&gt;Here is my code.&lt;/p&gt;
&lt;pre&gt;&lt;code&gt;List&amp;lt;RoutesDictionary&amp;gt; routeDicList = new ArrayList&amp;lt;RoutesDictionary&amp;gt;();
routeTwo.setOnClickListener(new OnClickListener() {
    @Override
    public void onClick(View arg0) {
        map.clear();
        routeDicList.clear();
        routeType = 2;
        rout = "walking";
        new TrafficData().execute();
        Log.d("TH routeTwo", "In routeTwo After" +
        `enter code here`routeDicList.size());
    }
});
public class TrafficData extends AsyncTask&amp;lt;Context, String, String&amp;gt; {
    routeTwo.setOnClickListener(new OnClickListener() {
        @Override
        public void onClick(View arg0) {
            map.clear();
            routeDicList.clear();
            routeType = 2;
            rout = "walking";
            new TrafficData().execute();
        }
    });
    @Override
    protected String doInBackground(Context... params) {
        try {
            if (!via_route.equals("")) {
                url = "http://maps.googleapis.com/maps/api/directions/json?origin="
                        + sourceAdd
                        + "&amp;amp;destination="
                        + destinationAdd
                        + "&amp;amp;waypoints=via:"
                        + via_route
                        + "&amp;amp;sensor=false&amp;amp;mode=" + rout;
            } else {
                url = "http://maps.googleapis.com/maps/api/directions/json?origin="
                        + sourceAdd
                        + "&amp;amp;destination="
                        + destinationAdd
                        + "&amp;amp;sensor=false&amp;amp;mode=" + rout;
            }
            // Making HTTP request
            try {
                // defaultHttpClient
                DefaultHttpClient httpClient = new DefaultHttpClient();
                HttpGet httpPost = new HttpGet(url);
                HttpResponse httpResponse = httpClient.execute(httpPost);
                result = EntityUtils.toString(httpResponse.getEntity());
                Log.v("Traffic App : ", "The Traffic App result is : "
                        + result);
            } catch (UnsupportedEncodingException e) {
                e.printStackTrace();
            } catch (ClientProtocolException e) {
                e.printStackTrace();
            } catch (IOException e) {
                e.printStackTrace();
            }
        } catch (Exception e) {
            e.printStackTrace();
        }
        return result;
    }
    @Override
    protected void onPostExecute(String result) {
        super.onPostExecute(result);
        Log.v("Traffic App : ", "The Traffic App resultTraffic  is : "
                + resultTraffic);
        try {
            JSONObject routesObj = new JSONObject(result);
            String status = routesObj.getString("status");
            if (status.equals("OK")) {
                routesDictionary = new RoutesDictionary();
                allRouteDic.addSrcAddress(sourceAdd);
                allRouteDic.addDesAddress(destinationAdd);
                AllRoutes.allRoutes.add(allRouteDic);
                Log.v("***********************", "THE ***** Array list : ");
                JSONArray routesArr = routesObj.getJSONArray("routes");
                JSONObject mainObj = routesArr.getJSONObject(0);
                JSONArray legsArr = mainObj.getJSONArray("legs");
                int legsSize = legsArr.length();
                for (int i = 0; i &amp;lt; legsSize; i++) {
                    routesDictionary.addlegsDistance(legsArr.getJSONObject(
                            i).getJSONObject("distance"));
                    routesDictionary.addlegsDuration(legsArr.getJSONObject(
                            i).getJSONObject("duration"));
                    routesDictionary.addlegsEndaddress(legsArr
                            .getJSONObject(i).getString("end_address"));
                    routesDictionary
                            .addlegsEndlocation(legsArr.getJSONObject(i)
                                    .getJSONObject("end_location"));
                    routesDictionary.addlegsStartaddress(legsArr
                            .getJSONObject(i).getString("start_address"));
                    routesDictionary.addlegsStartlocation(legsArr
                            .getJSONObject(i).getJSONObject(
                                    "start_location"));
                    routeDicList.add(routesDictionary);
                    JSONArray stepsArr = legsArr.getJSONObject(i)
                            .getJSONArray("steps");
                    int stepsLen = stepsArr.length();
                    for (int j = 0; j &amp;lt; stepsLen; j++) {
                        routesDictionary
                                .addlegs_StepsDistance(stepsArr
                                        .getJSONObject(j).getJSONObject(
                                                "distance"));
                        routesDictionary
                                .addlegs_StepsDuration(stepsArr
                                        .getJSONObject(j).getJSONObject(
                                                "duration"));
                        routesDictionary.addlegs_StepsEndlocation(stepsArr
                                .getJSONObject(j).getJSONObject(
                                        "end_location"));
                        routesDictionary.addlegs_StepsHtmlInstruct(stepsArr
                                .getJSONObject(j).getString(
                                        "html_instructions"));
                        routesDictionary
                                .addlegs_StepsPloyline(stepsArr
                                        .getJSONObject(j).getJSONObject(
                                                "polyline"));
                        routesDictionary
                                .addlegs_StepsStartlocation(stepsArr
                                        .getJSONObject(j).getJSONObject(
                                                "start_location"));
                        routesDictionary.addlegs_StepsTravelmode(stepsArr
                                .getJSONObject(j).getString("travel_mode"));
                        routeDicList.add(routesDictionary);
                    }
                }
                int strLoc = routeDicList.get(0)
                        .getlegs_StepsStartlocation().size();
                for (int k = 0; k &amp;lt; strLoc; k++) {
                    routesDictionary.addStrLatit(routeDicList.get(0)
                            .getlegs_StepsStartlocation().get(k)
                            .getString("lat"));
                    routesDictionary.addStrlongi(routeDicList.get(0)
                            .getlegs_StepsStartlocation().get(k)
                            .getString("lng"));
                    routeDicList.add(routesDictionary);
                }
                int endLoc = routeDicList.get(0).getlegs_StepsEndlocation()
                        .size();
                for (int l = 0; l &amp;lt; endLoc; l++) {
                    routesDictionary.addEndLatit(routeDicList.get(0)
                            .getlegs_StepsEndlocation().get(l)
                            .getString("lat"));
                    routesDictionary.addEndLongi(routeDicList.get(0)
                            .getlegs_StepsEndlocation().get(l)
                            .getString("lng"));
                    routeDicList.add(routesDictionary);
                }
                int strL = routeDicList.get(0).getStrLatit().size();
                for (int m = 0; m &amp;lt; strL; m++) {
                    Log.v("Traffic : ", "***  Latitude and Longi *** : "
                            + routeDicList.get(0).getStrLatit().get(m)
                            + "       "
                            + routeDicList.get(0).getStrLong().get(m));
                }
                int endL = routeDicList.get(0).getEndLatit().size();
                for (int m = 0; m &amp;lt; endL; m++) {
                    Log.v("Traffic : ", "###  Latitude and Longi ### : "
                            + routeDicList.get(0).getEndLatit().get(m)
                            + "       "
                            + routeDicList.get(0).getEndLong().get(m));
                }
                rectOptions = new PolylineOptions();
                Log.v("*****************", "The RECTPOINTS SIZE : "
                        + rectOptions.getPoints().size());
                rectOptions.getPoints().clear();
                switch (routeType) {
                case 1:
                    rectOptions.color(Color.RED);
                    break;
                case 2:
                    rectOptions.color(Color.BLUE);
                    break;
                case 3:
                    rectOptions.color(Color.GREEN);
                    break;
                default:
                    break;
                }
                rectOptions.width(4);
                for (int i = 1; i &amp;lt; strL; i++) {
                    rectOptions.add(new LatLng(Double.valueOf(routeDicList
                            .get(0).getStrLatit().get(i)), Double
                            .valueOf(routeDicList.get(0).getStrLong()
                                    .get(i))));
                }
                // Get back the mutable Polygon
                map.clear();
                polyline = map.addPolyline(rectOptions.geodesic(false));
                polyline.remove();
                polyline = map.addPolyline(rectOptions.geodesic(true));
                double lng = Double.valueOf(routeDicList.get(0)
                        .getlegs_StepsStartlocation().get(0)
                        .getString("lng"));
                double lat = Double.valueOf(routeDicList.get(0)
                        .getlegs_StepsStartlocation().get(0)
                        .getString("lat"));
                map.animateCamera(CameraUpdateFactory.newLatLngZoom(
                        new LatLng(lat, lng), 14.0f));
                // start longitude and latitude
                double startlng = Double
                        .valueOf(routeDicList.get(0)
                                .getlegs_StepsEndlocation().get(0)
                                .getString("lng"));
                double startlat = Double
                        .valueOf(routeDicList.get(0)
                                .getlegs_StepsEndlocation().get(0)
                                .getString("lat"));
                // start location marker
                addMarker(startlat, startlng);
                // end longitude and latitude
                double endlng = Double.valueOf(routeDicList.get(0)
                        .getlegs_StepsStartlocation().get(endLoc - 1)
                        .getString("lng"));
                double endlat = Double.valueOf(routeDicList.get(0)
                        .getlegs_StepsStartlocation().get(endLoc - 1)
                        .getString("lat"));
                // end location marker
                addMarker(endlat, endlng);
            }
        } catch (JSONException e) {
            e.printStackTrace();
        }
    }
&lt;/code&gt;&lt;/pre&gt;</t>
  </si>
  <si>
    <t>2013-09-20 06:34:42.170000+00:00</t>
  </si>
  <si>
    <t>2013-09-20 20:49:17.827000+00:00</t>
  </si>
  <si>
    <t>2013-09-20 11:51:29.843000+00:00</t>
  </si>
  <si>
    <t>android|google-maps|google-maps-android-api-2</t>
  </si>
  <si>
    <t>Getting Twitter statuses from timeline via Twitter API javascript</t>
  </si>
  <si>
    <t>&lt;p&gt;I need to make an http request to Twitters REST API and obtain statuses containing a certain word like "#javascript".&lt;/p&gt;
&lt;p&gt;I looked at the docs and tried this request:&lt;/p&gt;
&lt;pre&gt;&lt;code&gt;https://api.twitter.com/1.1/search/tweets.json?q=#javascript
&lt;/code&gt;&lt;/pre&gt;
&lt;p&gt;But I got the error: "Bad Authentication data."&lt;/p&gt;
&lt;p&gt;Can anyone tell me how to make this request correctly?&lt;/p&gt;</t>
  </si>
  <si>
    <t>2016-04-20 22:52:49.377000+00:00</t>
  </si>
  <si>
    <t>2016-04-20 23:21:34.040000+00:00</t>
  </si>
  <si>
    <t>javascript|api|twitter</t>
  </si>
  <si>
    <t>Bootstrap datepicker startdate/minvalue input text</t>
  </si>
  <si>
    <t>&lt;p&gt;I have a bootstrap modal, and I tried to put datepickers there but somehow it's not working.&lt;/p&gt;
&lt;pre class="lang-html prettyprint-override"&gt;&lt;code&gt;&amp;lt;tr&amp;gt;
    &amp;lt;th&amp;gt;Leave Date&amp;lt;/th&amp;gt;
    &amp;lt;td&amp;gt;
        &amp;lt;input type="text" id="dateleave" value="&amp;lt;?php echo $datasaida?&amp;gt;" class="form-control"&amp;gt;
    &amp;lt;/td&amp;gt;
&amp;lt;/tr&amp;gt;
&amp;lt;tr&amp;gt;
    &amp;lt;th&amp;gt;Back Day&amp;lt;/th&amp;gt;
    &amp;lt;td&amp;gt;
        &amp;lt;input type="text" id="dateback" value="&amp;lt;?php echo $datavolta?&amp;gt;" class="form-control"&amp;gt;
    &amp;lt;/td&amp;gt;
&amp;lt;/tr&amp;gt;
&lt;/code&gt;&lt;/pre&gt;
&lt;p&gt;Basically I want to tell the "leave" datepicker that the minimum date is &lt;code&gt;#backday&lt;/code&gt;.&lt;/p&gt;
&lt;pre class="lang-js prettyprint-override"&gt;&lt;code&gt;$("#dateleave").datepicker({
    startDate: $("$dateback").text(),
    format: 'yyyy/mm/dd'
});
$("#dateback").datepicker({
    startDate: "dateToday",
    format: 'yyyy/mm/dd'
});
&lt;/code&gt;&lt;/pre&gt;
&lt;p&gt;Is possible to do that?&lt;/p&gt;</t>
  </si>
  <si>
    <t>2017-05-08 16:35:59.587000+00:00</t>
  </si>
  <si>
    <t>2017-05-08 17:10:54.840000+00:00</t>
  </si>
  <si>
    <t>javascript|jquery|twitter-bootstrap|datepicker</t>
  </si>
  <si>
    <t>Most efficient way to hide multiple elements on click outside?</t>
  </si>
  <si>
    <t>&lt;p&gt;Okay so we all know this way of hiding an element (and multiple elements) when clicking outside of it (i.e. element loses focus):&lt;/p&gt;
&lt;pre&gt;&lt;code&gt;$('document').on('click', function () { $(element).hide(); });
$(element).on('click', function (e) { e.stopPropagation(); /* ka-chow! */ });
&lt;/code&gt;&lt;/pre&gt;
&lt;p&gt;Meaning any click event that reaches the document will hide the element, while any click inside the element will not propagate to the document and will not fire the click event.&lt;/p&gt;
&lt;p&gt;That's all nice and well and definitely not news.&lt;/p&gt;
&lt;p&gt;However, I have a complex and rich UI. This interface has many elements that require this sort of behavior. Let's assume only one element needs to get hidden on each event for that matter. Would I need to traverse the whole lot every time, to find the one element I want to hide?&lt;/p&gt;
&lt;p&gt;If so what is the most efficient way to do it? Give them all a unique class name? Or store each element's classname/ID/DOM instance in an array and loop through that every time? Each solution sounds more inefficient than the other to me.&lt;/p&gt;
&lt;p&gt;What would you do?&lt;/p&gt;</t>
  </si>
  <si>
    <t>2013-01-28 09:55:24.690000+00:00</t>
  </si>
  <si>
    <t>2013-01-28 17:50:02.193000+00:00</t>
  </si>
  <si>
    <t>javascript|jquery|css|performance</t>
  </si>
  <si>
    <t>Reporting Services, Parameters Conditional Formatting</t>
  </si>
  <si>
    <t>&lt;p&gt;Could someone please help me with the below. &lt;/p&gt;
&lt;p&gt;Is there a way that I can tell reporting services to group unique drop down?&lt;/p&gt;
&lt;p&gt;E.g. &lt;/p&gt;
&lt;pre&gt;&lt;code&gt;  ID  |  Type
--------------
 1111 | sick.1
 2222 | sick.2
&lt;/code&gt;&lt;/pre&gt;
&lt;p&gt;Selecting query from the database, the drop down will have both. I have figured a way to make &lt;code&gt;type=sick&lt;/code&gt; but the display still shows &lt;code&gt;sick sick&lt;/code&gt; (so duplication). Its just for the user selection really.&lt;/p&gt;</t>
  </si>
  <si>
    <t>2012-01-23 10:53:46.427000+00:00</t>
  </si>
  <si>
    <t>2012-01-23 11:20:40.617000+00:00</t>
  </si>
  <si>
    <t>2012-01-23 10:56:43.197000+00:00</t>
  </si>
  <si>
    <t>sql|reporting-services</t>
  </si>
  <si>
    <t>Access to Font at '...' from origin '...' has been blocked by CORS policy</t>
  </si>
  <si>
    <t>&lt;p&gt;Just recently I noticed that a customers website I developed was not showing some external resources with firefox...
I checked under Chrome and there the resources show, but both browser do show a error in the console, though different ones.&lt;/p&gt;
&lt;p&gt;I am so far that I understand it's a CORS issue, but I don't understand how to fix it.
On the CDN I have the Access-Control-Allow-Origin completely opened, but as the error in Chrome states, the problem seems to be more an issue that the origin sends the header without www while it sends the request from a www domain...
Do I need to set a header to a www domain???&lt;/p&gt;
&lt;p&gt;Isn't this overengineering of security?&lt;/p&gt;
&lt;pre&gt;&lt;code&gt;&amp;lt;FilesMatch "\.(ttf|otf|eot|woff|woff2|svg|css|font.css|jpg|png|gif|js)$"&amp;gt;
&amp;lt;IfModule mod_headers.c&amp;gt;
# Always set these headers.
Header always set Access-Control-Allow-Origin "*"
&amp;lt;/IfModule&amp;gt;
&amp;lt;/FilesMatch&amp;gt;
&lt;/code&gt;&lt;/pre&gt;
&lt;p&gt;Firefox:&lt;/p&gt;
&lt;blockquote&gt;
  &lt;p&gt;downloadable font: download failed (font-family: "Gotham-Book"
  style:normal weight:normal stretch:normal src index:3):
  status=2147500036 source: 'external CDN domain'&lt;/p&gt;
&lt;/blockquote&gt;
&lt;p&gt;Chrome:&lt;/p&gt;
&lt;blockquote&gt;
  &lt;p&gt;Access to Font at 'external CDN domain' from origin 'www domain' has
  been blocked by CORS policy: The 'Access-Control-Allow-Origin' header
  has a value 'domain com' that is not equal to the supplied origin.
  Origin 'www domain com' is therefore not allowed access.&lt;/p&gt;
&lt;/blockquote&gt;</t>
  </si>
  <si>
    <t>2017-02-02 16:22:54.980000+00:00</t>
  </si>
  <si>
    <t>2017-02-24 14:15:05.600000+00:00</t>
  </si>
  <si>
    <t>firefox|cors</t>
  </si>
  <si>
    <t>Windows wallpaper: not just BMPs?</t>
  </si>
  <si>
    <t>&lt;p&gt;I've read in a couple of places that the desktop wallpaper can be set to an HTML document. Has anyone had any success changing it programmatically? &lt;/p&gt;
&lt;p&gt;The following snippet of VB6 helps me set things up for BMPs but when I try to use it for HTML, I get a nice blue background and nothing else.&lt;/p&gt;
&lt;pre&gt;&lt;code&gt;Dim reg As New StdRegistry
Public Function CurrentWallpaper() As String
    CurrentWallpaper = reg.ValueEx(HKEY_CURRENT_USER, "Control Panel\Desktop", "Wallpaper", REG_SZ, "")
End Function
Public Sub SetWallpaper(cFilename As Variant)
    reg.ClassKey = HKEY_CURRENT_USER
    reg.SectionKey = "Control Panel\Desktop"
    reg.ValueKey = "Wallpaper"
    reg.ValueType = REG_SZ
    reg.Default = ""
    reg.Value = cFilename
End Sub
Public Sub RefreshDesktop()
    Dim oShell As Object
    Set oShell = CreateObject("WScript.Shell")
    oShell.Run "%windir%\System32\RUNDLL32.EXE user32.dll,UpdatePerUserSystemParameters", 1, True
End Sub
&lt;/code&gt;&lt;/pre&gt;
&lt;p&gt;Perhaps there's some other setting that's required. Any ideas?&lt;/p&gt;</t>
  </si>
  <si>
    <t>2008-09-17 05:31:17.690000+00:00</t>
  </si>
  <si>
    <t>2008-09-18 01:59:16.457000+00:00</t>
  </si>
  <si>
    <t>boost</t>
  </si>
  <si>
    <t>vb6|registry|desktop-wallpaper</t>
  </si>
  <si>
    <t>Google 2fa in Laravel validate code in registration page</t>
  </si>
  <si>
    <t>&lt;p&gt;Hello I use &lt;code&gt;2FA&lt;/code&gt; Google from this project &lt;a href="https://github.com/antonioribeiro/google2fa-laravel" rel="nofollow noreferrer"&gt;link&lt;/a&gt;. I want the user to enter the code from the phone before adding it to the database. Currently, the user only needs to scan the QR code and click the button "Complete Registration".&lt;/p&gt;
&lt;p&gt;i added to my 2fa page input:&lt;/p&gt;
&lt;pre&gt;&lt;code&gt;&amp;lt;form method="GET" action="{{ route('complete-registration') }}"&amp;gt;
    &amp;lt;input id="one_time_password" type="number" name="one_time_password" required placeholder="Your 2FA key" min="0"&amp;gt;
    &amp;lt;button type="submit"&amp;gt;Complete Registration&amp;lt;/button&amp;gt; 
&amp;lt;/form&amp;gt;
&lt;/code&gt;&lt;/pre&gt;
&lt;p&gt;In function &lt;code&gt;completeRegistration&lt;/code&gt; (&lt;code&gt;App\Http\controllers\Auth\RegisterController.php&lt;/code&gt;) I have just:&lt;/p&gt;
&lt;pre&gt;&lt;code&gt;public function completeRegistration(Request $request) {        
    $get = $_GET['one_time_password'];
    dd($get);
    exit();
    // add the session data back to the request input
    $request-&amp;gt;merge(session('registration_data'));
    // Call the default laravel authentication
    return $this-&amp;gt;registration($request);
}
&lt;/code&gt;&lt;/pre&gt;
&lt;p&gt;I do not know how to check if the user has entered the code from the phone correctly. I can not find a function responsible for storing code correctness information from my phone&lt;/p&gt;</t>
  </si>
  <si>
    <t>2018-02-04 16:29:08.893000+00:00</t>
  </si>
  <si>
    <t>php|authentication</t>
  </si>
  <si>
    <t>How to prevent "."(dot) from cancelling autocomplete in Sublime Text 2?</t>
  </si>
  <si>
    <t>&lt;p&gt;I have defined some keywords for a proprietary language I use at work:&lt;/p&gt;
&lt;pre&gt;&lt;code&gt;{ "match": "\\b(util.tickettimelimit|util.user_ip|util.server_name|util.today)\\b",
  "name": "keyword.source.GTX2",
    "comment": "Tags"
}
&lt;/code&gt;&lt;/pre&gt;
&lt;p&gt;I also have a completion file:&lt;/p&gt;
&lt;pre&gt;&lt;code&gt;{
  "scope": "source.GTX2",
  "completions":
  [
    "util.server_name",
    "util.tickettimelimit",
    "util.today",
    "util.user_ip"
  ]
}
&lt;/code&gt;&lt;/pre&gt;
&lt;p&gt;When I start typing "util" I see the correct autocomplete options:&lt;/p&gt;
&lt;p&gt;&lt;img src="https://i.stack.imgur.com/MexqL.png" alt="Autocomplete working ok"&gt;&lt;/p&gt;
&lt;p&gt;But as soon as I enter the "."(dot) autocomplete options go away:&lt;/p&gt;
&lt;p&gt;&lt;img src="https://i.stack.imgur.com/qNpHZ.png" alt="Autocomplete not working as desired"&gt;&lt;/p&gt;
&lt;p&gt;Is there a way to change this behavior? I just want the keywords to be trated as a whole thing and ignore the dots.&lt;/p&gt;
&lt;p&gt;Thanks! &lt;/p&gt;</t>
  </si>
  <si>
    <t>2013-03-28 14:17:00.253000+00:00</t>
  </si>
  <si>
    <t>2014-03-31 19:38:25.137000+00:00</t>
  </si>
  <si>
    <t>autocomplete|sublimetext2</t>
  </si>
  <si>
    <t>Facebook on Blackberry app</t>
  </si>
  <si>
    <t>&lt;p&gt;I have noticed that in BB app, when I click on  share info via fb option, it is taking me to browser fb app, Is there any app which will take the user to native FB app on clicking share?&lt;/p&gt;
&lt;p&gt;Thanks in Advance,
Vadivelan&lt;/p&gt;</t>
  </si>
  <si>
    <t>2011-11-16 06:15:02.037000+00:00</t>
  </si>
  <si>
    <t>2011-11-16 10:34:28.643000+00:00</t>
  </si>
  <si>
    <t>facebook|blackberry</t>
  </si>
  <si>
    <t>gsoap : plug in stlvector</t>
  </si>
  <si>
    <t>&lt;p&gt;I'm writting hellow-world program using gsoap v 2.8 and trying to compile it in Visual Studio 2010. I want to use stl-vector functionality. But there are import errors in directive&lt;/p&gt;
&lt;pre&gt;&lt;code&gt;#import "import/stlvector.h"
&lt;/code&gt;&lt;/pre&gt;
&lt;p&gt;The error:&lt;/p&gt;
&lt;blockquote&gt;
  &lt;p&gt;error C1083: Cannot open type library file: 'r:\work\vs2010\xmlme\xmlme\import\stlvector.h' Error while loading library r:\work\vs2010\xmlme\xmlme\xmlme.h&lt;/p&gt;
&lt;/blockquote&gt;
&lt;p&gt;And consequence:&lt;/p&gt;
&lt;blockquote&gt;
  &lt;p&gt;IntelliSense: cannot open source file "R:/Work/VS2010/XmlMe/XmlMe/Debug/stlvector.tlh" r:\work\vs2010\xmlme\xmlme\xmlme.h&lt;/p&gt;
&lt;/blockquote&gt;
&lt;p&gt;Cannot figure out what Intellisense wants from me. I copied import folder from gsoap directory to my project and referencing it properly as I think.&lt;/p&gt;
&lt;p&gt;&lt;a href="http://tbf.me/a/DlQEN" rel="nofollow"&gt;my solution archive (link may expire)&lt;/a&gt;&lt;/p&gt;
&lt;p&gt;&lt;strong&gt;UPDATE:&lt;/strong&gt;&lt;/p&gt;
&lt;p&gt;I've tried -s parameter for wsdl2h utility to exclude stl-dependency from xmlme.h file. And now I've similar error:&lt;/p&gt;
&lt;blockquote&gt;
  &lt;p&gt;error C1083: Cannot open type library file: soap12.h: Error while loading library. xmlme\xmlme.h&lt;/p&gt;
&lt;/blockquote&gt;
&lt;p&gt;... producing the same weird consequence:&lt;/p&gt;
&lt;blockquote&gt;
  &lt;p&gt;IntelliSense: cannot open source file "XmlMe/Debug/soap12.tlh" \xmlme\xmlme.h&lt;/p&gt;
&lt;/blockquote&gt;</t>
  </si>
  <si>
    <t>2013-03-30 13:12:37.303000+00:00</t>
  </si>
  <si>
    <t>2013-03-31 15:29:30.113000+00:00</t>
  </si>
  <si>
    <t>2013-03-30 17:01:19.843000+00:00</t>
  </si>
  <si>
    <t>visual-studio-2010|import|gsoap</t>
  </si>
  <si>
    <t>unable to complie C code</t>
  </si>
  <si>
    <t>&lt;p&gt;I can't compile my C code as the compiler giving the following error:&lt;/p&gt;
&lt;blockquote&gt;
  &lt;p&gt;can't create C:\Users\HP\AppData\Local\Temp\cc8DmycR.o: Permission
  denied.&lt;/p&gt;
&lt;/blockquote&gt;
&lt;p&gt;Any suggestion ? how to give the compiler the permission ?&lt;/p&gt;</t>
  </si>
  <si>
    <t>2018-03-30 13:21:23.277000+00:00</t>
  </si>
  <si>
    <t>2018-03-30 13:32:38.763000+00:00</t>
  </si>
  <si>
    <t>2018-03-30 13:31:24.820000+00:00</t>
  </si>
  <si>
    <t>c|compiler-errors</t>
  </si>
  <si>
    <t>Can't get dropdown date range wanted with jQuery UI DatePicker</t>
  </si>
  <si>
    <t>&lt;p&gt;I'm using the &lt;a href="http://jqueryui.com/datepicker/" rel="nofollow"&gt;jQuery DatePicker widget&lt;/a&gt; with the display &lt;a href="http://jqueryui.com/resources/demos/datepicker/dropdown-month-year.html" rel="nofollow"&gt;month and year menus&lt;/a&gt; and according to their &lt;a href="http://api.jqueryui.com/datepicker/#option-yearRange" rel="nofollow"&gt;API&lt;/a&gt; I can modify the year range for the dropdowns.&lt;/p&gt;
&lt;p&gt;I am trying to get it so that it shows the current year &lt;code&gt;plus minus&lt;/code&gt; one year.&lt;/p&gt;
&lt;p&gt;My code:&lt;/p&gt;
&lt;pre&gt;&lt;code&gt;jQuery(document).ready(function() {
    $( ".date_from" ).datepicker({
        changeMonth: true,
        changeYear: true,
        yearRange: "-nnnn:+nnnn"
    });
    $( ".date_to" ).datepicker({
        changeMonth: true,
        changeYear: true,
        yearRange: "-nnnn:+nnnn"
    });
});
&lt;/code&gt;&lt;/pre&gt;
&lt;p&gt;However this only outputs the &lt;code&gt;current year&lt;/code&gt;. What am I doing wrong?&lt;/p&gt;</t>
  </si>
  <si>
    <t>2013-08-13 19:16:39.903000+00:00</t>
  </si>
  <si>
    <t>2013-08-13 19:33:24.580000+00:00</t>
  </si>
  <si>
    <t>jquery|jquery-ui|jquery-ui-datepicker</t>
  </si>
  <si>
    <t>android I/O error: java.security.cert.CertPathValidatorException: Trust anchor for certification path not found</t>
  </si>
  <si>
    <t>&lt;p&gt;I'm trying to use &lt;strong&gt;Spring&lt;/strong&gt; to get some information from our server dev&lt;/p&gt;
&lt;p&gt;i'm getting this error  I/O error: &lt;code&gt;java.security.cert.CertPathValidatorException: Trust anchor for certification path not found&lt;/code&gt;.&lt;/p&gt;
&lt;p&gt;I search a lot, i tried to use a &lt;code&gt;CustomSimpleClientHttpRequestFactory&lt;/code&gt; and a custom &lt;code&gt;HostnameVerifier&lt;/code&gt;&lt;/p&gt;
&lt;p&gt;so i have something like this:&lt;/p&gt;
&lt;pre&gt;&lt;code&gt;     protected void prepareConnection(HttpURLConnection connection,
        String httpMethod) throws IOException {
    connection.setFollowRedirects(true);
    HostnameVerifier v = new NullHostnameVerifier();
    ((HttpsURLConnection) connection).setDefaultHostnameVerifier(v);
      ((HttpsURLConnection) connection).setHostnameVerifier(v);
    super.prepareConnection(connection, httpMethod);
 }
&lt;/code&gt;&lt;/pre&gt;
&lt;p&gt;and &lt;/p&gt;
&lt;pre&gt;&lt;code&gt; public class NullHostnameVerifier implements HostnameVerifier {
   public boolean verify(String hostname, SSLSession session) {
          return true;
       }
    }
&lt;/code&gt;&lt;/pre&gt;
&lt;p&gt;i verify the program enter here: prepareConnection but he never enter in function verify of NullHostnameVerifier.&lt;/p&gt;
&lt;p&gt;Log error:&lt;/p&gt;
&lt;pre&gt;&lt;code&gt;javax.net.ssl.SSLHandshakeException: java.security.cert.CertPathValidatorException: Trust anchor for certification path not found.
06-08 17:01:53.149: E/AndroidRuntime(32118):    at com.android.org.conscrypt.OpenSSLSocketImpl.startHandshake(OpenSSLSocketImpl.java:409)
06-08 17:01:53.149: E/AndroidRuntime(32118):    at com.android.okhttp.Connection.upgradeToTls(Connection.java:146)
06-08 17:01:53.149: E/AndroidRuntime(32118):    at com.android.okhttp.Connection.connect(Connection.java:107)
06-08 17:01:53.149: E/AndroidRuntime(32118):    at com.android.okhttp.internal.http.HttpEngine.connect(HttpEngine.java:294)
06-08 17:01:53.149: E/AndroidRuntime(32118):    at com.android.okhttp.internal.http.HttpEngine.sendSocketRequest(HttpEngine.java:255)
06-08 17:01:53.149: E/AndroidRuntime(32118):    at com.android.okhttp.internal.http.HttpEngine.sendRequest(HttpEngine.java:206)
06-08 17:01:53.149: E/AndroidRuntime(32118):    at com.android.okhttp.internal.http.HttpURLConnectionImpl.execute(HttpURLConnectionImpl.java:345)
06-08 17:01:53.149: E/AndroidRuntime(32118):    at com.android.okhttp.internal.http.HttpURLConnectionImpl.connect(HttpURLConnectionImpl.java:89)
06-08 17:01:53.149: E/AndroidRuntime(32118):    at com.android.okhttp.internal.http.HttpsURLConnectionImpl.connect(HttpsURLConnectionImpl.java:161)
06-08 17:01:53.149: E/AndroidRuntime(32118):    at org.springframework.http.client.SimpleBufferingClientHttpRequest.executeInternal(SimpleBufferingClientHttpRequest.java:72)
06-08 17:01:53.149: E/AndroidRuntime(32118):    at org.springframework.http.client.AbstractBufferingClientHttpRequest.executeInternal(AbstractBufferingClientHttpRequest.java:46)
06-08 17:01:53.149: E/AndroidRuntime(32118):    at org.springframework.http.client.AbstractClientHttpRequest.execute(AbstractClientHttpRequest.java:63)
06-08 17:01:53.149: E/AndroidRuntime(32118):    at org.springframework.web.client.RestTemplate.doExecute(RestTemplate.java:476)
&lt;/code&gt;&lt;/pre&gt;
&lt;p&gt;Anyone know what is the problem and why i'm still getting this error please ? &lt;/p&gt;</t>
  </si>
  <si>
    <t>2015-06-08 14:32:35.017000+00:00</t>
  </si>
  <si>
    <t>2015-06-08 20:19:40.337000+00:00</t>
  </si>
  <si>
    <t>2015-06-08 15:06:39.497000+00:00</t>
  </si>
  <si>
    <t>android|spring</t>
  </si>
  <si>
    <t>Call specific client from SignalR</t>
  </si>
  <si>
    <t>&lt;p&gt;I want to call specific client from server, and not broadcast to all of them. Problem is that I'm in scope of some AJAX request (in .aspx codebehind let say), and not in Hub or PersistentConnection, so don't have Clients property - and client who made that ajax (jquery) call is not the client I want to send signalr message!   &lt;/p&gt;
&lt;p&gt;Now, I have one hub that it's called on JS page load, which registers new client into server static list, so I have client Guids. But don't know how to use that to send message from server to specific client. &lt;/p&gt;</t>
  </si>
  <si>
    <t>2011-10-24 07:47:30.170000+00:00</t>
  </si>
  <si>
    <t>2016-10-27 05:02:24.947000+00:00</t>
  </si>
  <si>
    <t>2016-02-01 14:33:44.880000+00:00</t>
  </si>
  <si>
    <t>asp.net|signalr</t>
  </si>
  <si>
    <t>Dynamically Add Field to Model Keystonejs and Mongodb</t>
  </si>
  <si>
    <t>&lt;p&gt;Seems like a simple task but I don't see anything that shows how to dynamically add a field to a model in keystone.js. For instance, I have an "Animal" model and that animal may belong to an arbitrary number of "Habitats". I would like to be able to go into the Animal models and have a "Assign Habitat" button that would create a new field which would relate the Animal to a Habitat, as many times as needed.&lt;/p&gt;</t>
  </si>
  <si>
    <t>2017-01-25 19:41:13.163000+00:00</t>
  </si>
  <si>
    <t>2017-02-10 17:52:11.613000+00:00</t>
  </si>
  <si>
    <t>mongodb|pug|keystonejs</t>
  </si>
  <si>
    <t>JSP to Servlet parameter passing</t>
  </si>
  <si>
    <t>&lt;p&gt;I have a scenario in which there is a jsp, which has couple of hyperlinks. One of the link is coded this way.&lt;/p&gt;
&lt;pre&gt;&lt;code&gt;&amp;lt;a href="Example?op=srk&amp;gt;hyperlink 1&amp;lt;/a&amp;gt;
&amp;lt;!--The value srk is replaced dynamically in code--&amp;gt;
&lt;/code&gt;&lt;/pre&gt;
&lt;p&gt;The above link, would send the request to the servlet named &lt;code&gt;Example&lt;/code&gt; passing the request parameter through the url. As it's a hyperlink, the request is sent to the &lt;code&gt;Example&lt;/code&gt; Servlet's doGet() method. In that I am utilizing the request param, processing something and forwarding the request to another jsp further, attaching an attribute(with some object in it) for that request. Functionality works, and I got what I need. But, the side effect or the problem I feel is the URL in the browser has the request parameters visible as shown below. &lt;/p&gt;
&lt;pre&gt;&lt;code&gt;http://localhost:8080/context/Example?op=srk
&lt;/code&gt;&lt;/pre&gt;
&lt;p&gt;I don't wish to see the parms which are being sent. Firstly, Is my approach reasonable? I mean, Is there any better alternative way to achieve this. I am using the core J2EE(JSP and Servlets), no frameworks, no JavaScript as of now.&lt;/p&gt;</t>
  </si>
  <si>
    <t>2014-09-28 17:35:27.630000+00:00</t>
  </si>
  <si>
    <t>2014-09-29 07:17:25.247000+00:00</t>
  </si>
  <si>
    <t>Copying Internal Tables in ABAP</t>
  </si>
  <si>
    <t>&lt;p&gt;Error in code.&lt;/p&gt;
&lt;pre&gt;&lt;code&gt;*&amp;amp;---------------------------------------------------------------------*
*&amp;amp; Report  ZSUBROUTINE_TABLES
*&amp;amp;
*&amp;amp;---------------------------------------------------------------------*
*&amp;amp;
*&amp;amp;
*&amp;amp;---------------------------------------------------------------------*
REPORT  zsubroutine_tables.
TYPES : BEGIN OF line_type,
          eno(3) TYPE n,
          ename(30) TYPE c,
          esal TYPE i,
        END OF line_type.
DATA itab TYPE line_type OCCURS 10 WITH HEADER LINE.
DATA jtab TYPE STANDARD TABLE OF line_type.
**"DATA jtab TYPE line_type OCCURS 10 WITH HEADER LINE.**
PERFORM fill TABLES itab.
jtab = itab[].
PERFORM output TABLES jtab.
*&amp;amp;---------------------------------------------------------------------*
*&amp;amp;      Form  fill
*&amp;amp;---------------------------------------------------------------------*
*       text
*----------------------------------------------------------------------*
*      --&amp;gt;P_ITAB     text
*----------------------------------------------------------------------*
FORM fill TABLES p_itab LIKE itab[].
  p_itab-eno = '14'.
  p_itab-ename = 'Aman'.
  p_itab-esal = 3000.
  APPEND p_itab.
  p_itab-eno = '142'.
  p_itab-ename = 'Raman'.
  p_itab-esal = 5000.
  APPEND p_itab.
ENDFORM.                    "fill
*&amp;amp;---------------------------------------------------------------------*
*&amp;amp;      Form  output
*&amp;amp;---------------------------------------------------------------------*
*       text
*----------------------------------------------------------------------*
*      --&amp;gt;P_JTAB     text
*----------------------------------------------------------------------*
FORM output TABLES p_jtab LIKE jtab[].
  LOOP AT p_jtab.
    WRITE : / p_jtab-eno, p_jtab-ename, p_jtab-esal.
  ENDLOOP.
ENDFORM.                    "output
&lt;/code&gt;&lt;/pre&gt;
&lt;p&gt;The code in bold if uncommented raises error, why.
In the commented code, Both itab and jtab are declared in a similar way.
Error: The type of "ITAB" cannot be converted to the type of "JTAB".&lt;/p&gt;</t>
  </si>
  <si>
    <t>2015-07-31 17:06:40.063000+00:00</t>
  </si>
  <si>
    <t>2015-07-31 17:34:57.130000+00:00</t>
  </si>
  <si>
    <t>abap</t>
  </si>
  <si>
    <t>Bootstrap 4 - change the carousel indicators into dots</t>
  </si>
  <si>
    <t>&lt;p&gt;I am using Bootstrap 4 Beta 2 version to do a carousel. The code looks like below: &lt;/p&gt;
&lt;pre&gt;&lt;code&gt;                &amp;lt;ol class="carousel-indicators"&amp;gt;
                    &amp;lt;li data-target="#mycarousel" data-slide-to="0" class="active"&amp;gt;&amp;lt;/li&amp;gt;
                    &amp;lt;li data-target="#mycarousel" data-slide-to="1" &amp;gt;&amp;lt;/li&amp;gt;
                    &amp;lt;li data-target="#mycarousel" data-slide-to="2" &amp;gt;&amp;lt;/li&amp;gt;
                &amp;lt;/ol&amp;gt;
&lt;/code&gt;&lt;/pre&gt;
&lt;p&gt;And the carousel indicator show as lines: 
&lt;a href="https://i.stack.imgur.com/opi07.png" rel="nofollow noreferrer"&gt;&lt;img src="https://i.stack.imgur.com/opi07.png" alt="enter image description here"&gt;&lt;/a&gt;&lt;/p&gt;
&lt;p&gt;Is there a way I can change the indicators into dots instead of lines? I would assume it is an bootstrap option but I didn't find that relevant document. Do I need to write custom css for that? &lt;/p&gt;</t>
  </si>
  <si>
    <t>2017-11-11 06:53:28.430000+00:00</t>
  </si>
  <si>
    <t>2018-03-30 15:58:12.253000+00:00</t>
  </si>
  <si>
    <t>Multiple level iteration inside folder to find all the text files on Windows</t>
  </si>
  <si>
    <t>&lt;p&gt;I have a scenario where I need to loop through multiple level directories to find text files.&lt;/p&gt;
&lt;p&gt;Say, I start from the folder &lt;code&gt;C:\A&lt;/code&gt; and then I want to read all the text files inside it. But they are not placed at same level.&lt;/p&gt;
&lt;p&gt;Some text files are arranged at &lt;code&gt;C:\A\A1\sample1.txt&lt;/code&gt;&lt;/p&gt;
&lt;p&gt;Some as &lt;code&gt;C:\A\sample2.txt&lt;/code&gt;&lt;/p&gt;
&lt;p&gt;Some as &lt;code&gt;C:\A\A2\A3\sample.txt&lt;/code&gt;&lt;/p&gt;
&lt;p&gt;I am able to loop inside the folder A which returns me &lt;code&gt;A1&lt;/code&gt; and &lt;code&gt;A2&lt;/code&gt;, but I wanted to know is there a way it would iterate automatically to every level and return me the text files along with its path.
ance!&lt;/p&gt;</t>
  </si>
  <si>
    <t>2017-04-13 09:57:50.930000+00:00</t>
  </si>
  <si>
    <t>2017-04-13 23:01:37.377000+00:00</t>
  </si>
  <si>
    <t>video postitioning from top left css</t>
  </si>
  <si>
    <t>&lt;p&gt;on my site i would like to replace an background image (cover) with an video if its loaded. Also i want to use flex and the video should behave like the image, which means that it does 100vh. My intention is to write the site in pug/jade and sass (if u have a look onto the code).&lt;/p&gt;
&lt;p&gt;&lt;strong&gt;If&lt;/strong&gt; i set it to 100vh, the video position starts in the bottom left corner while the image position starts top left.&lt;/p&gt;
&lt;p&gt;It works fine if I set the height to 100% instead of 100vh, &lt;strong&gt;but&lt;/strong&gt; if i scale the window the background-image is sometimes bigger and you see it at the bottom.&lt;/p&gt;
&lt;p&gt;Any ideas how to fix this? (And yes, the js script at the end isn't working - idk why)&lt;/p&gt;
&lt;p&gt;Here's the site: &lt;a href="http://heinz.mutsu.tv/final/" rel="nofollow noreferrer"&gt;http://heinz.mutsu.tv/final/&lt;/a&gt;&lt;/p&gt;
&lt;p&gt;Thanks for every help!&lt;/p&gt;
&lt;p&gt;&lt;strong&gt;html (pug/jade):&lt;/strong&gt;&lt;/p&gt;
&lt;pre&gt;&lt;code&gt;doctype html
html
head
    meta(charset="utf-8")
    title Heinz H&amp;amp;ouml;pfner - Facereader
    meta(name="viewport" content="width=device-width,initial-scale=1")
    link(rel="stylesheet" href="css/reset.css")
    link(rel="stylesheet" href="css/styles.css")
    link(rel="stylesheet" href="https://fonts.googleapis.com/css?family=Lato:400,300,700")
    script(src='js/jquery.js' type='text/javascript')
body
    header.large
        nav
            img(src="img/navlogo.png" alt="navlogo")
            ul
                li: a(href="#") About
                li: a(href="#") Facereading
                li: a(href="#") Seminare
                li: a(href="#") Referenzen
    .vidbg      
        video(autoplay loop)
            source(src="img/ani/bg.webm" type="video/webm")
            source(src="img/ani/bg.mp4" type="video/mp4")
    .welcome
        img(src="img/logo.png" alt="logo")
    script(type='text/javascript').
        $(document).on("scroll",funtion(){
            if($(document).scrollTop()&amp;gt;200){
                $("header").removeClass("large").addClass("small");
            } else{
                $("header").removeClass("small").addClass("large");
            }
        });
&lt;/code&gt;&lt;/pre&gt;
&lt;p&gt;&lt;strong&gt;css (sass):&lt;/strong&gt;&lt;/p&gt;
&lt;pre&gt;&lt;code&gt;html, body
margin: 0
header
  background: rgba(255,255,255,0)
  width: 100%
  position: fixed
  z-index: 999
  .large
    font-size: 24px
  nav
    width: 960px
    margin: 0 auto
    height: 80px
    display: flex
    justify-content: flex-end
    align-items: center
      img
        height: 35px
        margin-top: 10px
        margin-bottom: 10px
        display: none
      ul
        display: flex
  a
    color: rgba(255,255,255,0.8)
    text-decoration: none
    font-family: Lato
    text-transform: uppercase
    font-size: 24px
    font-weight: 100
  a.active, a:hover
    color: #ffcc00
  li
    margin-right: 30px
  .large
    height: 250px
    img
      margin-top: 80px
      height: 180px
      margin-left: 218px
    li
      display: none
    .logotitle
      font-size: 52px
      padding-top: 124px
      font-family: Lato
      position: fixed
      padding-left: 16px
  .small
    height: 200px
    background: rgba(0,0,0,0.9)
    border-bottom: 1px solid #000
    img
      height: 40px
      margin-top: 5px
    li
      margin-top: 17px
header,nav, a, img, li
  transition: all 1s
.vidbg
  position: absolute
  width: 100%
  height: 100vh
  overflow: hidden
  video
    object-fit: cover
    width: 100%
    height: 100vh
.welcome
  height: 100vh
  background-image: url(../img/bg.png)
  background-size: cover
  margin-bottom: 50px
  display: flex
  flex-direction: column
  align-items: flex-end
  justify-content: space-around
  img
    height: 125px
    margin-right: 7%
    z-index: 100
p
  width: 600px
  margin: 0 auto 20px
  font-family: Lato
&lt;/code&gt;&lt;/pre&gt;</t>
  </si>
  <si>
    <t>2017-02-27 08:59:40.730000+00:00</t>
  </si>
  <si>
    <t>2017-02-27 09:07:57.437000+00:00</t>
  </si>
  <si>
    <t>Groovy scripts in Kibana scripted field</t>
  </si>
  <si>
    <t>&lt;p&gt;Is there a way that I can specify Groovy script file name in "script" textarea while creating a scripted field.&lt;/p&gt;
&lt;p&gt;&lt;a href="https://i.stack.imgur.com/fxFBK.jpg" rel="nofollow noreferrer"&gt;&lt;img src="https://i.stack.imgur.com/fxFBK.jpg" alt="enter image description here"&gt;&lt;/a&gt;&lt;/p&gt;
&lt;p&gt;Lucene expressions work well on that field with limitations to numeric values, but how to specify the script file name and passing inputs to script file?&lt;/p&gt;
&lt;p&gt;I have tried giving the script file name like below but it didn't work.&lt;/p&gt;
&lt;pre&gt;&lt;code&gt;{"script":{"file":"MyScript"},"lang":"groovy"}
&lt;/code&gt;&lt;/pre&gt;
&lt;p&gt;I have also noticed from &lt;a href="https://www.elastic.co/blog/kibana-4-beta-3-now-more-filtery" rel="nofollow noreferrer"&gt;docs&lt;/a&gt; that, latest elastic version defaults to Lucene expressions, but I suspect there should be a way to specify script type.&lt;/p&gt;
&lt;blockquote&gt;
  &lt;p&gt;UPDATE: As a security precaution, starting with version 4.0.0-RC1,
  Kibana scripted fields default to Lucene Expressions, not Groovy, as
  the scripting language.&lt;/p&gt;
&lt;/blockquote&gt;
&lt;p&gt;Can someone let me know if it is possible and if possible, then the way of doing it?&lt;/p&gt;</t>
  </si>
  <si>
    <t>2016-07-26 22:05:27.110000+00:00</t>
  </si>
  <si>
    <t>2016-08-31 08:20:07.640000+00:00</t>
  </si>
  <si>
    <t>elasticsearch|groovy|lucene|kibana</t>
  </si>
  <si>
    <t>The name 'HttpUtility' does not exist in the current context (winform)</t>
  </si>
  <si>
    <t>&lt;p&gt;Iget the following error:&lt;/p&gt;
&lt;blockquote&gt;
  &lt;p&gt;The name 'HttpUtility' does not exist in the current context&lt;/p&gt;
&lt;/blockquote&gt;
&lt;p&gt;I am building a &lt;code&gt;winform&lt;/code&gt; app this my code using &lt;code&gt;framework 4 client profile&lt;/code&gt;
and I can't find the &lt;code&gt;System.Web&lt;/code&gt; reference:&lt;/p&gt;
&lt;pre&gt;&lt;code&gt;string longurl = "https://test.com/currentaccount/Pages/current.aspx";
                        var uriBuilder = new UriBuilder(longurl);
                        var query = HttpUtility.ParseQueryString(uriBuilder.Query);//error
                        query["ltFrom"] = FromDate;
                        query["ltTo"] = ToDate;
                        query["ltFilterSelected"] = "none";
                        uriBuilder.Query = query.ToString();
                        longurl = uriBuilder.ToString();
&lt;/code&gt;&lt;/pre&gt;
&lt;p&gt;What is the problem?&lt;/p&gt;</t>
  </si>
  <si>
    <t>2014-04-23 11:31:31.733000+00:00</t>
  </si>
  <si>
    <t>2018-01-31 11:41:09.940000+00:00</t>
  </si>
  <si>
    <t>2015-03-25 07:52:21.543000+00:00</t>
  </si>
  <si>
    <t>c#|asp.net|winforms</t>
  </si>
  <si>
    <t>CSS counter-reset and increment</t>
  </si>
  <si>
    <t>&lt;p&gt;I would like to fix my CSS counter so it resets on each occurrence of OL or UL top level parent.  Nested OLs should not reset the counter, but it should reset only for each instance of top level OL or UL.&lt;/p&gt;
&lt;p&gt;The css that is likely the problem:&lt;/p&gt;
&lt;pre&gt;&lt;code&gt;section.post-content ol {
    counter-reset: item;
}
&lt;/code&gt;&lt;/pre&gt;</t>
  </si>
  <si>
    <t>2013-01-18 18:41:06.557000+00:00</t>
  </si>
  <si>
    <t>2013-02-22 00:08:41.627000+00:00</t>
  </si>
  <si>
    <t>2013-02-22 00:08:20.927000+00:00</t>
  </si>
  <si>
    <t>Pandas df.query for column names with spaces?</t>
  </si>
  <si>
    <t>&lt;p&gt;I am trying to use pd.query to filter based on multiple columns, however my column headers have spaces in them. Is there a way without removing the spaces to use query()? I tried single quotes as follows (keeping in mind that the real data/query is much more complex than this), but no luck:&lt;/p&gt;
&lt;pre&gt;&lt;code&gt;x1 = "ab"
x2 = ["ab", "ac"]
x3 = ["ab", "ad"]
df = pd.DataFrame({"t 1": ["a", "b", "ab"],
                   "t 2":["b", "x", "ac"],
                   "t 3":["a", "w", "ad"]})
df.query("'t 1' in @x \
         &amp;amp; 't 2' in @x2 \
         &amp;amp; 't 3' in @x3")
&lt;/code&gt;&lt;/pre&gt;
&lt;p&gt;Note: I'm on pandas 0.23&lt;/p&gt;
&lt;p&gt;Edit:&lt;/p&gt;
&lt;p&gt;While I understand that this can be done with more traditional &lt;code&gt;df[df['t 1'].isin(x1) ...&lt;/code&gt; syntax, the query actually created is dynamic and usually involves 10 or so filtering criteria, so it's not ideal to use that method. Is there a way to use query? or an alternative solution?&lt;/p&gt;</t>
  </si>
  <si>
    <t>2018-05-29 15:22:35.323000+00:00</t>
  </si>
  <si>
    <t>2018-05-29 15:30:12.023000+00:00</t>
  </si>
  <si>
    <t>Trying to Create a function on a namespaced class with 'resource' type</t>
  </si>
  <si>
    <t>&lt;p&gt;Good Morning @everybody, I am trying to Create a function on a namespaced class which returns a 'resource' type, however, I am failing to do it.&lt;/p&gt;
&lt;p&gt;What I tried to do:#1&lt;/p&gt;
&lt;pre&gt;&lt;code&gt;public function SQLQuery($query):resource
{
    // the magic...
}
&lt;/code&gt;&lt;/pre&gt;
&lt;p&gt;to be used with the folllowing syntax:&lt;/p&gt;
&lt;pre&gt;&lt;code&gt;$SQL = SQLQuery('SELECT * FROM my_db');
&lt;/code&gt;&lt;/pre&gt;
&lt;p&gt;but it resulted in:&lt;/p&gt;
&lt;blockquote&gt;
  &lt;p&gt;syntax error, unexpected ':', expecting ';' or '{' because i'm running PHP 5.6 
  and that feature requires PHP 7... &lt;/p&gt;
&lt;/blockquote&gt;
&lt;p&gt;so i have tried another method but it didn't work with me too:#2&lt;/p&gt;
&lt;pre&gt;&lt;code&gt;public function SQLQuery($query, &amp;amp;$resrc)
{
    $resrc = mysqli_query($SQLDB, $query);
    // the magic...
}
SQLQuery('SELECT * FROM my_db', $resrc_var);
&lt;/code&gt;&lt;/pre&gt;
&lt;p&gt;so i have tried another method which worked for me at least basiclly:#3&lt;/p&gt;
&lt;pre&gt;&lt;code&gt;public function SQLQuery($query)
{
    $resrc = mysqli_query($SQLDB, $query);
    // the magic...
    return $resrc;
}
$SQL = SQLQuery('SELECT * FROM my_db');
&lt;/code&gt;&lt;/pre&gt;</t>
  </si>
  <si>
    <t>2018-06-01 23:48:55.587000+00:00</t>
  </si>
  <si>
    <t>2018-08-16 14:45:39.497000+00:00</t>
  </si>
  <si>
    <t>php|class|types|namespaces|resources</t>
  </si>
  <si>
    <t>Join on two different Objects: Linq</t>
  </si>
  <si>
    <t>&lt;p&gt;I have a trouble on Joining a &lt;code&gt;IObjectSet&amp;lt;T&amp;gt;&lt;/code&gt; with a &lt;code&gt;IEnumerable&amp;lt;int&amp;gt;&lt;/code&gt; , where T has a type int as a property. I just can join the objects of that kind. How ever if I convert IObjectSet to List I can join them. Any ideas on reason why this happens? ANy one experienced this?&lt;/p&gt;</t>
  </si>
  <si>
    <t>2011-07-22 17:59:40.223000+00:00</t>
  </si>
  <si>
    <t>2011-07-22 21:17:20.587000+00:00</t>
  </si>
  <si>
    <t>linq|linq-to-sql</t>
  </si>
  <si>
    <t>Targeting the MONO Runtime causes Xamarin Build to fail</t>
  </si>
  <si>
    <t>&lt;p&gt;After creating a simple .NET console application in Xamarin Studio, I can build/debug fine if the default Target Runtime is set to 'Microsoft .NET'.&lt;/p&gt;
&lt;p&gt;If I set the runtime to MONO ('Mono 4.0.1'), then my project no longer builds. &lt;/p&gt;
&lt;p&gt;The error is:&lt;/p&gt;
&lt;blockquote&gt;
  &lt;p&gt;Error: Unknown MSBuild failure. Please try building the project again&lt;/p&gt;
&lt;/blockquote&gt;
&lt;p&gt;The build output window shows everything succeeding up until the last line, which displays
&lt;strong&gt;Build: 1 error, 0 warnings&lt;/strong&gt;":&lt;/p&gt;
&lt;p&gt;Is targeting the MONO Runtime in this way not valid? A related question &lt;a href="https://stackoverflow.com/questions/19041236/force-xamarin-to-use-mono-on-windows"&gt;here&lt;/a&gt; indicates that it is... &lt;/p&gt;
&lt;p&gt;What am I doing wrong?&lt;/p&gt;
&lt;p&gt;Running Windows7 (64 bit), Xamarin Studio 5.9. Mono 4.0.1, .NET 4.5&lt;/p&gt;
&lt;p&gt;The build output is as follows:&lt;/p&gt;
&lt;blockquote&gt;
  &lt;p&gt;Cleaning Solution: XamarinTest (Debug)&lt;/p&gt;
  &lt;p&gt;Cleaning: XamarinTest (Debug)&lt;/p&gt;
  &lt;p&gt;Build started 05/08/2015 16:57:03.
  __________________________________________________ Project "C:\Development\Test\XamarinTest\XamarinTest\XamarinTest.csproj"
  (Clean target(s)):        Target CoreClean:       Deleting file
  'C:\Development\Test\XamarinTest\XamarinTest\obj\Debug.NETFramework,Version=v4.5.AssemblyAttribute.cs'
        Deleting file
  'C:\Development\Test\XamarinTest\XamarinTest\bin\Debug\XamarinTest.dll.mdb'
        Deleting file
  'C:\Development\Test\XamarinTest\XamarinTest\bin\Debug\XamarinTest.dll'
        Deleting file
  'C:\Development\Test\XamarinTest\XamarinTest\obj\Debug\XamarinTest.dll'
        Deleting file
  'C:\Development\Test\XamarinTest\XamarinTest\obj\Debug\XamarinTest.dll.mdb'
        Deleting file
  'C:\Development\Test\XamarinTest\XamarinTest\obj\Debug\XamarinTest.csproj.FilesWrittenAbsolute.txt'
  Done building project
  "C:\Development\Test\XamarinTest\XamarinTest\XamarinTest.csproj".&lt;/p&gt;
  &lt;p&gt;Build succeeded.   0 Error(s)      0 Warning(s)&lt;/p&gt;
  &lt;p&gt;Time Elapsed 00:00:00.1350135&lt;/p&gt;
  &lt;p&gt;Cleaning: XamConsole (Debug)&lt;/p&gt;
  &lt;p&gt;Build started 05/08/2015 16:57:04.
  __________________________________________________ Project "C:\Development\Test\XamarinTest\XamConsole\XamConsole.csproj" (Clean
  target(s)):       Target CoreClean:       Deleting file
  'C:\Development\Test\XamarinTest\XamConsole\obj\Debug\XamConsole.exe'
  Done building project
  "C:\Development\Test\XamarinTest\XamConsole\XamConsole.csproj".&lt;/p&gt;
  &lt;p&gt;Build succeeded.   0 Warning(s)    0 Error(s)&lt;/p&gt;
  &lt;p&gt;Time Elapsed 00:00:00.0170017&lt;/p&gt;
  &lt;p&gt;Building Solution: XamarinTest (Debug)&lt;/p&gt;
  &lt;p&gt;Building: XamarinTest (Debug)&lt;/p&gt;
  &lt;p&gt;Build started 05/08/2015 16:57:04.
  __________________________________________________ Project "C:\Development\Test\XamarinTest\XamarinTest\XamarinTest.csproj"
  (Build target(s)):        Target PrepareForBuild:         Configuration: Debug
  Platform: AnyCPU      Target GenerateSatelliteAssemblies:     No input
  files were specified for target GenerateSatelliteAssemblies, skipping.
        Target CoreCompile:         Tool C:\Program Files
  (x86)\Mono\lib\mono\4.5\mcs.exe execution started with arguments:
  /noconfig /debug:full /debug+ /optimize-
  /out:obj\Debug\XamarinTest.dll MyClass.cs Properties\AssemblyInfo.cs
  obj\Debug.NETFramework,Version=v4.5.AssemblyAttribute.cs
  /target:library /define:DEBUG /nostdlib /reference:"C:\Program Files
  (x86)\Mono\lib\mono\4.5..\xbuild-frameworks.NETFramework\v4.5\RedistList........\4.5\System.dll"
  /reference:"C:\Program Files
  (x86)\Mono\lib\mono\4.5..\xbuild-frameworks.NETFramework\v4.5\RedistList........\4.5\System.Core.dll"
  /reference:"C:\Program Files (x86)\Mono\lib\mono\4.5\mscorlib.dll"
  /warn:4       Target DeployOutputFiles:       Copying file from
  'C:\Development\Test\XamarinTest\XamarinTest\obj\Debug\XamarinTest.dll.mdb'
  to
  'C:\Development\Test\XamarinTest\XamarinTest\bin\Debug\XamarinTest.dll.mdb'
        Copying file from
  'C:\Development\Test\XamarinTest\XamarinTest\obj\Debug\XamarinTest.dll'
  to
  'C:\Development\Test\XamarinTest\XamarinTest\bin\Debug\XamarinTest.dll'
  Done building project
  "C:\Development\Test\XamarinTest\XamarinTest\XamarinTest.csproj".&lt;/p&gt;
  &lt;p&gt;Build succeeded.   0 Warning(s)    0 Error(s)&lt;/p&gt;
  &lt;p&gt;Time Elapsed 00:00:08.6528652&lt;/p&gt;
  &lt;p&gt;---------------------- Done ----------------------&lt;/p&gt;
  &lt;p&gt;&lt;strong&gt;Build: 1 error, 0 warnings&lt;/strong&gt;&lt;/p&gt;
&lt;/blockquote&gt;</t>
  </si>
  <si>
    <t>2015-05-08 16:22:12.647000+00:00</t>
  </si>
  <si>
    <t>2016-12-13 11:12:18.803000+00:00</t>
  </si>
  <si>
    <t>2017-05-23 10:30:19.170000+00:00</t>
  </si>
  <si>
    <t>windows|xamarin|mono</t>
  </si>
  <si>
    <t>dex fails on ant build for Scala on Android</t>
  </si>
  <si>
    <t>&lt;p&gt;&lt;strong&gt;NOTE: with a little modification to the project I was able to build again using this: &lt;a href="https://github.com/imsizon/ant-android-scala" rel="nofollow"&gt;https://github.com/imsizon/ant-android-scala&lt;/a&gt; . For anyone having trouble building Scala on Android it's a good start.&lt;/strong&gt;&lt;/p&gt;
&lt;p&gt;I was building scala in revision 12 of the Android SDK using ant (followed the instructions here: &lt;a href="http://www.assembla.com/wiki/show/scala-ide/Developing_for_Android" rel="nofollow"&gt;http://www.assembla.com/wiki/show/scala-ide/Developing_for_Android&lt;/a&gt;.) All was going well until I upgraded to the latest Android SDK (revision 14.) now I get the following output:&lt;/p&gt;
&lt;pre&gt;&lt;code&gt;Buildfile: /Users/matt/Documents/workspace/ScalaEclipseAndroid/build.xml
-set-mode-check:
-set-debug-files:
-set-debug-mode:
-debug-obfuscation-check:
-setup:
     [echo] Gathering info for ScalaEclipseAndroid...
    [setup] Android SDK Tools Revision 14
    [setup] Project Target: Google APIs
    [setup] Vendor: Google Inc.
    [setup] Platform Version: 2.1
    [setup] API level: 7
    [setup] ------------------
    [setup] Resolving library dependencies:
    [setup] No library dependencies.
    [setup] ------------------
    [setup] WARNING: Attribute minSdkVersion in AndroidManifest.xml (4) is lower than the project target API level (7)
-build-setup:
     [echo] Creating output directories if needed...
-pre-build:
-code-gen:
     [echo] ----------
     [echo] Handling aidl files...
     [aidl] No aidl files to compile.
     [echo] ----------
     [echo] Handling RenderScript files...
[renderscript] No renderscript files to compile.
     [echo] ----------
     [echo] Handling Resources...
     [aapt] No changed resources. R.java and Manifest.java untouched.
-pre-compile:
-compile:
   [scalac] Compiling 0 scala and 1 java source files to /Users/matt/Documents/workspace/ScalaEclipseAndroid/bin/classes
    [javac] /Development/android-sdk-mac_x86/tools/ant/build.xml:615: warning: 'includeantruntime' was not set, defaulting to build.sysclasspath=last; set to false for repeatable builds
   [scalac] Compiling 0 scala and 1 java source files to /Users/matt/Documents/workspace/ScalaEclipseAndroid/bin/classes
-post-compile:
-obfuscate:
-dex:
      [dex] Converting compiled files and external libraries into /Users/matt/Documents/workspace/ScalaEclipseAndroid/bin/classes.dex...
       [dx] UNEXPECTED TOP-LEVEL ERROR:
       [dx] java.lang.AssertionError
       [dx]     at com.android.dx.dex.code.OutputFinisher.findExpandedOpcodeForInsn(OutputFinisher.java:525)
       [dx]     at com.android.dx.dex.code.OutputFinisher.calculateReservedCount(OutputFinisher.java:466)
       [dx]     at com.android.dx.dex.code.OutputFinisher.reserveRegisters(OutputFinisher.java:402)
       [dx]     at com.android.dx.dex.code.OutputFinisher.finishProcessingAndGetList(OutputFinisher.java:358)
       [dx]     at com.android.dx.dex.code.DalvCode.finishProcessingIfNecessary(DalvCode.java:108)
       [dx]     at com.android.dx.dex.code.DalvCode.getInsns(DalvCode.java:185)
       [dx]     at com.android.dx.dex.file.CodeItem.place0(CodeItem.java:223)
       [dx]     at com.android.dx.dex.file.OffsettedItem.place(OffsettedItem.java:242)
       [dx]     at com.android.dx.dex.file.MixedItemSection.placeItems(MixedItemSection.java:312)
       [dx]     at com.android.dx.dex.file.DexFile.toDex0(DexFile.java:543)
       [dx]     at com.android.dx.dex.file.DexFile.toDex(DexFile.java:216)
       [dx]     at com.android.dx.command.dexer.Main.writeDex(Main.java:574)
       [dx]     at com.android.dx.command.dexer.Main.run(Main.java:218)
       [dx]     at com.android.dx.command.dexer.Main.main(Main.java:174)
       [dx]     at com.android.dx.command.Main.main(Main.java:95)
BUILD FAILED
/Development/android-sdk-mac_x86/tools/ant/build.xml:772: The following error occurred while executing this line:
/Development/android-sdk-mac_x86/tools/ant/build.xml:774: The following error occurred while executing this line:
/Development/android-sdk-mac_x86/tools/ant/build.xml:786: The following error occurred while executing this line:
/Development/android-sdk-mac_x86/tools/ant/build.xml:248: null returned: 3
&lt;/code&gt;&lt;/pre&gt;
&lt;p&gt;The error itself doesn't contian much info and I'm not the best with Ant. If anyone can shed some light on the issue it would be much appreciated.&lt;/p&gt;</t>
  </si>
  <si>
    <t>2011-10-24 01:45:02.217000+00:00</t>
  </si>
  <si>
    <t>2012-02-02 01:37:11.900000+00:00</t>
  </si>
  <si>
    <t>2011-10-27 01:27:17+00:00</t>
  </si>
  <si>
    <t>android|scala|ant|dex</t>
  </si>
  <si>
    <t>Table Column Resizing/Drag 'n' Dropping in jQuery</t>
  </si>
  <si>
    <t>&lt;p&gt;I'm looking for a way to implement both resizing and drag 'n' drop for columns (not rows) within a predefined table using jQuery. I've done a bit of Googling and haven't really found anything that fits the bill as many require you to essentially reconstruct your table using jQuery. I simply want to plug this functionality in, not have my entire table structure dictated by a third-party.&lt;/p&gt;
&lt;p&gt;Does anyone know of any plugins that might help me to do this, and if not are there any jQuery Gurus out there that have solved this problem already?&lt;/p&gt;</t>
  </si>
  <si>
    <t>2010-05-25 14:59:50.863000+00:00</t>
  </si>
  <si>
    <t>2016-10-27 19:35:38.387000+00:00</t>
  </si>
  <si>
    <t>jquery|sorting|drag-and-drop</t>
  </si>
  <si>
    <t>Colorizing grayscale image</t>
  </si>
  <si>
    <t>&lt;p&gt;I'm trying to colorize grayscale images on the fly with user-selected foreground and background colors (limited to red, green, blue, cyan, magenta, yellow, black, and white). The effect I want is as follows:&lt;/p&gt;
&lt;p&gt;&lt;a href="http://crawdad.cornell.edu/test/1.png" rel="nofollow noreferrer"&gt;original grayscale http://crawdad.cornell.edu/test/1.png&lt;/a&gt;
&lt;a href="http://crawdad.cornell.edu/test/2.png" rel="nofollow noreferrer"&gt;red foreground http://crawdad.cornell.edu/test/2.png&lt;/a&gt;
&lt;a href="http://crawdad.cornell.edu/test/3.png" rel="nofollow noreferrer"&gt;red foreground, yellow background http://crawdad.cornell.edu/test/3.png&lt;/a&gt;&lt;/p&gt;
&lt;p&gt;From left to right, these show the original grayscale image, that image where the user selected red as background color, and the same image with red background/yellow foreground.&lt;/p&gt;
&lt;p&gt;Redrawing the images in a canvas every time the user selects a color is not practical (images will be 800x800px and I need to create 30 frames for animation).&lt;/p&gt;
&lt;p&gt;I am only targeting the most recent version of WebKit, Firefox, and Internet Explorer, so html5, css3, and svg effects are fine. Images can be straight html &lt;code&gt;&amp;lt;img&amp;gt;&lt;/code&gt; tag or can be &lt;code&gt;&amp;lt;image&amp;gt;&lt;/code&gt; within an &lt;code&gt;&amp;lt;svg&amp;gt;&lt;/code&gt; tag (the latter is actually preferable).&lt;/p&gt;
&lt;p&gt;An ideal solution might involve svg filters (which I have no experience with, can they do this?). Another possibility might treat my grayscale image as an alpha channel with a solid color above it and a solid color below it (not sure how I'd do that on the fly).&lt;/p&gt;
&lt;p&gt;For those having experience with Adobe Director, the effect I want is the same as Director's color and bgColor properties. (I'm converting a project from Director to html5/javascript.)&lt;/p&gt;</t>
  </si>
  <si>
    <t>2012-12-26 16:53:28.730000+00:00</t>
  </si>
  <si>
    <t>2012-12-27 19:35:30.320000+00:00</t>
  </si>
  <si>
    <t>2012-12-26 17:35:10.107000+00:00</t>
  </si>
  <si>
    <t>javascript|image|html5|svg|svg-filters</t>
  </si>
  <si>
    <t>Saved file is gone after recompiling the App</t>
  </si>
  <si>
    <t>&lt;p&gt;I am writing an iOS app(in &lt;code&gt;Swift&lt;/code&gt;) that includes and options to save pictures to a safe location. Once a picture is chosen(from Camera or Saved Images), it is written to the File and the file location is saved in &lt;code&gt;NSUserDefaults&lt;/code&gt;. I am able to re-access the image, when I relaunch the app after killing it. But when I run the app from Xcode again(after recompiling), the image is lost from the Image path.&lt;/p&gt;
&lt;p&gt;Attaching the saving and loading functions below&lt;/p&gt;
&lt;pre&gt;&lt;code&gt; func getDocumentsURL() -&amp;gt; NSURL {
        let documentsURL = NSFileManager.defaultManager().URLsForDirectory(.DocumentDirectory, inDomains: .UserDomainMask)[0]
        return documentsURL
    }
    func fileInDocumentsDirectory(filename: String) -&amp;gt; String {
        let fileURL = getDocumentsURL().URLByAppendingPathComponent(filename)
        return fileURL.path!
    }
    func saveImage (image: UIImage, path: String ) -&amp;gt; Bool{
//        let pngImageData = UIImagePNGRepresentation(image)
        let jpgImageData = UIImageJPEGRepresentation(image, 1.0)   // if you want to save as JPEG
        let result = jpgImageData!.writeToFile(path, atomically: true)
        return result
    }
    func loadImageFromPath(path: String) -&amp;gt; UIImage? {
        let image = UIImage(contentsOfFile: path)
        if image == nil {
            print("missing image at: \(path)")
        }
        print("Loading image from path: \(path)") // this is just for you to see the path in case you want to go to the directory, using Finder.
        return image
    }
&lt;/code&gt;&lt;/pre&gt;
&lt;p&gt;What could be causing this?&lt;/p&gt;</t>
  </si>
  <si>
    <t>2016-09-13 08:37:09.880000+00:00</t>
  </si>
  <si>
    <t>2016-09-13 08:42:48.530000+00:00</t>
  </si>
  <si>
    <t>ios|swift|nsfilemanager</t>
  </si>
  <si>
    <t>Why is my use of hypnotoad crashing on Heroku?</t>
  </si>
  <si>
    <t>&lt;p&gt;I'm trying to get hypnotoad with a &lt;a href="http://mojolicio.us/perldoc/Mojolicious/Lite" rel="nofollow"&gt;Mojolicious::Lite&lt;/a&gt; app running on &lt;a href="https://www.heroku.com/" rel="nofollow"&gt;Heroku&lt;/a&gt; with &lt;a href="https://github.com/judofyr/perloku" rel="nofollow"&gt;Perloku&lt;/a&gt;. There's something that doesn't happen when &lt;a href="http://mojolicio.us/perldoc/Mojo/Server/Hypnotoad" rel="nofollow"&gt;hypnotoad&lt;/a&gt; gets into its run loop that causes it to crash. I figure I'm missing something simple, but the Heroku docs haven't helped and I haven't been able to coax good error messages out of this. &lt;/p&gt;
&lt;p&gt;I start with a very simple application so show some environment variables:&lt;/p&gt;
&lt;pre&gt;&lt;code&gt;#!/usr/bin/env perl
# today
use Mojolicious::Lite;
get '/' =&amp;gt; sub {
    my $c = shift;
    my $content = "Perl: $^X Pid: $$\n\n";
    foreach my $key ( keys %ENV ) {
        next unless $key =~ /Mojo|toad/i;
        $content .= "$key $ENV{$key}\n";
        }
    $c-&amp;gt;stash( content =&amp;gt; $content );
    $c-&amp;gt;render('index');
    };
app-&amp;gt;start;
__DATA__
@@ index.html.ep
% layout 'default';
% title 'Welcome';
&amp;lt;p&amp;gt;Welcome to the Mojolicious real-time web framework!&amp;lt;/p&amp;gt;
&amp;lt;pre&amp;gt;
&amp;lt;%= $content %&amp;gt;
&amp;lt;/pre&amp;gt;
@@ layouts/default.html.ep
&amp;lt;!DOCTYPE html&amp;gt;
&amp;lt;html&amp;gt;
  &amp;lt;head&amp;gt;&amp;lt;title&amp;gt;&amp;lt;%= title %&amp;gt;&amp;lt;/title&amp;gt;&amp;lt;/head&amp;gt;
  &amp;lt;body&amp;gt;&amp;lt;%= content %&amp;gt;&amp;lt;/body&amp;gt;
&amp;lt;/html&amp;gt;
&lt;/code&gt;&lt;/pre&gt;
&lt;p&gt;When I run this locally, I have no problem. I see from the environment variables that my program is run under hypnotoad:&lt;/p&gt;
&lt;pre&gt;&lt;code&gt;Welcome to the Mojolicious real-time web framework!
Perl: /Users/brian/Dropbox/bin/perls/perl5.20.0 Pid: 40006
HYPNOTOAD_PID 39981
MOJO_HELP 
HYPNOTOAD_TEST 
HYPNOTOAD_EXE /Users/brian/bin/perls/hypnotoad5.20.0
MOJO_REUSE 0.0.0.0:8080:6
HYPNOTOAD_REV 3
HYPNOTOAD_APP /Users/brian/Desktop/toady.d/toady
MOJO_MODE production
MOJO_HOME
HYPNOTOAD_STOP 
HYPNOTOAD_FOREGROUND
&lt;/code&gt;&lt;/pre&gt;
&lt;p&gt;Now, I deploy this with &lt;a href="http://www.metacpan.org/module/Mojolicious::Command::deploy::heroku" rel="nofollow"&gt;Mojolicious::Command::deploy::heroku&lt;/a&gt;:&lt;/p&gt;
&lt;pre&gt;&lt;code&gt;% toady deploy heroku --create
&lt;/code&gt;&lt;/pre&gt;
&lt;p&gt;This is running at &lt;a href="https://frozen-brushlands-4002.herokuapp.com" rel="nofollow"&gt;https://frozen-brushlands-4002.herokuapp.com&lt;/a&gt;, using the default Perloku file:&lt;/p&gt;
&lt;pre&gt;&lt;code&gt;#!/bin/sh
./toady daemon --listen http://*:$PORT --mode production
&lt;/code&gt;&lt;/pre&gt;
&lt;p&gt;This isn't running hypnotoad though, despite some references I've seen that says that's what I should get. The application works, though:&lt;/p&gt;
&lt;pre&gt;&lt;code&gt;Welcome to the Mojolicious real-time web framework!
Perl: /app/vendor/perl/bin/perl Pid: 3
MOJO_REUSE 0.0.0.0:12270:4
MOJO_HOME 
MOJO_HELP 
MOJO_MODE production
MOJO_EXE ./toady
&lt;/code&gt;&lt;/pre&gt;
&lt;p&gt;I figured I could just change the Perloku file to start hypnotoad:&lt;/p&gt;
&lt;pre&gt;&lt;code&gt;#!/bin/sh
/app/vendor/perl/bin/perl /app/vendor/perl-deps/bin/hypnotoad toady
&lt;/code&gt;&lt;/pre&gt;
&lt;p&gt;hypnotoad starts and almost immediately shuts down with no other log messages:&lt;/p&gt;
&lt;pre&gt;&lt;code&gt;% heroku logs --app ...
2015-01-04T09:23:36.516864+00:00 heroku[web.1]: Starting process with command `./Perloku`
2015-01-04T09:23:38.321628+00:00 heroku[web.1]: State changed from starting to crashed
&lt;/code&gt;&lt;/pre&gt;
&lt;p&gt;I can change the invocation to use the &lt;code&gt;-t&lt;/code&gt; to test the app to see if :&lt;/p&gt;
&lt;pre&gt;&lt;code&gt;#!/bin/sh
/app/vendor/perl/bin/perl /app/vendor/perl-deps/bin/hypnotoad -t toady
&lt;/code&gt;&lt;/pre&gt;
&lt;p&gt;That works and I get the "Everything looks good!" message, so hypnotoad is running:&lt;/p&gt;
&lt;pre&gt;&lt;code&gt;2015-01-04T09:36:36.955680+00:00 heroku[web.1]: Starting process with command `./Perloku`
2015-01-04T09:36:38.340717+00:00 app[web.1]: Everything looks good!
2015-01-04T09:36:39.085887+00:00 heroku[web.1]: State changed from starting to crashed
&lt;/code&gt;&lt;/pre&gt;
&lt;p&gt;I turn on Mojo debug logging, but I don't see additional output other than my own statements.&lt;/p&gt;
&lt;pre&gt;&lt;code&gt;#!/usr/bin/env perl
use Mojolicious::Lite;
$|++;
my $log = app-&amp;gt;log;
$log-&amp;gt;level( 'debug' );
$log-&amp;gt;debug( "INC: @INC" );
get '/' =&amp;gt; sub {
    ...;
    };
$log-&amp;gt;debug( "Right before start" );
my $app = app-&amp;gt;start;
$log-&amp;gt;debug( "Right after start" );
$app; # must return application object
&lt;/code&gt;&lt;/pre&gt;
&lt;p&gt;I tried other things, such as making it load a module I know is not there and I get the expected "Could not find" error in the logs.&lt;/p&gt;
&lt;p&gt;Running from the shell in heroku (&lt;code&gt;heroku run bash&lt;/code&gt;) was not illuminating. The output of &lt;code&gt;mojo version&lt;/code&gt; is the same as on my local machine:&lt;/p&gt;
&lt;pre&gt;&lt;code&gt;$ perl vendor/perl-deps/bin/mojo version
CORE
  Perl        (v5.16.2, linux)
  Mojolicious (5.71, Tiger Face)
OPTIONAL
  EV 4.0+                 (n/a)
  IO::Socket::Socks 0.64+ (n/a)
  IO::Socket::SSL 1.84+   (n/a)
  Net::DNS::Native 0.15+  (n/a)
You might want to update your Mojolicious to 5.72.
&lt;/code&gt;&lt;/pre&gt;
&lt;p&gt;I figure there's something really simple that I'm missing, but at the same time, none of this is architected for easy debugging.&lt;/p&gt;
&lt;hr/&gt;
&lt;p&gt;Oleg gets a little closer, but there are still problems. I had tried the foreground option before and run into the same problems but failed to mention it.&lt;/p&gt;
&lt;p&gt;If I start hypnotoad in the foreground, it tries to bind to an address. It can't bind to port 80 (or 443) and crashes, and it can listen to 127.0.0.1: almost, but it looks like it fails to completely listen:&lt;/p&gt;
&lt;pre&gt;&lt;code&gt;2015-01-13T11:47:54+00:00 heroku[slug-compiler]: Slug compilation started
2015-01-13T11:48:32+00:00 heroku[slug-compiler]: Slug compilation finished
2015-01-13T11:48:32.735095+00:
00 heroku[api]: Deploy dcab778 by ...
2015-01-13T11:48:32.735095+00:00 heroku[api]: Release v31 created by ...
2015-01-13T11:48:32.969489+00:00 heroku[web.1]: State changed from crashed to starting
2015-01-13T11:48:34.909134+00:00 heroku[web.1]: Starting process with command `./Perloku`
2015-01-13T11:48:36.045985+00:00 app[web.1]: Can't create listen socket: Permission denied at /app/vendor/perl-deps/lib/perl5/Mojo/IOLoop.pm line 120.
2015-01-13T11:48:36.920004+00:00 heroku[web.1]: Process exited with status 13
2015-01-13T11:48:36.932014+00:00 heroku[web.1]: State changed from starting to crashed
&lt;/code&gt;&lt;/pre&gt;
&lt;p&gt;Here's with an unprivileged port:&lt;/p&gt;
&lt;pre&gt;&lt;code&gt;2015-01-13T11:39:10+00:00 heroku[slug-compiler]: Slug compilation started
2015-01-13T11:39:44+00:00 heroku[slug-compiler]: Slug compilation finished
2015-01-13T11:39:44.519679+00:00 heroku[api]: Deploy bbd1f68 by ...
2015-01-13T11:39:44.519679+00:00 heroku[api]: Release v29 created by ...
2015-01-13T11:39:44.811111+00:00 heroku[web.1]: State changed from crashed to starting
2015-01-13T11:39:47.382298+00:00 heroku[web.1]: Starting process with command `./Perloku`
2015-01-13T11:39:48.454706+00:00 app[web.1]: [Tue Jan 13 11:39:48 2015] [info] Listening at "http://*:8000".
2015-01-13T11:39:48.454733+00:00 app[web.1]: Server available at http://127.0.0.1:8000.
2015-01-13T11:39:48.454803+00:00 app[web.1]: [Tue Jan 13 11:39:48 2015] [info] Manager 3 started.
2015-01-13T11:39:48.480084+00:00 app[web.1]: [Tue Jan 13 11:39:48 2015] [info] Creating process id file "/app/hypnotoad.pid".
2015-01-13T11:40:47.703110+00:00 heroku[web.1]: Stopping process with SIGKILL
2015-01-13T11:40:47.702867+00:00 heroku[web.1]: Error R10 (Boot timeout) -&amp;gt; Web process failed to bind to $PORT within 60 seconds of launch
2015-01-13T11:40:48.524470+00:00 heroku[web.1]: Process exited with status 137
2015-01-13T11:40:48.534002+00:00 heroku[web.1]: State changed from starting to crashed
&lt;/code&gt;&lt;/pre&gt;</t>
  </si>
  <si>
    <t>2015-01-04 23:29:01.190000+00:00</t>
  </si>
  <si>
    <t>2015-01-14 04:16:32.460000+00:00</t>
  </si>
  <si>
    <t>2015-01-13 12:51:28.627000+00:00</t>
  </si>
  <si>
    <t>perl|heroku|mojo|hypnotoad</t>
  </si>
  <si>
    <t>Text overlaps background when I shrink browser size even when height set to 100%?</t>
  </si>
  <si>
    <t>&lt;p&gt;I've spent the past 2 hours trying to figure out how to solve this problem but with no luck. I am having an issue with the text overlapping the background as well as the footer when I minimize the browser size. The html, body and divs are set to a height of 100% but there persists a vertical overlap. I would like the text to stay in the container and the container size to adjust the browser size when minimized, as well as keep the footer at the bottom. &lt;/p&gt;
&lt;p&gt;Thank you so much, greatly appreciate it! &lt;/p&gt;
&lt;p&gt;Here is my code: &lt;/p&gt;
&lt;pre&gt;&lt;code&gt;&amp;lt;!DOCTYPE html&amp;gt;
&amp;lt;html&amp;gt;
&amp;lt;head&amp;gt;
    &amp;lt;title&amp;gt;page&amp;lt;/title&amp;gt;
&amp;lt;meta name="viewport" content="initial-scale=1.0"&amp;gt;
&amp;lt;meta charset="utf-8"&amp;gt;
&amp;lt;link rel="stylesheet" type="text/css" href="page.css"&amp;gt;
&amp;lt;/head&amp;gt;
&amp;lt;body&amp;gt;
&amp;lt;div class="container"&amp;gt;
    &amp;lt;h1&amp;gt;Webtwo ipsum blekko insala&amp;lt;/h1&amp;gt;
    &amp;lt;div class="content"&amp;gt;
        &amp;lt;p&amp;gt;Webtwo ipsum blekko insala joost zinch babblely, akismet kosmix 
quora zoosk, plaxo chegg eduvant. Yuntaa blippy lanyrd zynga jajah, cloudera 
squidoo gooru. Stypi eskobo rovio hojoki vuvox jaiku unigo, bebo disqus 
airbnb udemy. Mog cotweet palantir imvu wikia zillow cuil, wikia sclipo 
squidoo heekya. Chartly prezi qeyno spock chartly glogster, joost ideeli 
skype edmodo, wufoo rovio mog palantir. Joukuu yoono oovoo yammer vuvox 
convore, zillow sifteo diigo oooooc zooomr convore, napster edmodo woopra 
omgpop. Zoosk lijit zynga squidoo oovoo divvyshot elgg, handango zillow 
eskobo kazaa. Yuntaa whrrl bitly divvyshot kosmix unigo, edmodo bitly 
omgpop. Jabber etsy zooomr yoono cuil, napster xobni jumo. Meevee elgg 
blippy qeyno, imeem etsy.
            &amp;lt;br&amp;gt;
        Tumblr xobni lijit, loopt. zillow wikia. Rovio dropio stypi disqus, 
heroku. Zynga cloudera spock zoodles kippt ning, kiko loopt vuvox grockit. 
Hipmunk ifttt joyent sclipo, ifttt odeo. Waze zanga empressr, eskobo. plaxo. 
Zappos movity oooj jajah imeem, voxy doostang ning.  Ning jajah odeo zimbra, 
yuntaa koofers. vuvox oooooc. eduvant zapier elgg. Wikia skype nuvvo joost 
bitly 
sococo jiglu, airbnb akismet ebay cotweet. Zanga meevee spock klout weebly 
sclipo hojoki qeyno wesabe, bebo akismet appjet twones bubbli doostang.&amp;lt;/p&amp;gt;
    &amp;lt;/div&amp;gt;
&amp;lt;/div&amp;gt;
&amp;lt;div class="footer"&amp;gt; &amp;lt;/div&amp;gt;
&amp;lt;/body&amp;gt;
&amp;lt;/html&amp;gt;
&lt;/code&gt;&lt;/pre&gt;
&lt;p&gt;Here is the CSS:&lt;/p&gt;
&lt;pre&gt;&lt;code&gt;html, body {
    height: 100%;
     width: 100%;
    margin: 0;
    padding: 0;
  }
  h1{
     font-size: 30px;
     color: #F82370;
     text-align: center;
     margin: 70px auto 50px auto;
  }
 .content{
  font-size: 15px;
  margin: 0 5% auto 5%;
}
.container{
  background: #17263c;
  width: 100%;
  height: 100%;
  border-top: 4px solid #6B1946;
  color: #405699;
  font-family: 'Asap', sans-serif;
  line-height: 25px;
  letter-spacing: 1.5px;
  text-align: justify;
  }
.footer{
  width: 100%;
  height: 5%;
  background: #4ADBC8;
}
&lt;/code&gt;&lt;/pre&gt;</t>
  </si>
  <si>
    <t>2018-01-30 05:43:38.613000+00:00</t>
  </si>
  <si>
    <t>2018-01-30 06:53:19.217000+00:00</t>
  </si>
  <si>
    <t>Why does the OpenLayers Bing Layer disappear at low/high zoom levels?</t>
  </si>
  <si>
    <t>&lt;p&gt;I have noticed that the Bing layer from OpenLayers disappears at low (0) and high (20) zoom levels. How could I avoid it? Is it possible to force some limit on the zoom levels?&lt;/p&gt;
&lt;pre&gt;&lt;code&gt;var apiKey = "AqTGBsziZHIJYYxgivLBf0hVdrAk9mWO5cQcb8Yux8sW5M8c8opEC2lZqKR1ZZXf";
var map;
map = new OpenLayers.Map('map', {
    allOverlays: false,
    autoUpdateSize: true,
    displayProjection: new OpenLayers.Projection('EPSG:4326'),
    numZoomLevels: 16,
    projection: new OpenLayers.Projection('EPSG:900913'),
    zoomMethod: null,
    units: 'km'
});
map.addControl(new OpenLayers.Control.LayerSwitcher());
var osm = new OpenLayers.Layer.OSM();
var bing = new OpenLayers.Layer.Bing({
    name: "Road",
    key: apiKey,
    type: "Road"
});
map.addLayer(osm);
map.addLayer(bing);
var center = new OpenLayers.LonLat(-0.125, 51.5);
center.transform(new OpenLayers.Projection('EPSG:4326'), new OpenLayers.Projection('EPSG:900913'));
var zoomLevel = 4;
map.setCenter(center, zoomLevel);
$('#zoomLevel').html(zoomLevel);
map.events.register('zoomend', map, function() {
    $('#zoomLevel').html(this.zoom);
});
&lt;/code&gt;&lt;/pre&gt;
&lt;p&gt;Here is my &lt;a href="http://codepen.io/joaorodr84/pen/vEazYZ" rel="nofollow"&gt;codepen&lt;/a&gt; and as you can test, this behaviour does not occur with the OSM layer. Please help me fix this.&lt;/p&gt;
&lt;p&gt;Thanks&lt;/p&gt;</t>
  </si>
  <si>
    <t>2015-03-04 23:27:57.770000+00:00</t>
  </si>
  <si>
    <t>2015-03-04 23:50:40.057000+00:00</t>
  </si>
  <si>
    <t>zoom|openlayers|bing-maps</t>
  </si>
  <si>
    <t>How to put a keylistener in this method</t>
  </si>
  <si>
    <t>&lt;p&gt;So, I have this method (with nothing in it yet)&lt;/p&gt;
&lt;pre&gt;&lt;code&gt;class Transmitter {
    public static void main(String[] args) {
    }
}
&lt;/code&gt;&lt;/pre&gt;
&lt;p&gt;and I want to put a keylistener in it, to detect when the space key is pressed.
I've looked at tutorials online, and they are all to complicated for my needs; I just want a simple "Print something in the console" when the space key is pressed. Thanks!&lt;/p&gt;</t>
  </si>
  <si>
    <t>2013-11-27 16:52:01.887000+00:00</t>
  </si>
  <si>
    <t>2013-11-27 17:26:01.497000+00:00</t>
  </si>
  <si>
    <t>2013-11-27 16:53:38.440000+00:00</t>
  </si>
  <si>
    <t>Compiler Bug in Visual C++ 10.0 SP1 - cl.exe version 16.0.40219.1 Access violation [confirmed]</t>
  </si>
  <si>
    <t>&lt;p&gt;I have ran into a problem compiling some template code with Visual Stuido 2010 SP1, cl.exe version 16.0.40219.1&lt;/p&gt;
&lt;p&gt;The following code will cause the compiler to access violate:&lt;/p&gt;
&lt;pre&gt;&lt;code&gt;template&amp;lt;typename T&amp;gt;
class A
{
    A(){}
};
template&amp;lt;typename T&amp;gt;
class B : public A&amp;lt;T&amp;gt;
{
    using A::A(); // Compiler access violates
    // **EDIT**
    //using A&amp;lt;T&amp;gt;::A&amp;lt;T&amp;gt;; // Compiler succeeds
    //using A&amp;lt;T&amp;gt;::A(); // Compiler reports error
};
int main(int argc, char* argv[])
{
    return 0;
}
&lt;/code&gt;&lt;/pre&gt;
&lt;p&gt;It generates the following error (in addition to the "cl.exe has stopped working, C0000005 exception):&lt;/p&gt;
&lt;pre&gt;&lt;code&gt;1&amp;gt;d:\projects\cpptest\cpptest\cpptest.cpp(11): fatal error C1001: An internal error has occurred in the compiler.
1&amp;gt;  (compiler file 'msc1.cpp', line 1420)
1&amp;gt;   To work around this problem, try simplifying or changing the program near the locations listed above.
&lt;/code&gt;&lt;/pre&gt;
&lt;p&gt;The code compiles fine (well, that is, it emits a proper error message and doesn't crash the compiler) in Dev-C++ with g++.&lt;/p&gt;
&lt;pre&gt;&lt;code&gt;main.cpp:11: error: `template&amp;lt;class T&amp;gt; class A' used without template parameters
main.cpp:11: error: expected nested-name-specifier before "A"
main.cpp:11: error: using-declaration for non-member at class scope
main.cpp:11: error: expected `;' before '(' token
main.cpp:11: error: expected unqualified-id before ')' token
make.exe: *** [main.o] Error 1
&lt;/code&gt;&lt;/pre&gt;
&lt;p&gt;&lt;strong&gt;EDIT&lt;/strong&gt;
The following, however, compiles fine, without access violation, so it seems this is related to templates:&lt;/p&gt;
&lt;pre&gt;&lt;code&gt;class A
{
    A(){}
};
class B : public A
{
    using A::A;
};
int main(int argc, char* argv[])
{
    return 0;
}
&lt;/code&gt;&lt;/pre&gt;
&lt;p&gt;Do you think this is worth reporting to Microsoft? Can anyone else reproduce this?
Maybe try in Visual Studio 2013 to see if it still occurs?&lt;/p&gt;</t>
  </si>
  <si>
    <t>2013-09-12 13:02:28.793000+00:00</t>
  </si>
  <si>
    <t>2013-12-06 19:11:31.387000+00:00</t>
  </si>
  <si>
    <t>2013-09-21 20:56:37.357000+00:00</t>
  </si>
  <si>
    <t>c++|visual-c++|compiler-bug</t>
  </si>
  <si>
    <t>MQMessage read or delete</t>
  </si>
  <si>
    <t>&lt;p&gt;we have WebSphere MQ server.
I have written Java client utility which can read all messages (leaving them in queue) or delete all from queue.
But is that possible to read message and if it contains certain string - delete it?&lt;/p&gt;
&lt;p&gt;To read queue message i use (message will stay on server queue for future processing, coz utility only for testing):&lt;/p&gt;
&lt;pre&gt;&lt;code&gt;MQQueue queue = queueManager.accessQueue(queueName, MQC.MQ00_BROWSE | MQC.MQ00_INPUT_SHARED);
MQGetMessageOptions options = new MQGetMessageOptions();
options.options = MQC.MQ00_BROWSE_FIRST | MQC.MQ00_INPUT_SHARED;
while(true) {
MQMessage msg = new MQMessage();
queue.get(msg, options);
if (msg.getTotalMeesageLength() == 0) {
break;
} else {
readMessage(msg);
}
&lt;/code&gt;&lt;/pre&gt;</t>
  </si>
  <si>
    <t>2012-01-30 12:19:32.607000+00:00</t>
  </si>
  <si>
    <t>2012-01-30 15:14:41.363000+00:00</t>
  </si>
  <si>
    <t>java|ibm-mq</t>
  </si>
  <si>
    <t>React render to element by class</t>
  </si>
  <si>
    <t>&lt;p&gt;How i can render my component in few elements by class? I have one component, and i need show him in my page in differents tags, but with general logic&lt;/p&gt;
&lt;pre&gt;&lt;code&gt;var FilterBox = React.createFactory(FilterBox),
                ToRender = document.getElementsByClassName('filter-box')
React.render(FilterBox(), ToRender);
&lt;/code&gt;&lt;/pre&gt;
&lt;p&gt;html:&lt;/p&gt;
&lt;pre&gt;&lt;code&gt;&amp;lt;div class="filter-box"&amp;gt;&amp;lt;/div&amp;gt;
...
...
&amp;lt;div class="filter-box"&amp;gt;&amp;lt;/div&amp;gt;
&lt;/code&gt;&lt;/pre&gt;</t>
  </si>
  <si>
    <t>2015-07-30 14:06:38.707000+00:00</t>
  </si>
  <si>
    <t>2015-07-30 16:31:40.523000+00:00</t>
  </si>
  <si>
    <t>2015-07-30 16:09:14.240000+00:00</t>
  </si>
  <si>
    <t>How to access the column/row info of existing content of a xlsx file</t>
  </si>
  <si>
    <t>&lt;p&gt;I want to get the info of the last column and row of an existing xlsx file so that I can append new contents right below the existing content. How do I do so with RubyXL? If that's not possible, what alternative gem would you recommend?&lt;/p&gt;</t>
  </si>
  <si>
    <t>2018-05-07 04:37:38.743000+00:00</t>
  </si>
  <si>
    <t>2018-05-10 03:49:25.400000+00:00</t>
  </si>
  <si>
    <t>ruby|xlsx</t>
  </si>
  <si>
    <t>Cron Not Working - Amazon EC2</t>
  </si>
  <si>
    <t>&lt;p&gt;I've got a cronjob that won't work. Well, I can't seem to get any of my cronjobs to work. &lt;/p&gt;
&lt;p&gt;here is my entry in /etc/crontab&lt;/p&gt;
&lt;pre&gt;&lt;code&gt;* * * * * /usr/bin/Rscript /home/myRScript.R
&lt;/code&gt;&lt;/pre&gt;
&lt;p&gt;Executing this script via command line (/usr/bin/Rscript /home/myRScript.R) runs fine. The script is executable (chmod 775). &lt;/p&gt;
&lt;p&gt;I've even tried something simple like: &lt;/p&gt;
&lt;pre&gt;&lt;code&gt;* * * * * env &amp;gt; /tmp/env.output 
&lt;/code&gt;&lt;/pre&gt;
&lt;p&gt;I have the script running fine on my home desktop. But am attempting to migrate the same code to an Amazon EC2 instance and it won't run. I'm at a loss for what to do next. &lt;/p&gt;
&lt;p&gt;I've pretty much read through:
&lt;a href="https://askubuntu.com/questions/23009/reasons-why-crontab-does-not-work"&gt;https://askubuntu.com/questions/23009/reasons-why-crontab-does-not-work&lt;/a&gt; &lt;/p&gt;
&lt;p&gt;And nothing seems to work. &lt;/p&gt;</t>
  </si>
  <si>
    <t>2014-05-13 01:08:34.743000+00:00</t>
  </si>
  <si>
    <t>2017-02-01 10:28:59.770000+00:00</t>
  </si>
  <si>
    <t>2017-04-13 12:22:45.410000+00:00</t>
  </si>
  <si>
    <t>amazon-ec2|cron</t>
  </si>
  <si>
    <t>.htaccess rewrite url check if languages is set</t>
  </si>
  <si>
    <t>&lt;p&gt;I have index.php where it set the language with index.php?lang=de.
English is the default language which I don't need to use index.php?lang=en&lt;/p&gt;
&lt;p&gt;When the language is set it use this condition in htaccess&lt;/p&gt;
&lt;pre&gt;&lt;code&gt;RewriteRule ^([a-zA-Z0-9\-_]+)/$ /index.php?lang=$1 [L]
&lt;/code&gt;&lt;/pre&gt;
&lt;p&gt;When the language is not set&lt;/p&gt;
&lt;pre&gt;&lt;code&gt;RewriteRule ^([a-zA-Z0-9\-_]+)$ /index.php?pag=$1 [L]
&lt;/code&gt;&lt;/pre&gt;
&lt;p&gt;When language and page is set&lt;/p&gt;
&lt;pre&gt;&lt;code&gt;RewriteRule ^([a-zA-Z0-9\-_]+)/([a-zA-Z0-9\-_]+)$ /index.php?lang=$1&amp;amp;pag=$2 [L]
&lt;/code&gt;&lt;/pre&gt;
&lt;p&gt;When language, page, and sub-page is set &lt;/p&gt;
&lt;pre&gt;&lt;code&gt;RewriteRule ^([a-zA-Z0-9\-_]+)/([a-zA-Z0-9\-_]+)/([a-zA-Z0-9\-_]+)$ /index.php?lang=$1&amp;amp;pag=$2&amp;amp;spag=$3 [L]
&lt;/code&gt;&lt;/pre&gt;
&lt;p&gt;But I can't access sub-page when the language is not set, when is english it must to be&lt;/p&gt;
&lt;pre&gt;&lt;code&gt; index.php?pag=services&amp;amp;spag=web_design
 RewriteRule ^([a-zA-Z0-9\-_]+)/([a-zA-Z0-9\-_]+)$ /index.php?pag=$2&amp;amp;spag=$3 [L]
&lt;/code&gt;&lt;/pre&gt;
&lt;p&gt;Any idea how to make it work?
Also if you have an idea to merge all this line in a single one will be wonderful.&lt;/p&gt;
&lt;p&gt;Thanks!&lt;/p&gt;</t>
  </si>
  <si>
    <t>2013-09-21 21:25:55.350000+00:00</t>
  </si>
  <si>
    <t>2013-09-22 07:21:41.447000+00:00</t>
  </si>
  <si>
    <t>php|apache|.htaccess|mod-rewrite|rewrite</t>
  </si>
  <si>
    <t>Plotting line through scatter plot in xlsx writer</t>
  </si>
  <si>
    <t>&lt;p&gt;Here's a scatter plot :&lt;/p&gt;
&lt;p&gt;&lt;a href="https://i.stack.imgur.com/xpgSU.png" rel="nofollow noreferrer"&gt;&lt;img src="https://i.stack.imgur.com/xpgSU.png" alt="enter image description here"&gt;&lt;/a&gt;&lt;/p&gt;
&lt;p&gt;All Im trying to do is simply add a line through the point -.8 (y axis) , to .4 (x axis) , which crosses trough (0,0), but this is what I end up getting: &lt;/p&gt;
&lt;p&gt;&lt;a href="https://i.stack.imgur.com/2faV5.png" rel="nofollow noreferrer"&gt;&lt;img src="https://i.stack.imgur.com/2faV5.png" alt="enter image description here"&gt;&lt;/a&gt;&lt;/p&gt;
&lt;p&gt;Here's my code:&lt;/p&gt;
&lt;pre&gt;&lt;code&gt;diagonal = workbook.add_chart({'type':'line'})
###for line 
worksheet.write(0,0,-.8)
worksheet.write(1,0,.4) 
###net and gain are just excel columns  (for scatterplot)
diagonal.add_series({'values':['sheet',0,0,1,0],'categories':net)
scatter = workbook.add_chart({'type':'scatter'})
scatter.add_series({'values':gain,'categories':net)
diagonal.combine(scatter)
worksheet.insert_chart(1,1,diagonal) 
&lt;/code&gt;&lt;/pre&gt;</t>
  </si>
  <si>
    <t>2017-12-07 01:29:40.693000+00:00</t>
  </si>
  <si>
    <t>2017-12-07 10:49:02.543000+00:00</t>
  </si>
  <si>
    <t>python|xlsx|xlsxwriter</t>
  </si>
  <si>
    <t>Session to transfer value</t>
  </si>
  <si>
    <t>&lt;p&gt;I have use session to transfer value from one jsp page to other one by creating session and getting it on other jsp page but on other page it print null So I am not receiving value .&lt;/p&gt;
&lt;pre&gt;&lt;code&gt;//set the session
 &amp;lt;% try{
                    Class.forName("oracle.jdbc.driver.OracleDriver");
                    Connection con=DriverManager.getConnection("jdbc:oracle:thin:@localhost:1521:xe","ankit","ankit27");
                    Statement st=con.createStatement();
                    String a=request.getParameter("t1");
                    String b=request.getParameter("p1");
                    ResultSet rs=st.executeQuery("Select REASON from LEAVE");
                    if(rs.next())
                    {
                        String un=rs.getString(1);
                        %&amp;gt;&amp;lt;div name="div1"  value="&amp;lt;%=""+un %&amp;gt;" &amp;gt; &amp;lt;%=""+un %&amp;gt;&amp;lt;/div&amp;gt;
                            &amp;lt;%String n=request.getParameter("div1");
                        session.setAttribute("name1",n); %&amp;gt;
                    &amp;lt;% }
                    else{
                        out.println("no user");
                    }
            } 
                catch(Exception e){
                    out.println(e);
                }
                %&amp;gt;
//get the session
       &amp;lt;div &amp;gt;&amp;lt;%=(String)session.getAttribute("name1") %&amp;gt; &amp;lt;/div&amp;gt;
&lt;/code&gt;&lt;/pre&gt;</t>
  </si>
  <si>
    <t>2017-09-04 08:13:47.003000+00:00</t>
  </si>
  <si>
    <t>2017-09-04 08:20:39.157000+00:00</t>
  </si>
  <si>
    <t>jsp|session</t>
  </si>
  <si>
    <t>Async and non blocking concepts in java. Is it possible to be asynchronous and blocking together?</t>
  </si>
  <si>
    <t>&lt;p&gt;Before introducing with nio I thought that non-blocking and async concepts are same.&lt;/p&gt;
&lt;p&gt;But if in &lt;code&gt;nio&lt;/code&gt; it explicitly separates I think that it is different things. And now I really don't understand difference. I have read a lot of information about it but this information confuses me.&lt;/p&gt;
&lt;p&gt;example:&lt;/p&gt;
&lt;p&gt;&lt;code&gt;asynchronous&lt;/code&gt; - tag description on stackoverflow:&lt;/p&gt;
&lt;blockquote&gt;
  &lt;p&gt;Asynchronous programming is simply allowing some portions of code to
  be executed on separate threads. It makes your applications perform
  better, be more responsive, and use the resources of the system they
  are running on to the fullest extent.&lt;/p&gt;
&lt;/blockquote&gt;
&lt;p&gt;Has this concept meaning without concurrency and multithreading?&lt;/p&gt;
&lt;p&gt;In some another places I have found that threads and async is unrelated things - my brain is bump&lt;/p&gt;
&lt;p&gt;&lt;code&gt;nonblocking&lt;/code&gt; tag on SO has another menaning than I ask I suppose(but I am not sure).&lt;/p&gt;
&lt;blockquote&gt;
  &lt;p&gt;Use of concurrency without the usual mutual exclusion primitives,
  guaranteeing that thread operations will not block indefinitely. This
  is usually handled with atomic value modification
  (increment/decrement) and/or reading (compare-and-exchange) operations&lt;/p&gt;
&lt;/blockquote&gt;
&lt;p&gt;Please provide simple example of non-blocking and async concepts in java. And explain differences.&lt;/p&gt;
&lt;h2&gt;P.S.&lt;/h2&gt;
&lt;p&gt;Does &lt;code&gt;synchronously&lt;/code&gt; and &lt;code&gt;single-threaded&lt;/code&gt; same?&lt;/p&gt;
&lt;p&gt;please provide examples of&lt;/p&gt;
&lt;ol&gt;
&lt;li&gt;synchronous and blocking  &lt;/li&gt;
&lt;li&gt;synchronous and non-blocking&lt;/li&gt;
&lt;li&gt;asynchronous and blocking             &lt;/li&gt;
&lt;li&gt;asynchronous and non-blocking&lt;/li&gt;
&lt;/ol&gt;</t>
  </si>
  <si>
    <t>2014-08-14 20:12:38.440000+00:00</t>
  </si>
  <si>
    <t>2014-08-15 02:09:03.700000+00:00</t>
  </si>
  <si>
    <t>2014-08-15 02:08:27.170000+00:00</t>
  </si>
  <si>
    <t>java|asynchronous|concurrency|language-agnostic|nonblocking</t>
  </si>
  <si>
    <t>Many to many relation, IN operator and possibility of improper results</t>
  </si>
  <si>
    <t>&lt;p&gt;I have a problem with creating optimal SQL query. I have private messages system where user can send single message to many of users or groups of users. Recipients are stored in single text column (don't ask me why is that I wasn't responsible for designing that) like that:&lt;/p&gt;
&lt;pre&gt;&lt;code&gt;[60,63,103,68]
&lt;/code&gt;&lt;/pre&gt;
&lt;p&gt;Additionaly I've added new text column where is placed group which user belongs to so I can have as a groups in database:&lt;/p&gt;
&lt;pre&gt;&lt;code&gt;[55,11,11,0]
&lt;/code&gt;&lt;/pre&gt;
&lt;p&gt;Now I want to get all users (receivers) and their groups. I have table where relation between user and group id. The problem is that single user can belong to multiple groups, for example user 60 can be in group ID 55 and 11. I would like to do it in the most optimal way (there can be 50+ receivers stored in column...) so I can write query like that:&lt;/p&gt;
&lt;pre&gt;&lt;code&gt;SELECT u.name, u.last_name, g.group_name
                    FROM 
                        user u
                    LEFT JOIN
group g ON u.id = g.user_id
                    WHERE
                        u.id IN (".$users.") and
g.id IN (".$groups.")
&lt;/code&gt;&lt;/pre&gt;
&lt;p&gt;Unfortunately group name returned by query might by not proper - connected with the group ID i placed in WHERE. I may create PHP foreach and get user and his group using IDs I have:&lt;/p&gt;
&lt;pre&gt;&lt;code&gt;foreach($user as $key =&amp;gt; $single)
{
$sql = "...
      where u.id = $single AND g.id = $group[$key] ";
}
&lt;/code&gt;&lt;/pre&gt;
&lt;p&gt;but I think this is very bad way. Is there any way to get user and specified group in single query?&lt;/p&gt;</t>
  </si>
  <si>
    <t>2014-02-14 14:47:01.803000+00:00</t>
  </si>
  <si>
    <t>2014-02-14 16:45:23.180000+00:00</t>
  </si>
  <si>
    <t>php|postgresql|optimization|many-to-many</t>
  </si>
  <si>
    <t>Minified angular2 - Has anyone done this successfully yet?</t>
  </si>
  <si>
    <t>&lt;p&gt;I'm building an angular2 app, and started working on my build/minification process.  I can successfully build and run my application in a dev mode, with individual JS files, which are unminified.  But when I build them into a single, concatenated file my application will not run.  All I get is a &lt;strong&gt;blank page, no errors on the console.&lt;/strong&gt;  I've tried webpack, gulp, etc, all have the same result when running in the browser.&lt;/p&gt;
&lt;p&gt;I'm curious if anybody has gotten this to work yet? Or has any suggestions? &lt;/p&gt;
&lt;p&gt;One thing I notice in my compiled JS (from typescript) is that the bootstrap call is present, but never executed if I set a break point.&lt;/p&gt;
&lt;p&gt;I'm compiling my TypeScript to es5 and System modules.  &lt;strong&gt;Angular2.beta12&lt;/strong&gt;&lt;/p&gt;
&lt;p&gt;Index.html&lt;/p&gt;
&lt;pre&gt;&lt;code&gt;    &amp;lt;meta name="viewport" content="width=device-width, initial-scale=1"&amp;gt;
    &amp;lt;!-- inject:css --&amp;gt;
    &amp;lt;link rel="stylesheet" href="resources/css/ncss.css"&amp;gt;
    &amp;lt;link rel="stylesheet" href="css/App.css"&amp;gt;
    &amp;lt;!-- endinject --&amp;gt;
    &amp;lt;!-- 1. Load libraries --&amp;gt;
    &amp;lt;!-- IE required polyfills, in this exact order --&amp;gt;
    &amp;lt;!-- inject:js --&amp;gt;
    &amp;lt;script src="libs/system-polyfills.js"&amp;gt;&amp;lt;/script&amp;gt;
    &amp;lt;script src="libs/angular2/bundles/angular2-polyfills.js"&amp;gt;&amp;lt;/script&amp;gt;
    &amp;lt;script src="libs/system.src.js"&amp;gt;&amp;lt;/script&amp;gt;
    &amp;lt;script src="libs/Rx.js"&amp;gt;&amp;lt;/script&amp;gt;
    &amp;lt;script src="libs/angular2/bundles/angular2.min.js"&amp;gt;&amp;lt;/script&amp;gt;
    &amp;lt;script src="libs/angular2/bundles/router.min.js"&amp;gt;&amp;lt;/script&amp;gt;
    &amp;lt;script src="libs/angular2/bundles/http.min.js"&amp;gt;&amp;lt;/script&amp;gt;
    &amp;lt;!-- endinject --&amp;gt;
    &amp;lt;!--&amp;lt;script src="app/app.min.js"&amp;gt;&amp;lt;/script&amp;gt;--&amp;gt;
    &amp;lt;!-- 2. Configure SystemJS --&amp;gt;
    &amp;lt;script&amp;gt;
        System.import('app/app.min.js')
                .then(null, console.error.bind(console));
    &amp;lt;/script&amp;gt;
&amp;lt;/head&amp;gt;
&amp;lt;!-- 3. Display the application --&amp;gt;
&amp;lt;body&amp;gt;
    &amp;lt;app-component&amp;gt;&amp;lt;/app-component&amp;gt;
&amp;lt;/body&amp;gt;
&lt;/code&gt;&lt;/pre&gt;
&lt;p&gt;TSConfig:&lt;/p&gt;
&lt;pre&gt;&lt;code&gt;{
  "compilerOptions": {
    "target": "es5",
    "module": "system",
    "moduleResolution": "node",
    "sourceMap": true,
    "emitDecoratorMetadata": true,
    "experimentalDecorators": true,
    "removeComments": false,
    "noImplicitAny": true,
    "declaration": true,
    "suppressImplicitAnyIndexErrors": true,
    "outDir": "./dist/app",
    "outFile": "./dist/app/app.min.js"
  },
  "exclude": [
    "node_modules",
    "typings/browser",
    "typings/browser.d.ts",
    "dist/libs"
  ]
}
&lt;/code&gt;&lt;/pre&gt;</t>
  </si>
  <si>
    <t>2016-04-01 16:55:57.537000+00:00</t>
  </si>
  <si>
    <t>2016-04-20 22:40:59.620000+00:00</t>
  </si>
  <si>
    <t>2016-04-04 19:00:04.910000+00:00</t>
  </si>
  <si>
    <t>javascript|typescript|angular|minify</t>
  </si>
  <si>
    <t>Please help me with getting ID from JSTREE</t>
  </si>
  <si>
    <t>&lt;p&gt;This is the last resort to me to deal with this.&lt;/p&gt;
&lt;p&gt;The problem is I can not get the specific values from the sample data below. &lt;/p&gt;
&lt;p&gt;I am in a hurry so it would be very appreciated if you give me any answer to this problem.&lt;/p&gt;
&lt;p&gt;This is the code I have.&lt;/p&gt;
&lt;pre&gt;&lt;code&gt;  $("#organize").jstree(
  {
      "core": {'animation': 100},
      "json_data": {
          "data": [
          {
              "data": "J",
              "id": "10600_10600",
              "metadata": {
                  "id": "10600_10600",
                  "name": "10600_10600"
              }
          }]
      },
      "themes": {
          "theme": "classic",
          "url": "&amp;lt;%=request.getContextPath()%&amp;gt;/approval/css/jstree.css"
      },
      "plugins": ["themes", "json_data", "ui"]
  }).bind("dblclick.jstree", function (e)
  {
      alert($('#organize').jstree('get_selected').attr('id'));
      ////////////TODO: Can not get ID here/////////////////
  });
  $('#add').click(function ()
  {
      //HERE I can get 'name' of the selected node but 'id' is undefined.
      var name = $("#organize").jstree('get_selected').text();
      var id = $("#organize").jstree('get_selected').attr('data');
  });
&lt;/code&gt;&lt;/pre&gt;</t>
  </si>
  <si>
    <t>2013-03-14 04:35:41.730000+00:00</t>
  </si>
  <si>
    <t>2013-03-14 05:03:55.020000+00:00</t>
  </si>
  <si>
    <t>2013-03-14 04:53:40.677000+00:00</t>
  </si>
  <si>
    <t>jstree</t>
  </si>
  <si>
    <t>What is the range of "script execution" time for dom.max_script_run_time</t>
  </si>
  <si>
    <t>&lt;p&gt;I'm reading Firefox configuration settings for &lt;strong&gt;Dom.max_script_run_time&lt;/strong&gt;&lt;/p&gt;
&lt;p&gt;&lt;a href="http://kb.mozillazine.org/Dom.max_script_run_time" rel="nofollow"&gt;http://kb.mozillazine.org/Dom.max_script_run_time&lt;/a&gt;&lt;/p&gt;
&lt;p&gt;and default is set to 10 seconds.&lt;/p&gt;
&lt;p&gt;My &lt;strong&gt;ajax&lt;/strong&gt; timeout is also set to 10 seconds.&lt;/p&gt;
&lt;p&gt;I understand ajax timeout count starts from sending xmlhttp request and until the response comes back.&lt;/p&gt;
&lt;p&gt;But I'm not sure if Firefox Dom.max_script_run_time includes the time for ajax to wait for response.&lt;/p&gt;
&lt;p&gt;For instance:&lt;/p&gt;
&lt;pre&gt;&lt;code&gt;1. user click on the button on the web page.
2. onclick event is triggered (Dom.max_script_run_time start?)
3. js grag input form data and construct JSON.
4. Using the JSON string, send ajax request.
5. main js thread ends. (Dom.max_script_run_time end here???)
6. xmlHttpRequest object still waiting for the ajax response back from the server.
7. xmlHttpRequest object receives response from the server.
8. Display response text on the web page (part of ajax callback) (Dom.max_script_run_time end here???)
&lt;/code&gt;&lt;/pre&gt;
&lt;p&gt;Does the Dom.max_script_run_time stops at main js thread end because ajax is another thread? (i.e. script execution is timed per threads?)&lt;/p&gt;</t>
  </si>
  <si>
    <t>2012-04-03 06:22:27.237000+00:00</t>
  </si>
  <si>
    <t>2013-07-12 22:06:38.447000+00:00</t>
  </si>
  <si>
    <t>ajax|firefox</t>
  </si>
  <si>
    <t>Will Git suit my needs? If so then which version?</t>
  </si>
  <si>
    <t>&lt;p&gt;First of all, apologies if this is not the right place to ask this lengthy question. I have done quite a bit of research so far, and am at the stage of being overwhelmed with info, and just getting more confused.&lt;/p&gt;
&lt;p&gt;I work for a company in a department that has just been merged into with IT area. The significance of this, and the reason for this question, is that I have been advised that we need to start using Git for version control. Which is all fine, however we seem to have numerous types of Git available, and I am struggling to determine which will be best for our team���s needs. The main issue being that the system we do development is an enclosed ecosystem, with its own editor. So for Git to work, it means exporting the developments to text files, which we can do, but we don���t work from these text files.&lt;/p&gt;
&lt;p&gt;We have access to:&lt;/p&gt;
&lt;p&gt;Git Enterprise, Git Bash, Git stash (same as bitbucket?) and Git Desktop (I think)&lt;/p&gt;
&lt;p&gt;What we do:&lt;/p&gt;
&lt;p&gt;The company has an accounting/leger system, and provides administration services to clients. From this system we provide reports to clients containing various info. Our job is to develop these reports and update them as required. &lt;/p&gt;
&lt;p&gt;How we do it:&lt;/p&gt;
&lt;p&gt;We develop these reports on a proprietary (some might say archaic!) system, using the system provided, and enclosed, GUI. The code for these reports are backed up as a text file. It is these text files that we would be looking to version control.
At the moment we have various area���s that we work in. We have the ���live��� area, which is where the reports get copied to once development and testing is complete. Then we have numerous ���project��� area, which start of as copies of the live area, and is where we do the development and testing of the new/amended reports.
Once the development of a report is complete, we copy the new/amended report from the project area, to the live area.&lt;/p&gt;
&lt;p&gt;Question:&lt;/p&gt;
&lt;p&gt;1) I am really struggling to visualise how this will work using Git. The way I think we will use it is, &lt;/p&gt;
&lt;ul&gt;
&lt;li&gt;&lt;p&gt;Treat the project areas as branches&lt;/p&gt;&lt;/li&gt;
&lt;li&gt;&lt;p&gt;do the dev in the project area under a new branch&lt;/p&gt;&lt;/li&gt;
&lt;li&gt;&lt;p&gt;then when the dev is complete, merge with the main version in the project area&lt;/p&gt;&lt;/li&gt;
&lt;li&gt;&lt;p&gt;then (not sure of this part) daily export the files in the project area,&lt;/p&gt;&lt;/li&gt;
&lt;li&gt;&lt;p&gt;find any that have changed (i.e. been merged with the dev branch)&lt;/p&gt;&lt;/li&gt;
&lt;li&gt;&lt;p&gt;then merge any changes into the live report backups&lt;/p&gt;&lt;/li&gt;
&lt;li&gt;&lt;p&gt;import any changed backups into the live area&lt;/p&gt;&lt;/li&gt;
&lt;/ul&gt;
&lt;p&gt;2) Which Git tools to use? We need to be able to automate this process to some degree, needs to be relatively simple to use and collaborate over various locations (which is why Git is being pushed I imagine)&lt;/p&gt;
&lt;p&gt;From my initial investigation, I am unsure of the best way to get started. The only experience I have of version control software was SVN, which I used as briefly as part of a module when I was a student. &lt;/p&gt;
&lt;p&gt;I am not expecting a step by step guide from here, just some suggestion/advice of which interface will possibly best suit our needs. Maybe even some pointers on where to find good resources on where to get started.&lt;/p&gt;
&lt;p&gt;Many thanks in advance to anyone who takes time to offer advice. It���s much appreciated! &lt;/p&gt;</t>
  </si>
  <si>
    <t>2017-05-14 17:34:51.483000+00:00</t>
  </si>
  <si>
    <t>2017-05-14 19:27:44.557000+00:00</t>
  </si>
  <si>
    <t>git|github|version-control</t>
  </si>
  <si>
    <t>php Getting Data from Database slows down the Page</t>
  </si>
  <si>
    <t>&lt;p&gt;I am using wamp server on windows. while getting a little bit of data from my database hangs my page badly. it's just like a simple post which have 1 image 1 title and a little bit discription and when I trigger the command it hangs my page badly. here is how my code looks like.&lt;/p&gt;
&lt;pre&gt;&lt;code&gt;    &amp;lt;?php
    //1. Create a connection
    $connection= mysql_connect("localhost","root","");
    if(!$connection){
        die("Database Connection Failed :" . mysql_error());
    }
    //2 Select a database to use
    $db_select = mysql_select_db("gat", $connection);
    if (!$db_select) {
        die("Database selection failed: " . mysql_error());
    }
    ?&amp;gt;
&amp;lt;html&amp;gt;
&amp;lt;head&amp;gt;
    &amp;lt;title&amp;gt;Database Check&amp;lt;/title&amp;gt;
&amp;lt;/head&amp;gt;
&amp;lt;body&amp;gt;
    &amp;lt;?php 
        //3 perform database query
        $result=mysql_query("SELECT * FROM recent_works",$connection);
        if (!$result) {
            die("Database query failed:" . mysql_error());
        }
        //4 use returned data 
        while ($row= mysql_fetch_assoc($result)) {  
            echo "&amp;lt;div class='work_item'&amp;gt;";
            echo "&amp;lt;img src='{$row['image']}' alt=''&amp;gt;";
            echo "&amp;lt;h2&amp;gt;{$row['title']}&amp;lt;/h2&amp;gt;";
            echo "&amp;lt;p&amp;gt;{$row['short_discription']}&amp;lt;/p&amp;gt;";
            echo "&amp;lt;/div&amp;gt;";
        }
     ?&amp;gt;
&amp;lt;/body&amp;gt;
&amp;lt;/html&amp;gt;
&amp;lt;?php 
    //5 close connection
    mysql_close($connection);
 ?&amp;gt;
&lt;/code&gt;&lt;/pre&gt;</t>
  </si>
  <si>
    <t>2012-12-06 04:46:46.683000+00:00</t>
  </si>
  <si>
    <t>2014-04-21 11:17:23.713000+00:00</t>
  </si>
  <si>
    <t>php|mysql|hang</t>
  </si>
  <si>
    <t>collision detector for pong (paddle to ball)</t>
  </si>
  <si>
    <t>&lt;p&gt;I want to add a collision detector to this program (pong game), i don't know the syntax for the collision detection. I currently have a paddle, ball and a mouse listener for the paddle(thanks to s/o). Currently i'm triying to add a collision detector to the paddle so i could hit the ball back in a random direction. Heres my code; &lt;/p&gt;
&lt;p&gt;question: What is the syntax to add a collision detector between the ball and the paddle?&lt;/p&gt;
&lt;p&gt;thanks a lot.&lt;/p&gt;
&lt;pre&gt;&lt;code&gt;import javax.swing.*;
import java.awt.*;
import java.awt.event.*;
import java.awt.event.MouseMotionListener;
public class PongGame extends JFrame implements Runnable,MouseMotionListener{
  int ball_x, ball_y, ball_dx, ball_dy;
  int ball_r;
  int x_left, x_right, y_top, y_bottom;
  int paddle_y = 30;
  /**
   * Constructor
   */
  public PongGame(){
    init();
  }
  /**
   * this is where we set up the UI
   */
  public void init(){
    this.setSize(300,300);
    this.setDefaultCloseOperation(JFrame.EXIT_ON_CLOSE); 
    this.addMouseMotionListener(this);
    ball_x = this.getWidth()/2;
    ball_y = this.getHeight()/2;
    ball_dx = ball_dy = 2;
    ball_r = 20;
    this.setVisible(true);
    getFocus(this);
    x_left = this.getInsets().left;
    x_right = this.getWidth() - this.getInsets().right - ball_r;
    y_top = this.getHeight() - this.getInsets().top + ball_r/3;
    y_bottom = this.getInsets().bottom + ball_r;
  }
  /**
   * helper method which we use to get the focus
   **/
  public void getFocus(final JFrame frame)
  {
      EventQueue.invokeLater(new Runnable() {
              public void run() {
                  frame.requestFocus();
              }
       });
  }
  /**
   * implementation of the Runnable interface to be able to move the ball, etc.
   */
  public void run(){
    while(true){
      ball_x += ball_dx;
      if(ball_x &amp;lt;= x_left || ball_x &amp;gt;= x_right){
        ball_dx *=-1;
        ball_x += (2*ball_dx);
      }
      ball_y += ball_dy;
      if(ball_y &amp;lt;= y_bottom || ball_y &amp;gt;= y_top){
        ball_dy *=-1;
        ball_y += (2*ball_dy);
      }
      repaint();
      try{
        Thread.sleep(50);
      }catch(InterruptedException ex){
        System.out.println(ex);
      }
    }
  }
  /**
   * all rendering occurs here
   */
  public void paint(Graphics g){
    g.setColor(Color.white);
    g.fillRect(0,0,this.getWidth(),this.getHeight());
    g.setColor(Color.black);
    g.fillOval(ball_x,ball_y, ball_r, ball_r);
    g.setColor(Color.black);
    g.fillRect(20,paddle_y,20,70);
  }
     public void mouseMoved(MouseEvent e) {
      }
       public void mouseDragged(MouseEvent e){
         paddle_y = e.getY(); 
       } 
  /**
   * entry point into the program
   */
  public static void main(String[] args){
    // create the class
    PongGame application = new PongGame();
    new Thread(application).start();
  }
}
&lt;/code&gt;&lt;/pre&gt;</t>
  </si>
  <si>
    <t>2015-05-07 16:00:15.700000+00:00</t>
  </si>
  <si>
    <t>2015-05-09 23:15:39.857000+00:00</t>
  </si>
  <si>
    <t>2015-05-07 16:09:49.120000+00:00</t>
  </si>
  <si>
    <t>java|user-interface|pong</t>
  </si>
  <si>
    <t>Very high latency on simple GET requests</t>
  </si>
  <si>
    <t>&lt;p&gt;I wrote a very simple flask web service that simply returns text &lt;code&gt;hey23&lt;/code&gt; upon being hit and hosted on AWS EC2 t2.micro machine (1GB RAM 1CPU)&lt;/p&gt;
&lt;p&gt;To execute this python application I used uwsgi as my app server. Finally I've put my complete setup behind Nginx.&lt;/p&gt;
&lt;p&gt;So my stack is &lt;code&gt;Flask+uwsgi+Nginx&lt;/code&gt;&lt;/p&gt;
&lt;p&gt;Everything is working fine and good. I only have complaint with the execution time. The average latency measured using &lt;a href="https://github.com/wg/wrk" rel="nofollow noreferrer"&gt;wrk&lt;/a&gt; is ~370ms, which is too much considering the amount of work this service is doing.&lt;/p&gt;
&lt;pre&gt;&lt;code&gt;Running 30s test @ http://XX.XXX.XX.XX/printtest
  12 threads and 400 connections
  Thread Stats   Avg      Stdev     Max   +/- Stdev
    Latency   370.98ms  178.90ms   1.96s    91.78%
    Req/Sec    93.72     36.72   270.00     69.55%
  33124 requests in 30.11s, 5.41MB read
  Socket errors: connect 0, read 0, write 0, timeout 15
  Non-2xx or 3xx responses: 1173
Requests/sec:   1100.26
Transfer/sec:    184.14KB
&lt;/code&gt;&lt;/pre&gt;
&lt;p&gt;hello-test.py&lt;/p&gt;
&lt;pre&gt;&lt;code&gt;from flask import Flask, jsonify, request
app = Flask(__name__)
@app.route("/print23")
def helloprint():
    return "hey23"
if __name__ == "__main__":
    app.run(host='0.0.0.0', port=8080, threaded=True)
&lt;/code&gt;&lt;/pre&gt;
&lt;p&gt;uwsgi.ini&lt;/p&gt;
&lt;pre&gt;&lt;code&gt;[uwsgi]
#application's base folder
base = /var/www/demoapp
master = true
#python module to import
app = hello-test
module = %(app)
home = %(base)/venv
pythonpath = %(base)
#socket file's location
socket = /var/www/demoapp/%n.sock
#permissions for the socket file
chmod-socket    = 644
#the variable that holds a flask application inside the module imported at line #6
callable = app
disable-logging = True
#location of log files
logto = /var/log/uwsgi/%n.log
max-worker-lifetime = 30
processes = 10
threads = 2
enable-threads = True
cheaper = 2
cheaper-initial = 5
cheaper-step = 1
cheaper-algo = spare
cheaper-overload = 5
&lt;/code&gt;&lt;/pre&gt;
&lt;p&gt;Even if i forget about wrk benchmark, even with posting GET requests from my &lt;a href="https://chrome.google.com/webstore/detail/postman/fhbjgbiflinjbdggehcddcbncdddomop?hl=en" rel="nofollow noreferrer"&gt;POSTMAN client&lt;/a&gt;, I am getting similar latency.&lt;/p&gt;
&lt;p&gt;What is wrong here? No matter what, some takeaways&lt;/p&gt;
&lt;ol&gt;
&lt;li&gt;Code cannot be optimised. It just has to return &lt;code&gt;hey23&lt;/code&gt; string.
Nothing can be wrong with Nginx.&lt;/li&gt;
&lt;li&gt;I certainly assume ~370ms is not a
good response time for an API doing such a simple task.&lt;/li&gt;
&lt;li&gt;Changing the region in which my EC2 machine is hosted may bring some change, but common, this should not be sole reason.&lt;/li&gt;
&lt;/ol&gt;
&lt;p&gt;Then what am i missing?&lt;/p&gt;</t>
  </si>
  <si>
    <t>2018-02-13 13:29:43.890000+00:00</t>
  </si>
  <si>
    <t>2018-02-13 15:08:32.890000+00:00</t>
  </si>
  <si>
    <t>python|api|web-services|nginx|uwsgi</t>
  </si>
  <si>
    <t>How to build a termdocumentmatrix in R</t>
  </si>
  <si>
    <t>&lt;p&gt;I was wondering if it's possible to build a TermdocumentMatrix without using
the package tm. &lt;/p&gt;
&lt;p&gt;I was thinking about using two for loops in combination with a grep, but unfortunately i did not manage to create something useful.&lt;/p&gt;
&lt;pre&gt;&lt;code&gt;    matrix &amp;lt;- matrix(, nrow=length(lvector), ncol=length(lvector))
for(i in 1:length(lvector))
{
  for(j in 1:length(l))
  {
    lijst &amp;lt;- grep(lvector[i],l[j])
    if (length(lijst)==0)
    {
      matrix[i,j] == 0
    }
    else 
    {
      matrix[i,j] == 1
    }
  }
}
&lt;/code&gt;&lt;/pre&gt;
&lt;p&gt;thx in advance&lt;/p&gt;</t>
  </si>
  <si>
    <t>2015-03-16 17:34:03.763000+00:00</t>
  </si>
  <si>
    <t>2015-03-16 23:06:05.717000+00:00</t>
  </si>
  <si>
    <t>r|matrix|binary|term-document-matrix</t>
  </si>
  <si>
    <t>ORA-12528, TNS:listener: all appropriate instances are blocking new connections</t>
  </si>
  <si>
    <t>&lt;p&gt;Hi when trying to create Repository Creation Utility by Data Connection details are not excepting.it throws the Exception is&lt;/p&gt;
&lt;pre&gt;&lt;code&gt;Listener refused the connection with the following error:
ORA-12528, TNS:listener: all appropriate instances are blocking new connections
&lt;/code&gt;&lt;/pre&gt;
&lt;p&gt;tnsnames.ora&lt;/p&gt;
&lt;pre&gt;&lt;code&gt;XE =
  (DESCRIPTION =
    (ADDRESS = (PROTOCOL = TCP)(HOST = sivanagendra-lap)(PORT = 1521))
    (CONNECT_DATA =
      (SERVER = DEDICATED)
      (SERVICE_NAME = XE)
    (UR = A)
    )
  )
EXTPROC_CONNECTION_DATA =
  (DESCRIPTION =
    (ADDRESS_LIST =
      (ADDRESS = (PROTOCOL = IPC)(KEY = EXTPROC1))
    )
    (CONNECT_DATA =
      (SID = PLSExtProc)
      (PRESENTATION = RO)
    )
  )
ORACLR_CONNECTION_DATA = 
  (DESCRIPTION = 
    (ADDRESS_LIST = 
      (ADDRESS = (PROTOCOL = IPC)(KEY = EXTPROC1)) 
    ) 
    (CONNECT_DATA = 
      (SID = CLRExtProc) 
      (PRESENTATION = RO) 
    ) 
  ) 
&lt;/code&gt;&lt;/pre&gt;
&lt;p&gt;Please give me solutions on this issue.&lt;/p&gt;</t>
  </si>
  <si>
    <t>2014-04-12 05:41:48.697000+00:00</t>
  </si>
  <si>
    <t>2014-06-23 20:05:00.937000+00:00</t>
  </si>
  <si>
    <t>oracle11g|tnsnames|tns|rcu</t>
  </si>
  <si>
    <t>Radio group string data saving in the SQLite database</t>
  </si>
  <si>
    <t>&lt;p&gt;I have an list view with some set of questions and I have an radio group for each question. By the selection of radio buttons for the questions it wants to move to certain Activities and finally saves in database.&lt;/p&gt;
&lt;p&gt;&lt;strong&gt;For example:&lt;/strong&gt;&lt;/p&gt;
&lt;ol&gt;
&lt;li&gt;&lt;p&gt;If I select the options for the questions like &lt;code&gt;yes,no,no,yes&lt;/code&gt; it will go to one Activtiy&lt;/p&gt;&lt;/li&gt;
&lt;li&gt;&lt;p&gt;If the user selects the options for questions like &lt;code&gt;no,yes,yes,no&lt;/code&gt; it will go to another Activity.&lt;/p&gt;&lt;/li&gt;
&lt;/ol&gt;
&lt;p&gt;Finally it has to save the details in db, but it was entering not properly showing constants.&lt;/p&gt;</t>
  </si>
  <si>
    <t>2013-05-24 05:59:01.480000+00:00</t>
  </si>
  <si>
    <t>2015-12-15 22:16:02.763000+00:00</t>
  </si>
  <si>
    <t>android|string|android-sqlite</t>
  </si>
  <si>
    <t>Iterate ConcurrentSkipListMap in reverse</t>
  </si>
  <si>
    <t>&lt;p&gt;I have a map with some values.&lt;/p&gt;
&lt;pre&gt;&lt;code&gt;public ConcurrentMap&amp;lt;Long, Double&amp;gt; data = new ConcurrentSkipListMap&amp;lt;&amp;gt;();
&lt;/code&gt;&lt;/pre&gt;
&lt;p&gt;How do I iterate this in reverse? Java iterator doesn't seem to have an next() function or a function to reverse the map.&lt;/p&gt;</t>
  </si>
  <si>
    <t>2016-03-10 15:36:26.543000+00:00</t>
  </si>
  <si>
    <t>2016-03-10 16:30:12.830000+00:00</t>
  </si>
  <si>
    <t>java|iterator</t>
  </si>
  <si>
    <t>References about develop a web application which supports large numbers of concurrent users</t>
  </si>
  <si>
    <t>&lt;p&gt;We got a project which need to develop a web application that supports large numbers of concurrent users(around 5000).&lt;br&gt;
This application mainly used for submit application, business process management. So it is not just an informational website.&lt;br&gt;
We developed similar application before (use spring + hibernate + jsf), but after more users involved, the performance will drop dramatically.&lt;br&gt;
My question is what architecture should I consider, what kind of hardware should we consider? Is there any references( books, blogs, websites ) which I can use to start my research and find out a better architecture for this new project ?   &lt;/p&gt;
&lt;p&gt;Thanks in advance for all your help!&lt;/p&gt;</t>
  </si>
  <si>
    <t>2012-04-30 03:55:09.753000+00:00</t>
  </si>
  <si>
    <t>2012-04-30 11:34:13.017000+00:00</t>
  </si>
  <si>
    <t>c#|java|performance</t>
  </si>
  <si>
    <t>How to normalize Y axis in "histogram" function in matlab</t>
  </si>
  <si>
    <t>&lt;p&gt;I am using histogram command to plot 3 histogram in one figure and I have completed function with histogram command and I dont want to rewrite it for old hist command. However Im unable to normalize Y axis, because h.Values vector is read only.&lt;/p&gt;
&lt;pre&gt;&lt;code&gt;h=histogram(data,'Normalization','pdf');
h.Values=(h.Values-min(h.Values))/(max(h.Values)-min(h.Values);
&lt;/code&gt;&lt;/pre&gt;
&lt;p&gt;Can anybody help me? Thanks&lt;/p&gt;
&lt;p&gt;EDIT after first comment:
Yes I read matlab help. In the histogram image example I have PDF on Y axis, but values are from 0 to 3.5. I need to normalize from 0 to 1. When I use 'Normalization' parametr with 'probability' I get histogram from 0 to 0.3. I simply need PDF, but from 0 to 1.
&lt;a href="https://i.stack.imgur.com/x3RyZ.png" rel="nofollow noreferrer"&gt;histogram example&lt;/a&gt;&lt;/p&gt;</t>
  </si>
  <si>
    <t>2017-05-07 20:14:30.390000+00:00</t>
  </si>
  <si>
    <t>2017-05-07 21:24:43.420000+00:00</t>
  </si>
  <si>
    <t>2017-05-07 20:35:13.590000+00:00</t>
  </si>
  <si>
    <t>matlab|plot|histogram|axis</t>
  </si>
  <si>
    <t>How can i use infinite scroll plugin with this code</t>
  </si>
  <si>
    <t>&lt;p&gt;My code works correctly for showing database data .but i want to use infinite scroll for large data show response time.But I have no Idea how to use infinite scroll with my this code also which plugin use.&lt;/p&gt;
&lt;pre&gt;&lt;code&gt;&amp;lt;script&amp;gt;
    function getfilter(str){
        if (str==""){
            document.getElementById("result").innerHTML="";
            return;
        }
        $.ajax({
            url: "Views/pfolioresult.php?q="+str,
            type: "GET",
            //  data: serializedData,
            success: function ( responseText ) {
                $("#result").html(responseText); 
            }
        });
    }
&amp;lt;/script&amp;gt;
&amp;lt;div class="sprocket-mosaic-header"&amp;gt;
    &amp;lt;div class="sprocket-mosaic-filter"&amp;gt;
        &amp;lt;ul&amp;gt;
            &amp;lt;li class="all active" data-mosaic-filterby="all" onclick="getfilter(this.id)" id="all" &amp;gt;All&amp;lt;/li&amp;gt;
            &amp;lt;li class="android" data-mosaic-filterby="android" onclick="getfilter(this.id)" id="android" &amp;gt;Android&amp;lt;/li&amp;gt;
            &amp;lt;li class="iOS" data-mosaic-filterby="iOS" onclick="getfilter(this.id)" id="ios" &amp;gt;IOS&amp;lt;/li&amp;gt;
        &amp;lt;/ul&amp;gt;
    &amp;lt;/div&amp;gt;
    &amp;lt;div class="clear"&amp;gt;&amp;lt;/div&amp;gt;
&amp;lt;/div&amp;gt;
&amp;lt;div id="result"&amp;gt;
    ok
&amp;lt;/div&amp;gt;
&lt;/code&gt;&lt;/pre&gt;</t>
  </si>
  <si>
    <t>2014-02-13 07:19:55.710000+00:00</t>
  </si>
  <si>
    <t>2016-06-30 12:27:55.510000+00:00</t>
  </si>
  <si>
    <t>php|jquery|ajax|infinite-scroll</t>
  </si>
  <si>
    <t>Dynamically add options to a Angular chosen combo box</t>
  </si>
  <si>
    <t>&lt;p&gt;The following code doesn't work:&lt;/p&gt;
&lt;pre&gt;&lt;code&gt;&amp;lt;select ui-jq='chosen' ng-model='trainer_list' multiple class="form-control" data-placeholder="Select Multiple Trainers" ng-options='trainer.id as trainer.name for trainer in trainers'&amp;gt;
&amp;lt;/select&amp;gt;
&lt;/code&gt;&lt;/pre&gt;
&lt;p&gt;I took this from an Angular Bootstrap theme, and I'm struggling to use it.  Basically I want to use from this angular script&lt;/p&gt;
&lt;pre&gt;&lt;code&gt;$http({
        method: 'GET',
        url: 'http://localhost/training_system/retrieve_train.php?trainer=Y'
}).success(function (result) {
    $scope.trainers = result;
});
&lt;/code&gt;&lt;/pre&gt;
&lt;p&gt;and use it in the combo box, i can't use static options, which apparently are the only ones working.  what do i do?&lt;/p&gt;
&lt;p&gt;UPDATE:  So I tried the solution by Abhilash using ng-repeat instead of ng-options, and it worked the first few attempts.  But now I could no longer repeat it, and all I have is an empty dropbox.  I didn't change anything, but it's no longer working.   Is it possible that ui-jq is incompatible with AngularJS?&lt;/p&gt;</t>
  </si>
  <si>
    <t>2016-01-21 06:49:07.313000+00:00</t>
  </si>
  <si>
    <t>2018-02-20 20:56:27.493000+00:00</t>
  </si>
  <si>
    <t>2016-01-27 07:08:01.830000+00:00</t>
  </si>
  <si>
    <t>javascript|angularjs|twitter-bootstrap-3|angular-ui</t>
  </si>
  <si>
    <t>Use Flex DateField component in Flash CS6</t>
  </si>
  <si>
    <t>&lt;p&gt;I'm trying to use the &lt;a href="http://help.adobe.com/en_US/FlashPlatform/reference/actionscript/3/mx/controls/DateField.html" rel="nofollow"&gt;Flex DateField&lt;/a&gt; component in Flash CS6. I understand flex swc files which come packaged with Flash by default are not the full packages, so I downloaded the flex SDK.&lt;/p&gt;
&lt;p&gt;I linked core.swc and mx.swc from the SDK in "Actionscript Settings" in my project. I can now refer to the DateField component, but when I try to add it to the stage, i get the following error:&lt;/p&gt;
&lt;pre&gt;&lt;code&gt;1046: Type was not found or was not a compile-time constant: [mx.core]::IIMESupport
1046: Type was not found or was not a compile-time constant: [mx.managers]::IFocusManagerComponent
&lt;/code&gt;&lt;/pre&gt;
&lt;p&gt;I'm adding it in the following way:&lt;/p&gt;
&lt;pre&gt;&lt;code&gt;import mx.controls.DateField;
var df:DateField = new DateField();
addChild(df);
&lt;/code&gt;&lt;/pre&gt;
&lt;p&gt;I need a date picker component which allows me to disable certain date ranges like before today and after a year and this appears to be the only component that will reliably allow me to do that.&lt;/p&gt;
&lt;p&gt;I don't have access to FlashBuilder and FlashDevelop, only Flash Professional CS6. Any help will be appreciated!&lt;/p&gt;</t>
  </si>
  <si>
    <t>2014-09-17 04:45:21.077000+00:00</t>
  </si>
  <si>
    <t>2014-09-17 08:18:32.490000+00:00</t>
  </si>
  <si>
    <t>actionscript-3|flash|flex</t>
  </si>
  <si>
    <t>How to configure paths in webpack with the @ prefix to a package module</t>
  </si>
  <si>
    <t>&lt;p&gt;I would like to use &lt;a href="https://github.com/material-components/material-components-web" rel="nofollow noreferrer"&gt;material web components&lt;/a&gt; in my Laravel project. I have installed the components by running the command:&lt;/p&gt;
&lt;pre&gt;&lt;code&gt;npm install --save material-components-web
&lt;/code&gt;&lt;/pre&gt;
&lt;p&gt;But, when I have run the npm run dev command I got an error that modules where not found.I am wondering why all the components where not installed just by running that command?
So I installed each module individually, by running the command:&lt;/p&gt;
&lt;pre&gt;&lt;code&gt;npm install --save @material/&amp;lt; component name &amp;gt;
&lt;/code&gt;&lt;/pre&gt;
&lt;p&gt;I have included the package in my app.js and app.scss files like this:&lt;/p&gt;
&lt;p&gt;&lt;strong&gt;App.js&lt;/strong&gt;&lt;/p&gt;
&lt;pre&gt;&lt;code&gt;window.mdc = require('material-components-web/dist/material-components-web')
window.mdc.autoInit();
&lt;/code&gt;&lt;/pre&gt;
&lt;p&gt;&lt;strong&gt;App.scss&lt;/strong&gt;&lt;/p&gt;
&lt;pre&gt;&lt;code&gt;@import '~material-components-web/material-components-web';
&lt;/code&gt;&lt;/pre&gt;
&lt;p&gt;And then I got an error, when running the npm run dev command:&lt;/p&gt;
&lt;blockquote&gt;
&lt;pre&gt;&lt;code&gt;ERROR in ./resources/assets/sass/app.scss
Module build failed: ModuleBuildError: Module build failed: 
@import "@material/button/mdc-button";
&lt;/code&gt;&lt;/pre&gt;
&lt;/blockquote&gt;
&lt;p&gt;What do I need to do to configure importing of the modules for both &lt;code&gt;js&lt;/code&gt; and &lt;code&gt;scss&lt;/code&gt; part to work?
In the docs it says:&lt;/p&gt;
&lt;blockquote&gt;
  &lt;p&gt;NOTE: The components' Sass files expect that the node_modules
  directory containing the @material scope folder is present on the Sass
  include path.&lt;/p&gt;
&lt;/blockquote&gt;
&lt;p&gt;Since the &lt;code&gt;material-components-web&lt;/code&gt; package when I opened it inside the &lt;code&gt;node_modules&lt;/code&gt;, has &lt;code&gt;material-components-web.scss&lt;/code&gt; file that imports all the components like this:&lt;/p&gt;
&lt;pre&gt;&lt;code&gt;@import "@material/button/mdc-button";
@import "@material/card/mdc-card";
@import "@material/checkbox/mdc-checkbox";
@import "@material/dialog/mdc-dialog";
@import "@material/drawer/mdc-drawer";
@import "@material/elevation/mdc-elevation";
@import "@material/fab/mdc-fab";
@import "@material/form-field/mdc-form-field";
@import "@material/grid-list/mdc-grid-list";
@import "@material/icon-toggle/mdc-icon-toggle";
@import "@material/layout-grid/mdc-layout-grid";
@import "@material/linear-progress/mdc-linear-progress";
@import "@material/list/mdc-list";
@import "@material/menu/mdc-menu";
@import "@material/radio/mdc-radio";
@import "@material/ripple/mdc-ripple";
@import "@material/select/mdc-select";
@import "@material/slider/mdc-slider";
@import "@material/snackbar/mdc-snackbar";
@import "@material/switch/mdc-switch";
@import "@material/tabs/mdc-tabs";
@import "@material/textfield/mdc-text-field";
@import "@material/theme/mdc-theme";
@import "@material/toolbar/mdc-toolbar";
@import "@material/typography/mdc-typography";
&lt;/code&gt;&lt;/pre&gt;
&lt;p&gt;So, there it can' t find all this individual components, and also since I wouldn't like to change the files inside the &lt;code&gt;node_modules&lt;/code&gt; folder, I am wondering how can I then setup laravel's &lt;code&gt;webpack.mix.js&lt;/code&gt;, so that this files are loaded properly?&lt;/p&gt;</t>
  </si>
  <si>
    <t>2018-01-20 12:08:53.920000+00:00</t>
  </si>
  <si>
    <t>2018-01-20 15:54:32.650000+00:00</t>
  </si>
  <si>
    <t>node.js|webpack|material</t>
  </si>
  <si>
    <t>regex to split a string in half in java</t>
  </si>
  <si>
    <t>&lt;p&gt;we need help how to write the regex for string.split so we can split a string in half.&lt;/p&gt;
&lt;p&gt;thanks.&lt;/p&gt;</t>
  </si>
  <si>
    <t>2010-07-14 20:21:51.837000+00:00</t>
  </si>
  <si>
    <t>2010-07-14 20:59:45.870000+00:00</t>
  </si>
  <si>
    <t>Add a function to html string in link layer of directive</t>
  </si>
  <si>
    <t>&lt;p&gt;I got this directive which renders a list of objects. this objects got it's own function, i wanna bind it to a button. So i run over my items.In my objects value, i got a prop called Action which value is a function. i then try to add it to the html string, then i say it should be trusted as html. like shown below&lt;/p&gt;
&lt;pre&gt;&lt;code&gt;angular.forEach(data.Items, function (value, key) {
      var buttonsCode = "";
      buttonsCode += '&amp;lt;div class="btn btn-sm" ng-click="' + value.Action + '"&amp;gt;Test&amp;lt;/div&amp;gt;';
      value["buttons"] = $sce.trustAsHtml(buttonsCode);
});
&lt;/code&gt;&lt;/pre&gt;
&lt;p&gt;but when i try to run it, it looks like this&lt;/p&gt;
&lt;pre&gt;&lt;code&gt;&amp;lt;div class="btn btn-sm" ng-click="function () {
    alert("test of funtion"); }"&amp;gt;Test&amp;lt;/div&amp;gt;
&lt;/code&gt;&lt;/pre&gt;
&lt;p&gt;Anyone know how i can do this?&lt;/p&gt;</t>
  </si>
  <si>
    <t>2016-03-18 08:57:10.623000+00:00</t>
  </si>
  <si>
    <t>2016-03-18 12:00:18.770000+00:00</t>
  </si>
  <si>
    <t>angularjs|angularjs-directive|angularjs-scope|angularjs-sce</t>
  </si>
  <si>
    <t>Couchdb won't start</t>
  </si>
  <si>
    <t>&lt;p&gt;I have 11gb free on my hard disk so I don't know why it's saying the disk is almost full. It was running the other day but has stopped working now. I am trying to use this to run ACRA. I am running Ubuntu 16.04 on VMWare.&lt;/p&gt;
&lt;pre&gt;&lt;code&gt;sudo couchdb restart
[sudo] password for zjulia: 
=INFO REPORT==== 20-Sep-2016::09:05:18 ===
    alarm_handler: {set,{{disk_almost_full,"/media/zjulia/CDROM"},[]}}
=INFO REPORT==== 20-Sep-2016::09:05:18 ===
    alarm_handler: {set,{{disk_almost_full,"/media/zjulia/Ubuntu"},[]}}
Apache CouchDB 1.6.0 (LogLevel=info) is starting.
{Failure to start Mochiweb: eaddrinuse
[error] [&amp;lt;0.113.0&amp;gt;] {error_report,&amp;lt;0.32.0&amp;gt;,
                     {&amp;lt;0.113.0&amp;gt;,crash_report,
                      [[{initial_call,
                         {mochiweb_socket_server,init,['Argument__1']}},
                        {pid,&amp;lt;0.113.0&amp;gt;},
                        {registered_name,[]},
                        {error_info,
                         {exit,eaddrinuse,
                          [{gen_server,init_it,6,
                            [{file,"gen_server.erl"},{line,344}]},
                           {proc_lib,init_p_do_apply,3,
                            [{file,"proc_lib.erl"},{line,240}]}]}},
                        {ancestors,
                         [couch_secondary_services,couch_server_sup,&amp;lt;0.33.0&amp;gt;]},
                        {messages,[]},
                        {links,[&amp;lt;0.92.0&amp;gt;]},
                        {dictionary,[]},
                        {trap_exit,true},
                        {status,running},
                        {heap_size,987},
                        {stack_size,27},
                        {reductions,641}],
                       []]}}
"init terminating in do_boot",{{badmatch,{error,{bad_return,{{couch_app,start,[normal,["/etc/couchdb/default.ini","/etc/couchdb/local.ini"]]},{'EXIT',{{badmatch,{error,{shutdown,{failed_to_start_child,couch_secondary_services,{shutdown,{failed_to_start_child,httpd,eaddrinuse}}}}}},[{couch_server_sup,start_server,1,[{file,"couch_server_sup.erl"},{line,98}]},{application_master,start_it_old,4,[{file,"application_master.erl"},{line,273}]}]}}}}}},[{couch,start,0,[{file,"couch.erl"},{line,18}]},{init,start_it,1,[]},{init,start_em,1,[]}]}}
Crash dump is being written to: erl_crash.dump...done
init terminating in do_boot ()
&lt;/code&gt;&lt;/pre&gt;</t>
  </si>
  <si>
    <t>2016-09-20 16:27:24.510000+00:00</t>
  </si>
  <si>
    <t>2016-09-21 08:38:09.337000+00:00</t>
  </si>
  <si>
    <t>couchdb|vmware</t>
  </si>
  <si>
    <t>Does Write send all bytes? (Serial Port)</t>
  </si>
  <si>
    <t>&lt;p&gt;Does &lt;code&gt;Write&lt;/code&gt; method of SerialPort write all bytes it was told to?
I have this code to send data via serial port.&lt;/p&gt;
&lt;pre&gt;&lt;code&gt;            SerialPort port = new SerialPort(
              "COM1", 9600, Parity.None, 8, StopBits.One);
            // Open the port for communications
            port.Open();
            // Write bytes
            byte[] bytes = Encoding.ASCII.GetBytes("Hello world from PC");
            port.Write(bytes, 0, bytes.Length);
            // Close the port
            port.Close();
&lt;/code&gt;&lt;/pre&gt;
&lt;p&gt;If I send string "Hello" the device connected to my PC via serial port receives it well. If I send string "Hello world from PC"
it only receives
first 16 bytes instead of 19.
Is there a way I can verify in code that all bytes were sent? Or it is problem of the hardware which is connected via serial port?&lt;/p&gt;</t>
  </si>
  <si>
    <t>2014-11-27 06:57:22.827000+00:00</t>
  </si>
  <si>
    <t>2016-10-23 16:22:12.997000+00:00</t>
  </si>
  <si>
    <t>2014-11-27 06:58:02.873000+00:00</t>
  </si>
  <si>
    <t>anon</t>
  </si>
  <si>
    <t>WHY PostgreSQL have not a simple and reliable method to access table creation time?</t>
  </si>
  <si>
    <t>&lt;p&gt;As showed by vage answers of the question &lt;a href="https://stackoverflow.com/questions/2577168/postgresql-table-creation-time"&gt;PostgreSQL: Table creation time&lt;/a&gt;
and similar questions,
&lt;strong&gt;there are no simple way to get creation time of a table&lt;/strong&gt;... Tasks for control, table administration or table audit (as well as cache systems and other ones)  need this important information... So, WHY  PostgreSQL not offer a simple and direct way to get it? Can not use a internal system table or a compile flag to create this field (at pg_class for example)?&lt;/p&gt;</t>
  </si>
  <si>
    <t>2014-01-13 00:11:08.250000+00:00</t>
  </si>
  <si>
    <t>2014-01-13 09:38:43.640000+00:00</t>
  </si>
  <si>
    <t>2017-05-23 10:33:22.767000+00:00</t>
  </si>
  <si>
    <t>postgresql|audit</t>
  </si>
  <si>
    <t>make a list of int and a list of string into a list of tuple (int,string)</t>
  </si>
  <si>
    <t>&lt;p&gt;I have a list &lt;code&gt;[1,2,3,...,13]&lt;/code&gt; and a list &lt;code&gt;['clubs','hearts,'spades','diamonds']&lt;/code&gt;. How do I make a list of tuples looking like...
&lt;code&gt;[(1,hearts),(1,clubs),(1,spades),(1,diamonds),(2,hearts)...&lt;/code&gt; and so on?&lt;/p&gt;
&lt;p&gt;I have tried using a list comprehension but can't figure it out.  &lt;/p&gt;</t>
  </si>
  <si>
    <t>2015-09-24 00:25:11.720000+00:00</t>
  </si>
  <si>
    <t>2015-09-26 00:54:14.223000+00:00</t>
  </si>
  <si>
    <t>2015-09-26 00:48:34.113000+00:00</t>
  </si>
  <si>
    <t>string|list|python-3.x|int|tuples</t>
  </si>
  <si>
    <t>How to make GtkTextView look like GtkEntry?</t>
  </si>
  <si>
    <t>&lt;p&gt;Or "How to add a visible (thin) border to GtkTextView"? Is it ever possible?&lt;/p&gt;
&lt;p&gt;Thank you in advance.&lt;/p&gt;</t>
  </si>
  <si>
    <t>2011-06-05 00:22:21.390000+00:00</t>
  </si>
  <si>
    <t>2017-06-12 15:24:02.180000+00:00</t>
  </si>
  <si>
    <t>gtk|pygtk|glade|gtktextview|gtkentry</t>
  </si>
  <si>
    <t>Python construct child class from parent</t>
  </si>
  <si>
    <t>&lt;p&gt;I am quite new with python, is there a way to construct a child class using a parent instance?&lt;/p&gt;
&lt;p&gt;Well I was thinking about:&lt;/p&gt;
&lt;pre&gt;&lt;code&gt;class A:
  def __init__(self,a,b):
     self.a = a
     self.b = b         
class B(A):
  def __init__(self,A):
    self.super = A
    self.c = -1
  def __init__(self,a,b,c):
    super(a,b)
    self.c = c
myA = A(1,2)
myB = B(myA)
&lt;/code&gt;&lt;/pre&gt;
&lt;p&gt;So for having B objects I could use A objects to construct them.&lt;/p&gt;</t>
  </si>
  <si>
    <t>2014-07-23 21:22:22.550000+00:00</t>
  </si>
  <si>
    <t>2014-07-23 22:24:38.840000+00:00</t>
  </si>
  <si>
    <t>2014-07-23 21:48:08.840000+00:00</t>
  </si>
  <si>
    <t>python|inheritance</t>
  </si>
  <si>
    <t>php unit first test symfony</t>
  </si>
  <si>
    <t>&lt;p&gt;I am trying to set some tests in symfony.
I am doing the first steps on that.
My question is from which folder should we write the phpunit -c app
I mean in c:/
or from the bundle
because I get the message of the not recognised internally command.&lt;/p&gt;</t>
  </si>
  <si>
    <t>2013-05-28 03:48:34.370000+00:00</t>
  </si>
  <si>
    <t>2013-05-28 05:07:33.497000+00:00</t>
  </si>
  <si>
    <t>Is there an algorithm to combine audio from multiple microphones to improve audio quality?</t>
  </si>
  <si>
    <t>&lt;p&gt;Consider a situation where you have multiple microphones, each capable of transmitting the audio they pick up over a wifi network (meaning that the audio can be time delayed by several milliseconds or more).&lt;/p&gt;
&lt;p&gt;Is there an algorithm that can combine the audio from multiple microphones to produce a higher quality audio recording, detecting and correcting for any time delay?&lt;/p&gt;</t>
  </si>
  <si>
    <t>2013-10-15 17:14:17.173000+00:00</t>
  </si>
  <si>
    <t>2016-05-06 07:32:08.277000+00:00</t>
  </si>
  <si>
    <t>algorithm|audio</t>
  </si>
  <si>
    <t>Finding last folder in list of folders</t>
  </si>
  <si>
    <t>&lt;p&gt;Is there any faster method to find a folder that has no other folders inside?&lt;/p&gt;
&lt;pre&gt;&lt;code&gt;File dir = new File("C:\\Users\\axs0552\\Desktop\\barcode\\");
File[] cartella = dir.listFiles();
List&amp;lt;String&amp;gt; Nome_cartela = null;
if (cartella == null) {
    logger.debug("ERRORE: cartella inesistente, oppure directoy errata !!");
} else {
    for (int i = 0; i &amp;lt; cartella.length; i++) {
        if (cartella[i].isDirectory()) {
            System.out.println("cartella radice n�� :" + i + " " + cartella[i].getName());
            File[] figli = cartella[i].listFiles();
            for (int j = 0; i &amp;lt; figli.length; i++) {
                if (figli[i].isDirectory()) {
                    System.out.println("cartella figlio n�� :" + j + " " + figli[i].getName());
                }
            }
        }
    }
}
&lt;/code&gt;&lt;/pre&gt;</t>
  </si>
  <si>
    <t>2016-03-18 11:51:56.247000+00:00</t>
  </si>
  <si>
    <t>2016-03-18 22:30:59.473000+00:00</t>
  </si>
  <si>
    <t>2016-03-18 12:40:43.017000+00:00</t>
  </si>
  <si>
    <t>Schedule a Process in C# to run 24*7</t>
  </si>
  <si>
    <t>&lt;p&gt;I have a business critical application which needs to run 24*7. Right now its scheduled using Windows Task Scheduler. The problem with current implementation is whenever the application stops it has to wait for 1 minute to run again.(Since one minute is the minimum time to repeat task in Windows Task Scheduler) So I am building my own task scheduler which will start the process(application) within 5 seconds of terminating the process. How should my task scheduler know if the process has terminated. Do I need to keep polling the process every second to check whether its running or not? &lt;/p&gt;</t>
  </si>
  <si>
    <t>2012-10-16 15:07:44.963000+00:00</t>
  </si>
  <si>
    <t>2012-10-16 15:10:43.887000+00:00</t>
  </si>
  <si>
    <t>process|c#-3.0|scheduler</t>
  </si>
  <si>
    <t>Unique orm.xml file with multiple nested orm.files inside</t>
  </si>
  <si>
    <t>&lt;p&gt;I would like to have an unique orm.xml file but, inside it, I want to include multiple orm.xml files. Is there currently some possible way to do that?
Thanks.&lt;/p&gt;</t>
  </si>
  <si>
    <t>2018-06-07 10:19:31.870000+00:00</t>
  </si>
  <si>
    <t>2018-06-08 14:02:21.783000+00:00</t>
  </si>
  <si>
    <t>orm|ejb-3.0|java-ee-7</t>
  </si>
  <si>
    <t>RecyclerView.Adapter and ImageView.getWidth()</t>
  </si>
  <si>
    <t>&lt;p&gt;I have a recyclerview that display some element, in which may or not be a picture.
For displaying that picture, for performance reasons I'm using &lt;a href="http://developer.android.com/training/camera/photobasics.html#TaskScalePhoto" rel="nofollow"&gt;this&lt;/a&gt; method.&lt;/p&gt;
&lt;p&gt;I'm using it inside &lt;code&gt;public void onViewAttachedToWindow(final ViewHolder holder)&lt;/code&gt;, but I still get 0 as width and height of my ImageView.&lt;/p&gt;
&lt;p&gt;So, when should I display the image?&lt;/p&gt;</t>
  </si>
  <si>
    <t>2014-11-18 17:36:42.570000+00:00</t>
  </si>
  <si>
    <t>2014-11-18 19:08:30.633000+00:00</t>
  </si>
  <si>
    <t>android|imageview|adapter|android-recyclerview|recycler-adapter</t>
  </si>
  <si>
    <t>To be bound by Parsley, a radio, a checkbox and a multiple select input must have either a name or a multiple option</t>
  </si>
  <si>
    <t>&lt;pre&gt;&lt;code&gt;parsley.min.self-b8a90165fa8dc989cc7341bb2d53b98e7c0d9271d5e177a2d4b29e600d8b2a29.js?body=1:17 To be bound by Parsley, a radio, a checkbox and a multiple select input must have either a name or a multiple option. jQuery.fn.init��[input, context: input]0: inputcontext: inputlength: 1__proto__: Object(0)
&lt;/code&gt;&lt;/pre&gt;
&lt;p&gt;I have already explored internet, some says it is related with the name or multiple options of html attribute, i have tried everything but still the issue stands out.&lt;/p&gt;
&lt;p&gt;Now i am using multiple checkboxes and they all have dynamic name attribute..i tried to set the multiple option but it did not work.&lt;/p&gt;
&lt;p&gt;i have used ruby on rails to implement the check_box_tag.&lt;/p&gt;
&lt;p&gt;Anyone know how to stop this any way possible please let me know.&lt;/p&gt;</t>
  </si>
  <si>
    <t>2018-07-02 11:59:51.680000+00:00</t>
  </si>
  <si>
    <t>2018-11-14 19:00:02.397000+00:00</t>
  </si>
  <si>
    <t>jquery|jquery-ui|checkbox|jquery-plugins|ruby-on-rails-5</t>
  </si>
  <si>
    <t>Copying files from one directory, and sub-directories, to another, so long as sub-directory names match</t>
  </si>
  <si>
    <t>&lt;p&gt;I'm fairly new working in python, I'm making the change from Excel to python, so my reference points tend to be in excel. I'm working out of python 2.7. I understand how to copy files, and how to iterate through a folder copying all the files I need to a specific destination. What I am trying to do, however is a bit more complicated. &lt;/p&gt;
&lt;p&gt;Here's the setup:
2 directories: 2017 and 2018
300+ folders in both&lt;/p&gt;
&lt;p&gt;What I'm trying to do:
Copy the files (shapefiles, .csv, etc.) from the individual folder in the directory 2017 to the folder of the same name (IF it exists, it may not, and that's okay) in the directory 2018.&lt;/p&gt;
&lt;p&gt;I know I need a for loop, and an if statement, I just don't know how to write it:
If folder 'x' exists in both directories 2017 and 2018, copy files 'y_2017' from folder 'x' in 2017 to folder 'x' in 2018. &lt;/p&gt;
&lt;p&gt;I'm sure I described this in a poor manner and a rather convoluted way. If anyone has any advice, I'd be appreciative. &lt;/p&gt;</t>
  </si>
  <si>
    <t>2017-10-12 16:35:46.440000+00:00</t>
  </si>
  <si>
    <t>2017-10-12 17:01:53.210000+00:00</t>
  </si>
  <si>
    <t>How to change executing shell's directory in C#?</t>
  </si>
  <si>
    <t>&lt;p&gt;I want my program to change current directory exactly like &lt;code&gt;Set-Location&lt;/code&gt; command. So my program executes, then I see a different directory in my command prompt.&lt;/p&gt;
&lt;p&gt;This DOES NOT WORK:&lt;/p&gt;
&lt;pre&gt;&lt;code&gt;Directory.SetCurrentDirectory(Scripts);
Environment.CurrentDirectory = Scripts;
&lt;/code&gt;&lt;/pre&gt;
&lt;p&gt;This changes current directory for the executing process, not the executing shell directory.&lt;/p&gt;
&lt;p&gt;What I see:&lt;/p&gt;
&lt;pre&gt;&lt;code&gt;PS C:\Users\Test&amp;gt;test.exe
PS C:\Users\Test&amp;gt;
&lt;/code&gt;&lt;/pre&gt;
&lt;p&gt;What I want is:&lt;/p&gt;
&lt;pre&gt;&lt;code&gt;PS C:\Users\Test&amp;gt;test.exe
PS C:\Test&amp;gt;
&lt;/code&gt;&lt;/pre&gt;
&lt;p&gt;Yep, I execute this from PowerShell, but I do not want a PowerShell script, I need my C# application to change the shell path for me, and then continue the same shell. Of course it should also work in cmd.exe.&lt;/p&gt;
&lt;p&gt;I'd like to avoid creating a separate shell, instead I want my program to act as a shell command. If you curious it's a configuration manager, which should configure script directory according to a template name given as command argument, it should change the path to configured scripts directory.&lt;/p&gt;</t>
  </si>
  <si>
    <t>2017-07-29 12:54:16.497000+00:00</t>
  </si>
  <si>
    <t>2017-08-03 14:46:20.053000+00:00</t>
  </si>
  <si>
    <t>c#|windows</t>
  </si>
  <si>
    <t>Android Send a SMS to phone using Sinch</t>
  </si>
  <si>
    <t>&lt;p&gt;I am trying to send an SMS using Sinch but I am getting 404 and 500 errors from the server.&lt;/p&gt;
&lt;p&gt;I read Sinch documentation and my code matches the examples. Is there something missing?&lt;/p&gt;
&lt;p&gt;You can see my code below. It crashes when I'm trying to read the InputStream.&lt;/p&gt;
&lt;pre&gt;&lt;code&gt;public void send_sms_to_phone(String message) {
        Log.e("SMS", "123");
        try {
            String phoneNumber = "+923005109105";
            URL url = new URL("https://messagingapi.sinch.com/v1/sms/ " + phoneNumber);
            HttpURLConnection connection = (HttpURLConnection) url.openConnection();
            connection.setDoOutput(true);
            connection.setRequestMethod("POST");
            connection.setRequestProperty("Content-Type", "application/json");
           // String userCredentials = "application\\" + "984adbd2-31ae-4c73-b4f7-936f2ed4c033" + ":" + "ByV2ql/OWE6oASF/dRdUkw==";
            String userCredentials = "application\\" + appKey + ":" + appSecret;
            byte[] encoded = Base64.encodeBase64(userCredentials.getBytes());
            String basicAuth = "Basic " + new String(encoded);
            connection.setRequestProperty("Authorization", basicAuth);
            String postData = "{\"From\":\"+923005109105\" \"Message\":\"" + message + "\"}";
            OutputStream os = connection.getOutputStream();
            os.write(postData.getBytes());
            int status = connection.getResponseCode();
            StringBuilder response = new StringBuilder();
            InputStreamReader is = new InputStreamReader(connection.getInputStream());
            BufferedReader br = new BufferedReader(is);
            String line;
            while ( (line = br.readLine()) != null)
                response.append(line);
            br.close();
            os.close();
            Log.e("SMS", response.toString());
        } catch (IOException e) {
            e.printStackTrace();
        }
    }
&lt;/code&gt;&lt;/pre&gt;</t>
  </si>
  <si>
    <t>2017-03-27 06:09:48.007000+00:00</t>
  </si>
  <si>
    <t>android|android-sinch-api</t>
  </si>
  <si>
    <t>asp:QueryStringParameter and empty query string parameter</t>
  </si>
  <si>
    <t>&lt;p&gt;I  have&lt;code&gt;asp:GridView&lt;/code&gt; displaying client requests using &lt;code&gt;asp:SqlDataSource&lt;/code&gt;. I want to limit displayed information by client:&lt;/p&gt;
&lt;p&gt;&lt;code&gt;View.aspx&lt;/code&gt; has to display everything, &lt;code&gt;View.aspx?client=1&lt;/code&gt; has to display only requests from client ID #1.&lt;/p&gt;
&lt;p&gt;So I'm using &lt;code&gt;&amp;lt;asp:QueryStringParameter Name="client" QueryStringField="client" /&amp;gt;&lt;/code&gt; for query &lt;code&gt;"EXEC getRequests @client"&lt;/code&gt;.&lt;/p&gt;
&lt;p&gt;Everything works properly when some client is specified. But don't - if not.&lt;/p&gt;
&lt;p&gt;I tested my SP using SSMS - it works properly in both cases - when parameter is specified and when it isn't (&lt;code&gt;NULL&lt;/code&gt; passed explicitly).&lt;/p&gt;
&lt;p&gt;What have I do?&lt;/p&gt;</t>
  </si>
  <si>
    <t>2010-04-21 22:39:54.807000+00:00</t>
  </si>
  <si>
    <t>2017-01-25 19:23:04.503000+00:00</t>
  </si>
  <si>
    <t>asp.net|.net|sql-server|sqldatasource|querystringparameter</t>
  </si>
  <si>
    <t>Cannot find the correct way to change string time to datetime</t>
  </si>
  <si>
    <t>&lt;p&gt;I have a df column with the following days example &lt;code&gt;2018-07-25 19:23:17.000000
&lt;/code&gt; and i cannot find the correct way to convert this string into a datetime value&lt;/p&gt;
&lt;p&gt;I've been trying with the following code&lt;/p&gt;
&lt;pre&gt;&lt;code&gt; dfa['time_event_utc'] = pd.to_datetime(df['time_event_utc'],format='%d%b%Y:%H:%M:%S +000000',utc=True)
&lt;/code&gt;&lt;/pre&gt;</t>
  </si>
  <si>
    <t>2018-07-31 15:59:26.353000+00:00</t>
  </si>
  <si>
    <t>2018-07-31 16:09:18.593000+00:00</t>
  </si>
  <si>
    <t>2018-07-31 16:03:55.040000+00:00</t>
  </si>
  <si>
    <t>python|pandas|datetime</t>
  </si>
  <si>
    <t>how to change background color of image view randomly in iphone sdk?</t>
  </si>
  <si>
    <t>&lt;p&gt;I want to change background color of image view randomly i don't want to set images by &lt;/p&gt;
&lt;p&gt;&lt;code&gt;[imageView setImage:[UIImage imageNamed:@"img1.png"]];&lt;/code&gt; by this code i want to change background color&lt;/p&gt;
&lt;pre&gt;&lt;code&gt;NSArray *colorArray = [NSArray arrayWithObjects:@"[UIColor greenColor]",@"[UIColor whiteColor]",@"[UIColor redColor]",nil];
// add all of the images to the scroll view
for (int i = 1; i &amp;lt; 5; i++) 
{
    imageView = [[UIImageView alloc] init];
    [imageView setBackgroundColor:[colorArray objectAtIndex:i-1]];
    [self.scrollView addSubview:imageView];
}
&lt;/code&gt;&lt;/pre&gt;
&lt;p&gt;Can it is possible? i tried but i get error of [NSCFString CGColor]:. in my application i want to create &lt;a href="http://itunes.apple.com/us/app/flashlight./id285281827?mt=8" rel="nofollow"&gt;like this application&lt;/a&gt;. can any body guide me.&lt;/p&gt;</t>
  </si>
  <si>
    <t>2011-12-24 05:32:02.050000+00:00</t>
  </si>
  <si>
    <t>2017-08-03 10:00:21.983000+00:00</t>
  </si>
  <si>
    <t>2011-12-24 05:40:25.543000+00:00</t>
  </si>
  <si>
    <t>iphone|uiscrollview|uiimageview</t>
  </si>
  <si>
    <t>Entity Framework Core - Error inserting many-to-many relation</t>
  </si>
  <si>
    <t>&lt;p&gt;I use Entity Framework Core 2.0.1 and the goal is to insert some many-to-many related objects in the DB by an auxiliar entity. However, I get the error:&lt;/p&gt;
&lt;p&gt;"&lt;em&gt;The instance of entity type 'ReferenciaFabricanteTieneReferenciaConstructor' cannot be tracked because another instance with the key value 'IdReferenciaConstructor:0, IdReferenciaFabricante:0' is already being tracked. When attaching existing entities, ensure that only one entity instance with a given key value is attached.&lt;/em&gt;".&lt;/p&gt;
&lt;p&gt;I guess that the problem may be that in the list of join objects to be inserted, each of them have the foreign keys (ID's) as 0, but I thought EF would get rid of this generating the corresponding values for the entities ID's (if new), inserting/modifying them and finally the join one with these values updated.&lt;/p&gt;
&lt;p&gt;What should I change in order to achieve this many-to-many insertion?&lt;/p&gt;
&lt;p&gt;The classes are:&lt;/p&gt;
&lt;pre&gt;&lt;code&gt;[Table("ReferenciasFabricante", Schema = "public")]
public class ReferenciaFabricante
{
    [Key]
    public int Id { get; set; }
    ...
    //JOIN TABLE
    public IList&amp;lt;ReferenciaFabricanteTieneReferenciaConstructor&amp;gt; ReferenciaFabricanteTieneReferenciaConstructor { get; set; }
}
[Table("ReferenciasConstructor", Schema = "public")]
public class ReferenciaConstructor
{
    [Key]
    public int Id { get; set; }
    ...
    //JOIN TABLE
    public IList&amp;lt;ReferenciaFabricanteTieneReferenciaConstructor&amp;gt; ReferenciaFabricanteTieneReferenciaConstructor { get; set; }
}
//JOIN TABLE
[Table("ReferenciaFabricanteTieneReferenciaConstructor", Schema = "public")]
public class ReferenciaFabricanteTieneReferenciaConstructor {
    [Key]
    public int IdReferenciaFabricante { get; set; }
    public ReferenciaFabricante ReferenciaFabricante { get; set; }
    [Key]
    public int IdReferenciaConstructor { get; set; }
    public ReferenciaConstructor ReferenciaConstructor { get; set; }
}
&lt;/code&gt;&lt;/pre&gt;
&lt;p&gt;Model:&lt;/p&gt;
&lt;pre&gt;&lt;code&gt;protected override void OnModelCreating(ModelBuilder modelBuilder) {
    modelBuilder.Entity&amp;lt;ReferenciaFabricanteTieneReferenciaConstructor&amp;gt;().HasKey(v =&amp;gt; new { v.IdReferenciaFabricante, v.IdReferenciaConstructor });
}
&lt;/code&gt;&lt;/pre&gt;
&lt;p&gt;Code:&lt;/p&gt;
&lt;pre&gt;&lt;code&gt;foreach (ApplicationCore.Entities.ReferenciaFabricanteTieneReferenciaConstructor referenciaFabricanteTieneReferenciaConstructor in referenciaConstructor.ReferenciaFabricanteTieneReferenciaConstructor) {
    //ERROR
    _dbContext.ReferenciaFabricanteTieneReferenciaConstructor.Add(referenciaFabricanteTieneReferenciaConstructor);
}
&lt;/code&gt;&lt;/pre&gt;</t>
  </si>
  <si>
    <t>2018-01-15 13:45:06.733000+00:00</t>
  </si>
  <si>
    <t>2018-01-15 15:02:21.907000+00:00</t>
  </si>
  <si>
    <t>c#|entity-framework-core</t>
  </si>
  <si>
    <t>Prevent page loading in QWebView after click on flash player</t>
  </si>
  <si>
    <t>&lt;p&gt;I have a &lt;code&gt;QWebView&lt;/code&gt; and a &lt;code&gt;flash&lt;/code&gt; &lt;code&gt;player&lt;/code&gt; which, on context menu click, can redirect user to another pages ��� some of context menu actions are links. So, is here any solutions to prevent &lt;code&gt;QWebView&lt;/code&gt; of redirecting after click? &lt;/p&gt;</t>
  </si>
  <si>
    <t>2014-06-04 13:47:03.637000+00:00</t>
  </si>
  <si>
    <t>2014-06-16 15:30:31.243000+00:00</t>
  </si>
  <si>
    <t>html|qt|flash</t>
  </si>
  <si>
    <t>Arima function in forecast package and predict()</t>
  </si>
  <si>
    <t>&lt;p&gt;I have a series named &lt;code&gt;Price&lt;/code&gt; with 30 observations:&lt;/p&gt;
&lt;pre&gt;&lt;code&gt;Price
[1] 0.2946825 0.2962453 0.2995118 0.3250501 0.3413176 0.3212861 0.3285121
 [8] 0.3223009 0.3219386 0.3049079 0.3046129 0.2912507 0.2947570 0.2947570
[15] 0.2930427 0.2877321 0.2875071 0.2929681 0.2890062 0.2896052 0.2863812
[22] 0.2826947 0.2799019 0.2758878 0.2742928 0.2847277 0.2839752 0.2919977
[29] 0.2797507 0.2739887
&lt;/code&gt;&lt;/pre&gt;
&lt;p&gt;I run this command &lt;code&gt;Prediction_Price_30 &amp;lt;-predict(Arima((Price[1:29]),order=c(1,1,0)),n.ahea=1)&lt;/code&gt; in order to generate an Arima(1,1,0) model using totally 29 observation and to predict 30th one with "one ahead".&lt;/p&gt;
&lt;p&gt;The result is &lt;code&gt;0.2805374&lt;/code&gt;&lt;/p&gt;
&lt;pre&gt;&lt;code&gt;Time Series:
Start = 30 
End = 30 
Frequency = 1 
[1] 0.2805374
&lt;/code&gt;&lt;/pre&gt;
&lt;p&gt;I was wondering how &lt;code&gt;predict&lt;/code&gt; function conduct the prediction. Does it insert the 29th actual observation (by differencing) in to the generated ARIMA (1,1,0) model and calculate the prediction of 30th value?&lt;/p&gt;
&lt;pre&gt;&lt;code&gt;summary(Arima((Price[1:29]),order=c(1,1,0)))
Series: (Price[1:29]) 
ARIMA(1,1,0)                    
Coefficients:
          ar1
      -0.0662
s.e.   0.1910
sigma^2 estimated as 0.0001622:  log likelihood=82.96
AIC=-161.91   AICc=-161.43   BIC=-159.25
Training set error measures:
                        ME       RMSE         MAE         MPE      MAPE
Training set -0.0006482771 0.01228864 0.008384534 -0.05293643 0.6172495
                  MASE        ACF1
Training set 0.9673133 0.003299951
&lt;/code&gt;&lt;/pre&gt;
&lt;p&gt;I mean if &lt;code&gt;Price_prediction30 = -0.0662*(Price_actual29 - Price_actual28)&lt;/code&gt;?&lt;/p&gt;</t>
  </si>
  <si>
    <t>2017-03-10 14:06:48.123000+00:00</t>
  </si>
  <si>
    <t>2017-03-10 15:16:40.697000+00:00</t>
  </si>
  <si>
    <t>2017-03-10 14:15:15.090000+00:00</t>
  </si>
  <si>
    <t>r|time-series|prediction</t>
  </si>
  <si>
    <t>Element names as constants jquery</t>
  </si>
  <si>
    <t>&lt;p&gt;Just wondering if anyone has any best practices for naming of jquery elements used in events. e.g elements as constant variables declared at the top, vs inline. &lt;/p&gt;
&lt;p&gt;My question for this, is I have a very Jquery heavy client side application and only using server side for data handling and auth. &lt;/p&gt;
&lt;p&gt;With this, seeing lines like below drives me a little mad: &lt;/p&gt;
&lt;pre&gt;&lt;code&gt;$("#examplea").hide();
$("#exampleb").fadeIn(300);
&lt;/code&gt;&lt;/pre&gt;
&lt;p&gt;Does anyone use any separation such as:&lt;/p&gt;
&lt;pre&gt;&lt;code&gt;var examplea = "#examplea";
var exampleb = "#exampleb";
$(examplea).hide();
$(exampleb).fadeIn(300);
&lt;/code&gt;&lt;/pre&gt;
&lt;p&gt;I see this looking cleaner in some way, and also means having one place to change code if an element name changed down the track and was used in multiple locations. &lt;/p&gt;
&lt;p&gt;I guess this only would become an issue for very large javascript heavy sites, so just throwing out the question on what other people have done to deal with this?&lt;/p&gt;
&lt;p&gt;Thanks,&lt;/p&gt;</t>
  </si>
  <si>
    <t>2016-10-07 00:24:31.257000+00:00</t>
  </si>
  <si>
    <t>2016-10-07 14:31:16.687000+00:00</t>
  </si>
  <si>
    <t>javascript|jquery|client-side</t>
  </si>
  <si>
    <t>Unlink of file failed despite no other process having a lock on the file</t>
  </si>
  <si>
    <t>&lt;p&gt;I'm trying to switch branch. Before that I want to commit 2 files I changed, and discard(reset) changes to 1 file in my current branch. &lt;/p&gt;
&lt;p&gt;I attempt to reset this 1 file, using this command: &lt;/p&gt;
&lt;pre&gt;&lt;code&gt;git checkout origin/feature/FeatureABC/  c:\source\abc.xml
&lt;/code&gt;&lt;/pre&gt;
&lt;p&gt;It responds with a blank line, and after I hit ENTER a few times, I see the message below: &lt;/p&gt;
&lt;p&gt;&lt;em&gt;Unlink of file 'source/abc.xml' failed. Should I try again? (y/n):&lt;/em&gt;&lt;/p&gt;
&lt;p&gt;After I respond with &lt;code&gt;n&lt;/code&gt;, it displays the following error: &lt;/p&gt;
&lt;p&gt;&lt;em&gt;error: unable to unlink old 'source/abc.xml': Invalid argument&lt;/em&gt;&lt;/p&gt;
&lt;p&gt;Every answer for a similar problem in SOF says that this file is being locked by some other process. I checked with ProcessExplorer and couldn't see any other process holding this file. &lt;/p&gt;
&lt;p&gt;I tried 3 GIT clients (PowerShell, GITExtensions, TortoiseGIT) all with elevated permissions. None of that helped. I tried them one at a time, with all other programs closed. Still no success.&lt;/p&gt;
&lt;p&gt;My git version is 2.11.0.windows.3 on Windows 2012 64bit&lt;/p&gt;
&lt;p&gt;All I want is to reset this file; what is it that I can try to just do that?  &lt;/p&gt;</t>
  </si>
  <si>
    <t>2017-06-09 18:32:10.603000+00:00</t>
  </si>
  <si>
    <t>2017-06-10 18:31:11.090000+00:00</t>
  </si>
  <si>
    <t>windows|git</t>
  </si>
  <si>
    <t>Converting From hexadecimal to binary in c++</t>
  </si>
  <si>
    <t>&lt;pre&gt;&lt;code&gt;#include "stdafx.h"
#include&amp;lt;iostream&amp;gt;
#include&amp;lt;string&amp;gt;
#include&amp;lt;fstream&amp;gt;
#include&amp;lt;cstdlib&amp;gt;
using namespace std;
class hextobin
{
private:
public:
    void convh_b(string);
};
// function convh_b 
void hextobin::convh_b(string x)
{
    for(int i = 0; i&amp;lt;6; i++)
    {
        switch(x[i])
        {
        case '0': cout &amp;lt;&amp;lt; "0000"; break;
        case '1' :cout &amp;lt;&amp;lt; "0001"; break;
        case '2': cout &amp;lt;&amp;lt; "0010"; break;
        case '3': cout &amp;lt;&amp;lt; "0011"; break;
        case '4': cout &amp;lt;&amp;lt; "0100"; break;
        case '5': cout &amp;lt;&amp;lt; "0101"; break;
        case '6': cout &amp;lt;&amp;lt; "0110"; break;
        case '7': cout &amp;lt;&amp;lt; "0111"; break;
        case '8': cout &amp;lt;&amp;lt; "1000"; break;
        case '9': cout &amp;lt;&amp;lt; "1001"; break;
        case 'A': cout &amp;lt;&amp;lt; "1010"; break;
        case 'B': cout &amp;lt;&amp;lt; "1011"; break;
        case 'C': cout &amp;lt;&amp;lt; "1100"; break;
        case 'D': cout &amp;lt;&amp;lt; "1101"; break;
        case 'E': cout &amp;lt;&amp;lt; "1110"; break;
        case 'F': cout &amp;lt;&amp;lt; "1111"; break;
        }
    }
    cout &amp;lt;&amp;lt; endl;
}
void main()
{
    hextobin p;
    string  l1;
    ifstream myfile("assembly.txt");
    if(myfile.is_open())
    {
        while(!myfile.eof())
        {
            getline(myfile, l1);
            cout &amp;lt;&amp;lt; l1 &amp;lt;&amp;lt; endl;
            p.convh_b(l1);
        }
        myfile.close();
    }
    else
        cout &amp;lt;&amp;lt; "unable";
}
&lt;/code&gt;&lt;/pre&gt;
&lt;p&gt;my code reads hex numbers from file then convert them to binary  except the last digit of the first line ??  &lt;/p&gt;
&lt;p&gt;Example:&lt;/p&gt;
&lt;pre&gt;&lt;code&gt;FF01
B521
&lt;/code&gt;&lt;/pre&gt;
&lt;p&gt;Output:&lt;/p&gt;
&lt;pre&gt;&lt;code&gt;111111110000    // here 1 hexa not converted to 0001 ?? 
1011010100100001 
&lt;/code&gt;&lt;/pre&gt;</t>
  </si>
  <si>
    <t>2015-11-21 11:18:12.483000+00:00</t>
  </si>
  <si>
    <t>2015-11-21 11:30:36.633000+00:00</t>
  </si>
  <si>
    <t>CUDA Profiler: Calculate memory and compute utilization</t>
  </si>
  <si>
    <t>&lt;p&gt;I am trying to establish two overall measurements for memory bandwidth utilization and compute throughput utilization for my GPU-accelerated application using CUDA nsight profiler on ubuntu. The application runs on a Tesla K20c GPU.&lt;/p&gt;
&lt;p&gt;The two measurements I want are to some extend comparable to the ones given in this graph:
&lt;img src="https://i.stack.imgur.com/FV1Kr.png" alt="Figure one"&gt;&lt;/p&gt;
&lt;p&gt;The problems are that no exact numbers are given here and more importantly that I do not know how these percentages are being calculated.&lt;/p&gt;
&lt;p&gt;&lt;strong&gt;Memory Bandwidth Utilization&lt;/strong&gt;&lt;/p&gt;
&lt;p&gt;The Profiler tells me that my GPU has a Max Global Memory Bandwidth of 208 GB/s.&lt;/p&gt;
&lt;p&gt;&lt;img src="https://i.stack.imgur.com/GV4aE.png" alt="enter image description here"&gt;&lt;/p&gt;
&lt;p&gt;Does this refer to Device Memory BW or the Global Memory BW? It sais Global but the first one makes more sense to me.&lt;/p&gt;
&lt;p&gt;For my kernel the profiler tells me that the Device Memory Bandwidth is 98.069 GB/s.&lt;/p&gt;
&lt;p&gt;&lt;img src="https://i.stack.imgur.com/akOfz.png" alt="enter image description here"&gt;&lt;/p&gt;
&lt;p&gt;Assuming that the max of 208 GB/s refer to the Device Memory could I then simply calculate the Memory BW Utilization as 90.069/208 = 43%? Note that this kernel is executed multiple times without additional CPU-GPU data transfers. The system BW is therefore not important.&lt;/p&gt;
&lt;p&gt;&lt;strong&gt;Compute Throughput Utilization&lt;/strong&gt;&lt;/p&gt;
&lt;p&gt;I am not exactly sure what the best way is to put Compute Throughput Utilization into a number. My best guess is to use the Instructions per Cycle to max Instructions per cycle ratio. The profiler tells me that the max IPC is 7 (see picture above). &lt;/p&gt;
&lt;p&gt;First of all, what does that actually mean? Each multiprocessor has 192 cores and therefore a maximum of 6 active warps. Wouldnt that mean that max IPC should be 6?&lt;/p&gt;
&lt;p&gt;The profiler tells me that my kernel has issued IPC = 1.144 and executed IPC = 0.907. Should I calculate the compute utilization as 1.144/7 = 16% or 0.907/7 = 13% or none of these?&lt;/p&gt;
&lt;p&gt;Are these two measurements (Memory and compute utilization) giving an adequate first impression of how efficiently my kernel is using the resources? Or are there other important metrics that should be included?&lt;/p&gt;
&lt;p&gt;&lt;strong&gt;Additional Graph&lt;/strong&gt;&lt;/p&gt;
&lt;p&gt;&lt;img src="https://i.stack.imgur.com/oe7zF.png" alt="enter image description here"&gt;&lt;/p&gt;</t>
  </si>
  <si>
    <t>2015-01-25 16:16:09.413000+00:00</t>
  </si>
  <si>
    <t>2015-01-26 09:54:56.077000+00:00</t>
  </si>
  <si>
    <t>c++|ubuntu|cuda|profiling|utilization</t>
  </si>
  <si>
    <t>Oracle OBIEE Analytics</t>
  </si>
  <si>
    <t>&lt;p&gt;I can not access the web interfaces of obiee. Any suggestions or solutions?&lt;/p&gt;
&lt;p&gt;&lt;img src="https://i.stack.imgur.com/fVA0n.png" alt="enter image description here"&gt;&lt;/p&gt;</t>
  </si>
  <si>
    <t>2017-02-22 17:11:08.537000+00:00</t>
  </si>
  <si>
    <t>2017-05-24 02:21:38.293000+00:00</t>
  </si>
  <si>
    <t>2017-02-22 17:20:18.723000+00:00</t>
  </si>
  <si>
    <t>obiee</t>
  </si>
  <si>
    <t>eabihf What is hf standing for?</t>
  </si>
  <si>
    <t>&lt;p&gt;I am trying to understand cross compilation. Many cross compilers mention gnueabihf. I was able to understand what EABI stands for, but I couldn't find anything about the hf suffix. What does it mean?&lt;/p&gt;
&lt;p&gt;Thank you!&lt;/p&gt;</t>
  </si>
  <si>
    <t>2015-01-20 08:41:16.693000+00:00</t>
  </si>
  <si>
    <t>2015-01-20 08:56:56.960000+00:00</t>
  </si>
  <si>
    <t>arm|cross-compiling</t>
  </si>
  <si>
    <t>h:selectOneMenu value should change onclick of p:selectBooleanCheckbox</t>
  </si>
  <si>
    <t>&lt;p&gt;I have a problem in my application. &lt;/p&gt;
&lt;p&gt;I have a datatable, inside that one selectBooleancheckbox , selectonemenu with items("Confirmed", "Rejected" ,"selected") and one inputText is there. I need to write code for, &lt;/p&gt;
&lt;p&gt;if selectbooleancheckbox is checked then the selectonemenu will get the value "Selected" and the inputText also become editable.&lt;/p&gt;
&lt;p&gt;this is my xhtml code:&lt;/p&gt;
&lt;pre&gt;&lt;code&gt;&amp;lt;p:dataTable id="panel1"
             rendered="true"
             var="step2table"
             value="#{dtstep2_tab1.step2table}"
             editMode="cell"
             scrollable="true"
             selection="#{dtstep2_tab1.selectedrows}"
             rowKey="#{step2table.rs2_empname}"
             rowSelectMode="checkbox"
             rowStatePreserved="true"&amp;gt;
    &amp;lt;p:column headerText="Select" id="hSelect" style="font-size:12px;width:60px;"&amp;gt;
        &amp;lt;p:selectBooleanCheckbox id="Booleanchkbox" &amp;gt;
            &amp;lt;p:ajax listener="#{dtstep2_tab1.UpdateStatus}" update="panel1" /&amp;gt;
        &amp;lt;/p:selectBooleanCheckbox&amp;gt;
    &amp;lt;/p:column&amp;gt;
    &amp;lt;p:column headerText="Status" id="hStatus" style="font-size:12px;width:100px;"&amp;gt;
        &amp;lt;h:selectOneMenu id="cbo" value="#{step2table.rs2_status}" &amp;gt;
            &amp;lt;f:selectItem itemLabel="Confirmed" itemValue="Confirmed"&amp;gt;&amp;lt;/f:selectItem&amp;gt;
            &amp;lt;f:selectItem itemLabel="Selected" itemValue="Selected"&amp;gt;&amp;lt;/f:selectItem&amp;gt;
            &amp;lt;f:selectItem itemLabel="Rejected" itemValue="Rejected"&amp;gt;&amp;lt;/f:selectItem&amp;gt;
        &amp;lt;/h:selectOneMenu&amp;gt;
    &amp;lt;/p:column&amp;gt;
    &amp;lt;p:column style="font-size:12px;width:150px;"&amp;gt;
        &amp;lt;f:facet name="header"&amp;gt;
            &amp;lt;h:outputText value="Comments"&amp;gt;&amp;lt;/h:outputText&amp;gt;
        &amp;lt;/f:facet&amp;gt;
        &amp;lt;h:inputText value="#{step2table.rs2_comments}" rendered="#{dtstep2_tab1.editable}"/&amp;gt;
    &amp;lt;/p:column&amp;gt;
&amp;lt;/p:dataTable&amp;gt;
&lt;/code&gt;&lt;/pre&gt;
&lt;p&gt;and in bean I have the following code in addition with getter and setter method.&lt;/p&gt;
&lt;pre&gt;&lt;code&gt;public void UpdateStatus(AjaxBehaviorEvent event) {
    SelectBooleanCheckbox permit = (SelectBooleanCheckbox) event.getComponent();
    boolean checked = (Boolean) permit.getValue();
    if (checked) {
        setRs2_status("Selected");
        setEditable(true);
        setSelect(true);
    }
    else
        {
          setEditable(false);
          setSelect(false);
        } 
}
&lt;/code&gt;&lt;/pre&gt;
&lt;p&gt;I don't know what I am doing wrong here. Please guide me on the issue.&lt;/p&gt;</t>
  </si>
  <si>
    <t>2015-06-30 06:11:59.377000+00:00</t>
  </si>
  <si>
    <t>2015-07-01 04:25:37.820000+00:00</t>
  </si>
  <si>
    <t>filter array recursively looking for parents</t>
  </si>
  <si>
    <t>&lt;p&gt;I have an array like that:&lt;/p&gt;
&lt;pre&gt;&lt;code&gt;[
    {"id":"one","name":"school", "selected": false, "children":[
      {"id":"1","name":"school", "selected": false},
      {"id":"2","name":"student", "selected": true},
      {"id":"3","name":"teacher", "selected": false}
      ]},
      {"name":"two","name":"school", "selected": false, "children":[
      {"id":"1","name":"school", "selected": true},
      {"id":"3","name":"teacher", "selected": false}
      ]},
      {"name":"three","name":"school", "selected": true, "children":[
      {"id":"1","name":"school", "selected": false},
      {"id":"2","name":"student", "selected": false}
      ]}
  ]
&lt;/code&gt;&lt;/pre&gt;
&lt;p&gt;How I can filter on that array to get only the name of the object that has the field select as true?&lt;/p&gt;
&lt;p&gt;The output should be an array for the name of objects:&lt;/p&gt;
&lt;pre&gt;&lt;code&gt;[student, school, school]
&lt;/code&gt;&lt;/pre&gt;
&lt;p&gt;I tried this using lodash:&lt;/p&gt;
&lt;pre&gt;&lt;code&gt;_.filter(array, {selected: true}).map(function (division) {
            return array.name;
        });
&lt;/code&gt;&lt;/pre&gt;
&lt;p&gt;But this always return the root objects, never the objects that are inside the children.&lt;/p&gt;</t>
  </si>
  <si>
    <t>2016-10-12 18:17:19.053000+00:00</t>
  </si>
  <si>
    <t>2016-10-12 19:14:57.343000+00:00</t>
  </si>
  <si>
    <t>javascript|arrays|algorithm|filter|lodash</t>
  </si>
  <si>
    <t>How to use SetFocus on text box control?</t>
  </si>
  <si>
    <t>&lt;p&gt;I am trying to setfocus on text box.&lt;/p&gt;
&lt;pre&gt;&lt;code&gt;SetFocus(txtUserName);
&lt;/code&gt;&lt;/pre&gt;
&lt;p&gt;I am not seeing any change on web page.&lt;/p&gt;
&lt;p&gt;what is a difference between .focu() and setfocus() and what is the functionality of each?&lt;/p&gt;</t>
  </si>
  <si>
    <t>2009-10-07 20:05:12+00:00</t>
  </si>
  <si>
    <t>2016-08-31 14:45:15.977000+00:00</t>
  </si>
  <si>
    <t>2009-10-07 20:14:35.070000+00:00</t>
  </si>
  <si>
    <t>asp.net|controls</t>
  </si>
  <si>
    <t>Loop through jQuery Mobile list view data attribute</t>
  </si>
  <si>
    <t>&lt;p&gt;I'm trying to loop through the data attribute of a jQuery Mobile listview, but I can only get the last element, and I really don't know why.&lt;/p&gt;
&lt;pre&gt;&lt;code&gt; var listItems = $("li.placesList");
listItems.each(function (idx, li) {
    var $this = $(li);
    console.log($this.attr("id")); // It works as expected. It shows all ids
    console.log($this.data('distancia')); //It only shows the last item's data value  of the list
});
&lt;/code&gt;&lt;/pre&gt;
&lt;p&gt;The way I'm assigning the data value in another part of the code is:&lt;/p&gt;
&lt;pre&gt;&lt;code&gt; $('&amp;lt;li class="placesList"&amp;gt;&amp;lt;/li&amp;gt;').data({
    location: pointsArray[pointCount].Location,
    distancia: distancia
});
&lt;/code&gt;&lt;/pre&gt;
&lt;p&gt;I know this data is being added correctly.&lt;/p&gt;
&lt;p&gt;In the console I see&lt;/p&gt;
&lt;p&gt;Correct Values:&lt;/p&gt;
&lt;pre&gt;&lt;code&gt;0.409 
0.26 
&lt;/code&gt;&lt;/pre&gt;
&lt;p&gt;Using the $each() loop, I see the three correct IDs, but only the data of the last element:&lt;/p&gt;
&lt;pre&gt;&lt;code&gt;a //ID
0.26 
b //ID
0.26 
&lt;/code&gt;&lt;/pre&gt;
&lt;p&gt;What am I doing wrong? Thanks in advance.&lt;/p&gt;</t>
  </si>
  <si>
    <t>2015-06-13 19:55:15.190000+00:00</t>
  </si>
  <si>
    <t>2015-06-13 21:58:28.460000+00:00</t>
  </si>
  <si>
    <t>javascript|jquery|jquery-mobile</t>
  </si>
  <si>
    <t>Altering ManagedObjects In NSArray</t>
  </si>
  <si>
    <t>&lt;p&gt;I have an entity called 'Job' with two boolean attributes named 'completed' and 'logged'. 
I am trying to retrieve all completed jobs that have not been logged at app start-up and change them to logged. I'm able to get all the completed but unlogged jobs with this fetchRequest:&lt;/p&gt;
&lt;pre&gt;&lt;code&gt;NSPredicate *predicate = [NSPredicate predicateWithFormat:@"(completed == %@ &amp;amp;&amp;amp; logged == %@)", [NSNumber numberWithBool:YES], [NSNumber numberWithBool:NO]];
&lt;/code&gt;&lt;/pre&gt;
&lt;p&gt;I'm then assigning this predicate to a fetchRequest and calling the [managedObjectContext executeFetchRequest:fetchRequest] method to get an array of all Job entities that meet this criteria. This seems to work fine and is returning the correct number of jobs.&lt;/p&gt;
&lt;p&gt;What I've been trying to do is loop through the NSArray returned, set the logged attribute to YES and then save. This seems to complete and doesn't return any errors but the changes are not persisted when the application quits. Where am I going wrong?&lt;/p&gt;
&lt;pre&gt;&lt;code&gt;[fetchRequest setPredicate:predicate];
NSError error;
NSArray jobsToLog = [managedObjectContext executeFetchRequest:fetchRequest error:&amp;amp;error];
if ([jobsToLog count] &amp;gt; 0) {
   for (int i = 0; i &amp;lt; [jobsToLog count] - 1; i++) {
      [[jobsToLog objectAtIndex:i] setLogged:[NSNumber numberWithBool:YES]];
      // Commit the changes made to disk
      error = nil;
      if (![managedObjectContext save:&amp;amp;error]) {
         // An error occurred
      }
   }
}
&lt;/code&gt;&lt;/pre&gt;
&lt;p&gt;Thanks in anticipation,&lt;/p&gt;</t>
  </si>
  <si>
    <t>2010-04-20 08:50:40.510000+00:00</t>
  </si>
  <si>
    <t>2010-04-20 18:05:01.737000+00:00</t>
  </si>
  <si>
    <t>iphone|objective-c|core-data|nsarray</t>
  </si>
  <si>
    <t>Getting elements by a partial id string in javascript</t>
  </si>
  <si>
    <t>&lt;p&gt;I have the followng code:&lt;/p&gt;
&lt;pre&gt;&lt;code&gt;var inputs = document.getElementsByTagName("input");
for (var i = 0; i &amp;lt; inputs.length; i++) {
inputs[i].disabled = bDisabled;
}
&lt;/code&gt;&lt;/pre&gt;
&lt;p&gt;I need to now add some logic to only disable the the inputs that have and Id of the form "bib*" where bib can be any character. Ive seen other questions where this is done with jquery but I cant use jquery just simple javascript. Any help would be appreciated.&lt;/p&gt;
&lt;p&gt;Thanks&lt;/p&gt;</t>
  </si>
  <si>
    <t>2009-06-15 23:02:52.163000+00:00</t>
  </si>
  <si>
    <t>2012-10-18 16:44:40.587000+00:00</t>
  </si>
  <si>
    <t>PHP insert statement is only inserting 1 time</t>
  </si>
  <si>
    <t>&lt;p&gt;im using php to insert into the &lt;strong&gt;review&lt;/strong&gt; table.ive given the variables &lt;strong&gt;$email&lt;/strong&gt;, &lt;strong&gt;$starcount&lt;/strong&gt;, &lt;strong&gt;$bookid&lt;/strong&gt;  fixed values for now just to test the file. the &lt;strong&gt;$res&lt;/strong&gt; query checks to see if there is a row with that book id and email in it. if theres not The &lt;strong&gt;$sql&lt;/strong&gt; query inserts it, and then the &lt;strong&gt;$nex&lt;/strong&gt; query loops through taking any &lt;strong&gt;starcount&lt;/strong&gt; columns where the &lt;strong&gt;book&lt;/strong&gt; column = &lt;strong&gt;$book&lt;/strong&gt;. &lt;/p&gt;
&lt;p&gt;if i change the the email at the top of the file it should insert into the new info database and pull out the new and existing starcount, but it does not post, it just returns the already existing starcount. i dont understand why its not working .... im using the array to return to my file.&lt;/p&gt;
&lt;pre&gt;&lt;code&gt;&amp;lt;?php
mysql_connect("localhost","root","");
mysql_select_db("FunReads");
$email = "sd";
$starcount = "2";
$bookid = "5";
$res = mysql_query("SELECT * FROM Review WHERE book_id='$bookid' AND user_email='$email'");
if (mysql_num_rows($res) != 0) {
    $array[]= array("starcount" =&amp;gt; "already entered");
} else {
    $sql = mysql_query("INSERT INTO Review(book_id,starcount,user_email) values('.$bookid.','.$starcount.','.$email')");
    $nex = mysql_query("SELECT * FROM Review WHERE book_id='$bookid'");
    while($row = mysql_fetch_array($nex)){
        $star = $row["starcount"];
        $array[] = array("starcount" =&amp;gt; $star);
    }
}
echo json_encode($array); 
//echo "[{"name":"n1","city":"NY"},{"name":"n2","city":"Paris"}, ...]
&lt;/code&gt;&lt;/pre&gt;
&lt;p&gt;?&gt;&lt;/p&gt;</t>
  </si>
  <si>
    <t>2016-04-18 05:23:19+00:00</t>
  </si>
  <si>
    <t>2016-04-18 11:57:05.347000+00:00</t>
  </si>
  <si>
    <t>2016-04-18 06:32:40.860000+00:00</t>
  </si>
  <si>
    <t>Possible to reverse the argument order in async.apply?</t>
  </si>
  <si>
    <t>&lt;p&gt;From the async documentation:&lt;/p&gt;
&lt;blockquote&gt;
  &lt;h2&gt;apply(function, arguments..)&lt;/h2&gt;
  &lt;p&gt;Creates a continuation function with some arguments already applied.&lt;/p&gt;
  &lt;p&gt;Useful as a shorthand when combined with other control flow functions. Any arguments passed to the returned function are added to the arguments originally passed to apply.&lt;/p&gt;
&lt;/blockquote&gt;
&lt;p&gt;... and their example with arguments passed in:&lt;/p&gt;
&lt;pre&gt;&lt;code&gt;node&amp;gt; var fn = async.apply(sys.puts, 'one');
node&amp;gt; fn('two', 'three');
one
two
three
&lt;/code&gt;&lt;/pre&gt;
&lt;p&gt;I want to do something like this:&lt;/p&gt;
&lt;pre&gt;&lt;code&gt;async.waterfall([
    async.apply(db.getSomeData, 'foo', 'bar'),
    async.apply(async.map, bazParser)
], callback);
&lt;/code&gt;&lt;/pre&gt;
&lt;p&gt;However, because the method signature of &lt;code&gt;async.map()&lt;/code&gt; is &lt;code&gt;(arr, iterator, [callback])&lt;/code&gt;, &lt;code&gt;bazParser&lt;/code&gt; becomes the first argument passed to &lt;code&gt;async.map()&lt;/code&gt;, as opposed to the intended data returned from &lt;code&gt;db.getSomeData()&lt;/code&gt;.&lt;/p&gt;
&lt;p&gt;I always remember this by telling myself &lt;code&gt;async.apply()&lt;/code&gt; appends "my stuff first" to the arguments list, but is there any way to reverse this, so that the &lt;strong&gt;returned data&lt;/strong&gt; gets passed-in first, followed by any parameters I pass into &lt;code&gt;async.apply()&lt;/code&gt;?&lt;/p&gt;
&lt;p&gt;Right now the only way I can do this is thusly:&lt;/p&gt;
&lt;pre&gt;&lt;code&gt;async.waterfall([
    async.apply(db.getSomeData, 'foo', 'bar'),
    function(dbData, next) {     //   &amp;lt;==
        async.map(dbData, bazParser, next);
    }     //   &amp;lt;==
], callback);
&lt;/code&gt;&lt;/pre&gt;
&lt;p&gt;Would love to get rid of the two extra lines if possible. &lt;em&gt;insert acknowledgement that compact "clever" code is an anti-pattern&lt;/em&gt;&lt;/p&gt;
&lt;h2&gt;tl;dr&lt;/h2&gt;
&lt;p&gt;Change &lt;code&gt;async.apply()&lt;/code&gt; so it behaves like "Any arguments passed to the returned function are &lt;em&gt;prepended&lt;/em&gt; to the arguments originally passed to apply."?&lt;/p&gt;</t>
  </si>
  <si>
    <t>2016-01-22 15:48:32.597000+00:00</t>
  </si>
  <si>
    <t>2016-01-22 16:11:15.930000+00:00</t>
  </si>
  <si>
    <t>Webpack and external libraries with dependencies</t>
  </si>
  <si>
    <t>&lt;p&gt;I am building small small React(webpack) chat app. I am using VoiceLayer as backend for my chat app. It provides &lt;a href="https://developers.voicelayer.io/docs/main/javascript/index.html" rel="nofollow noreferrer"&gt;web SDK&lt;/a&gt;, but problem is that i do not have access to SDK source, just pre-built js files, so cant install it like other modules 'npm i voicelayer'. SDK contains 5 file, one main voiclayer.js with 4 js dependencies. I add loader like this in webpack conf:&lt;/p&gt;
&lt;pre&gt;&lt;code&gt;  {
    test: resolve('./src/utils/voicelayersdk/voicelayer.js'),
    loader: "imports?this=&amp;gt;window",
  },
  {
    test: resolve('./src/utils/voicelayersdk/voicelayer.js'),
    loader: "exports?VoiceLayer",
  },
&lt;/code&gt;&lt;/pre&gt;
&lt;p&gt;and i can import it like this:&lt;/p&gt;
&lt;pre&gt;&lt;code&gt;const VoiceLayer = require('../utils/voicelayersdk/voicelayer.js');
&lt;/code&gt;&lt;/pre&gt;
&lt;p&gt;but vicelayer.js still needs other 4 dependencies, and i see error in     console:&lt;/p&gt;
&lt;pre&gt;&lt;code&gt;Failed to load resource: the server responded with a status of 404 (Not Found)
http://127.0.0.1:9000/ew.js Failed to load resource: the server responded with a status of 404 (Not Found)
http://127.0.0.1:9000/rw.js Failed to load resource: the server responded with a status of 404 (Not Found)
http://127.0.0.1:9000/dw.js Failed to load resource: the server responded with a status of 404 (Not Found)
&lt;/code&gt;&lt;/pre&gt;
&lt;p&gt;So how do I import all of them in a way it will work, I tried import all of them like &lt;code&gt;require('../utils/voicelayersdk/sw.js')....;&lt;/code&gt; but no luck.&lt;/p&gt;
&lt;p&gt;Also when initializing VoiceLayer object i can set working directory&lt;/p&gt;
&lt;pre&gt;&lt;code&gt;const voicelayer = new VoiceLayer(appKey, appSecret, {
  directory: '../utils/voicelayersdk',
});
&lt;/code&gt;&lt;/pre&gt;
&lt;p&gt;but still i need to include them somehow, path does not exists after build.&lt;/p&gt;</t>
  </si>
  <si>
    <t>2016-12-08 11:28:20.033000+00:00</t>
  </si>
  <si>
    <t>2016-12-14 18:30:28.247000+00:00</t>
  </si>
  <si>
    <t>javascript|reactjs|webpack|dependencies</t>
  </si>
  <si>
    <t>System.Windows.Markup.XamlParseException was unhandled</t>
  </si>
  <si>
    <t>&lt;p&gt;xaml file in my WPF showing this error :- &lt;/p&gt;
&lt;blockquote&gt;
  &lt;p&gt;System.Windows.Markup.XamlParseException was unhandled
  Message: An unhandled exception of type 'System.Windows.Markup.XamlParseException' occurred in PresentationFramework.dll
  Additional information: 'Provide value on 'System.Windows.StaticResourceExtension' threw an exception.' Line number '42' and line position '60'.&lt;/p&gt;
&lt;/blockquote&gt;
&lt;p&gt;Below is the code of Dictionary1.xaml:&lt;/p&gt;
&lt;pre&gt;&lt;code&gt;&amp;lt;ResourceDictionary xmlns="http://schemas.microsoft.com/winfx/2006/xaml/presentation"
                xmlns:x="http://schemas.microsoft.com/winfx/2006/xaml"
                xmlns:system="clr-namespace:System;assembly=mscorlib"&amp;gt;
&amp;lt;!--xmlns:local="clr-namespace:HM.Desktop.Themes"&amp;gt;--&amp;gt;
&amp;lt;!--Basic Brushes--&amp;gt;
&amp;lt;Color x:Key="PrimaryColor"&amp;gt;#FF63AADA&amp;lt;/Color&amp;gt;
&amp;lt;Color x:Key="SecondaryColor"&amp;gt;#FFA0FCFF&amp;lt;/Color&amp;gt;
&amp;lt;SolidColorBrush x:Key="PrimaryBrush" Color="{StaticResource PrimaryColor}" /&amp;gt;
&amp;lt;SolidColorBrush x:Key="SecondaryBrush" Color="{StaticResource SecondaryColor}" /&amp;gt;
&amp;lt;SolidColorBrush x:Key="TextBrush"  Color="#FF152937" /&amp;gt;
&amp;lt;SolidColorBrush x:Key="DisabledColor" Color="#8CFFFFFF" /&amp;gt;
&amp;lt;SolidColorBrush x:Key="BackgroundBrush" Color="#FFFFFFFF" /&amp;gt;
&amp;lt;LinearGradientBrush x:Key="MainBackground"  EndPoint="0.5,1"  StartPoint="0.5,0"&amp;gt;
    &amp;lt;GradientStop Color="#FFCEDEFF"  Offset="0" /&amp;gt;
    &amp;lt;GradientStop Color="#FF5A7CA0" Offset="0.992" /&amp;gt;
    &amp;lt;GradientStop Color="#FF5882A7" Offset="0.085" /&amp;gt;
&amp;lt;/LinearGradientBrush&amp;gt;
&amp;lt;SolidColorBrush x:Key="WaitingAnimationColor" Color="DarkBlue" /&amp;gt;
&amp;lt;!-- Button --&amp;gt;
&amp;lt;Style TargetType="Button"&amp;gt;
    &amp;lt;Setter Property="Foreground" Value="{StaticResource TextBrush}" /&amp;gt;
    &amp;lt;!--&amp;lt;Setter Property="Background" Value="#00000000" /&amp;gt;--&amp;gt;
    &amp;lt;Setter Property="Background" Value="#000000FF" /&amp;gt;
    &amp;lt;Setter Property="Padding" Value="5,4" /&amp;gt;
    &amp;lt;Setter Property="Height" Value="35" /&amp;gt;
    &amp;lt;Setter Property="FontSize" Value="14" /&amp;gt;
    &amp;lt;Setter Property="FontWeight" Value="Bold" /&amp;gt;
    &amp;lt;Setter Property="BorderBrush" Value="{StaticResource PrimaryBrush}" /&amp;gt;
    &amp;lt;Setter Property="Template"&amp;gt;
        &amp;lt;Setter.Value&amp;gt;
            &amp;lt;ControlTemplate TargetType="Button"&amp;gt;
                &amp;lt;Grid x:Name="Button_Normal"&amp;gt;
                    &amp;lt;Grid.RowDefinitions&amp;gt;
                        &amp;lt;RowDefinition Height="50*" /&amp;gt;
                        &amp;lt;RowDefinition Height="50*" /&amp;gt;
                    &amp;lt;/Grid.RowDefinitions&amp;gt;
                    &amp;lt;VisualStateManager.VisualStateGroups&amp;gt;
                        &amp;lt;VisualStateGroup x:Name="FocusStates"&amp;gt;
                            &amp;lt;VisualState x:Name="Unfocused" /&amp;gt;
                            &amp;lt;VisualState x:Name="Focused"&amp;gt;
                                &amp;lt;Storyboard&amp;gt;
                                    &amp;lt;ColorAnimationUsingKeyFrames Duration="00:00:00.001" Storyboard.TargetName="InnerBorder"
                                                                  Storyboard.TargetProperty="(Border.BorderBrush).(SolidColorBrush.Color)"&amp;gt;
                                        &amp;lt;SplineColorKeyFrame KeyTime="0" Value="#BF000000" /&amp;gt;
                                    &amp;lt;/ColorAnimationUsingKeyFrames&amp;gt;
                                &amp;lt;/Storyboard&amp;gt;
                            &amp;lt;/VisualState&amp;gt;
                        &amp;lt;/VisualStateGroup&amp;gt;
                        &amp;lt;VisualStateGroup x:Name="CommonStates"&amp;gt;
                            &amp;lt;VisualStateGroup.Transitions&amp;gt;
                                &amp;lt;VisualTransition GeneratedDuration="00:00:00.3" /&amp;gt;
                                &amp;lt;VisualTransition From="MouseOver" GeneratedDuration="00:00:00" To="Pressed" /&amp;gt;
                                &amp;lt;VisualTransition From="MouseOver" GeneratedDuration="00:00:00.1" To="Normal" /&amp;gt;
                            &amp;lt;/VisualStateGroup.Transitions&amp;gt;
                            &amp;lt;VisualState x:Name="MouseOver"&amp;gt;
                                &amp;lt;Storyboard&amp;gt;
                                    &amp;lt;DoubleAnimationUsingKeyFrames Duration="00:00:00.001" Storyboard.TargetName="Background"
                                                                   Storyboard.TargetProperty="(UIElement.Opacity)"&amp;gt;
                                        &amp;lt;SplineDoubleKeyFrame KeyTime="0" Value="1" /&amp;gt;
                                    &amp;lt;/DoubleAnimationUsingKeyFrames&amp;gt;
                                    &amp;lt;DoubleAnimationUsingKeyFrames Duration="00:00:00.001" Storyboard.TargetName="Highlight"
                                                                   Storyboard.TargetProperty="(UIElement.Opacity)"&amp;gt;
                                        &amp;lt;SplineDoubleKeyFrame KeyTime="0" Value="1" /&amp;gt;
                                    &amp;lt;/DoubleAnimationUsingKeyFrames&amp;gt;
                                    &amp;lt;ColorAnimationUsingKeyFrames Duration="00:00:00.001" Storyboard.TargetName="Shadow"
                                                                  Storyboard.TargetProperty="(Border.Background).(GradientBrush.GradientStops)[1].(GradientStop.Color)"&amp;gt;
                                        &amp;lt;SplineColorKeyFrame KeyTime="0"
                                                             Value="#4B000000" /&amp;gt;
                                    &amp;lt;/ColorAnimationUsingKeyFrames&amp;gt;
                                    &amp;lt;DoubleAnimationUsingKeyFrames Duration="00:00:00.001"
                                                                   Storyboard.TargetName="Background"
                                                                   Storyboard.TargetProperty="(Border.Background).(GradientBrush.GradientStops)[0].(GradientStop.Offset)"&amp;gt;
                                        &amp;lt;SplineDoubleKeyFrame KeyTime="0"
                                                              Value=".1" /&amp;gt;
                                    &amp;lt;/DoubleAnimationUsingKeyFrames&amp;gt;
                                    &amp;lt;ColorAnimationUsingKeyFrames Duration="00:00:00.001"
                                                                  Storyboard.TargetName="Highlight"
                                                                  Storyboard.TargetProperty="(Border.Background).(GradientBrush.GradientStops)[1].(GradientStop.Color)"&amp;gt;
                                        &amp;lt;SplineColorKeyFrame KeyTime="0"
                                                             Value="#4AFFFFFF" /&amp;gt;
                                    &amp;lt;/ColorAnimationUsingKeyFrames&amp;gt;
                                &amp;lt;/Storyboard&amp;gt;
                            &amp;lt;/VisualState&amp;gt;
                            &amp;lt;VisualState x:Name="Normal" /&amp;gt;
                            &amp;lt;VisualState x:Name="Pressed"&amp;gt;
                                &amp;lt;Storyboard&amp;gt;
                                    &amp;lt;DoubleAnimationUsingKeyFrames Duration="00:00:00.001"
                                                                   Storyboard.TargetName="Background"
                                                                   Storyboard.TargetProperty="(UIElement.Opacity)"&amp;gt;
                                        &amp;lt;SplineDoubleKeyFrame KeyTime="0"
                                                              Value="0.6" /&amp;gt;
                                    &amp;lt;/DoubleAnimationUsingKeyFrames&amp;gt;
                                    &amp;lt;DoubleAnimationUsingKeyFrames Duration="00:00:00.001"
                                                                   Storyboard.TargetName="Background"
                                                                   Storyboard.TargetProperty="(Border.Background).(GradientBrush.GradientStops)[0].(GradientStop.Offset)"&amp;gt;
                                        &amp;lt;SplineDoubleKeyFrame KeyTime="0"
                                                              Value="0" /&amp;gt;
                                    &amp;lt;/DoubleAnimationUsingKeyFrames&amp;gt;
                                    &amp;lt;ColorAnimationUsingKeyFrames Duration="00:00:00.001"
                                                                  Storyboard.TargetName="White"
                                                                  Storyboard.TargetProperty="(Border.Background).(GradientBrush.GradientStops)[0].(GradientStop.Color)"&amp;gt;
                                        &amp;lt;SplineColorKeyFrame KeyTime="0"
                                                             Value="#FF000000" /&amp;gt;
                                    &amp;lt;/ColorAnimationUsingKeyFrames&amp;gt;
                                    &amp;lt;ColorAnimationUsingKeyFrames Duration="00:00:00.001"
                                                                  Storyboard.TargetName="White"
                                                                  Storyboard.TargetProperty="(Border.Background).(GradientBrush.GradientStops)[1].(GradientStop.Color)"&amp;gt;
                                        &amp;lt;SplineColorKeyFrame KeyTime="0"
                                                             Value="#FFC8C8C8" /&amp;gt;
                                    &amp;lt;/ColorAnimationUsingKeyFrames&amp;gt;
                                    &amp;lt;ColorAnimationUsingKeyFrames Duration="00:00:00.001"
                                                                  Storyboard.TargetName="Highlight"
                                                                  Storyboard.TargetProperty="(Border.Background).(GradientBrush.GradientStops)[1].(GradientStop.Color)"&amp;gt;
                                        &amp;lt;SplineColorKeyFrame KeyTime="0"
                                                             Value="#4BFFFFFF" /&amp;gt;
                                    &amp;lt;/ColorAnimationUsingKeyFrames&amp;gt;
                                    &amp;lt;DoubleAnimationUsingKeyFrames Duration="00:00:00.001"
                                                                   Storyboard.TargetName="Highlight"
                                                                   Storyboard.TargetProperty="(UIElement.Opacity)"&amp;gt;
                                        &amp;lt;SplineDoubleKeyFrame KeyTime="0"
                                                              Value="0.5" /&amp;gt;
                                    &amp;lt;/DoubleAnimationUsingKeyFrames&amp;gt;
                                &amp;lt;/Storyboard&amp;gt;
                            &amp;lt;/VisualState&amp;gt;
                            &amp;lt;VisualState x:Name="Disabled"&amp;gt;
                                &amp;lt;Storyboard&amp;gt;
                                    &amp;lt;DoubleAnimationUsingKeyFrames Duration="00:00:00.001"
                                                                   Storyboard.TargetName="contentPresenter"
                                                                   Storyboard.TargetProperty="(UIElement.Opacity)"&amp;gt;
                                        &amp;lt;SplineDoubleKeyFrame KeyTime="0"
                                                              Value="0.5" /&amp;gt;
                                    &amp;lt;/DoubleAnimationUsingKeyFrames&amp;gt;
                                    &amp;lt;DoubleAnimationUsingKeyFrames Duration="00:00:00.001"
                                                                   Storyboard.TargetName="Background"
                                                                   Storyboard.TargetProperty="(UIElement.Opacity)"&amp;gt;
                                        &amp;lt;SplineDoubleKeyFrame KeyTime="0"
                                                              Value="0.2" /&amp;gt;
                                    &amp;lt;/DoubleAnimationUsingKeyFrames&amp;gt;
                                    &amp;lt;ColorAnimationUsingKeyFrames Duration="00:00:00.001"
                                                                  Storyboard.TargetName="White"
                                                                  Storyboard.TargetProperty="(Border.BorderBrush).(SolidColorBrush.Color)"&amp;gt;
                                        &amp;lt;SplineColorKeyFrame KeyTime="0"
                                                             Value="#FFB1B1B1" /&amp;gt;
                                    &amp;lt;/ColorAnimationUsingKeyFrames&amp;gt;
                                    &amp;lt;ColorAnimationUsingKeyFrames Duration="00:00:00.001"
                                                                  Storyboard.TargetName="White"
                                                                  Storyboard.TargetProperty="(Border.Background).(GradientBrush.GradientStops)[0].(GradientStop.Color)"&amp;gt;
                                        &amp;lt;SplineColorKeyFrame KeyTime="0"
                                                             Value="#FFECECEC" /&amp;gt;
                                    &amp;lt;/ColorAnimationUsingKeyFrames&amp;gt;
                                    &amp;lt;ColorAnimationUsingKeyFrames Duration="00:00:00.001"
                                                                  Storyboard.TargetName="White"
                                                                  Storyboard.TargetProperty="(Border.Background).(GradientBrush.GradientStops)[1].(GradientStop.Color)"&amp;gt;
                                        &amp;lt;SplineColorKeyFrame KeyTime="0"
                                                             Value="#FFECECEC" /&amp;gt;
                                    &amp;lt;/ColorAnimationUsingKeyFrames&amp;gt;
                                &amp;lt;/Storyboard&amp;gt;
                            &amp;lt;/VisualState&amp;gt;
                        &amp;lt;/VisualStateGroup&amp;gt;
                    &amp;lt;/VisualStateManager.VisualStateGroups&amp;gt;
                    &amp;lt;Border CornerRadius="4"
                            Grid.RowSpan="2"
                            x:Name="White"
                            BorderBrush="#FFFFFFFF"
                            BorderThickness="1.2"&amp;gt;
                        &amp;lt;Border.Background&amp;gt;
                            &amp;lt;RadialGradientBrush&amp;gt;
                                &amp;lt;RadialGradientBrush.RelativeTransform&amp;gt;
                                    &amp;lt;TransformGroup&amp;gt;
                                        &amp;lt;ScaleTransform CenterX="0.5"
                                                        CenterY="0.5"
                                                        ScaleX="1.35"
                                                        ScaleY="1.35" /&amp;gt;
                                    &amp;lt;/TransformGroup&amp;gt;
                                &amp;lt;/RadialGradientBrush.RelativeTransform&amp;gt;
                                &amp;lt;GradientStop Color="#FFFFFFFF"
                                              Offset="0" /&amp;gt;
                                &amp;lt;GradientStop Color="#FFFFFFFF"
                                              Offset="1" /&amp;gt;
                            &amp;lt;/RadialGradientBrush&amp;gt;
                        &amp;lt;/Border.Background&amp;gt;
                    &amp;lt;/Border&amp;gt;
                    &amp;lt;Border BorderBrush="{TemplateBinding BorderBrush}"
                            BorderThickness="1.2"
                            CornerRadius="4"
                            x:Name="Background"
                            Grid.RowSpan="2"
                            Opacity="0.65"&amp;gt;
                        &amp;lt;Border.Background&amp;gt;
                            &amp;lt;LinearGradientBrush EndPoint="0.5,1.4"
                                                 StartPoint="0.5,0"&amp;gt;
                                &amp;lt;GradientStop Color="{StaticResource PrimaryColor}"
                                              Offset="0.75" /&amp;gt;
                                &amp;lt;GradientStop Color="{StaticResource SecondaryColor}"
                                              Offset="1" /&amp;gt;
                            &amp;lt;/LinearGradientBrush&amp;gt;
                        &amp;lt;/Border.Background&amp;gt;
                    &amp;lt;/Border&amp;gt;
                    &amp;lt;Border Background="{TemplateBinding Background}"
                            BorderBrush="#7FFFFFFF"
                            BorderThickness="1"
                            CornerRadius="3.5"
                            x:Name="InnerBorder"
                            Margin="1"
                            Grid.RowSpan="2" /&amp;gt;
                    &amp;lt;Border CornerRadius="3.5"
                            x:Name="Shadow"
                            Margin="2"
                            Grid.RowSpan="2"&amp;gt;
                        &amp;lt;Border.OpacityMask&amp;gt;
                            &amp;lt;RadialGradientBrush&amp;gt;
                                &amp;lt;RadialGradientBrush.RelativeTransform&amp;gt;
                                    &amp;lt;TransformGroup&amp;gt;
                                        &amp;lt;TranslateTransform X="0"
                                                            Y="-0.5" /&amp;gt;
                                    &amp;lt;/TransformGroup&amp;gt;
                                &amp;lt;/RadialGradientBrush.RelativeTransform&amp;gt;
                                &amp;lt;GradientStop Color="#00FFFFFF"
                                              Offset="0.3" /&amp;gt;
                                &amp;lt;GradientStop Color="#FFFFFFFF"
                                              Offset="1" /&amp;gt;
                            &amp;lt;/RadialGradientBrush&amp;gt;
                        &amp;lt;/Border.OpacityMask&amp;gt;
                        &amp;lt;Border.Background&amp;gt;
                            &amp;lt;RadialGradientBrush&amp;gt;
                                &amp;lt;RadialGradientBrush.RelativeTransform&amp;gt;
                                    &amp;lt;TransformGroup&amp;gt;
                                        &amp;lt;ScaleTransform CenterX="0.5"
                                                        CenterY="0.5"
                                                        ScaleX="1.75"
                                                        ScaleY="2.25" /&amp;gt;
                                        &amp;lt;TranslateTransform Y="0.65" /&amp;gt;
                                    &amp;lt;/TransformGroup&amp;gt;
                                &amp;lt;/RadialGradientBrush.RelativeTransform&amp;gt;
                                &amp;lt;GradientStop Color="#00000000"
                                              Offset="0.55" /&amp;gt;
                                &amp;lt;GradientStop Color="#33000000"
                                              Offset="1" /&amp;gt;
                            &amp;lt;/RadialGradientBrush&amp;gt;
                        &amp;lt;/Border.Background&amp;gt;
                    &amp;lt;/Border&amp;gt;
                    &amp;lt;Border Margin="1,1,1,0"
                            CornerRadius="4,4,40,40"
                            x:Name="Highlight"
                            Opacity="0.8"
                            RenderTransformOrigin="0.5,1"&amp;gt;
                        &amp;lt;Border.Background&amp;gt;
                            &amp;lt;RadialGradientBrush&amp;gt;
                                &amp;lt;RadialGradientBrush.RelativeTransform&amp;gt;
                                    &amp;lt;TransformGroup&amp;gt;
                                        &amp;lt;ScaleTransform CenterX="0.5"
                                                        CenterY="0.5"
                                                        ScaleX="1.25"
                                                        ScaleY="2" /&amp;gt;
                                        &amp;lt;TranslateTransform Y="-0.6" /&amp;gt;
                                    &amp;lt;/TransformGroup&amp;gt;
                                &amp;lt;/RadialGradientBrush.RelativeTransform&amp;gt;
                                &amp;lt;GradientStop Color="#BFFFFFFF"
                                              Offset="0" /&amp;gt;
                                &amp;lt;GradientStop Color="#4CFFFFFF"
                                              Offset="1" /&amp;gt;
                            &amp;lt;/RadialGradientBrush&amp;gt;
                        &amp;lt;/Border.Background&amp;gt;
                    &amp;lt;/Border&amp;gt;
                    &amp;lt;ContentPresenter x:Name="contentPresenter"
                                      HorizontalAlignment="{TemplateBinding HorizontalContentAlignment}"
                                      VerticalAlignment="{TemplateBinding VerticalContentAlignment}"
                                      Margin="{TemplateBinding Padding}"
                                      RenderTransformOrigin="0.5,0.5"
                                      Grid.RowSpan="2" /&amp;gt;
                &amp;lt;/Grid&amp;gt;
            &amp;lt;/ControlTemplate&amp;gt;
        &amp;lt;/Setter.Value&amp;gt;
    &amp;lt;/Setter&amp;gt;
&amp;lt;/Style&amp;gt;
&amp;lt;/ResourceDictionary&amp;gt;
&lt;/code&gt;&lt;/pre&gt;
&lt;p&gt;Here is the code where error occurred in the line : &lt;code&gt;&amp;lt;VisualState x:Name="Focused"&amp;gt;&lt;/code&gt;&lt;/p&gt;
&lt;p&gt;&lt;a href="http://i.stack.imgur.com/Ej1WZ.png" rel="nofollow"&gt;enter image description here&lt;/a&gt;&lt;/p&gt;</t>
  </si>
  <si>
    <t>2016-09-09 15:45:51.347000+00:00</t>
  </si>
  <si>
    <t>2016-09-09 19:20:30.357000+00:00</t>
  </si>
  <si>
    <t>2016-09-09 16:01:17.090000+00:00</t>
  </si>
  <si>
    <t>Showing a List in another activity when clicked on an item in ListView</t>
  </si>
  <si>
    <t>&lt;p&gt;first of all sorry for my English if its bad :D&lt;/p&gt;
&lt;p&gt;My question is: I have 2 arraylists, one is for items on ListView, other is for when you click items they will come in other activity. How can I do that?&lt;/p&gt;
&lt;p&gt;I wrote adapter and I can show the first ArrayList in other activity but I wanna show the second arraylist on other activity..&lt;/p&gt;
&lt;p&gt;this is my first activity&lt;/p&gt;
&lt;pre&gt;&lt;code&gt;@Override
protected void onCreate(Bundle savedInstanceState) {
    super.onCreate(savedInstanceState);
    setContentView(R.layout.activity_mahlukbilgi1);
    ListView listView = (ListView) findViewById(R.id.listMahluk);
    final ArrayList&amp;lt;String&amp;gt; list1= new ArrayList&amp;lt;String&amp;gt;();
ArrayList&amp;lt;String&amp;gt; list2 = new ArrayList&amp;lt;String&amp;gt;();
ArrayAdapter arrayAdapter = new ArrayAdapter(this, R.layout.list_white_text, list1);
    listView.setAdapter(arrayAdapter);
    listView.setOnItemClickListener(new AdapterView.OnItemClickListener() {
        @Override
        public void onItemClick(AdapterView&amp;lt;?&amp;gt; parent, View view, int position, long id) {
            Intent intent = new Intent(getApplicationContext(), MahlukdetayActivity.class);
            intent.putExtra("name", list1.get(position));
            startActivity(intent);
        }
    });
}
&lt;/code&gt;&lt;/pre&gt;
&lt;p&gt;this is my second&lt;/p&gt;
&lt;pre&gt;&lt;code&gt;@Override
protected void onCreate(Bundle savedInstanceState) {
    super.onCreate(savedInstanceState);
    setContentView(R.layout.activity_mahlukdetay);
    TextView exampleText = (TextView) findViewById(R.id.exampleText);
    Intent intent = getIntent();
    String name = intent.getStringExtra("name");
    exampleText.setText(name);
}
&lt;/code&gt;&lt;/pre&gt;
&lt;p&gt;with this way i can show list1 but I wanna show list2 instead of list1.&lt;/p&gt;</t>
  </si>
  <si>
    <t>2018-09-22 15:55:52.160000+00:00</t>
  </si>
  <si>
    <t>2018-09-22 16:50:04.543000+00:00</t>
  </si>
  <si>
    <t>2018-09-22 16:31:20.727000+00:00</t>
  </si>
  <si>
    <t>java|android|listview|arraylist|android-arrayadapter</t>
  </si>
  <si>
    <t>How to grab the element with certain CSS property value inline</t>
  </si>
  <si>
    <t>&lt;p&gt;I am a newbie to Js. 
I am trying to grab the element from an image array where the &lt;code&gt;opacity&lt;/code&gt; of the image is set to &lt;code&gt;1&lt;/code&gt;. Please tell me how is it possible.
I tried &lt;code&gt;hasAttribute&lt;/code&gt; but I do not know how to compare with &lt;code&gt;==1&lt;/code&gt;, as it gave unexpected results. &lt;/p&gt;
&lt;pre&gt;&lt;code&gt;   &amp;lt;ul id="fullscreenImagesList"&amp;gt;
        &amp;lt;li&amp;gt;&amp;lt;span class="fullscrnImgs"&amp;gt;&amp;lt;/span&amp;gt;&amp;lt;/li&amp;gt;
       &amp;lt;li&amp;gt; &amp;lt;span class="fullscrnImgs" style="opacity: 1;"&amp;gt;&amp;lt;/span&amp;gt; &amp;lt;/li&amp;gt;
        &amp;lt;li&amp;gt;&amp;lt;span class="fullscrnImgs"&amp;gt;&amp;lt;/span&amp;gt;&amp;lt;/li&amp;gt;
        &amp;lt;li&amp;gt;&amp;lt;span class="fullscrnImgs"&amp;gt;&amp;lt;/span&amp;gt; &amp;lt;/li&amp;gt;
        &amp;lt;li&amp;gt;&amp;lt;span class="fullscrnImgs"&amp;gt;&amp;lt;/span&amp;gt; &amp;lt;/li&amp;gt;
    &amp;lt;/ul&amp;gt;
&lt;/code&gt;&lt;/pre&gt;
&lt;p&gt;And now the Js&lt;/p&gt;
&lt;pre&gt;&lt;code&gt;var bigImages = [].slice.call(document.getElementsByClassName("fullscrnImgs"));
for (var i = 0; i &amp;lt; bigImages.length; i++) {
        var opac = bigImages[i].getAttribute("opacity");
        console.log(opac);    
    }
&lt;/code&gt;&lt;/pre&gt;</t>
  </si>
  <si>
    <t>2015-09-19 03:24:58.487000+00:00</t>
  </si>
  <si>
    <t>2015-09-19 13:14:49.283000+00:00</t>
  </si>
  <si>
    <t>2015-09-19 08:21:19.760000+00:00</t>
  </si>
  <si>
    <t>How is the DOM object document.cookie property built?</t>
  </si>
  <si>
    <t>&lt;p&gt;When you are served a web page, who builds the DOM document? Is it strictly the server printing HTML? How is the browser involved? I am specifically interested in knowing how is the document.cookie property populated.&lt;/p&gt;
&lt;p&gt;A) &lt;strong&gt;The server populates document.cookie&lt;/strong&gt;&lt;/p&gt;
&lt;ol&gt;
&lt;li&gt;The browser stores a cookie for foobar.com in the users hard drive. &lt;/li&gt;
&lt;li&gt;The next time foobar.com is visited, the browser presents all cookies for foobar.com to the server.&lt;/li&gt;
&lt;li&gt;The server builds the DOM document.cookie property based on these cookies.&lt;/li&gt;
&lt;/ol&gt;
&lt;p&gt;B) &lt;strong&gt;The browser populates document.cookie&lt;/strong&gt;&lt;/p&gt;
&lt;ol&gt;
&lt;li&gt;The browser stores a cookie for foobar.com in the users hard drive. &lt;/li&gt;
&lt;li&gt;The next time foobar.com is visited, the server goes on about constructing and serving the HTML.&lt;/li&gt;
&lt;li&gt;Somewhere before or after the browser grabs all the cookies on the hard drive and populates document.cookie.&lt;/li&gt;
&lt;/ol&gt;
&lt;p&gt;I am interested in this information because I'm studying how cookie stripping at proxy servers such as Varnish and Squid can affect cookies. If document.cookie was built by the server (option A above), then I would assume cookie stripping by proxies would affect the document.cookie property. I am however party inclined to think B is the case since I have a directive in a Varnish server to specifically strip a cookie, but the data of the cookie remains persistent in document.cookie even after stripping it from the request.&lt;/p&gt;
&lt;p&gt;This question is especially important for people who have websites behind Varnish, since a request that comes attached with a cookie negates the use of cached data and generates a back-end hit.&lt;/p&gt;</t>
  </si>
  <si>
    <t>2011-04-27 21:34:01.463000+00:00</t>
  </si>
  <si>
    <t>2011-05-10 05:16:24.577000+00:00</t>
  </si>
  <si>
    <t>2011-04-27 21:52:33.340000+00:00</t>
  </si>
  <si>
    <t>javascript|cookies|proxy|squid|varnish</t>
  </si>
  <si>
    <t>An error occurred loading a configuration file: Failed to start monitoring changes to '\\share'</t>
  </si>
  <si>
    <t>&lt;p&gt;I had this same problem last week, which resolved itself after I enabled impersonation. Now, I've moved this box to a different location and am now receiving it again. However, this time it is much less descriptive. The only error I'm receiving is:&lt;/p&gt;
&lt;pre&gt;&lt;code&gt;An error occurred loading a configuration file: Failed to start monitoring changes to '\\share'
&lt;/code&gt;&lt;/pre&gt;
&lt;p&gt;I've changed both the web server and file server's local administrator password to what it should be and also the power user that connects between. I've even hit the share from the local machine using both accounts and can see the files no problem.&lt;/p&gt;
&lt;p&gt;Any ideas what can be causing this?&lt;/p&gt;
&lt;p&gt;TIA!&lt;/p&gt;</t>
  </si>
  <si>
    <t>2010-07-17 12:43:43.110000+00:00</t>
  </si>
  <si>
    <t>2012-12-31 01:33:59.517000+00:00</t>
  </si>
  <si>
    <t>iis|configuration|web-config|impersonation|file-permissions</t>
  </si>
  <si>
    <t>VBA copy a range from a workbook sheet to another workbook on a different sheet</t>
  </si>
  <si>
    <t>&lt;p&gt;I am fairly new to VBA.    &lt;/p&gt;
&lt;p&gt;I want to copy cell range (A2:BG2) from Workbook A, Sheet 2. To Active Workbook B, Active Sheet 3 range (A1:BG1).&lt;/p&gt;
&lt;p&gt;Could you help me out on this one? This is what I came up with this far. &lt;/p&gt;
&lt;pre&gt;&lt;code&gt;Sub Macro6()
'
' Macro6 Macro
'
'
    ActiveCell.Rows("1:1").EntireRow.Select
    Windows("Bollore - kopregels importeren Bollore invoice soorten.xlsx").Activate
    ActiveCell.Offset(-11, 0).Rows("1:1").EntireRow.Select
   ActiveCell.Offset(-11, -4).Range("A1").Activate
    Selection.Copy
    Windows("Personal.xlsb").Activate
    Selection.Insert Shift:=xlDown
    ActiveCell.Offset(5, 12).Range("A1").Select
    ActiveWindow.ScrollColumn = 2
    ActiveWindow.ScrollColumn = 3
    ActiveWindow.ScrollColumn = 4
&lt;/code&gt;&lt;/pre&gt;</t>
  </si>
  <si>
    <t>2018-08-22 14:55:15.580000+00:00</t>
  </si>
  <si>
    <t>2018-08-22 18:22:53.770000+00:00</t>
  </si>
  <si>
    <t>excel-vba</t>
  </si>
  <si>
    <t>unable to send Byte[] from webform client project to web api service project using c#.working fine with webservice</t>
  </si>
  <si>
    <t>&lt;p&gt;I have &lt;code&gt;c# webForm clientproject&lt;/code&gt; and &lt;code&gt;web api service&lt;/code&gt; project.&lt;/p&gt;
&lt;p&gt;I'm sending one file from &lt;code&gt;c# webForm clientproject&lt;/code&gt; to &lt;code&gt;web api service&lt;/code&gt; project using &lt;code&gt;Byte[]&lt;/code&gt;
but at &lt;code&gt;web api service&lt;/code&gt; project &lt;code&gt;I'm getting null as Byte[]&lt;/code&gt;
same code working fine with webservice &lt;a href="http://www.c-sharpcorner.com/uploadfile/scottlysle/uploadwithcsharpws05032007121259pm/uploadwithcsharpws.aspx" rel="nofollow"&gt;CODE-IS-HERE&lt;/a&gt;&lt;/p&gt;
&lt;p&gt;winform c# project code&lt;/p&gt;
&lt;pre&gt;&lt;code&gt;    private void button1_Click(object sender, System.EventArgs e)
    {
        FileStream objfilestream = new FileStream("C:\\mytext.dll",FileMode.Open,FileAccess.Read);
        int len = (int)objfilestream.Length;
        Byte[] mybytearray = new Byte[len];
        objfilestream.Read(mybytearray,0,len);
// call service using REST SHARP        
var restClient = new RestClient("http://localhost:51737/");
            RestSharp.RestRequest restRequest = new RestRequest("api/values", Method.GET);
            restRequest.AddParameter("docbinaryarray", mybytearray);
            restRequest.AddParameter("docname", sFile.Remove(0, sFile.LastIndexOf("\\") + 1)); 
            restRequest.AddHeader("header", "value");
            RestSharp.IRestResponse restResponse = restClient.Execute(restRequest);
        objfilestream.Close();
    }
&lt;/code&gt;&lt;/pre&gt;
&lt;p&gt;Now in &lt;code&gt;web api service&lt;/code&gt;&lt;/p&gt;
&lt;pre&gt;&lt;code&gt;// GET api/values
        public IEnumerable&amp;lt;string&amp;gt; Get(Byte[] docbinaryarray, string docname)
        {
            string strdocPath;
            strdocPath = @"C:\Users\ServicetEst\bin" + docname;
            FileStream objfilestream = new FileStream(strdocPath, FileMode.Create, FileAccess.ReadWrite);
            objfilestream.Write(docbinaryarray, 0, docbinaryarray.Length);
            objfilestream.Close();
            return "";
        }
&lt;/code&gt;&lt;/pre&gt;
&lt;blockquote&gt;
  &lt;p&gt;But inside web api service i'm getting &lt;code&gt;NULL&lt;/code&gt; for &lt;code&gt;docbinaryarray&lt;/code&gt; why
  so any clue? basically i'm sending one dll file from one solution to
  another solution using Byte[] but same code working fine with web service.&lt;/p&gt;
&lt;/blockquote&gt;</t>
  </si>
  <si>
    <t>2016-01-21 06:27:03.590000+00:00</t>
  </si>
  <si>
    <t>2016-01-21 09:25:36.240000+00:00</t>
  </si>
  <si>
    <t>c#|.net|file-upload|asp.net-web-api|restsharp</t>
  </si>
  <si>
    <t>update UILabel in another view controller</t>
  </si>
  <si>
    <t>&lt;p&gt;Hi I have a quiz app that gives you a score in a UILabel after answering each question, so I have a button that when you hit the correct answer you get 10 points and if hit the wrong answer you get 0 points, but how do I bring the int score value to the next question, which is pushed by a navController.&lt;/p&gt;
&lt;p&gt;Thanks!&lt;/p&gt;</t>
  </si>
  <si>
    <t>2011-07-08 01:32:14.093000+00:00</t>
  </si>
  <si>
    <t>2011-10-06 10:56:24.770000+00:00</t>
  </si>
  <si>
    <t>iphone|objective-c|ios|uinavigationcontroller|uilabel</t>
  </si>
  <si>
    <t>How implament fieldMask in python grpc updating request?</t>
  </si>
  <si>
    <t>&lt;p&gt;I have not understood completely how protobuf FieldMask works in grpc request, I've created this message from client, but I do not know how to receive and show the values in the server site.&lt;/p&gt;
&lt;p&gt;&lt;code&gt;Client.py&lt;/code&gt;&lt;/p&gt;
&lt;pre&gt;&lt;code&gt;    fm = FieldMask(
        paths=[ 'f.a',
                'f2.a'
        ])
    msg = proto_pb2.Message(
            f=proto_pb2.F(a=a_value),
            f2=proto_pb2.F2(a=a_value)
    )
    new_message = proto_pb2.Message()
    fm.MergeMessage(msg, new_message)
    # Create message to send server
    request = server_manager_pb2.UpdateMessageRequest(
              id=proto_pb2.Message(id=message_id),
              update_mask=fm)
    # make the call
    response = stub.UpdateMessage(request)
&lt;/code&gt;&lt;/pre&gt;
&lt;p&gt;but in &lt;code&gt;server.py&lt;/code&gt;&lt;/p&gt;
&lt;pre&gt;&lt;code&gt;    def UpdateMessage(self, request, context):
        print(request.update_mask)
&lt;/code&gt;&lt;/pre&gt;
&lt;p&gt;is displaying the follow value:&lt;/p&gt;
&lt;pre&gt;&lt;code&gt;    paths: "f.a"
    paths: "f2.a"
&lt;/code&gt;&lt;/pre&gt;
&lt;p&gt;how can I display the field values sent by client in this server method or how FieldMask works?&lt;/p&gt;</t>
  </si>
  <si>
    <t>2018-05-11 20:07:07.243000+00:00</t>
  </si>
  <si>
    <t>python|google-api|protocol-buffers|grpc</t>
  </si>
  <si>
    <t>SQL syntax issue (Same piece of code, giving me an error! I do not understand.)</t>
  </si>
  <si>
    <t>&lt;p&gt;I have done nothing on this code, it worked once before. now its giving me this error. &lt;/p&gt;
&lt;pre&gt;&lt;code&gt;Error: You have an error in your SQL syntax;
check the manual that corresponds to your MySQL server version for the right syntax to use
near ' `main` = 'yes', `cat` = '' `marka`.`id` ='39'' at line 1
&lt;/code&gt;&lt;/pre&gt;
&lt;p&gt;The code in my php is this &lt;/p&gt;
&lt;pre&gt;&lt;code&gt;$updatenews = mysql_query(
 "UPDATE `newcnlco_atakomdb`.`marka`
  SET `title` =  '".mysql_escape_string($title)."',
 `name` =  '".mysql_escape_string($name)."',
 `text` =  '".mysql_escape_string($text)."',
 `url` =  '".mysql_escape_string($url)."',
 `main` =  '".mysql_escape_string($main)."',
 `cat` =  '".mysql_escape_string($cat)."'
  WHERE `marka`.`id` ='".$markaid."'"
)
 or die ('Error: '.mysql_error ());
 if($updatenews)  {
  echo "&amp;lt;br/&amp;gt;";
  echo '&amp;lt;div id="alert"&amp;gt;Marka degisildi!&amp;lt;/div&amp;gt;';
 } else { 
  echo "error 1";
 }
&lt;/code&gt;&lt;/pre&gt;
&lt;p&gt;I honestly cannot understand what changed and why I am getting the error. Please help me.&lt;/p&gt;</t>
  </si>
  <si>
    <t>2012-04-19 07:30:16.670000+00:00</t>
  </si>
  <si>
    <t>2012-04-19 08:01:40.820000+00:00</t>
  </si>
  <si>
    <t>2012-04-19 07:37:50.597000+00:00</t>
  </si>
  <si>
    <t>how come my checkboxes don't become visisble ?</t>
  </si>
  <si>
    <t>&lt;p&gt;Hello I'm new to javascript &amp;amp; html and I have a question. I have some checkboxes that i would like to make visible using css but it doens't work. How come? &lt;/p&gt;
&lt;p&gt;this is my html code where the checkboxes are hidden:&lt;/p&gt;
&lt;pre&gt;&lt;code&gt;    &amp;lt;script src="../js/shop.js"&amp;gt;&amp;lt;/script&amp;gt;
    &amp;lt;div id="img"&amp;gt;
    &amp;lt;button onclick="ShowCheckBoxes()"&amp;gt;&amp;lt;img src="../images/winkelwagen.jpg"&amp;gt;&amp;lt;/button&amp;gt;
    &amp;lt;/div&amp;gt;
    &amp;lt;a name="Pasgeborenen"&amp;gt;&amp;lt;h3&amp;gt;Pasgeborenen&amp;lt;/h3&amp;gt;&amp;lt;/a&amp;gt;
    &amp;lt;div class="section"&amp;gt;
        &amp;lt;a name="Pika"&amp;gt; Pika blanket&amp;lt;/a&amp;gt;
        &amp;lt;a&amp;gt;&amp;lt;img src="../images/NB1.jpg" /&amp;gt;&amp;lt;/a&amp;gt;
        &amp;lt;p&amp;gt;���19.99 &amp;lt;input type="checkbox" name="Pika blanket" id="id1" style="visibility: hidden"&amp;gt;&amp;lt;/p&amp;gt;
    &amp;lt;/div&amp;gt;
    &amp;lt;div class="section"&amp;gt;
        &amp;lt;a&amp;gt;Familie top&amp;lt;/a&amp;gt;
        &amp;lt;a&amp;gt;&amp;lt;img src="../images/NB2.jpg" /&amp;gt;&amp;lt;/a&amp;gt;
        &amp;lt;p&amp;gt;���19.99 &amp;lt;input type="checkbox" name="Pika blanket" id="id2" style="display:none;"&amp;gt;&amp;lt;/p&amp;gt;
    &amp;lt;/div&amp;gt;
&lt;/code&gt;&lt;/pre&gt;
&lt;p&gt;this is de js code that should make them visible but it doens't:&lt;/p&gt;
&lt;pre&gt;&lt;code&gt;ShowCheckBoxes()
{
for(var i=1;i&amp;lt;=35;i++) {
    document.getElementById("id"+i).style.visibility = "visible";
  }
}
&lt;/code&gt;&lt;/pre&gt;
&lt;p&gt;Thanks in advance!&lt;/p&gt;</t>
  </si>
  <si>
    <t>2013-10-21 16:53:07.523000+00:00</t>
  </si>
  <si>
    <t>2013-10-21 17:01:19.093000+00:00</t>
  </si>
  <si>
    <t>javascript|html|hidden</t>
  </si>
  <si>
    <t>PHP - Twig Installation</t>
  </si>
  <si>
    <t>&lt;p&gt;I've been looking at Twig (http://twig.sensiolabs.org/).  I've been wanting to make a simple open source calendar program that I can distribute (has a mini installer etc).  Smarty (another template engine) wants you to install it in a non web-accessible directory for security.  The only thing is I'd think that would make my installer really complicated if not impossible.  Does twig require you to place its main files outside the webroot, or can I place it anywhere?&lt;/p&gt;</t>
  </si>
  <si>
    <t>2012-08-27 12:55:03.587000+00:00</t>
  </si>
  <si>
    <t>2012-08-27 14:06:27.380000+00:00</t>
  </si>
  <si>
    <t>php|smarty|twig</t>
  </si>
  <si>
    <t>Spring scheduler batch + scaling batch</t>
  </si>
  <si>
    <t>&lt;p&gt;I have a spring scheduler batch configurate sucessful and also a spring scaling batch configurated sucessful. How can I configure a scheduler batch with a scaling batch?
At the moment the step1 is not reachable:
Exception in thread "main" org.springframework.beans.factory.parsing.BeanDefinitionParsingException: Configuration problem: The element [step1] is unreachable
Offending resource: class path resource [applicationContext.xml]&lt;/p&gt;
&lt;p&gt;Thanks!&lt;/p&gt;
&lt;pre&gt;&lt;code&gt;&amp;lt;bean id="targetSync" class="org.jscsi.batch.TargetSync" /&amp;gt;
&amp;lt;batch:job id="targetSyncJob"&amp;gt;
    &amp;lt;batch:step id="step0"&amp;gt;
        &amp;lt;batch:job ref="partitionJob"/&amp;gt;
    &amp;lt;/batch:step&amp;gt;
    &amp;lt;batch:step id="step1"&amp;gt;
        &amp;lt;batch:tasklet ref="targetSync" /&amp;gt;
    &amp;lt;/batch:step&amp;gt;
&amp;lt;/batch:job&amp;gt;
... targetSync ...
&amp;lt;!-- Scaling Spring Batch --&amp;gt;
&amp;lt;bean id="blockJscsiPartitioner" class="org.jscsi.batch.BlockJscsiPartitioner"
    scope="step" /&amp;gt;
&amp;lt;bean id="taskExecutorPartition" class="org.springframework.core.task.SimpleAsyncTaskExecutor" /&amp;gt;
&amp;lt;job id="partitionJob" xmlns="http://www.springframework.org/schema/batch"&amp;gt;
    &amp;lt;step id="masterStep"&amp;gt;
        &amp;lt;partition step="slave" partitioner="blockJscsiPartitioner"&amp;gt;
            &amp;lt;handler grid-size="10" task-executor="taskExecutorPartition" /&amp;gt;
        &amp;lt;/partition&amp;gt;
    &amp;lt;/step&amp;gt;
&amp;lt;/job&amp;gt;
&amp;lt;step id="slave" xmlns="http://www.springframework.org/schema/batch"&amp;gt;
    &amp;lt;tasklet ref="blocksProcessor" /&amp;gt;
&amp;lt;/step&amp;gt;
&amp;lt;bean id="blocksProcessor" class="org.jscsi.processor.BlocksProcessor" /&amp;gt;
&lt;/code&gt;&lt;/pre&gt;</t>
  </si>
  <si>
    <t>2014-04-07 17:15:29.150000+00:00</t>
  </si>
  <si>
    <t>java|multithreading|spring|spring-batch</t>
  </si>
  <si>
    <t>System.Converter and String.Intern in NET Standard Library 1.6?</t>
  </si>
  <si>
    <t>&lt;p&gt;I am now migrating from .net 4.5.x libraries to .net standard 1.6 libraries. But I don't know how to find packages for
System.Converter, 
String.Intern, 
etc.&lt;/p&gt;
&lt;p&gt;Anyone can help me? If those classes are not available in .net standard, which are recommended instead?&lt;/p&gt;</t>
  </si>
  <si>
    <t>2016-08-12 04:38:08.010000+00:00</t>
  </si>
  <si>
    <t>2016-08-13 15:14:20.957000+00:00</t>
  </si>
  <si>
    <t>asp.net-core|.net-core</t>
  </si>
  <si>
    <t>Find user by authentication token in Rails?</t>
  </si>
  <si>
    <t>&lt;p&gt;So for a certain project I'm thinking it may possibly be useful for me to be able to take an authentication token and figure out which user it is for. I'm not sure if it's even possible or not. Anyone happen to know?&lt;/p&gt;</t>
  </si>
  <si>
    <t>2010-02-11 18:47:53.050000+00:00</t>
  </si>
  <si>
    <t>2011-01-25 04:56:26.870000+00:00</t>
  </si>
  <si>
    <t>ruby-on-rails|authentication|session|token</t>
  </si>
  <si>
    <t>How to Take Database Backup without using phpmyadmin?</t>
  </si>
  <si>
    <t>&lt;p&gt;How can I take backup of  all tables of a database from ftp without using phpmyadmin and get the backup as a .sql file ??&lt;/p&gt;</t>
  </si>
  <si>
    <t>2016-01-03 05:57:45.007000+00:00</t>
  </si>
  <si>
    <t>2016-01-04 00:18:33.113000+00:00</t>
  </si>
  <si>
    <t>Simple way of returning the length of the string to output</t>
  </si>
  <si>
    <t>&lt;p&gt;I am writing a program that prints out a user-entered string and its length.
I was able to get this part:&lt;/p&gt;
&lt;pre&gt;&lt;code&gt; #include &amp;lt;iostream&amp;gt;
 #include &amp;lt;string&amp;gt;
 using namespace std;
 int main()
 {
     string x;
     getline(cin, x);
     cout &amp;lt;&amp;lt; "You entered: " &amp;lt;&amp;lt; x &amp;lt;&amp;lt; "String length/size is: "&amp;lt;&amp;lt;  /*  What comes Here ? */  &amp;lt;&amp;lt;endl;
 }
&lt;/code&gt;&lt;/pre&gt;
&lt;p&gt;Rest of the process remains incomprehensible. &lt;/p&gt;</t>
  </si>
  <si>
    <t>2016-09-07 15:07:16.930000+00:00</t>
  </si>
  <si>
    <t>2016-09-08 14:02:35.840000+00:00</t>
  </si>
  <si>
    <t>c++|string</t>
  </si>
  <si>
    <t>What hostname does npm install point to?</t>
  </si>
  <si>
    <t>&lt;p&gt;I need to install several Node.js packages through npm on a standalone server that will not be granted direct access to the internet.&lt;/p&gt;
&lt;p&gt;I can open up a particular IP Address and port, though.&lt;/p&gt;
&lt;p&gt;When one runs 'npm install' from the command line, where is the actual npm repository located, and what port is used by npm to connect to it? npmjs.org, port 80?&lt;/p&gt;</t>
  </si>
  <si>
    <t>2013-08-25 18:56:33.970000+00:00</t>
  </si>
  <si>
    <t>2013-08-25 19:51:05.033000+00:00</t>
  </si>
  <si>
    <t>javascript|node.js|npm</t>
  </si>
  <si>
    <t>Inno Setup: restart during setup process won't start after reboot</t>
  </si>
  <si>
    <t>&lt;p&gt;I've made a installer using Inno Setup, and  I need to restart computer after some files was run, 
so I used the solution from &lt;a href="https://stackoverflow.com/questions/19750880/inno-setup-restart-in-the-middle-of-setup-process" title="this post"&gt;this post&lt;/a&gt;.&lt;/p&gt;
&lt;p&gt;The inno setup sample '&lt;em&gt;CodePrepareToInstall.iss&lt;/em&gt;' works fine, so I used the code for my test installation but my installer don't start after
computer reboots. &lt;/p&gt;
&lt;p&gt;Both installer (inno demo and my test) add a registry entry in '&lt;em&gt;HKLM\Software\Microsoft\Windows\CurrentVersion\RunOnce&lt;/em&gt;', the only difference is 
the added value. My sting ist much longer than the added string from inno demo.&lt;/p&gt;
&lt;p&gt;Is there a value legth limitation in registry/runonce?&lt;/p&gt;
&lt;pre&gt;&lt;code&gt;Inno Demo Value:
"C:\Users\Admin\Documents\Inno Setup Examples Output\setup.exe" /restart=1 /LANG=default /DIR="C:\Program Files (x86)\My Program" /GROUP="My Program"
My Installer Value:
"C:\Users\Admin\Documents\Inno Setup Projekte\Treiber Test\bin\Driver Test Setup.exe" /restart=1 /LANG=german /DIR="C:\Driver" /GROUP="Driver Test Setup" /TYPE="full" /COMPONENTS="1234driverinstaller,audio,bluetooth,chipset,devicepowermanager,gps,inputmanagementservice,modem,lan,1234powerplan,touchscreen,vga,wlan,wwan,1234products"
&lt;/code&gt;&lt;/pre&gt;</t>
  </si>
  <si>
    <t>2015-04-09 11:26:31.920000+00:00</t>
  </si>
  <si>
    <t>2015-04-09 13:36:41.573000+00:00</t>
  </si>
  <si>
    <t>2017-05-23 12:22:25.873000+00:00</t>
  </si>
  <si>
    <t>windows|installation|registry|inno-setup|reboot</t>
  </si>
  <si>
    <t>Django: model has two ManyToMany relations through intermediate model</t>
  </si>
  <si>
    <t>&lt;p&gt;So I am new to Django, and want to describe the scenario: there are a bunch of &lt;code&gt;Persons&lt;/code&gt;, and there are a bunch of &lt;code&gt;Items&lt;/code&gt;, and a person passes &lt;code&gt;Items&lt;/code&gt; to another &lt;code&gt;Person&lt;/code&gt;.&lt;/p&gt;
&lt;p&gt;I have the following model:&lt;/p&gt;
&lt;pre&gt;&lt;code&gt;class Item(models.Model):
    title = models.CharField(max_length=1024, blank=False)
    def __unicode__(self):
        return self.title
class Person(models.Model):
    name = models.CharField(max_length=127, blank=False)
    out_item = models.ManyToManyField(
        Item,
        through='Event',
        through_fields=('from_user', 'item'),
        related_name='giver'
    )
    in_item = models.ManyToManyField(
        Item,
        through='Event',
        through_fields=('to_user', 'item'),
        related_name='receiver'
    )
    def __unicode__(self):
        return self.name
class Event(models.Model):
    item = models.ForeignKey(Item)
    from_user = models.ForeignKey(Person, related_name='event_as_giver')
    to_user = models.ForeignKey(Person, related_name='event_as_receiver')
&lt;/code&gt;&lt;/pre&gt;
&lt;p&gt;But &lt;code&gt;makemigrations&lt;/code&gt; tells me &lt;code&gt;app.Person: (models.E003) The model has two many-to-many relations through the intermediate model 'app.Event'.&lt;/code&gt;&lt;/p&gt;
&lt;p&gt;I wonder what I did wrong? Or what is a clean way to achieve the scenario? Perhaps I can separate &lt;code&gt;Event&lt;/code&gt; into &lt;code&gt;GiveEvent&lt;/code&gt; and &lt;code&gt;ReceiveEvent&lt;/code&gt;? But that just makes less sense intuitively, since there is actually only a single event when item is passed.&lt;/p&gt;</t>
  </si>
  <si>
    <t>2014-10-18 04:43:35.713000+00:00</t>
  </si>
  <si>
    <t>2017-01-26 22:09:05.430000+00:00</t>
  </si>
  <si>
    <t>2014-10-18 16:02:53.230000+00:00</t>
  </si>
  <si>
    <t>GROUP BY clause parsed before or after SELECT clause</t>
  </si>
  <si>
    <t>&lt;p&gt;I'm trying to understand the &lt;em&gt;logical&lt;/em&gt; order of execution of the &lt;code&gt;SELECT&lt;/code&gt; query in the MySQL DBMS.&lt;/p&gt;
&lt;p&gt;Reading &lt;a href="https://stackoverflow.com/questions/4596467/order-of-execution-of-the-sql-query"&gt;this&lt;/a&gt; and &lt;a href="https://stackoverflow.com/questions/24127932/mysql-query-clause-execution-order"&gt;this&lt;/a&gt; questions  it came out that the order can be:&lt;/p&gt;
&lt;blockquote&gt;
  &lt;ol&gt;
  &lt;li&gt;FROM&lt;/li&gt;
  &lt;li&gt;ON&lt;/li&gt;
  &lt;li&gt;JOIN&lt;/li&gt;
  &lt;li&gt;WHERE&lt;/li&gt;
  &lt;li&gt;&lt;strong&gt;GROUP BY&lt;/strong&gt;&lt;/li&gt;
  &lt;li&gt;WITH CUBE or WITH ROLLUP&lt;/li&gt;
  &lt;li&gt;HAVING&lt;/li&gt;
  &lt;li&gt;&lt;strong&gt;SELECT&lt;/strong&gt;&lt;/li&gt;
  &lt;li&gt;DISTINCT&lt;/li&gt;
  &lt;li&gt;ORDER BY&lt;/li&gt;
  &lt;li&gt;TOP&lt;/li&gt;
  &lt;/ol&gt;
&lt;/blockquote&gt;
&lt;p&gt;Or:&lt;/p&gt;
&lt;blockquote&gt;
  &lt;ol&gt;
  &lt;li&gt;FROM clause&lt;/li&gt;
  &lt;li&gt;WHERE clause&lt;/li&gt;
  &lt;li&gt;&lt;strong&gt;SELECT clause&lt;/strong&gt;&lt;/li&gt;
  &lt;li&gt;&lt;strong&gt;GROUP BY clause&lt;/strong&gt;&lt;/li&gt;
  &lt;li&gt;HAVING clause&lt;/li&gt;
  &lt;li&gt;ORDER BY clause&lt;/li&gt;
  &lt;/ol&gt;
&lt;/blockquote&gt;
&lt;p&gt;As you can see the order is inverse in the two, so I started fiddling with MySQL.&lt;/p&gt;
&lt;p&gt;The table (&lt;code&gt;PROGETTO&lt;/code&gt;) was the following:&lt;/p&gt;
&lt;pre&gt;&lt;code&gt;+----------+-------------+------+-----+---------+-------+
| Field    | Type        | Null | Key | Default | Extra |
+----------+-------------+------+-----+---------+-------+
| NOME_P   | varchar(15) | NO   | UNI | NULL    |       |
| NUMERO_P | int(11)     | NO   | PRI | NULL    |       |
| SEDE_P   | varchar(15) | YES  |     | NULL    |       |
| NUM_D    | int(11)     | NO   | MUL | NULL    |       |
+----------+-------------+------+-----+---------+-------+
&lt;/code&gt;&lt;/pre&gt;
&lt;p&gt;the dataset was:&lt;/p&gt;
&lt;pre&gt;&lt;code&gt;+-----------------+----------+-----------+-------+
| NOME_P          | NUMERO_P | SEDE_P    | NUM_D |
+-----------------+----------+-----------+-------+
| ProdottoX       |        1 | Bellaire  |     5 |
| ProdottoY       |        2 | Sugarland |     5 |
| ProdottoZ       |        3 | Houston   |     5 |
| Informatizzazio |       10 | Stafford  |     4 |
| Riorganizzazion |       20 | Houston   |     1 |
| Nuove opportuni |       30 | Stafford  |     4 |
+-----------------+----------+-----------+-------+
&lt;/code&gt;&lt;/pre&gt;
&lt;p&gt;So, I launched the first query:&lt;/p&gt;
&lt;pre&gt;&lt;code&gt;mysql&amp;gt; SELECT NOME_P FROM PROGETTO GROUP BY NUM_D;
+-----------------+
| NOME_P          |
+-----------------+
| Riorganizzazion |
| Informatizzazio |
| ProdottoX       |
+-----------------+
&lt;/code&gt;&lt;/pre&gt;
&lt;p&gt;and I thought, "well the order must be the first one, but let's try another time..." and I executed:&lt;/p&gt;
&lt;pre&gt;&lt;code&gt;mysql&amp;gt; SELECT NOME_P AS NNN FROM PROGETTO GROUP BY  NNN;
+-----------------+
| NNN             |
+-----------------+
| Informatizzazio |
| Nuove opportuni |
| ProdottoX       |
| ProdottoY       |
| ProdottoZ       |
| Riorganizzazion |
+-----------------+
&lt;/code&gt;&lt;/pre&gt;
&lt;p&gt;...and this totally made me confused.&lt;/p&gt;</t>
  </si>
  <si>
    <t>2016-06-25 16:45:36.913000+00:00</t>
  </si>
  <si>
    <t>2017-05-23 10:34:05.250000+00:00</t>
  </si>
  <si>
    <t>Maintain data in R package with scheduled sql pulls</t>
  </si>
  <si>
    <t>&lt;p&gt;I have a personal, non-CRAN, R package. Its purpose is reduce the amount of repeated wrangling I need to do. The data must be pulled from sql server. This pull from SQL is done weekly. Where should I put my sql file and where should I put the R code that does a scheduled weekly sql pull?&lt;/p&gt;</t>
  </si>
  <si>
    <t>2017-11-17 19:29:08.223000+00:00</t>
  </si>
  <si>
    <t>2017-11-17 19:53:58.730000+00:00</t>
  </si>
  <si>
    <t>r|r-package</t>
  </si>
  <si>
    <t>how to take last element from Map&lt;String,Integer&gt;</t>
  </si>
  <si>
    <t>&lt;p&gt;Hi I have a MAP which gives all records after counting elements. In this record set last element of MAP is the final output of counted records for me .. but how to fetch it and assign it to String ( to use  it for later purpose)?&lt;/p&gt;
&lt;pre&gt;&lt;code&gt;Map&amp;lt;String, Integer&amp;gt; stringsWithCount = new TreeMap&amp;lt;String,Integer&amp;gt;();
                        for (Message msg : convInfo.messages) {
                            // where ever your input comes from: turn it into lower case,
                            // so that "ccc" and "CCC" go for the same counter
                            String item = msg.userName;
                            if (stringsWithCount.containsKey(item)) {
                                stringsWithCount.put(item, stringsWithCount.get(item) + 1);
                            } else {
                                stringsWithCount.put(item, 1);
                            }
                        }
&lt;/code&gt;&lt;/pre&gt;
&lt;p&gt;I am travesing the map like below&lt;/p&gt;
&lt;pre&gt;&lt;code&gt;for (Entry&amp;lt;String, Integer&amp;gt; entry : stringsWithCount.entrySet()) {      
  System.out.println(entry.getKey()+"("+entry.getValue()+")");
                        }
&lt;/code&gt;&lt;/pre&gt;
&lt;p&gt;Now its printing &lt;/p&gt;
&lt;pre&gt;&lt;code&gt;G_LO(1)
FCHAN95(1)
G_LO(1)
FCHAN95(2)
G_LO(1)
FCHAN95(2)
G_LO(1)
WVU(1)
FCHAN95(2)
G_LO(1)
SWONG00(1)
WVU(1)
FCHAN95(3)
G_LO(1)
SWONG00(1)
WVU(1)
FCHAN95(4)
G_LO(1)
SWONG00(1)
WVU(1)
FCHAN95(5)
G_LO(1)
SWONG00(1)
WVU(1)
FCHAN95(6)
G_LO(1)
SWONG00(1)
WVU(1) 
&lt;/code&gt;&lt;/pre&gt;
&lt;p&gt;here starting from last unique records I want to access --&gt; FCHAN95(6) G_LO(1) SWONG00(1) WVU(1)&lt;/p&gt;</t>
  </si>
  <si>
    <t>2016-08-31 06:03:02.660000+00:00</t>
  </si>
  <si>
    <t>2016-08-31 06:16:50.410000+00:00</t>
  </si>
  <si>
    <t>2016-08-31 06:03:58.643000+00:00</t>
  </si>
  <si>
    <t>Lotus Notes View unable to show all the values in separate view</t>
  </si>
  <si>
    <t>&lt;p&gt;I have created a field which is able to support for "multiple value" . In the Lotus Notes view, I have enabled an option "Show multiple values as separate entries" in order to show separate entry of the each value. Noticed that the Lotus Notes view is unable to show all the values in separate entries. Do you have any ideal?&lt;img src="https://i.stack.imgur.com/77PI7.png" alt="Lotus Notes View with Separate Line![][1]"&gt;&lt;/p&gt;</t>
  </si>
  <si>
    <t>2015-01-25 18:04:07.980000+00:00</t>
  </si>
  <si>
    <t>2015-01-26 10:18:01.473000+00:00</t>
  </si>
  <si>
    <t>view|lotus-notes|lotus-formula</t>
  </si>
  <si>
    <t>WSDL provided by the client</t>
  </si>
  <si>
    <t>&lt;p&gt;I am trying to build a payment system while integrating with a Bank &lt;strong&gt;&lt;code&gt;X&lt;/code&gt;&lt;/strong&gt;. &lt;strong&gt;&lt;code&gt;X&lt;/code&gt;&lt;/strong&gt; has provided me with a WSDL link to access the service which defines 2 operations(&lt;code&gt;o1&lt;/code&gt; and &lt;code&gt;o2&lt;/code&gt;). When I send a request to &lt;strong&gt;&lt;code&gt;o1&lt;/code&gt;&lt;/strong&gt; or &lt;strong&gt;&lt;code&gt;o2&lt;/code&gt;&lt;/strong&gt;, the request fails with &lt;strong&gt;&lt;code&gt;SocketError: getaddrinfo: nodename nor servname provided, or not known (SocketError)&lt;/code&gt;&lt;/strong&gt;. &lt;/p&gt;
&lt;p&gt;The reason they are giving for this is that these operations will not work unless I provide a WSDL from my side. This is where I am confused. I am the consumer of the web service so what kind of WSDL should I be providing exactly. Am I missing something here? This is the first time I am using SOAP so before I raise any questions to &lt;strong&gt;&lt;code&gt;X&lt;/code&gt;&lt;/strong&gt; on behalf of my company, I want to know if I am on the right track.    &lt;/p&gt;
&lt;p&gt;EDIT&lt;/p&gt;
&lt;p&gt;I cannot disclose the name of the bank since it is a private integration but, I can give the API details. There is a WSDL endpoint which returns two operations, &lt;strong&gt;&lt;code&gt;pay&lt;/code&gt;&lt;/strong&gt; and &lt;strong&gt;&lt;code&gt;rev&lt;/code&gt;&lt;/strong&gt;. &lt;strong&gt;&lt;code&gt;pay&lt;/code&gt;&lt;/strong&gt; is used to initiate a payment(immediate response, no hooks or callbacks) and &lt;strong&gt;&lt;code&gt;rev&lt;/code&gt;&lt;/strong&gt; is used to get the status of any transaction. The parameters that needs to be sent to &lt;strong&gt;&lt;code&gt;pay&lt;/code&gt;&lt;/strong&gt; and &lt;strong&gt;&lt;code&gt;rev&lt;/code&gt;&lt;/strong&gt; are defined in the API doc. Now, the WSDL returns the operations however, request to &lt;strong&gt;&lt;code&gt;pay&lt;/code&gt;&lt;/strong&gt; and &lt;strong&gt;&lt;code&gt;rev&lt;/code&gt;&lt;/strong&gt; fails as I mentioned above and the reason given by them is that they need a WSDL from our side. So what I want to know is, to consume a web service does a client need to provide a WSDL as well? I know that should not be the case, I just want to be sure.    &lt;/p&gt;</t>
  </si>
  <si>
    <t>2016-04-26 07:08:50.823000+00:00</t>
  </si>
  <si>
    <t>2016-04-26 11:17:55.870000+00:00</t>
  </si>
  <si>
    <t>ruby-on-rails|ruby|soap|wsdl</t>
  </si>
  <si>
    <t>Add fixed positioned Combobox inside FlowPane</t>
  </si>
  <si>
    <t>&lt;p&gt;I have a &lt;code&gt;FlowPane&lt;/code&gt; which will hold many panels which are based on &lt;code&gt;BorderPane&lt;/code&gt;.&lt;/p&gt;
&lt;p&gt;&lt;img src="https://i.stack.imgur.com/3vn6h.png" alt="enter image description here"&gt;&lt;/p&gt;
&lt;p&gt;I want to create &lt;code&gt;ComboBox&lt;/code&gt; which will be used to filter the Panels by type. And the panels will be scrolled by &lt;code&gt;ScrollPane&lt;/code&gt;when they exceed the visible area.&lt;/p&gt;
&lt;p&gt;I want the combo box to scroll along with the FlowPane inside the ScrollPane. I want to get the result which is displayed into the picture. Can you tell me how I can get the desired result. I can very easy create BorderPanes and insert them into the &lt;code&gt;FlowPane&lt;/code&gt; and the challenge is how to position the Combo Box and keep it always at this position. &lt;/p&gt;</t>
  </si>
  <si>
    <t>2013-08-14 10:36:15.820000+00:00</t>
  </si>
  <si>
    <t>2013-08-14 15:11:32.953000+00:00</t>
  </si>
  <si>
    <t>2013-08-14 13:06:17.030000+00:00</t>
  </si>
  <si>
    <t>javafx-2|javafx|javafx-8</t>
  </si>
  <si>
    <t>How to get the indices of NaN 's and inf 's from a list or array</t>
  </si>
  <si>
    <t>&lt;p&gt;I have multiple lists of data; let's call them &lt;code&gt;a, b, c&lt;/code&gt;.&lt;/p&gt;
&lt;pre&gt;&lt;code&gt;import numpy as np
a = [np.NaN, 1, 2, 3, np.NaN, np.NaN, 6]
b = [7, 8, 9, 10, 11, 12, 13]
c = [14, 15, 16, 17, 18, 19, 20]
&lt;/code&gt;&lt;/pre&gt;
&lt;p&gt;The &lt;code&gt;NaN&lt;/code&gt; values occur in &lt;code&gt;a&lt;/code&gt; at indices &lt;code&gt;[0, 4, 5]&lt;/code&gt;; everything that applies to &lt;code&gt;NaNs&lt;/code&gt; in my case also applies to &lt;code&gt;np.inf&lt;/code&gt;. &lt;a href="https://stackoverflow.com/questions/11620914/removing-nan-values-from-an-array"&gt;Rather than remove&lt;/a&gt; the values of the single list &lt;code&gt;a&lt;/code&gt; at those indices, I would like to remove these indices from all lists &lt;code&gt;a b and c&lt;/code&gt; in an efficient manner (actual dataset is large). I tried to get these indices via the function below.&lt;/p&gt;
&lt;pre&gt;&lt;code&gt;def get_nan_idx(data, val=np.NaN):
    # data = np.array(data)
    idxs, = np.where(data == val)
    return idxs
&lt;/code&gt;&lt;/pre&gt;
&lt;p&gt;I call the function but do not get the desired result.&lt;/p&gt;
&lt;pre&gt;&lt;code&gt;nan_idxs = get_nan_idx(a, np.NaN)
print(nan_idxs)
&amp;gt;&amp;gt; [] # result
&lt;/code&gt;&lt;/pre&gt;
&lt;p&gt;If I do not comment out the line &lt;code&gt;# data = np.array(data)&lt;/code&gt; and if I use floats instead of NaNs in the arg &lt;code&gt;val&lt;/code&gt; of the function, then the function works.&lt;/p&gt;
&lt;p&gt;So why doesn't this approach work for &lt;code&gt;NaNs&lt;/code&gt; and &lt;code&gt;infs&lt;/code&gt;? Can it be modified to produce the desired result? &lt;/p&gt;
&lt;p&gt;&lt;strong&gt;EDIT:&lt;/strong&gt; &lt;/p&gt;
&lt;p&gt;The following code based on the answer provided in the link to a similar (though not identical) question works when removing &lt;code&gt;NaNs&lt;/code&gt; but not &lt;code&gt;infs&lt;/code&gt;.&lt;/p&gt;
&lt;pre&gt;&lt;code&gt;ii = []
for idx in range(len(a)):
    if a[idx] != a[idx]:
        ii.append(idx)
print(ii)
&amp;gt;&amp;gt; [0, 4, 5]
&lt;/code&gt;&lt;/pre&gt;</t>
  </si>
  <si>
    <t>2017-07-01 01:07:06.660000+00:00</t>
  </si>
  <si>
    <t>2017-07-01 01:27:06.013000+00:00</t>
  </si>
  <si>
    <t>2017-07-01 01:16:55.673000+00:00</t>
  </si>
  <si>
    <t>python-3.x|numpy|indexing|nan</t>
  </si>
  <si>
    <t>Angular app on azure app service - 404 errors when loading config file from assets folder</t>
  </si>
  <si>
    <t>&lt;p&gt;I am trying to deploy an angular 6 app on azure app service platform (windows machine). The app itself is just a new angular app (basic code generated from ng new appname). I have added some minor code following this tutorial in order to use a config file and leverage variable substitution in vsts release pipelines - &lt;a href="https://blog.bennymichielsen.be/2017/07/27/managing-settings-for-an-angular-app-with-vsts/" rel="nofollow noreferrer"&gt;manage settings for an angular app with vsts&lt;/a&gt;. &lt;/p&gt;
&lt;p&gt;These are the code changes I have made to the generated app.
In app.module.ts&lt;/p&gt;
&lt;pre&gt;&lt;code&gt;export function initializeAppSettings(appSettings: AppSettings) {
  return () =&amp;gt; appSettings.load();
}
&lt;/code&gt;&lt;/pre&gt;
&lt;p&gt;...&lt;/p&gt;
&lt;pre&gt;&lt;code&gt;providers: [AppSettings, {
    provide: APP_INITIALIZER,
    useFactory: initializeAppSettings,
    deps: [AppSettings],
    multi: true
  }]
&lt;/code&gt;&lt;/pre&gt;
&lt;p&gt;For my appsettings.ts file&lt;/p&gt;
&lt;pre&gt;&lt;code&gt;export interface AppConfiguration {
  apiUrl: string;
}
@Injectable()
export class AppSettings {
  static config: AppConfiguration;
  constructor(private http: HttpClient) {}
  load(): Promise&amp;lt;any&amp;gt; {
    const appSettingsJson = environment.production ? 'assets/appsettings.json' : 'assets/appsettings.local.json';
    return new Promise&amp;lt;any&amp;gt;(((resolve, reject) =&amp;gt; {
      this.http.get&amp;lt;AppConfiguration&amp;gt;(appSettingsJson)
        .toPromise()
        .then(result =&amp;gt; {
          AppSettings.config = result;
          resolve();
        }).catch(reason =&amp;gt; {
          reject(`unable to load settings file ${appSettingsJson} due to ${JSON.stringify(reason)}`);
      });
    }));
  }
}
&lt;/code&gt;&lt;/pre&gt;
&lt;p&gt;In my angular.json file I have&lt;/p&gt;
&lt;pre&gt;&lt;code&gt;"assets": [
              "src/favicon.ico",
              "src/assets",
              "src/web.config"
            ]
&lt;/code&gt;&lt;/pre&gt;
&lt;p&gt;And the following web.config file&lt;/p&gt;
&lt;pre&gt;&lt;code&gt;&amp;lt;configuration&amp;gt;
  &amp;lt;system.webServer&amp;gt;
    &amp;lt;rewrite&amp;gt;
      &amp;lt;rules&amp;gt;
        &amp;lt;rule name="Angular" stopProcessing="true"&amp;gt;
          &amp;lt;match url=".*" /&amp;gt;
          &amp;lt;conditions logicalGrouping="MatchAll"&amp;gt;
            &amp;lt;add input="{REQUEST_FILENAME}" matchType="IsFile" negate="true" /&amp;gt;
            &amp;lt;add input="{REQUEST_FILENAME}" matchType="IsDirectory" negate="true" /&amp;gt;
          &amp;lt;/conditions&amp;gt;
          &amp;lt;action type="Rewrite" url="/" /&amp;gt;
        &amp;lt;/rule&amp;gt;
      &amp;lt;/rules&amp;gt;
    &amp;lt;/rewrite&amp;gt;
  &amp;lt;/system.webServer&amp;gt;
&amp;lt;/configuration&amp;gt;
&lt;/code&gt;&lt;/pre&gt;
&lt;p&gt;I have a single setting in my src/assets/appsettings.json file atm&lt;/p&gt;
&lt;pre&gt;&lt;code&gt;{
  "apiUrl": "https://localhost:5001/api/"
}
&lt;/code&gt;&lt;/pre&gt;
&lt;p&gt;This setup works completely fine when running locally using ng serve or even deployed to local IIS using ng build. I use the loaded settings in my app.component.ts and app.component.html to verify that it loads correctly. But when I deploy the app to azure I get a 404 error.&lt;/p&gt;
&lt;blockquote&gt;
  &lt;p&gt;ERROR unable to load settings file assets/appsettings.local.json due
  to
  {"headers":{"normalizedNames":{},"lazyUpdate":null},"status":404,"statusText":"Not
  Found","url":"&lt;a href="https://mydomain/assets/appsettings.local.json" rel="nofollow noreferrer"&gt;https://mydomain/assets/appsettings.local.json&lt;/a&gt;","ok":false,"name":"HttpErrorResponse","message":"Http
  failure response for &lt;a href="https://mydomain/assets/appsettings.local.json" rel="nofollow noreferrer"&gt;https://mydomain/assets/appsettings.local.json&lt;/a&gt;:
  404 Not Found","error":"The resource you are looking for has been
  removed, had its name changed, or is temporarily unavailable."}&lt;/p&gt;
&lt;/blockquote&gt;
&lt;p&gt;I have tried explicitly adding the individual appsettings.json file to my assets array in angular.json and have also tried with and without a web.config file. If I deploy just a basic angular app to azure (i.e. without the additional code to load the appsettings.json file) it works (even without a web.config file). I am pretty new to angular (and web development in general) and have searched everywhere I could for a solution but nothing has fixed it so far.&lt;/p&gt;</t>
  </si>
  <si>
    <t>2018-09-29 16:05:31.443000+00:00</t>
  </si>
  <si>
    <t>2018-09-29 23:47:51.737000+00:00</t>
  </si>
  <si>
    <t>2018-09-29 16:56:50.187000+00:00</t>
  </si>
  <si>
    <t>node.js|angular|azure|azure-devops|http-status-code-404</t>
  </si>
  <si>
    <t>jenkins - selecting downstream builds based on changes</t>
  </si>
  <si>
    <t>&lt;p&gt;I have a github repo with multiple projects in it and a Jenkins job that runs our code quality, linting, etc. when a change is pushed there.  After that initial job, I want one or more downstream jobs to trigger based on which project/directory in the repo held the change.  Is there a plugin that makes this possible?&lt;/p&gt;</t>
  </si>
  <si>
    <t>2014-10-16 21:40:33.147000+00:00</t>
  </si>
  <si>
    <t>git|github|jenkins</t>
  </si>
  <si>
    <t>Delete columns in Excel depending on a specific cell</t>
  </si>
  <si>
    <t>&lt;p&gt;I have a very important question about deleting some columns containing unnecessary data in excell and shift the rest of the columns to left after deletion. I have tried some VBA macro that i have found in a small google search and that macro, the link that i have found that macro was    &lt;a href="http://analysistabs.com/vba/delete-columns-with-specific-data-excel-macro-example-code/" rel="nofollow"&gt;http://analysistabs.com/vba/delete-columns-with-specific-data-excel-macro-example-code/&lt;/a&gt; &lt;/p&gt;
&lt;p&gt;The problem is when i have tried to use this macro with the instruction of the writer it is not working and i don't have the knowledge for understanding why it is not working or not. Thats why i want if you guys can give me some advise for dummies version of writing a Macro for &lt;strong&gt;deleting any column&lt;/strong&gt; if the column contains in &lt;strong&gt;cell 170 "0"&lt;/strong&gt; and &lt;strong&gt;leave the column undeleted&lt;/strong&gt; if the column contains and other number &lt;strong&gt;except "0" on cell 170&lt;/strong&gt; of the column. i gave an example of my excell documents as a picture below. i want the columns remain with me with green circled and delete the columns that i exampled with red circles. &lt;/p&gt;
&lt;p&gt;This Matrix contains &lt;strong&gt;"2000"&lt;/strong&gt; columns between column &lt;strong&gt;A and BXX&lt;/strong&gt; and &lt;strong&gt;"170"&lt;/strong&gt; rows with sample codes in the 1st column and result code in the 1st row. the 170th row contains the total of the column and i want to delete this column if the column sum is "0" &lt;/p&gt;
&lt;p&gt;Thanks for your answers..
Best Regards.&lt;/p&gt;</t>
  </si>
  <si>
    <t>2014-05-05 11:45:36.333000+00:00</t>
  </si>
  <si>
    <t>2015-02-23 20:07:02.263000+00:00</t>
  </si>
  <si>
    <t>How to make batch close his window why app is still running?</t>
  </si>
  <si>
    <t>&lt;p&gt;I have code &lt;/p&gt;
&lt;blockquote&gt;
  &lt;p&gt;eclipse -clean&lt;/p&gt;
&lt;/blockquote&gt;
&lt;p&gt;in batch file &lt;/p&gt;
&lt;blockquote&gt;
  &lt;p&gt;clean.bat&lt;/p&gt;
&lt;/blockquote&gt;
&lt;p&gt;and the console stays open until i close eclipse.&lt;/p&gt;
&lt;p&gt;P.S. I know I can create shortcut/link to don't have that problem, but I'm not interested in that. I want to execute some extra code from batch.&lt;/p&gt;</t>
  </si>
  <si>
    <t>2011-01-15 14:59:16.977000+00:00</t>
  </si>
  <si>
    <t>2014-05-02 01:59:12.643000+00:00</t>
  </si>
  <si>
    <t>windows|batch-file|window</t>
  </si>
  <si>
    <t>Interesting Namespace Examples</t>
  </si>
  <si>
    <t>&lt;p&gt;Namespaces in .NET are meant to &lt;/p&gt;
&lt;ul&gt;
&lt;li&gt;Group logical pieces of code together&lt;/li&gt;
&lt;li&gt;Prevent conflicts caused by use of common names&lt;/li&gt;
&lt;/ul&gt;
&lt;p&gt;That said it's fairly open for doing naming that is interesting, funny or just different. &lt;/p&gt;
&lt;p&gt;Do you have any examples of these different names?&lt;/p&gt;
&lt;p&gt;I am not looking for &lt;a href="https://stackoverflow.com/questions/587341/good-namespace-naming-conventions"&gt;Good namespace naming&lt;/a&gt; - rather the fun or different side, even if it goes against proven practices. &lt;/p&gt;</t>
  </si>
  <si>
    <t>2009-06-21 14:38:49.683000+00:00</t>
  </si>
  <si>
    <t>2009-06-21 10:32:10.477000+00:00</t>
  </si>
  <si>
    <t>2009-07-11 10:00:03.620000+00:00</t>
  </si>
  <si>
    <t>2017-05-23 12:26:44.457000+00:00</t>
  </si>
  <si>
    <t>.net|namespaces</t>
  </si>
  <si>
    <t>How to calculate epoch day?</t>
  </si>
  <si>
    <t>&lt;p&gt;Is calculating the epoch day as simple as taking the epoch seconds and dividing by 86400?  Or are there some special calculations that need to be done to take account of daylight savings or leap year or some other factor?&lt;/p&gt;
&lt;p&gt;Update: by "epoch day" I mean number of days since the epoch.&lt;/p&gt;</t>
  </si>
  <si>
    <t>2014-02-23 22:22:06.347000+00:00</t>
  </si>
  <si>
    <t>2014-02-23 22:31:55.033000+00:00</t>
  </si>
  <si>
    <t>2014-02-23 22:31:43.953000+00:00</t>
  </si>
  <si>
    <t>datetime|epoch</t>
  </si>
  <si>
    <t>Length of Number in JavaScript</t>
  </si>
  <si>
    <t>&lt;p&gt;I'm looking to get the length of a number in javascript / jquery&lt;/p&gt;
&lt;p&gt;I've tried &lt;code&gt;value.length&lt;/code&gt; without any success, do I need to convert this to a string first?&lt;/p&gt;</t>
  </si>
  <si>
    <t>2012-06-08 16:24:57.687000+00:00</t>
  </si>
  <si>
    <t>2018-07-14 23:12:27.293000+00:00</t>
  </si>
  <si>
    <t>2013-02-19 17:42:31.387000+00:00</t>
  </si>
  <si>
    <t>Build Android application at PhoneGap Build</t>
  </si>
  <si>
    <t>&lt;p&gt;I'm building a web application using PhoneGap Build with debug mode disabled but when I download the file is in debug mode. This only happens on Android, all the other OS's are correct.&lt;/p&gt;
&lt;p&gt;How can I disable debug mode on Android applications?&lt;/p&gt;</t>
  </si>
  <si>
    <t>2012-05-11 17:08:56.507000+00:00</t>
  </si>
  <si>
    <t>2015-01-20 02:26:26.793000+00:00</t>
  </si>
  <si>
    <t>2012-05-11 18:40:25.300000+00:00</t>
  </si>
  <si>
    <t>javascript|jquery|android|ios|cordova</t>
  </si>
  <si>
    <t>asp.net code for retrieving posted data in html</t>
  </si>
  <si>
    <t>&lt;p&gt;I have written html code for posting checkbox value &lt;/p&gt;
&lt;pre&gt;&lt;code&gt;&amp;lt;form action="Default2.aspx" method="post" target="_blank"&amp;gt;
&amp;lt;input type="checkbox" id="c1" name="attempt" value="101"&amp;gt; I'st attempt&amp;lt;br&amp;gt;
&lt;/code&gt;&lt;/pre&gt;
&lt;p&gt; 2nd attempt&lt;br&gt;
  &lt;/p&gt;
&lt;p&gt;then how should i write the code for accessing this posted value in c#asp ?&lt;/p&gt;
&lt;pre&gt;&lt;code&gt; protected void Page_Load(object sender, EventArgs e)
{ 
    HttpContext context = HttpContext.Current;
    NameValueCollection nvc = context.Request.Form;
  string  userName = nvc["c1"];
 string   passWord = nvc["c2"];
 TextBox1.Text = userName;
 TextBox2.Text = passWord;
}
&lt;/code&gt;&lt;/pre&gt;
&lt;p&gt;its not working properly&lt;/p&gt;</t>
  </si>
  <si>
    <t>2013-05-14 05:49:11.870000+00:00</t>
  </si>
  <si>
    <t>2013-05-14 06:05:10.303000+00:00</t>
  </si>
  <si>
    <t>html|asp.net</t>
  </si>
  <si>
    <t>How to clone all branches on the fork when cloned to computer?</t>
  </si>
  <si>
    <t>&lt;p&gt;I have a fork and i have used clone command to clone the repository in to my computer.Now it is showing me 1 branch but the fork is having 4 branches.&lt;/p&gt;
&lt;p&gt;Series of steps i followed:&lt;/p&gt;
&lt;pre&gt;&lt;code&gt;$ git branch
* master
HOME@H MINGW32 ~/Desktop/KIRAN/VITacademics-Enhancement-Suite (master)
$ git remote add upstream https://github.com/rahulkapoor90/VITacademics-Enhancement-Suite
HOME@H MINGW32 ~/Desktop/KIRAN/VITacademics-Enhancement-Suite (master)
$ git remote remove jwasham
HOME@H MINGW32 ~/Desktop/KIRAN/VITacademics-Enhancement-Suite (master)
$ git fetch upstream
From https://github.com/rahulkapoor90/VITacademics-Enhancement-Suite
 * [new branch]      Development -&amp;gt; upstream/Development
 * [new branch]      master      -&amp;gt; upstream/master
 * [new branch]      material-ui -&amp;gt; upstream/material-ui
&lt;/code&gt;&lt;/pre&gt;
&lt;p&gt;Now i entered command git branch -a it showed in different colors.&lt;/p&gt;
&lt;pre&gt;&lt;code&gt;$ git branch -a
* master
  remotes/origin/Development
  remotes/origin/HEAD -&amp;gt; origin/master
  remotes/origin/master
  remotes/origin/material-ui
  remotes/upstream/Development
  remotes/upstream/master
  remotes/upstream/material-ui
&lt;/code&gt;&lt;/pre&gt;
&lt;p&gt;But these branches are not showing in default branches when i enter &lt;code&gt;git branch&lt;/code&gt;.But if i checkout any branch it is detaching from the HEAD.&lt;/p&gt;
&lt;p&gt;How to fix this problem?Any solutions?&lt;/p&gt;</t>
  </si>
  <si>
    <t>2016-12-04 19:21:35.047000+00:00</t>
  </si>
  <si>
    <t>2016-12-05 09:54:37.633000+00:00</t>
  </si>
  <si>
    <t>git|fork|branch</t>
  </si>
  <si>
    <t>How to determine whether a dependency object implements a given dependency property (C# / WPF)</t>
  </si>
  <si>
    <t>&lt;p&gt;I am working with the classes in the &lt;code&gt;System.Windows.Documents&lt;/code&gt; namespace, trying to write some generic code that will conditionally set the value of certain dependency properties, depending on whether these properties exist on a given class.&lt;/p&gt;
&lt;p&gt;For example, the following method assigns an arbitrary value to the &lt;code&gt;Padding&lt;/code&gt; property of the passed &lt;code&gt;FrameworkContentElement&lt;/code&gt;:&lt;/p&gt;
&lt;pre&gt;&lt;code&gt;void SetElementPadding(FrameworkContentElement element)
{
    element.SetValue(Block.PaddingProperty, new Thickness(155d));
}
&lt;/code&gt;&lt;/pre&gt;
&lt;p&gt;However, not all concrete implementations of &lt;code&gt;FrameworkContentElement&lt;/code&gt; have a &lt;code&gt;Padding&lt;/code&gt; property (&lt;code&gt;Paragraph&lt;/code&gt; does but &lt;code&gt;Span&lt;/code&gt; does not) so I would expect the property assignment to succeed for types that implement this property and to be silently ignored for types that do not.&lt;/p&gt;
&lt;p&gt;But it seems that the above property assignment succeeds for instances of all derivatives of &lt;code&gt;FrameworkContentElement&lt;/code&gt;, regardless of whether they implement the &lt;code&gt;Padding&lt;/code&gt; property. I make this assumption because I have always been able to read back the assigned value.&lt;/p&gt;
&lt;p&gt;I assume there is some flaw in the way I am assigning property values. What should I do to ensure that a given dependency property assignment is ignored by classes that do not implement that property?&lt;/p&gt;
&lt;p&gt;Many thanks for your advice.&lt;/p&gt;
&lt;p&gt;Tim&lt;/p&gt;</t>
  </si>
  <si>
    <t>2010-04-22 13:23:19.520000+00:00</t>
  </si>
  <si>
    <t>2012-02-23 20:35:16.040000+00:00</t>
  </si>
  <si>
    <t>dependency-properties|dependencyobject</t>
  </si>
  <si>
    <t>How does ios know which xib/nib to load?</t>
  </si>
  <si>
    <t>&lt;p&gt;I have an ios app that has a target of both iphone and ipad.  I have a class that has a .xib for both iphone and ipad. how does the app know which xib/nib? where is the magic?&lt;/p&gt;</t>
  </si>
  <si>
    <t>2011-02-18 18:23:38.713000+00:00</t>
  </si>
  <si>
    <t>2011-02-18 18:32:48.057000+00:00</t>
  </si>
  <si>
    <t>How to create a zig zag banner with css</t>
  </si>
  <si>
    <t>&lt;p&gt;I am looking for a way to css a background banner to look like&lt;/p&gt;
&lt;pre&gt;&lt;code&gt;________
\  hi   |
/_______|
&lt;/code&gt;&lt;/pre&gt;
&lt;p&gt;or this&lt;/p&gt;
&lt;pre&gt;&lt;code&gt;_________
\  hi   /
/_______\
&lt;/code&gt;&lt;/pre&gt;
&lt;p&gt;So basically the closed content can have a background-color, and would have a concave on the side.
I need a brief idea how to accomplish this with css&lt;/p&gt;
&lt;p&gt;it should look similar to this. minus the folding.
&lt;a href="http://rfclipart.com/free/straight-banner-ribbon-607-vector-clipart.html" rel="nofollow"&gt;http://rfclipart.com/free/straight-banner-ribbon-607-vector-clipart.html&lt;/a&gt;&lt;/p&gt;</t>
  </si>
  <si>
    <t>2014-04-04 15:33:49.750000+00:00</t>
  </si>
  <si>
    <t>2014-04-04 15:50:42.340000+00:00</t>
  </si>
  <si>
    <t>2014-04-04 15:39:38.583000+00:00</t>
  </si>
  <si>
    <t>css|css3|background</t>
  </si>
  <si>
    <t>display LI item one By one in jquery</t>
  </si>
  <si>
    <t>&lt;pre&gt;&lt;code&gt;&amp;lt;ul&amp;gt;
    &amp;lt;li&amp;gt;AS-1&amp;lt;/li&amp;gt;
    &amp;lt;li&amp;gt;QW-2&amp;lt;/li&amp;gt;
    &amp;lt;li&amp;gt;PQ-3&amp;lt;/li&amp;gt;
&amp;lt;/ul&amp;gt;
li{
  display: inline-block;
}
$('li').hide().each(function( i ) {  
  $(this).delay( i * 400 ).fadeIn().siblings().next('li:first');  
});
&lt;/code&gt;&lt;/pre&gt;</t>
  </si>
  <si>
    <t>2014-03-20 08:18:20.960000+00:00</t>
  </si>
  <si>
    <t>2014-03-20 09:21:17.633000+00:00</t>
  </si>
  <si>
    <t>How to make the text fit a google marker?</t>
  </si>
  <si>
    <t>&lt;p&gt;I have written a code for displaying markers on the screen. And I have a text within the marker. The text is a 5 digit number which doesnot fit the marker. How can make the number to be within the marker?&lt;/p&gt;
&lt;pre&gt;&lt;code&gt;&amp;lt;!DOCTYPE html PUBLIC "-//W3C//DTD HTML 4.01 Transitional//EN" "http://www.w3.org/TR/html4/loose.dtd"&amp;gt;
&amp;lt;html&amp;gt;
&amp;lt;head&amp;gt;
&amp;lt;meta http-equiv="Content-Type" content="text/html; charset=UTF-8"&amp;gt;
&amp;lt;title&amp;gt;Google Map API V3: Add Marker&amp;lt;/title&amp;gt;
&amp;lt;script type="text/javascript" src="http://maps.google.com/maps/api/js?sensor=false"&amp;gt;&amp;lt;/script&amp;gt;
&amp;lt;style type="text/css"&amp;gt;
body { margin: 20; padding: 20 }
#map_canvas{
    width: 1024px;
    height: 740px;
}
&amp;lt;/style&amp;gt;
&amp;lt;script type="text/javascript"&amp;gt;
      function initialize() {
        var mapOptions = {
          center: new google.maps.LatLng(47.576897,-122.419184),
          zoom: 12,
          mapTypeId: google.maps.MapTypeId.ROADMAP
        };
        var locations = [
[47.648197,-122.282784,11500,"0"]
    ];
        var map = new google.maps.Map(document.getElementById("map_canvas"),
            mapOptions);
        var shape = {
      coord: [10, 10, 10, 20, 18, 20, 18 , 10],
      type: 'poly'
  };
        for (i = 0; i &amp;lt; locations.length; i++) { 
          var myLatlng = new google.maps.LatLng(locations[i][0], locations[i][1]);
          pinIcon = new google.maps.MarkerImage(
    'http://chart.apis.google.com/chart?chst=d_map_pin_letter&amp;amp;chld='+locations[i][2]+'|808000|0000FF',
    null, 
    null, 
    new google.maps.Point(140, 210),
    new google.maps.Size(40, 60)
    );       
          var marker = new google.maps.Marker({
            position: myLatlng,
            map: map,
            icon:pinIcon,
            shape:shape,
            title: locations[i][3]
        });
        }
      }
&amp;lt;/script&amp;gt;
&amp;lt;/head&amp;gt;
&amp;lt;body onload="initialize()"&amp;gt;
&amp;lt;div id="map_canvas"&amp;gt;&amp;lt;/div&amp;gt;
&amp;lt;/body&amp;gt;
&amp;lt;/html&amp;gt;
&lt;/code&gt;&lt;/pre&gt;
&lt;p&gt;I want to print "11500" (locations[i][2]) inside my marker but when trying to do so it goes outside the marker.&lt;/p&gt;</t>
  </si>
  <si>
    <t>2014-01-18 19:38:42.007000+00:00</t>
  </si>
  <si>
    <t>2014-02-01 01:09:41.173000+00:00</t>
  </si>
  <si>
    <t>javascript|google-maps|google-maps-markers</t>
  </si>
  <si>
    <t>SQL statement to linq lambda Orderby</t>
  </si>
  <si>
    <t>&lt;p&gt;I have this sql statement :&lt;/p&gt;
&lt;blockquote&gt;
  &lt;p&gt;SELECT QuestionNo, ActivityID, GROUP_CONCAT(CONCAT(Question, ' [',&lt;br&gt;
  Answer, ']') SEPARATOR ' ') AS joined from question GROUP BY&lt;br&gt;
  QuestionNo, ActivityID OrderBy questionHintID  &lt;/p&gt;
&lt;/blockquote&gt;
&lt;p&gt;I need to have it in linq lambda , so far what I have is &lt;/p&gt;
&lt;pre&gt;&lt;code&gt; IList&amp;lt;QuestionHint&amp;gt; lstRecords = context.questionhints.GroupBy(x =&amp;gt; new { x.QuestionNo, x.ActivityID, x.TaskID }).ToList().Select(g =&amp;gt; new QuestionHint()
        {
            QuestionNo = g.Key.QuestionNo,
            ActivityID = g.Key.ActivityID,
            TaskID = g.Key.TaskID,
            joined = String.Join(" ",
                    g.Select(i =&amp;gt; i.QuestionContent + "[" + i.Answer + "]")),
            joinOption = String.Join(" ",
                   g.Select(a =&amp;gt; "[" + a.Option1 + "," + a.Option2 + "]"))
        }).Where(x =&amp;gt; x.TaskID == listTask &amp;amp;&amp;amp; x.ActivityID == listActivity)
            //.Take(50)
           .ToList();
        return lstRecords;
&lt;/code&gt;&lt;/pre&gt;
&lt;p&gt;How do I add in the Orderby? because when i use join in the query , the records retrieve are out of order because the order is not guaranteed to be in order how do i add in OrderBy questionHintID ( primary key of the table ) to the above lambda?&lt;/p&gt;</t>
  </si>
  <si>
    <t>2013-07-04 03:41:27.247000+00:00</t>
  </si>
  <si>
    <t>2013-07-05 14:28:19.487000+00:00</t>
  </si>
  <si>
    <t>c#|mysql|sql|linq|lambda</t>
  </si>
  <si>
    <t>Spring Security: How to clear `remember me` cookie programmatically?</t>
  </si>
  <si>
    <t>&lt;p&gt;I'm using logout method in web-app like below, but if i check &lt;code&gt;remember me&lt;/code&gt; logout doesn't work, because cookie isn't cleared. How to clear programmatically this cookie in my method (or how to make better logout method) ?&lt;/p&gt;
&lt;pre&gt;&lt;code&gt;public void logout() {
    AnonymousAuthenticationToken anonymous = new AnonymousAuthenticationToken("anonymous", "anonymous", new ArrayList(Arrays.asList(new GrantedAuthorityImpl("ROLE_ANONYMOUS"))));
    SecurityContextHolder.getContext().setAuthentication(anonymous);
}
&lt;/code&gt;&lt;/pre&gt;</t>
  </si>
  <si>
    <t>2011-06-07 12:56:58.127000+00:00</t>
  </si>
  <si>
    <t>2013-01-15 20:28:21.447000+00:00</t>
  </si>
  <si>
    <t>2011-06-07 13:06:49.573000+00:00</t>
  </si>
  <si>
    <t>Unix comand to convert Tab separated file to pipe separated file</t>
  </si>
  <si>
    <t>&lt;p&gt;My source csv  file is Tab separated I want to convert it into pipe (|) delimited file.
Here is some sample Records.&lt;/p&gt;
&lt;pre&gt;&lt;code&gt;Loan_Name   Current_Data_Status Mortgage_Loan_Seller
Market Basket   RECM-PS Transfer    Underwriters 
&lt;/code&gt;&lt;/pre&gt;
&lt;p&gt;I tried below &lt;code&gt;sed&lt;/code&gt; command.&lt;/p&gt;
&lt;pre&gt;&lt;code&gt;sed -i 's/\t/|/g' Test.csv
&lt;/code&gt;&lt;/pre&gt;
&lt;p&gt;It is converting tab to &lt;code&gt;|&lt;/code&gt; but it is adding extra &lt;code&gt;|&lt;/code&gt; at the end of every line. Below is the output that I am getting.&lt;/p&gt;
&lt;pre&gt;&lt;code&gt;Loan_Name|Current_Data_Status|Mortgage_Loan_Seller| |
Market Basket|RECM-PS Transfer|Underwriters| | 
&lt;/code&gt;&lt;/pre&gt;
&lt;p&gt;Desired outpout should be.&lt;/p&gt;
&lt;pre&gt;&lt;code&gt;Loan_Name|Current_Data_Status|Mortgage_Loan_Seller
Market Basket|RECM-PS Transfer|Underwriters
&lt;/code&gt;&lt;/pre&gt;
&lt;p&gt;Please advise any alternate way to achieve this.&lt;/p&gt;</t>
  </si>
  <si>
    <t>2016-03-31 06:11:22.767000+00:00</t>
  </si>
  <si>
    <t>2016-04-05 08:37:44.077000+00:00</t>
  </si>
  <si>
    <t>perl|shell|unix|awk|sed</t>
  </si>
  <si>
    <t>How to add java plugin for Firefox on Linux?</t>
  </si>
  <si>
    <t>&lt;p&gt;I want to add java plugin for FireFox (v10.0.12) on Linux(Centos 5.6 64bit).&lt;/p&gt;
&lt;p&gt;I have JDK 1.7.0_12 installed, and add a symbolic link to plugin folder under /usr/lib/mozilla to the file libnpjp2.so under  (JRE)/lib/amd64/
Followd this 
&lt;a href="http://www.oracle.com/technetwork/java/javase/manual-plugin-install-linux-136395.html"&gt;http://www.oracle.com/technetwork/java/javase/manual-plugin-install-linux-136395.html&lt;/a&gt;&lt;/p&gt;
&lt;p&gt;But I still couldn't find java plugin on my Firefox Add-ons Manager. &lt;/p&gt;
&lt;p&gt;What might be the problem ? &lt;/p&gt;</t>
  </si>
  <si>
    <t>2013-01-23 23:28:37.317000+00:00</t>
  </si>
  <si>
    <t>2016-04-21 08:39:55.340000+00:00</t>
  </si>
  <si>
    <t>java|firefox|plugins|firefox-addon</t>
  </si>
  <si>
    <t>Solr NativeFSLock timeouts</t>
  </si>
  <si>
    <t>&lt;p&gt;&lt;strong&gt;Setup:&lt;/strong&gt;
I'm running Apache Solr in a jetty container on CentOS 5.7 linux 2.6.32-042stab044.5. The server is a VPS with 4GB dedicated RAM and 2GB of "burst" RAM.&lt;/p&gt;
&lt;p&gt;I'm running Solr with the following options (linebreaks for readability):&lt;/p&gt;
&lt;pre&gt;&lt;code&gt;/opt/jre/bin/java -Dsolr.solr.home=/opt/solr/solr 
                  -Xms2048m -Xmx2048m 
                  -Djetty.logs=/var/log/solr
                  -Djetty.home=/opt/solr
                  -Djava.io.tmpdir=/tmp 
                  -jar /opt/solr/start.jar
                  /opt/solr/etc/jetty-logging.xml 
                  /opt/solr/etc/jetty.xml
&lt;/code&gt;&lt;/pre&gt;
&lt;p&gt;My Solr config uses ~500 cores, each using 13MB, for a total on disk of 6.8GB.&lt;/p&gt;
&lt;p&gt;&lt;strong&gt;Problem:&lt;/strong&gt;
About every 2 weeks the solr server starts responding slowly. When I check the stderror log I see lots of entries like this:&lt;/p&gt;
&lt;pre&gt;&lt;code&gt;Jun 21, 2012 9:36:11 AM org.apache.solr.common.SolrException log
SEVERE: org.apache.lucene.store.LockObtainFailedException: Lock obtain timed out: NativeFSLock@/opt/solr/solr/examplestore/data/index/write.lock
        at org.apache.lucene.store.Lock.obtain(Lock.java:84)
        at org.apache.lucene.index.IndexWriter.&amp;lt;init&amp;gt;(IndexWriter.java:1108)
        at org.apache.solr.update.SolrIndexWriter.&amp;lt;init&amp;gt;(SolrIndexWriter.java:83)
        at org.apache.solr.update.UpdateHandler.createMainIndexWriter(UpdateHandler.java:101)
        at org.apache.solr.update.DirectUpdateHandler2.openWriter(DirectUpdateHandler2.java:171)
        at org.apache.solr.update.DirectUpdateHandler2.addDoc(DirectUpdateHandler2.java:219)
        at org.apache.solr.update.processor.RunUpdateProcessor.processAdd(RunUpdateProcessorFactory.java:61)
        at org.apache.solr.update.processor.LogUpdateProcessor.processAdd(LogUpdateProcessorFactory.java:115)
        at org.apache.solr.handler.XMLLoader.processUpdate(XMLLoader.java:158)
        at org.apache.solr.handler.XMLLoader.load(XMLLoader.java:79)
        at org.apache.solr.handler.ContentStreamHandlerBase.handleRequestBody(ContentStreamHandlerBase.java:58)
        at org.apache.solr.handler.RequestHandlerBase.handleRequest(RequestHandlerBase.java:129)
        at org.apache.solr.core.SolrCore.execute(SolrCore.java:1372)
        at org.apache.solr.servlet.SolrDispatchFilter.execute(SolrDispatchFilter.java:356)
        at org.apache.solr.servlet.SolrDispatchFilter.doFilter(SolrDispatchFilter.java:252)
        at org.mortbay.jetty.servlet.ServletHandler$CachedChain.doFilter(ServletHandler.java:1212)
        at org.mortbay.jetty.servlet.ServletHandler.handle(ServletHandler.java:399)
        at org.mortbay.jetty.security.SecurityHandler.handle(SecurityHandler.java:216)
        at org.mortbay.jetty.servlet.SessionHandler.handle(SessionHandler.java:182)
        at org.mortbay.jetty.handler.ContextHandler.handle(ContextHandler.java:766)
        at org.mortbay.jetty.webapp.WebAppContext.handle(WebAppContext.java:450)
        at org.mortbay.jetty.handler.ContextHandlerCollection.handle(ContextHandlerCollection.java:230)
        at org.mortbay.jetty.handler.HandlerCollection.handle(HandlerCollection.java:114)
        at org.mortbay.jetty.handler.HandlerWrapper.handle(HandlerWrapper.java:152)
        at org.mortbay.jetty.Server.handle(Server.java:326)
        at org.mortbay.jetty.HttpConnection.handleRequest(HttpConnection.java:542)
        at org.mortbay.jetty.HttpConnection$RequestHandler.content(HttpConnection.java:945)
        at org.mortbay.jetty.HttpParser.parseNext(HttpParser.java:756)
        at org.mortbay.jetty.HttpParser.parseAvailable(HttpParser.java:212)
        at org.mortbay.jetty.HttpConnection.handle(HttpConnection.java:404)
        at org.mortbay.jetty.bio.SocketConnector$Connection.run(SocketConnector.java:228)
        at org.mortbay.thread.QueuedThreadPool$PoolThread.run(QueuedThreadPool.java:582)
&lt;/code&gt;&lt;/pre&gt;
&lt;p&gt;When I check the memory usage, the jetty process is using 3GB, and &lt;code&gt;free -m&lt;/code&gt; reports that ~3GB is in use.&lt;/p&gt;
&lt;p&gt;My current fix is to restart the jetty process (/etc/init.d/solr restart). The "Lock obtain timed out" exceptions stop and performance is reasonable for another week or two.&lt;/p&gt;
&lt;p&gt;The &lt;a href="http://wiki.apache.org/solr/SolrPerformanceFactors#OutOfMemoryErrors" rel="nofollow"&gt;SolrPerformance&lt;/a&gt; wiki indicates this is a memory issue, which is why I've set the memory usage to 2GB and check the memory use before killing the process. However, I'm not sure that is the problem anymore, as there is memory to spare (3GB used of 4GB dedicated, plus 2GB of "burst" RAM).&lt;/p&gt;
&lt;p&gt;&lt;strong&gt;Question:&lt;/strong&gt;
What can I do to prevent the "Lock obtain timed out" exceptions and ultimately improve the stability of my Solr setup so I don't have to restart it every 2 weeks?&lt;/p&gt;</t>
  </si>
  <si>
    <t>2012-06-21 17:01:07.590000+00:00</t>
  </si>
  <si>
    <t>2012-06-22 01:33:07.933000+00:00</t>
  </si>
  <si>
    <t>How to create and calculate a formula using an unknown number of variables in C++</t>
  </si>
  <si>
    <t>&lt;p&gt;Okay, so this is going to be very complicated to explain through text but I will do my best to try. &lt;/p&gt;
&lt;p&gt;I am making a universal calculator where one of the function of the calculator is to process a formula when given an unknown number of variables. I have seen some ways to do this but for how i'm trying to use this calculator, it wont work.
Example for sum of function: &lt;/p&gt;
&lt;pre&gt;&lt;code&gt;while (cin &amp;gt;&amp;gt; input) 
    count++; 
&lt;/code&gt;&lt;/pre&gt;
&lt;p&gt;Normally this would work but the problem is that I can't have the user input the values over and over again for one formula like for this formula: &lt;a href="https://i.stack.imgur.com/YQPB0.png" rel="nofollow noreferrer"&gt;Formula Example&lt;/a&gt;&lt;/p&gt;
&lt;p&gt;(Sorry its easier for me to explain through a picture) In it there are multiple times where I have to use the same numbers over and over again. Here is the entire process if you need it to understand what I'm saying:
&lt;a href="https://i.stack.imgur.com/GiHiI.png" rel="nofollow noreferrer"&gt;Entire problem&lt;/a&gt; &lt;/p&gt;
&lt;p&gt;The problem is that normally I would add another float for every point graph but I don't know ahead of time number of floats the user is going to enter in. The ideal way to do this is for the program to ask the user for all the points on the table and for the user to input those points in a format like: "(1,2) (2,4) (3,6)..."&lt;/p&gt;
&lt;p&gt;Thinking ahead, would I make a function where the program creates an integer and assigns the integer to a value on the fly? But then how would the actual math formula interact with the new integers if they haven't been created yet?&lt;/p&gt;
&lt;p&gt;Talking about this makes my head hurt....&lt;/p&gt;
&lt;p&gt;I actually want to say more:
One idea that I tried to make in my head was something like&lt;/p&gt;
&lt;pre&gt;&lt;code&gt;string VariableName = A [or something]
&lt;/code&gt;&lt;/pre&gt;
&lt;p&gt;Then you would reassign VariableName = "A" to VariableName = "B" by something like VariableName = "A"+ 1 (which would equal B). &lt;/p&gt;
&lt;p&gt;Then you would repeat that step until the user inputs a invalid input. But obviously you can't do math with letters so I wouldn't know how to do it.&lt;/p&gt;</t>
  </si>
  <si>
    <t>2018-08-30 17:16:51.630000+00:00</t>
  </si>
  <si>
    <t>2018-09-05 09:48:42.410000+00:00</t>
  </si>
  <si>
    <t>2018-08-30 22:53:14.243000+00:00</t>
  </si>
  <si>
    <t>windows phone 8 OnTouchFrameReported method fires on every screen once initialized</t>
  </si>
  <si>
    <t>&lt;p&gt;I am a complete beginner in C# so please be gentle if it's a stupid problem :D&lt;/p&gt;
&lt;p&gt;I have created OnTouchFrameReported method on one frame but function fires on every screen i go from there have i done something wrong ???&lt;/p&gt;
&lt;p&gt;I can handle this problem by checking witch frame is on... but problem is now in emulator after this method is fired and i leave the frame my button clicks and other metods take 3-4s to fire... i culd use your help here guys i am realy stuck :D&lt;/p&gt;
&lt;p&gt;XAML is irrelevant in this case and code-behind&lt;/p&gt;
&lt;pre&gt;&lt;code&gt; void OnTouchFrameReported(object sender, TouchFrameEventArgs args)        
        {
            try
            {
                this.SetCrop(args.GetTouchPoints(this.SourceImg));
            }
            catch (ArgumentException)
            {
            }   
        }
&lt;/code&gt;&lt;/pre&gt;</t>
  </si>
  <si>
    <t>2013-08-25 18:54:19.403000+00:00</t>
  </si>
  <si>
    <t>2013-08-25 21:04:53.587000+00:00</t>
  </si>
  <si>
    <t>2013-08-25 19:03:30.130000+00:00</t>
  </si>
  <si>
    <t>c#|windows-phone-8</t>
  </si>
  <si>
    <t>find the most and least used string in an ArrayList (without using Hashmap)</t>
  </si>
  <si>
    <t>&lt;p&gt;I am having trouble finding the most and least used &lt;code&gt;String&lt;/code&gt; in an &lt;code&gt;ArrayList&lt;/code&gt;. The program should go through a file of Strings and count how many multiple strings there are in the list. Then print the least and most used name in the list. The  &lt;code&gt;ArrayList&lt;/code&gt; Part is finished. It is just finding the most and least common name I am having trouble with. I have no idea how to even start with it. I have tried asking but I got it in &lt;code&gt;HashMap&lt;/code&gt; form. I kind of tried to figure it out but this is all I could think of.&lt;/p&gt;
&lt;pre&gt;&lt;code&gt;for (int i = 0; i&amp;lt; dogs.size(); i++)
if dogs.get(0).getName().equals dogs.get(i).getName();
{
   dogs.get(i).getName()++;    
 }
&lt;/code&gt;&lt;/pre&gt;</t>
  </si>
  <si>
    <t>2014-09-11 11:38:51.637000+00:00</t>
  </si>
  <si>
    <t>2015-02-17 01:53:27.833000+00:00</t>
  </si>
  <si>
    <t>user4028417</t>
  </si>
  <si>
    <t>Why is counter_cache column not increasing when &lt;&lt; an association?</t>
  </si>
  <si>
    <t>&lt;p&gt;Given I have the following models:&lt;/p&gt;
&lt;pre&gt;&lt;code&gt;class Location &amp;lt; Active::Record
  has_many :storables, foreign_key: :bin_id
  # ...
end
class Storable &amp;lt; Active::Record
  belongs_to :bin, class_name: :Location, counter_cache: true
  # ...
end
&lt;/code&gt;&lt;/pre&gt;
&lt;p&gt;When I run the following spec, the &lt;code&gt;counter_cache&lt;/code&gt; doesn't increment correctly. Method &lt;code&gt;#1&lt;/code&gt; and &lt;code&gt;#2&lt;/code&gt; work as expected, but NOT &lt;code&gt;#3&lt;/code&gt;. What gives?&lt;/p&gt;
&lt;pre&gt;&lt;code&gt;describe "location storables" do
  specify "adding a storable increments the counter cache" do
    l = Location.create
    l.storables_count.should == 0 #=&amp;gt; PASSES
    # method 1
    s = Storable.create(bin: l)
    l.reload
    l.storables_count.should == 1 #=&amp;gt; PASSES
    # method 2
    l.storables.create
    l.reload
    l.storables_count.should == 2 #=&amp;gt; PASSES
    # method 3
    l.storables &amp;lt;&amp;lt; Storable.create
    l.reload
    l.storables_count.should == 3 #=&amp;gt; FAILS, got 2 not 3
  end
end
&lt;/code&gt;&lt;/pre&gt;
&lt;p&gt;I'm really confused by the &lt;strong&gt;counter_cache half working&lt;/strong&gt;. I can't spot a configuration problem either.&lt;/p&gt;
&lt;p&gt;Using &lt;strong&gt;Rails 3.2.12&lt;/strong&gt; on this project.&lt;/p&gt;
&lt;p&gt;&lt;strong&gt;UPDATE&lt;/strong&gt;&lt;/p&gt;
&lt;p&gt;Upgrading to &lt;strong&gt;rails 4&lt;/strong&gt; didn't help. Also, if I change method #3 to the following, the test passes:&lt;/p&gt;
&lt;pre&gt;&lt;code&gt;# method 3
l.storables &amp;lt;&amp;lt; Storable.create
puts "proxy    : #{l.storables.count}" #=&amp;gt; 3
puts "relation : #{Storable.count}"    #=&amp;gt; 3
puts "cache    : #{l.storables_count}"    #=&amp;gt; 2
Location.reset_counters(l.id, :storables) # corrects cache
l.reload
l.storables_count.should == 3 #=&amp;gt; PASSES
&lt;/code&gt;&lt;/pre&gt;
&lt;p&gt;Why isn't this happening automatically?&lt;/p&gt;</t>
  </si>
  <si>
    <t>2013-07-11 00:28:28.023000+00:00</t>
  </si>
  <si>
    <t>2013-07-11 09:26:45.400000+00:00</t>
  </si>
  <si>
    <t>2013-07-11 05:14:12.597000+00:00</t>
  </si>
  <si>
    <t>ruby-on-rails|associations|counter-cache</t>
  </si>
  <si>
    <t>Multiple inheritance in Java example</t>
  </si>
  <si>
    <t>&lt;p&gt;Consider following scenario: I have two interfaces &lt;code&gt;A&lt;/code&gt; and &lt;code&gt;B&lt;/code&gt;. Both interfaces have a member function &lt;code&gt;display()&lt;/code&gt;.&lt;/p&gt;
&lt;pre&gt;&lt;code&gt;public interface A {
   public function display() {
   }
}
public interface B {
   public function display() {
   }
}
class C implement A, B {
   public function display{
       //definition here
   }
}
&lt;/code&gt;&lt;/pre&gt;
&lt;p&gt;I just want to know &lt;/p&gt;
&lt;ol&gt;
&lt;li&gt;how many &lt;code&gt;display()&lt;/code&gt; functions are available in class &lt;code&gt;C&lt;/code&gt;?&lt;/li&gt;
&lt;li&gt;If there is one member function, how it is possible?&lt;/li&gt;
&lt;/ol&gt;</t>
  </si>
  <si>
    <t>2017-03-28 10:52:54.063000+00:00</t>
  </si>
  <si>
    <t>2017-03-28 11:22:50.637000+00:00</t>
  </si>
  <si>
    <t>2017-03-28 10:55:25.637000+00:00</t>
  </si>
  <si>
    <t>Eclipse browser behaving different than standalone version</t>
  </si>
  <si>
    <t>&lt;p&gt;I'm using the &lt;code&gt;org.eclipse.swt.browser.Browser&lt;/code&gt; for a plugin and would like to dynamically include a font by adding &lt;code&gt;@font-face&lt;/code&gt; css to head by using javascript.&lt;/p&gt;
&lt;p&gt;I'm working on Windows, so eclipse will use the IE engine to render html. But: My solution works great on IE9 when running it in the standalone browser (also in chrome, opera, safari), but not when running it in eclipse.&lt;/p&gt;
&lt;p&gt;The javascript is successfully executed, but fonts seem not to be loaded. Are there some security settings I should change on the &lt;code&gt;Browser&lt;/code&gt; object? I didn't see such a method...&lt;/p&gt;
&lt;p&gt;Btw, the font-face urls point to local font files. And &lt;code&gt;@font-face&lt;/code&gt; works when defining it initially instead of dynamically loading it with JS.&lt;/p&gt;</t>
  </si>
  <si>
    <t>2012-08-08 17:21:01.790000+00:00</t>
  </si>
  <si>
    <t>2013-01-17 21:46:32.367000+00:00</t>
  </si>
  <si>
    <t>eclipse|internet-explorer|browser|font-face</t>
  </si>
  <si>
    <t>extra characters on python list</t>
  </si>
  <si>
    <t>&lt;p&gt;I'm having an issue issue with:&lt;/p&gt;
&lt;pre&gt;&lt;code&gt;slots = rows[i].find_elements_by_tag_name('td')
prodFolder = slots[0].text
prodType = slots[2].text
prodId = slots[1].text
values = [prodFolder, prodId, prodType]
print values
&lt;/code&gt;&lt;/pre&gt;
&lt;p&gt;When I go to print values I get an extra character at the front of each item in the list: &lt;br&gt;
[u'active_e', u'1193', u'Active E']&lt;br&gt;
This is probably the result of .text providing some extra data that I do not want. Is there an elegant way to solve this? (not using brute force to remove the extra u's?)&lt;/p&gt;</t>
  </si>
  <si>
    <t>2016-06-06 13:06:55.517000+00:00</t>
  </si>
  <si>
    <t>2016-06-06 13:21:37.207000+00:00</t>
  </si>
  <si>
    <t>python|selenium-webdriver</t>
  </si>
  <si>
    <t>Make an Entity Write-Only in NHibernate</t>
  </si>
  <si>
    <t>&lt;p&gt;I use NHibernate with XML mapping and an Oracle DB. And I have this simple mapping:&lt;/p&gt;
&lt;pre&gt;&lt;code&gt;  &amp;lt;class name="ProjectInfo" table="T_PROJECT"&amp;gt;
    &amp;lt;id name="Id" column="IDENT" /&amp;gt;
    &amp;lt;property name="Customer" /&amp;gt;
    &amp;lt;join table="T_PROJECTRUN" optional="true"&amp;gt;
      &amp;lt;key column="PRIDENT" /&amp;gt;
      &amp;lt;property name="Remarks" column="Remarks" /&amp;gt;
      &amp;lt;property name="RemarksTimestamp" column="Remarks_TS" /&amp;gt;
    &amp;lt;/join&amp;gt;
  &amp;lt;/class&amp;gt;
&lt;/code&gt;&lt;/pre&gt;
&lt;p&gt;and the entity:&lt;/p&gt;
&lt;pre&gt;&lt;code&gt;public class ProjectInfo : EntityBase&amp;lt;ProjectInfo, int&amp;gt;
{
    public string Customer { get; set; }
    public string Remarks { get; set; }
    public DateTime RemarksTimestamp { get; set; }
}
&lt;/code&gt;&lt;/pre&gt;
&lt;p&gt;&lt;code&gt;ProjectInfo&lt;/code&gt; is supposed to act as a read-only (from DB) view of the more complex &lt;code&gt;Project&lt;/code&gt; entity. Which has a similiar mapping but does not have the two &lt;code&gt;Remarks&lt;/code&gt; properties.&lt;/p&gt;
&lt;p&gt;How can I make NHibernate never try to write the &lt;code&gt;ProjectInfo&lt;/code&gt; entity to the database but only read it from the database? So from NHibernate this would be Write-Only I guess.&lt;/p&gt;
&lt;p&gt;Currently whenever I try to update a &lt;code&gt;Project&lt;/code&gt; entity using &lt;code&gt;this.Session.Update(entity)&lt;/code&gt; I get the following exception:&lt;/p&gt;
&lt;pre&gt;&lt;code&gt;NHibernate.Exceptions.GenericADOException occurred
  HResult=-2146232832
  Message=could not insert: [MyNamspace.Model.ProjectInfo#1][SQL: INSERT INTO T_PROJECTRUN (Remarks, Remarks_TS, PRIDENT) VALUES (?, ?, ?)]
  Source=NHibernate
  SqlString=INSERT INTO T_PROJECTRUN (Remarks, Remarks_TS, PRIDENT) VALUES (?, ?, ?)
  StackTrace:
       at NHibernate.Persister.Entity.AbstractEntityPersister.Insert(Object id, Object[] fields, Boolean[] notNull, Int32 j, SqlCommandInfo sql, Object obj, ISessionImplementor session)
       at NHibernate.Persister.Entity.AbstractEntityPersister.UpdateOrInsert(Object id, Object[] fields, Object[] oldFields, Object rowId, Boolean[] includeProperty, Int32 j, Object oldVersion, Object obj, SqlCommandInfo sql, ISessionImplementor session)
       at NHibernate.Persister.Entity.AbstractEntityPersister.Update(Object id, Object[] fields, Int32[] dirtyFields, Boolean hasDirtyCollection, Object[] oldFields, Object oldVersion, Object obj, Object rowId, ISessionImplementor session)
       at NHibernate.Action.EntityUpdateAction.Execute()
       at NHibernate.Engine.ActionQueue.Execute(IExecutable executable)
       at NHibernate.Engine.ActionQueue.ExecuteActions(IList list)
       at NHibernate.Engine.ActionQueue.ExecuteActions()
       at NHibernate.Event.Default.AbstractFlushingEventListener.PerformExecutions(IEventSource session)
       at NHibernate.Event.Default.DefaultFlushEventListener.OnFlush(FlushEvent event)
       at NHibernate.Impl.SessionImpl.Flush()
       at NHibernate.Transaction.AdoTransaction.Commit()
       at MyNamspace.RepositoryBase`2.ExecuteAsTransaction(Action action)
&lt;/code&gt;&lt;/pre&gt;</t>
  </si>
  <si>
    <t>2013-12-03 14:38:42.800000+00:00</t>
  </si>
  <si>
    <t>2013-12-03 15:01:52.070000+00:00</t>
  </si>
  <si>
    <t>2013-12-03 15:01:27.313000+00:00</t>
  </si>
  <si>
    <t>c#|nhibernate|nhibernate-mapping</t>
  </si>
  <si>
    <t>Hiding both textfield and label in Struts2</t>
  </si>
  <si>
    <t>&lt;p&gt;I have tried to hide both label and field in Struts 2 by using below approaches &lt;/p&gt;
&lt;h3&gt;Approach #1&lt;/h3&gt;
&lt;pre&gt;&lt;code&gt;&amp;lt;s:textfield style="display:none;" label="test"&amp;gt;
&lt;/code&gt;&lt;/pre&gt;
&lt;p&gt;It hides only textbox not the label. &lt;/p&gt;
&lt;h3&gt;Approach #2&lt;/h3&gt;
&lt;pre&gt;&lt;code&gt;&amp;lt;s:form theme="simple"&amp;gt;
    &amp;lt;div style="display:none;" id="test"&amp;gt;
        &amp;lt;s:label&amp;gt;test&amp;lt;/s:label&amp;gt;
        &amp;lt;s:textfield&amp;gt;
    &amp;lt;/div&amp;gt;
&lt;/code&gt;&lt;/pre&gt;
&lt;p&gt;It hides both label and field. &lt;/p&gt;
&lt;p&gt;Is there anyway to hide both label and textfield without using &lt;code&gt;theme&lt;/code&gt; in Struts2 ?&lt;/p&gt;
&lt;p&gt;I am looking for this because I am trying to add a new field to an already existing form. If I use &lt;code&gt;theme&lt;/code&gt; then all my existing styling is disturbed.&lt;/p&gt;</t>
  </si>
  <si>
    <t>2016-09-27 16:08:33.913000+00:00</t>
  </si>
  <si>
    <t>2016-12-13 21:24:54.500000+00:00</t>
  </si>
  <si>
    <t>2016-09-27 21:23:40.167000+00:00</t>
  </si>
  <si>
    <t>user6432170</t>
  </si>
  <si>
    <t>html|jsp|struts2|themes|struts-tags</t>
  </si>
  <si>
    <t>Populate a div with text that has a specific css at a certain hour of the day</t>
  </si>
  <si>
    <t>&lt;p&gt;I am looking for a way to populate a div with text that has a specific css. I have two different css, and I want them to populate the div at certain time of the day. So: offline style for the night, online for the day. I am familiar with js but im looking for help as I want to combine "populate div" and "at certain time". And the neutral mode is empty of text - thats why I want it to be populated- I hope someone can help me! Cheers&lt;/p&gt;</t>
  </si>
  <si>
    <t>2017-10-24 14:03:27.870000+00:00</t>
  </si>
  <si>
    <t>2017-10-24 14:10:05.850000+00:00</t>
  </si>
  <si>
    <t>css|populate|hour</t>
  </si>
  <si>
    <t>Get Button.Content after Style was added in C# | Xaml</t>
  </si>
  <si>
    <t>&lt;p&gt;If I declare a Button's Content in my .xaml View like this:&lt;/p&gt;
&lt;pre&gt;&lt;code&gt;&amp;lt;Button&amp;gt;
  &amp;lt;Grid&amp;gt;
    &amp;lt;TextBlock Text="Hey" /&amp;gt;
  &amp;lt;/Grid&amp;gt;
&amp;lt;/Button&amp;gt;
&lt;/code&gt;&lt;/pre&gt;
&lt;p&gt;I can easily get it in my C# Code with Button.Content and cast it to a Grid.&lt;/p&gt;
&lt;p&gt;But when I add a Style with ControlTemplate via Code and then want to get the content, it's always null...&lt;/p&gt;
&lt;pre&gt;&lt;code&gt;Button btn = new Button();
btn.Style = App.Current.Resources["MyStyle"] as Style;
Grid grid = btn.Content as Grid; //&amp;lt;-- Always null
&lt;/code&gt;&lt;/pre&gt;
&lt;p&gt;My Style looks like this:&lt;/p&gt;
&lt;pre&gt;&lt;code&gt;&amp;lt;Style x:Name="MyStyle" TargetType="Button"&amp;gt;
  &amp;lt;Setter Property="Template"&amp;gt;
    &amp;lt;Setter.Value&amp;gt;
      &amp;lt;ControlTemplate&amp;gt;
        &amp;lt;Grid&amp;gt;
          &amp;lt;TextBlock Text="Hey" /&amp;gt;
        &amp;lt;/Grid&amp;gt;
      &amp;lt;/ControlTemplate&amp;gt;
    &amp;lt;/Setter.Value&amp;gt;
  &amp;lt;/Setter&amp;gt;
&amp;lt;/Style&amp;gt;
&lt;/code&gt;&lt;/pre&gt;
&lt;p&gt;The Button is correctly styled in the view...&lt;/p&gt;</t>
  </si>
  <si>
    <t>2015-11-30 09:16:13.133000+00:00</t>
  </si>
  <si>
    <t>2015-11-30 10:10:07.693000+00:00</t>
  </si>
  <si>
    <t>c#|windows|xaml|win-universal-app</t>
  </si>
  <si>
    <t>How to make this code as responsive</t>
  </si>
  <si>
    <t>&lt;p&gt;How do I make this responsive. I'm working on single page responsive site I had replaced this code for submit button. In desktop view, it works fine. When I view it in mobile I can't see submit button. &lt;/p&gt;
&lt;pre&gt;&lt;code&gt;&amp;lt;div style="padding-left: 500px" class="bt-contact"&amp;gt;
  &amp;lt;input style="width: 130px" class="des-button-dark des-button-dark-1 des-button-dark-1d" id="button-s"  name="submit" type="submit" value="Submit" &amp;gt;
&amp;lt;/div&amp;gt;
&lt;/code&gt;&lt;/pre&gt;</t>
  </si>
  <si>
    <t>2015-04-24 07:07:04.947000+00:00</t>
  </si>
  <si>
    <t>2015-04-24 07:31:22.103000+00:00</t>
  </si>
  <si>
    <t>Can sentence-endings in speech-to-text processing in Android be attached to?</t>
  </si>
  <si>
    <t>&lt;p&gt;Presuming that the speech-to-text engine/capability that can be used in Android "knows" (guesses) when a sentence is complete and adds a period, is there a callback/event handler that can be attached to this occurrence so that the text being generated can be handled a sentence, or a chunk, at a time?&lt;/p&gt;</t>
  </si>
  <si>
    <t>2014-04-14 21:35:35.967000+00:00</t>
  </si>
  <si>
    <t>android|text-processing|text-parsing|speech-to-text|sentence</t>
  </si>
  <si>
    <t>Adding Items to plist from another plist on app launch</t>
  </si>
  <si>
    <t>&lt;p&gt;My app is a list of items that the user can rate and take notes on etc. All of these items (dictionaries that store the user ratings and notes) are stored in a plist which is moved to the documents directory when the app first loads (if the plist file already exists in documents directory it skips this step). Now I've had a few reviews and people have been saying there should be more items in the lists. Now I'm trying to figure out how to go about adding new items to the plist. If I add them to the existing plist the users will never see the new items because the app checks to see if the database already exists in the documents directory. So they will never receive the new list. So I planned on creating a new plist with items in it and appending each new item to the old plist if the item doesn't already exist (because the user can add items themselves so I don't want to have duplicate entries in case the user added an item with the same name). My dilemma is I'm not sure where exactly/how to do the plist merging. Do I do it in the App Delegate? Do I do it in the &lt;code&gt;viewDidLoad&lt;/code&gt; of the main view? How do I stop it from checking every time the app loads if it has already added the new items to the old plist? I know there are different ways to do it. I'm just looking for the easiest and "less load heavy on the app" way of doing it.&lt;/p&gt;</t>
  </si>
  <si>
    <t>2013-01-11 07:03:21.860000+00:00</t>
  </si>
  <si>
    <t>2013-01-14 21:18:40.430000+00:00</t>
  </si>
  <si>
    <t>ios|objective-c|xcode|plist</t>
  </si>
  <si>
    <t>C# Class Method to loop through a List created in the same Class</t>
  </si>
  <si>
    <t>&lt;p&gt;To start off I am new to C# and I am in need of some help. I a class that contains a list. I can set the items in the list from the application but not from the class(where it needs to be done). I am also needing to move an event to class as well. This works in the app as well. Any help with this is greatly appreciated. Below is the code from my class:&lt;/p&gt;
&lt;pre&gt;&lt;code&gt;    namespace CarRace
{
class Cars
{
    public string Name { get; set; }
    public int StartPOS { get; set; }
    public int Speed { get; set; }
    public int CurPOS { get; set; }
    public double Location { get; set; }
    public Cars(string Name, int StartPOS, int Speed, int CurPOS, long Location)
    {
        this.Name = Name;
        this.StartPOS = StartPOS;
        this.Speed = Speed;
        this.CurPOS = 0;
        this.Location = 0;
    }
    public static int CompareCurrentLocation(Cars c1, Cars c2)
    {
        return c2.Location.CompareTo(c1.Location);
    }
    }
}
&lt;/code&gt;&lt;/pre&gt;
&lt;p&gt;I am needing to add this to the class:&lt;/p&gt;
&lt;pre&gt;&lt;code&gt;if (File.Exists("NewRace.xml"))
            {
                XDocument doc = XDocument.Load("NewRace.xml");
                var nCars = doc.Descendants("Car").Select(x =&amp;gt; new Cars("", 0, 0, 0, 0)
                {
                    Name = x.Attribute("Name").Value,
                    StartPOS = int.Parse(x.Attribute("StartPOS").Value),
                    Speed = int.Parse(x.Attribute("Speed").Value),
                    CurPOS = 0
                });
            }
&lt;/code&gt;&lt;/pre&gt;
&lt;p&gt;And this:&lt;/p&gt;
&lt;pre&gt;&lt;code&gt;int p = 1;
        int prevPOS = 1;
        DateTime? PrevTime;
        double dist = 0;
        double PrevLoc = 0;
        if (i == 0)
        {
            return;
        }
        foreach (var car in RaceList)
        {
            dist = (((car.Speed * 1609.344) * 1) / 1609.344) / 3600;
            car.Location = car.Location + dist;
        }
        Comparison&amp;lt;Cars&amp;gt; compLoc = Cars.CompareCurrentLocation;
        RaceList.Sort(compLoc);
        PrevTime = DateTime.Now;
        foreach (var car in RaceList)
        {
            if (car.Location != PrevLoc)
            {
                car.CurPOS = p;
            }
            else
            {
                car.CurPOS = prevPOS;
            }
            prevPOS = car.CurPOS;
            PrevLoc = car.Location;
            p++;
        }
&lt;/code&gt;&lt;/pre&gt;
&lt;p&gt;Thanks&lt;/p&gt;</t>
  </si>
  <si>
    <t>2012-07-07 14:37:20.397000+00:00</t>
  </si>
  <si>
    <t>2012-07-08 03:23:02.917000+00:00</t>
  </si>
  <si>
    <t>What is a .NET managed module?</t>
  </si>
  <si>
    <t>&lt;p&gt;I know it's a Windows PE32, but I also know that the unit of deployment in .NET is an assembly which in turn has a manifest and can be made up of multiple managed modules.&lt;/p&gt;
&lt;p&gt;My questions are :&lt;/p&gt;
&lt;p&gt;1) How would you create multiple managed modules when building a project such as a class lib or a console app etc.&lt;/p&gt;
&lt;p&gt;2) Is there a way to specify this to the compiler(via the project properties for example) to partition your source code files into multiple managed modules.
If so what is the benefit of doing so? &lt;/p&gt;
&lt;p&gt;3)Can managed modules span assemblies?&lt;/p&gt;
&lt;p&gt;4)Are separate file created on disk when the source code is compiled or are these created in memory and directly embedded in an assembly?&lt;/p&gt;
&lt;p&gt;EDIT:&lt;/p&gt;
&lt;p&gt;@Jon:&lt;/p&gt;
&lt;p&gt;For 2):So, does compiling/building source in visual studio always create a single managed module? If so then I fail to understand as to why VS doesn't provide a mechanism to do so in spite of the fact that .NET supports doing so.
I agree that it would be unmanageable to create an assembly with modules from different languages. Is that the only reason why .NET allows creating multi module assemblies?
I read in Richter's CLR via C# that modules can also span assemblies, and this can help keep assembly sizes down, and reduce memory footprint by downloading assembles on demand when certain functionality is invoked for the first time, but I'm not quite sure as to why would one want to span a module across assemblies, why not just create a new assembly which implicity creates a new module in the process. You would still gain the same benefits.&lt;/p&gt;
&lt;p&gt;Item 4) was in regards to ".netmodule" files. 
As part of the VS build process I haven't seen any ".netmodule" files created in the obj directory. I've typically noticed .pdb, .dll/.exe and a *FileListAbsolute file and hence the question on whether any separate files are created for managed modules.&lt;/p&gt;
&lt;p&gt;EDIT:
@Jon: Here is the excerpt from CLR via C#(3rd edition) Pg 43:
Maybe I'm misreading this but it sounds to me that a module (which is a file belonging to an assembly) can be downloaded on demand.&lt;/p&gt;
&lt;p&gt;"For example, an assembly can consist of several types.
You could put the frequently used types in one file and the less frequently used types in
another file. If your assembly is deployed by downloading it via the Internet, the file with
the infrequently used types might not ever have to be downloaded to the client if the client
never accesses the types. For example, an independent software vendor (ISV) specializing in
UI controls might choose to implement Active Accessibility types in a separate module (to
satisfy Microsoft���s Logo requirements). Only users who require the additional accessibility
features would require this module to be downloaded.&lt;/p&gt;
&lt;p&gt;You configure an application to download assembly files by specifying a codeBase element
(discussed in Chapter 3) in the application���s configuration file. The codeBase element identifies
a URL pointing to where all of an assembly���s files can be found."&lt;/p&gt;</t>
  </si>
  <si>
    <t>2010-03-14 20:27:25+00:00</t>
  </si>
  <si>
    <t>2010-03-15 00:21:52.320000+00:00</t>
  </si>
  <si>
    <t>ASP.NET Ajax script registration</t>
  </si>
  <si>
    <t>&lt;p&gt;When should I use ScriptManager to register scripts and when is it ok to use the Page.ClientScript?
What are the rules?&lt;/p&gt;</t>
  </si>
  <si>
    <t>2009-01-15 14:38:39.500000+00:00</t>
  </si>
  <si>
    <t>2009-01-15 14:55:15.970000+00:00</t>
  </si>
  <si>
    <t>Peanut</t>
  </si>
  <si>
    <t>asp.net|ajax|scripting</t>
  </si>
  <si>
    <t>Image Preview not working in Safari</t>
  </si>
  <si>
    <t>&lt;p&gt;I'm using the following code to preview image on the client before uploading it to server, works in Chrome but not in Safari. Why?&lt;/p&gt;
&lt;p&gt;JavaScript.&lt;/p&gt;
&lt;pre&gt;&lt;code&gt;$('#imageUpload').change(function(){        
            readImgUrlAndPreview(this);
            function readImgUrlAndPreview(input){
                 if (input.files &amp;amp;&amp;amp; input.files[0]) {
                        var reader = new FileReader();
                        reader.onload = function (e) {                          
                            $('#imagePreview').attr('src', e.target.result);
                            }
                      };
                      reader.readAsDataURL(input.files[0]);
                }   
});
&lt;/code&gt;&lt;/pre&gt;
&lt;p&gt;HTML. &lt;/p&gt;
&lt;pre&gt;&lt;code&gt;&amp;lt;img src="" id="imagePreview" alt="Preview Image" width="40px" height="40" style="border:none !important; border-width:0px !important;"/&amp;gt; 
  &amp;lt;input type="file" name="imageUpload" id="imageUpload"/&amp;gt; 
&amp;lt;label for="imageUpload" id="UploadImage1Label" &amp;gt;Upload image&amp;lt;/label&amp;gt;
&lt;/code&gt;&lt;/pre&gt;
&lt;p&gt;Thanks.&lt;/p&gt;</t>
  </si>
  <si>
    <t>2013-12-07 07:49:55.640000+00:00</t>
  </si>
  <si>
    <t>2013-12-08 06:57:54.520000+00:00</t>
  </si>
  <si>
    <t>javascript|jquery|html|safari|cross-browser</t>
  </si>
  <si>
    <t>Drawing in Windows Forms</t>
  </si>
  <si>
    <t>&lt;p&gt;I am beginner in drawing anything using Windows Forms and C# and I have a question(I couldnt have found answer on the internet). So here is my problem : I am trying to build simple application where i use trackbar to manipulate the size of rectangle.&lt;/p&gt;
&lt;pre&gt;&lt;code&gt;    namespace Drawing
{
    public partial class Form1 : Form
    {
        int size = 10;
        public Form1()
        {
            InitializeComponent();
            CenterToScreen();
        }
        protected override void OnPaint(PaintEventArgs pe)
        {
            Graphics g = pe.Graphics;
            Rectangle rect = new Rectangle(50,50, size,size);
            LinearGradientBrush IBrush = new LinearGradientBrush(rect, Color.Green, Color.Yellow,
                LinearGradientMode.BackwardDiagonal);
            g.FillRectangle(IBrush, rect);
        }
        private void Form1_Load(object sender, EventArgs e)
        {
        }
        private void Form1_Paint(object sender, PaintEventArgs e)
        {
        }
        private void trackBar1_Scroll(object sender, EventArgs e)
        {
           size = trackBar1.Value;
 // I was trying to put here OnPaint method but it doesnt work.
        }
    }
}
&lt;/code&gt;&lt;/pre&gt;
&lt;p&gt;And I just cant figure out how to call OnPaint method when tracBar1_Scroll occurs? Any suggestions? Thank you in advance.&lt;/p&gt;</t>
  </si>
  <si>
    <t>2012-08-30 11:13:19.547000+00:00</t>
  </si>
  <si>
    <t>2012-08-30 11:31:43.220000+00:00</t>
  </si>
  <si>
    <t>SSL CA cert (path? access rights?)</t>
  </si>
  <si>
    <t>&lt;p&gt;I am using CentOs 6.6 64bit, and have a problem when using curl. The server primarily hosts several wordpress blogs using apache and mysql.&lt;/p&gt;
&lt;p&gt;My simplest means to generate the error is with the following yum command which outputs the below&lt;/p&gt;
&lt;pre&gt;&lt;code&gt;yum list "ca-certi*"
Loaded plugins: fastestmirror
Loading mirror speeds from cached hostfile
Could not get metalink https://mirrors.fedoraproject.org/metalink?repo=epel-6&amp;amp;arch=x86_64 error was
14: PYCURL ERROR 77 - "Problem with the SSL CA cert (path? access rights?)"
 * base: cosmos.cites.illinois.edu
 * epel: mirror.cogentco.com
 * extras: mirrors.rit.edu
 * updates: mirrors.rit.edu
Installed Packages
ca-certificates.noarch                 2014.1.98-65.1.el6                  @base
&lt;/code&gt;&lt;/pre&gt;
&lt;p&gt;Soutions tried and failed so far based from googling around&lt;/p&gt;
&lt;p&gt;1) I have tried restarting the VPS, no good&lt;/p&gt;
&lt;p&gt;2) Executing &lt;code&gt;curl http://curl.haxx.se/ca/cacert.pem -o /etc/pki/tls/certs/ca-bundle.crt&lt;/code&gt; without any luck&lt;/p&gt;
&lt;p&gt;3) This solution was no good at all, as it relies on yum to solve the SSL problem that yum also suffers &lt;a href="http://syslint.com/syslint/curl-77-problem-with-the-ssl-ca-cert-path-access-rights-solved/" rel="noreferrer"&gt;http://syslint.com/syslint/curl-77-problem-with-the-ssl-ca-cert-path-access-rights-solved/&lt;/a&gt;&lt;/p&gt;
&lt;p&gt;Can I run these yum steps to install with wget?, would you think it would help?&lt;/p&gt;
&lt;pre&gt;&lt;code&gt;# yum reinstall ca-certificates
# yum reinstall openssl
&lt;/code&gt;&lt;/pre&gt;
&lt;p&gt;I think virtualmin had installed some updates in the last 24 hours, is there a log of updates it ran somewhere?&lt;/p&gt;
&lt;p&gt;Can anyone please help get around this "Problem with the SSL CA cert (path? access rights?)" problem.&lt;/p&gt;
&lt;p&gt;TIA&lt;/p&gt;</t>
  </si>
  <si>
    <t>2015-01-16 15:17:25.297000+00:00</t>
  </si>
  <si>
    <t>2017-10-19 12:04:53.397000+00:00</t>
  </si>
  <si>
    <t>ssl|curl|openssl|centos|certificate</t>
  </si>
  <si>
    <t>JS countdown timer - Pause function</t>
  </si>
  <si>
    <t>&lt;p&gt;Here's a simple countdown timer that counts from 9 down to 0. 
The countdown works fine. But what if I want to pause it mid-flow and then restart from where it was paused?
I have tried (see code below) to interrupt the countdown, save the number it was at, and then restart the function from the new number. But the countdown goes haywire, and I can't see why. Any ideas?&lt;/p&gt;
&lt;p&gt;PS. I could cut and paste a timer from elsewhere, but I'm doing this for the learning experience. I'm sure there are better ways to code a countdown timer in JS, but it's bugging me that I can't make THIS way work and think I must be missing something obvious.&lt;/p&gt;
&lt;p&gt;Many thanks&lt;/p&gt;
&lt;p&gt;&lt;div class="snippet" data-lang="js" data-hide="false" data-console="true" data-babel="false"&gt;_x000D_
&lt;div class="snippet-code"&gt;_x000D_
&lt;pre class="snippet-code-js lang-js prettyprint-override"&gt;&lt;code&gt;var currentTimeInt = 10;_x000D_
var minn = [];_x000D_
var stop = 0;_x000D_
_x000D_
 // stop_x000D_
 function stopCounter() {_x000D_
 currentTime = document.getElementById('mins').textContent; // grabs the number of minutes at moment of pause._x000D_
_x000D_
 stop = 1;_x000D_
  }_x000D_
 _x000D_
 // restart_x000D_
 function restart() {_x000D_
 stop = 0;_x000D_
 currentTimeInt = parseInt(currentTime, 10); // converts that number into an integer we can use_x000D_
 document.getElementById("mins").innerHTML=currentTimeInt;_x000D_
  newMinutes(); // restarts the newMinutes function with the start time currentTimeInt set to the time the counter stopped at_x000D_
   }_x000D_
 _x000D_
function newMinutes() {_x000D_
document.getElementById('mins').innerHTML= currentTimeInt; // displays the counter_x000D_
_x000D_
for (aa = currentTimeInt-1; aa &amp;gt;= 0; aa--) {_x000D_
minn.push(aa); // builds an array of numbers in descending order_x000D_
document.getElementById('mins').innerHTML= minn[aa]; _x000D_
for (let bb=1; bb&amp;lt;=currentTimeInt; bb++) {_x000D_
if (bb&amp;lt;currentTimeInt) {_x000D_
    setTimeout( function timer(){_x000D_
 if (stop == 0) {     // checks if "stop!" has been clicked and returns false to stop the function if that is the case_x000D_
        document.getElementById('mins').innerHTML= minn[bb];_x000D_
  console.log(minn[bb]);_x000D_
 }_x000D_
 else {return false;}_x000D_
  }, bb*1000 );_x000D_
 }_x000D_
_x000D_
} _x000D_
}_x000D_
console.log(currentTimeInt + " the end");_x000D_
_x000D_
}&lt;/code&gt;&lt;/pre&gt;_x000D_
&lt;pre class="snippet-code-html lang-html prettyprint-override"&gt;&lt;code&gt;&amp;lt;span&amp;gt;Minutes: &amp;lt;/span&amp;gt;&amp;lt;span id= "mins"&amp;gt;&amp;lt;/span&amp;gt;_x000D_
&amp;lt;button onclick="newMinutes()"&amp;gt;Go!&amp;lt;/button&amp;gt;_x000D_
&amp;lt;button onclick="stopCounter()"&amp;gt;Stop!&amp;lt;/button&amp;gt;_x000D_
&amp;lt;button onclick="restart()"&amp;gt;Reset!&amp;lt;/button&amp;gt;&lt;/code&gt;&lt;/pre&gt;_x000D_
&lt;/div&gt;_x000D_
&lt;/div&gt;_x000D_
&lt;/p&gt;</t>
  </si>
  <si>
    <t>2017-08-05 13:04:15.913000+00:00</t>
  </si>
  <si>
    <t>2018-03-10 14:45:01.087000+00:00</t>
  </si>
  <si>
    <t>javascript|timer</t>
  </si>
  <si>
    <t>Cython vector operations</t>
  </si>
  <si>
    <t>&lt;p&gt;How can I use the &lt;code&gt;remove&lt;/code&gt; function from &lt;code&gt;&amp;lt;algorithm&amp;gt;&lt;/code&gt;?  (Or any other operation, I want to use this with vectors, I tried to &lt;code&gt;cdef extern&lt;/code&gt; to declare it, but there is no template function yet, I think)&lt;/p&gt;</t>
  </si>
  <si>
    <t>2011-11-28 12:13:23.167000+00:00</t>
  </si>
  <si>
    <t>2011-11-28 12:18:22.947000+00:00</t>
  </si>
  <si>
    <t>2011-11-28 12:16:56.963000+00:00</t>
  </si>
  <si>
    <t>c++|python|algorithm|vector|cython</t>
  </si>
  <si>
    <t>Maven if-else like behaviour</t>
  </si>
  <si>
    <t>&lt;p&gt;I have a multi-module project  in maven, where other projects need to use the jars according to the environment.&lt;/p&gt;
&lt;p&gt;We have like 4 enviroenments
1.Dev
2.UAT
3.QA 
4.PROD&lt;/p&gt;
&lt;p&gt;There is a project which wants to use projectname-dev.jar for all three environments (i.e dev,uat,QA ) and projectname-prod.jar for PROD.&lt;/p&gt;
&lt;p&gt;I did a google search for something like an if-else logic which I can use in maven profiles.&lt;/p&gt;
&lt;p&gt;I can still create a new property for this specific project and change it to '-prod' when it goes into produciton, but thats an extra overhead that I do not want to add.&lt;/p&gt;
&lt;p&gt;Are there any plugins I can use for this which will help me get the above work done without adding any kind of manual overhead to it.&lt;/p&gt;
&lt;p&gt;Thanks&lt;/p&gt;</t>
  </si>
  <si>
    <t>2011-09-12 14:48:24.063000+00:00</t>
  </si>
  <si>
    <t>2011-09-12 16:31:27.193000+00:00</t>
  </si>
  <si>
    <t>Windows XP command issue</t>
  </si>
  <si>
    <t>&lt;p&gt;I can't use the command "certreq" in window command prompt, could someone advise how to make this command available in window command prompt?&lt;/p&gt;
&lt;p&gt;Should I add a path in system environment or something else?&lt;/p&gt;
&lt;p&gt;The error message as below&lt;/p&gt;
&lt;pre&gt;
Microsoft Windows XP [Version 5.1.2600]
(C) Copyright 1985-2001 Microsoft Corp.
C: \ Documents and Settings \ user&gt; cd C: \ iOS
C: \ iOS&gt; certreq-new certreq.txt newcsr.pem
'certreq' is not an internal or external command,
Operable program or batch file.
C: \ iOS&gt; certreq
'certreq' is not an internal or external command,
Operable program or batch file.
C: \ iOS&gt;
&lt;/pre&gt;
&lt;p&gt;Thanks&lt;/p&gt;</t>
  </si>
  <si>
    <t>2011-06-16 08:11:15.270000+00:00</t>
  </si>
  <si>
    <t>2011-06-16 08:34:33.980000+00:00</t>
  </si>
  <si>
    <t>2011-06-16 08:25:21.300000+00:00</t>
  </si>
  <si>
    <t>windows-xp</t>
  </si>
  <si>
    <t>removing elements in an array, c++</t>
  </si>
  <si>
    <t>&lt;p&gt;I have an array of sockets (pfd[nfd].fd). I also have an array of pointers (event_tracking* track[10]). If there comes a point in my code where I try and receive data from a socket that is closed I would like to remove that array element in both arrays and then shift the arrays to fill the empty spot. &lt;/p&gt;
&lt;pre&gt;&lt;code&gt; for(j=1; j&amp;lt;nfd; j++) {
        if(pfd[j].revents&amp;amp;POLLIN) {  
            char* p = track.receive_datagram();
            if (p == 0) { 
            delete track[j-1];
            //Delete element in pfd[nfd].fd
            //Reorder elements of track array
            //Reorder elements of pfd array
            }
        }
  }
&lt;/code&gt;&lt;/pre&gt;
&lt;p&gt;I know you can call the delete operator to call the destructor for track but I'm not sure how to reorder the elements in the array now that one is missing? Or how to delete and reorder the pfd array?&lt;/p&gt;
&lt;p&gt;Any help would be appreciated! I can't find any examples of deleting and reordering arrays in my text. &lt;/p&gt;</t>
  </si>
  <si>
    <t>2015-09-16 23:48:09.870000+00:00</t>
  </si>
  <si>
    <t>2015-09-17 03:21:19.227000+00:00</t>
  </si>
  <si>
    <t>the TextView and ViewGroup, java.lang.RuntimeException:</t>
  </si>
  <si>
    <t>&lt;pre&gt;&lt;code&gt;&amp;lt;RelativeLayout xmlns:android="http://schemas.android.com/apk/res/android"
xmlns:tools="http://schemas.android.com/tools"
android:layout_width="match_parent"
android:layout_height="match_parent"
android:background="#f0f0f0"&amp;gt;
&amp;lt;TextView
    android:id="@+id/tv_dialog"
    android:layout_width="80dp"
    android:layout_height="80dp"
    android:layout_centerInParent="true"
    android:background="@android:color/darker_gray"
    android:gravity="center"
    android:textColor="#ffffffff"
    android:textSize="30dp"
    android:visibility="gone"&amp;gt;
    &amp;lt;com.myspace.maoyannew.view.MyLetterView
        android:id="@+id/my_letterview"
        android:layout_width="25dp"
        android:layout_height="match_parent"
        android:layout_alignParentRight="true"
        android:layout_marginRight="2dp"
        android:layout_marginTop="7dp"&amp;gt;
    &amp;lt;/com.myspace.myspace.view.MyLetterView&amp;gt;
&amp;lt;/TextView&amp;gt;
&lt;/code&gt;&lt;/pre&gt;
&lt;p&gt;&lt;/p&gt;
&lt;p&gt;&lt;strong&gt;the AS told me : java.lang.ClassCastException: android.widget.TextView cannot be cast to android.view.ViewGroup, I don't how to solve&lt;/strong&gt;&lt;/p&gt;</t>
  </si>
  <si>
    <t>2016-05-29 12:30:09.550000+00:00</t>
  </si>
  <si>
    <t>2016-05-29 12:59:46.383000+00:00</t>
  </si>
  <si>
    <t>Undefined method '*' for nil:Nilclass</t>
  </si>
  <si>
    <t>&lt;p&gt;I am working on an application that is like a forum.  It displays all data in a table.  So what I am trying to do is sort the dates in the table in ascending order.&lt;/p&gt;
&lt;p&gt;Here's what I am trying to do:&lt;/p&gt;
&lt;pre&gt;&lt;code&gt;def pullTenRecords
if session[:page] == 0
     tenRecords = Consciousmess.limit(10).offset(0)
     orderedTenRecords = tenRecords.order(created_at: :asc)
   else 
      tenRecord = Consciousmess.limit(10).offset(session[:page] * 10)
      orderTenRecords = tenRecord.order(created_at: :asc)
        end
    end
&lt;/code&gt;&lt;/pre&gt;
&lt;p&gt;My problem is it says undefined undefined method '*' for Nil:NilClass.  I do realize there are some posts about this on StackOverflow but none of the posts have really helped in terms of solving my issue.  Thanks.&lt;/p&gt;</t>
  </si>
  <si>
    <t>2015-02-28 16:03:04.370000+00:00</t>
  </si>
  <si>
    <t>2015-02-28 16:06:29.600000+00:00</t>
  </si>
  <si>
    <t>Visual Studio 2017 install breaks Visual Studio 2015 ASP.NET Core Projects</t>
  </si>
  <si>
    <t>&lt;p&gt;After installing Visual Studio 2017 Professional I can't build my ASP.NET Core in Visual Studio 2015 Professional anymore. I never opened this project in VS2017&lt;/p&gt;
&lt;p&gt;I get &lt;/p&gt;
&lt;blockquote&gt;
  &lt;p&gt;The following error occured attempting to run the project model server process (1.0.0-preview3-004056).&lt;/p&gt;
  &lt;p&gt;Unable to start the process. No executable found matching command dotnet-projectmodel-server&lt;/p&gt;
&lt;/blockquote&gt;
&lt;p&gt;&lt;a href="https://i.stack.imgur.com/tsuiA.png" rel="noreferrer"&gt;&lt;img src="https://i.stack.imgur.com/tsuiA.png" alt="enter image description here"&gt;&lt;/a&gt;&lt;/p&gt;
&lt;p&gt;I then created a brand new ASP.NET Core project in Visual Studio 2015 and I get the exact same message when loading my project.&lt;/p&gt;
&lt;p&gt;Additionally when I want to build the project I get&lt;/p&gt;
&lt;blockquote&gt;
  &lt;p&gt;MSB1009: Project File does not exist.&lt;/p&gt;
&lt;/blockquote&gt;
&lt;p&gt;&lt;a href="https://i.stack.imgur.com/mSxIh.png" rel="noreferrer"&gt;&lt;img src="https://i.stack.imgur.com/mSxIh.png" alt="enter image description here"&gt;&lt;/a&gt;&lt;/p&gt;
&lt;p&gt;The same problem does not occur with ASP.NET 5 projects so It's only limited to ASP.NET Core&lt;/p&gt;
&lt;hr&gt;
&lt;p&gt;&lt;strong&gt;Visual Studio 2017 7 March Update&lt;/strong&gt;&lt;/p&gt;
&lt;p&gt;Ifa global.json is added like in the answers below get an error message for  any  .net framework version  used in the &lt;code&gt;global.json&lt;/code&gt; and that exist in the &lt;code&gt;C:\Program Files\dotnet\sdk\&lt;/code&gt; folder&lt;/p&gt;
&lt;blockquote&gt;
  &lt;p&gt;Error  MSB4019 The imported project "C:\Program Files\dotnet\sdk\X.X.X\Microsoft\VisualStudio\v14.0\DotNet\Microsoft.DotNet.Props" was not found. Confirm that the path in the  declaration is correct, and that the file exists on disk.  &lt;/p&gt;
&lt;/blockquote&gt;
&lt;p&gt;Also when closing Visual Studio and reopening it again I get the original error message&lt;/p&gt;</t>
  </si>
  <si>
    <t>2016-11-18 10:13:51.147000+00:00</t>
  </si>
  <si>
    <t>2017-03-15 11:52:20.427000+00:00</t>
  </si>
  <si>
    <t>2017-03-09 23:19:00.573000+00:00</t>
  </si>
  <si>
    <t>asp.net-core|.net-core|visual-studio-2017</t>
  </si>
  <si>
    <t>Java swing frame Change Font size (decrease)</t>
  </si>
  <si>
    <t>&lt;p&gt;I have java swing application. create jar file from it and run on some computer.just i have a problem with a computer , that os is windows 10.
when jar file run, all frame font and size are very very small , i increase the font size but not changed.
i search for solution and found &lt;a href="https://superuser.com/questions/988379/how-do-i-run-java-apps-upscaled-on-a-high-dpi-display"&gt;this&lt;/a&gt; but not work for me.&lt;/p&gt;</t>
  </si>
  <si>
    <t>2018-11-11 14:51:58.620000+00:00</t>
  </si>
  <si>
    <t>java|swing|jar|java-8|awt</t>
  </si>
  <si>
    <t>How do I make a following div ignore the space that would have been behind it if its floated left?</t>
  </si>
  <si>
    <t>&lt;p&gt;Hoping that someone could help this is a really simple css setting that I know exists I just cat remember it.&lt;/p&gt;
&lt;p&gt;I have 3 divs (1,2 and 3). That are set to float left so they all flow one after the other on a page. They are all 20px wide. What I want to do is make div 3 ignore the 20px width that the div 2 would create. So that div 1 would start at (left=0), div 2 would start at (left=20) and div 3 would also start at (left=20 instead of left = 40).&lt;/p&gt;
&lt;p&gt;The setting that im thinking of I would need to apply to div to to tell it to be essentially ignored. &lt;/p&gt;
&lt;p&gt;I know this is possible I just cant remember how, its something to do with the way that you relatively postition it.&lt;/p&gt;
&lt;p&gt;Any help much appreciated.&lt;/p&gt;
&lt;p&gt;Regards
Pete&lt;/p&gt;</t>
  </si>
  <si>
    <t>2010-06-04 08:43:46.330000+00:00</t>
  </si>
  <si>
    <t>2010-06-04 08:51:23.553000+00:00</t>
  </si>
  <si>
    <t>Encapsulation in Safety-critical systems</t>
  </si>
  <si>
    <t>&lt;p&gt;Does usually &lt;em&gt;Safety Critical&lt;/em&gt; systems make use of &lt;em&gt;Encapsulation&lt;/em&gt;? Let say an embedded system implemented in &lt;strong&gt;Ada&lt;/strong&gt; or &lt;strong&gt;C&lt;/strong&gt; for a satellite, jet fighter, submarine or an airliner.&lt;/p&gt;
&lt;p&gt;I got the question since to me the concept of encapsulation is there to help the &lt;em&gt;Software Development&lt;/em&gt; and &lt;em&gt;Maintenance&lt;/em&gt; process, not the software itself. As it adds up a little bit overhead to access the data via &lt;em&gt;Accessors&lt;/em&gt; instead of direct in-memory access, I'm wondering if it is acceptable for such a safety-critical application to implement an abstraction layer like encapsulation. &lt;/p&gt;
&lt;p&gt;Also I assume there are tons of code powering up an airliner for example, so if they don't want to have those concepts on-board, then the software development might get out of hand at some point.&lt;/p&gt;
&lt;p&gt;P.S. if the question seems off-topic please fill free to comment or edit, as it's a real question to me and I hope to get some answers from the people who has already worked on similar applications.&lt;/p&gt;
&lt;p&gt;P.P.S. Just to prevent some confusions, modern versions of &lt;em&gt;Ada&lt;/em&gt; has OOP features and encapsulation could be simply achieved in &lt;em&gt;C&lt;/em&gt; as well.&lt;/p&gt;</t>
  </si>
  <si>
    <t>2014-04-25 07:36:16.050000+00:00</t>
  </si>
  <si>
    <t>2014-04-25 08:36:12.313000+00:00</t>
  </si>
  <si>
    <t>c|embedded|encapsulation|ada|safety-critical</t>
  </si>
  <si>
    <t>Filter duplicate column results in two column Mysql</t>
  </si>
  <si>
    <t>&lt;p&gt;i've been struggling with this query since the last 8 hours!. Below is what im trying to achieve. If you can direct me or correct me what im missing below, it would be nice.&lt;/p&gt;
&lt;pre&gt;&lt;code&gt;  A, B, C, Date
  --------------
  1  2  3  1
  2  3  2  2
  3  2  4  3
  4  2  9  4
  5  3  4  5
  6  4  9  6
  7  4  3  7
&lt;/code&gt;&lt;/pre&gt;
&lt;p&gt;My query:&lt;/p&gt;
&lt;blockquote&gt;
  &lt;p&gt;SELECT * 
  FROM  Tbl
  WHERE B=2 or C=2
  GROUP BY B, C
  order by Date DESC&lt;/p&gt;
&lt;/blockquote&gt;
&lt;p&gt;This query is giving me duplicate values. What i would like to see is if B=2 or C=2, i just want only 1 row for B=2 or C=2, and also to filter out the two resulting rows to only the last row. Filtration should be done by Date column.&lt;/p&gt;
&lt;pre&gt;&lt;code&gt;A, B, C, Date  (Query output!)
--------------
1  2  3  1
2  3  2  2
3  2  4  3
4  2  9  4
&lt;/code&gt;&lt;/pre&gt;
&lt;p&gt;Expected output:&lt;/p&gt;
&lt;pre&gt;&lt;code&gt;A, B, C, Date  (Expected output!)
--------------
1  2  3  1 (skip this row, because the next row is the latest row! and it contains 2)
2  3  2  2 (show this row for B=2 or C=2 instead of the above row)
3  2  4  3
4  2  9  4
&lt;/code&gt;&lt;/pre&gt;
&lt;p&gt;Thanks in advance!&lt;/p&gt;</t>
  </si>
  <si>
    <t>2013-09-30 09:48:00.340000+00:00</t>
  </si>
  <si>
    <t>2013-10-21 03:33:04.983000+00:00</t>
  </si>
  <si>
    <t>MySQL query to select count of conflicts between two users</t>
  </si>
  <si>
    <t>&lt;p&gt;sqlfiddle here: &lt;a href="http://sqlfiddle.com/#!2/bde34" rel="nofollow"&gt;http://sqlfiddle.com/#!2/bde34&lt;/a&gt;&lt;/p&gt;
&lt;p&gt;the fiddle data contains:  &lt;/p&gt;
&lt;p&gt;total conflicting questions between user 1 and user 2: &lt;strong&gt;3&lt;/strong&gt;&lt;br&gt;
conflicts user 1 has with user 2: &lt;strong&gt;2&lt;/strong&gt;&lt;br&gt;
conflicts user 2 has with user 1: &lt;strong&gt;2&lt;/strong&gt;  &lt;/p&gt;
&lt;p&gt;I have a query that selects the total number of conflicts between to users who have answered the same question. What I am after is to make it show the individual conflict counts user 1 has with user 2 and user 2 has with user 1&lt;/p&gt;
&lt;p&gt;For reference:&lt;/p&gt;
&lt;p&gt;&lt;strong&gt;Table 1: user_answers table (stores users answers and their acceptable asnwers to various questions)&lt;/strong&gt;&lt;/p&gt;
&lt;p&gt;The notable values that are stored are:&lt;/p&gt;
&lt;pre&gt;&lt;code&gt;users id (column uid)
question id for the question they are answering (column quid)
answer to the question (column answer)
acceptable answer storage #1 stores other acceptable answers for that user (column acceptable_1)
acceptable answer storage #2 stores other acceptable answers for that user (column acceptable_2)
acceptable answer storage #3 stores other acceptable answers for that user (column acceptable_3)
acceptable answer storage #4 stores other acceptable answers for that user (column acceptable_4)
importance of their answer (column importance)
&lt;/code&gt;&lt;/pre&gt;
&lt;p&gt;The answer column will store a value between 1 and 4.&lt;/p&gt;
&lt;p&gt;The acceptable columns hold selected acceptable answers which are in line with their column placement. For example, user 1 answers 1, but would accept answers 2 and 3. This would make &lt;strong&gt;acceptable_2 = 2 and acceptable_3 = 3&lt;/strong&gt;, leaving acceptable_1 and acceptable_2 with a value of 0.
Conflicts happen when two users are compared and one has entered an answer to which the other does not have an acceptable value entered.&lt;/p&gt;
&lt;p&gt;Right now I have a query that will grab the count of total number of conflicts between the two users, but I am having trouble getting individual counts.  For example how many conflicts does user 1 have specifically when compared to user 2 and vice versa. &lt;/p&gt;
&lt;p&gt;For example: &lt;/p&gt;
&lt;pre&gt;&lt;code&gt;#select counts of BOTH users total conflicts
SELECT COUNT(*)
    FROM user_answers t1
    JOIN user_answers t2 ON t1.uid &amp;gt; t2.uid AND t1.quid = t2.quid AND
     (FIELD(t1.answer, t2.acceptable_1, t2.acceptable_2, t2.acceptable_3, t2.acceptable_4) = 0 OR
     FIELD(t2.answer, t1.acceptable_1, t1.acceptable_2, t1.acceptable_3, t1.acceptable_4) = 0 )
    WHERE t1.importance &amp;lt;&amp;gt; 1 AND t2.importance &amp;lt;&amp;gt; 1 and t1.uid in (1, 2) AND t2.uid in (1, 2)
&lt;/code&gt;&lt;/pre&gt;
&lt;p&gt;This query gives me the total conflicts between user 1 and user 2, but I have not been able to get the individual comparison counts.  I have tried removing one of the FIELD functions to try and compare only one user at a time but the results were not what I was expecting.&lt;/p&gt;
&lt;p&gt;Any help appreciated.&lt;/p&gt;</t>
  </si>
  <si>
    <t>2014-01-22 07:01:48.260000+00:00</t>
  </si>
  <si>
    <t>2014-01-22 08:09:36.520000+00:00</t>
  </si>
  <si>
    <t>2014-01-22 07:47:30.610000+00:00</t>
  </si>
  <si>
    <t>user1026996</t>
  </si>
  <si>
    <t>php|mysql|sql|database</t>
  </si>
  <si>
    <t>Ext.Create and this.callParent</t>
  </si>
  <si>
    <t>&lt;p&gt;How can I use &lt;code&gt;Ext.create&lt;/code&gt; and &lt;code&gt;this.callParent&lt;/code&gt; together? If I use following code I will get errors retrieving data from an ajax store.&lt;/p&gt;
&lt;pre&gt;&lt;code&gt;items: [
    { xtype: 'combo',
        initComponent: function() {
            ...
            this.callParent(arguments);
        }
    }
]
&lt;/code&gt;&lt;/pre&gt;
&lt;p&gt;Any suggestions?&lt;/p&gt;</t>
  </si>
  <si>
    <t>2013-03-26 06:50:25.563000+00:00</t>
  </si>
  <si>
    <t>2013-03-27 06:46:20.287000+00:00</t>
  </si>
  <si>
    <t>2013-03-26 06:55:37.823000+00:00</t>
  </si>
  <si>
    <t>javascript|extjs|extjs4</t>
  </si>
  <si>
    <t>IOS Framework trouble load loading embedded resource plist file</t>
  </si>
  <si>
    <t>&lt;p&gt;In my Iphone app, I previously loaded a standard plist file into a Dictionary, by doing the following code.  Recently I copied the source, and the plist file to a new bundle, which I compile into a framework and use in the original app.  All the code is running, but the plist loading code can't find the settings.plist file anymore.  Looking at the path, it still seems to be looking in the main app's files.  &lt;/p&gt;
&lt;p&gt;Do I need to update this bundle somehow to read the frameworks embedded resources?  &lt;/p&gt;
&lt;pre&gt;&lt;code&gt;NSBundle *bundle = [NSBundle mainBundle];
NSString  *path = [[bundle resourcePath] stringByAppendingPathComponent:@"settings.plist"];
_plistDictionary = [[NSDictionary alloc] initWithContentsOfFile:path];
&lt;/code&gt;&lt;/pre&gt;</t>
  </si>
  <si>
    <t>2014-04-04 20:06:33.973000+00:00</t>
  </si>
  <si>
    <t>2016-03-28 20:09:00.793000+00:00</t>
  </si>
  <si>
    <t>objective-c|bundle</t>
  </si>
  <si>
    <t>Formatting how a time and date display from a variable</t>
  </si>
  <si>
    <t>&lt;p&gt;My Variables are in my sql table stored as a date and time respectively. &lt;/p&gt;
&lt;p&gt;for the date, when i display the variable it displays as 2014-06-09&lt;/p&gt;
&lt;pre&gt;&lt;code&gt;&amp;lt;?php
echo $info['seasonbegin'];
?&amp;gt;
&lt;/code&gt;&lt;/pre&gt;
&lt;p&gt;when i try and format it, no matter which variable i declare (beginning or end) it displays as Wednesday December 31st&lt;/p&gt;
&lt;pre&gt;&lt;code&gt;&amp;lt;?php
echo date("l F jS", $info['seasonbegin']);
?&amp;gt;
&lt;/code&gt;&lt;/pre&gt;
&lt;p&gt;I don't understand what I am doing wrong. For a time I am trying to do with similar code, it does the same thing, no matter the value of the variable it displays 6pm...&lt;/p&gt;
&lt;p&gt;Thanks for any help&lt;/p&gt;</t>
  </si>
  <si>
    <t>2014-06-29 00:24:41.277000+00:00</t>
  </si>
  <si>
    <t>2014-06-29 00:26:35.697000+00:00</t>
  </si>
  <si>
    <t>No debug option in VBA runtime error</t>
  </si>
  <si>
    <t>&lt;p&gt;I am using excel 2013. I do not get any debug option when there is a runtime error. How can I get a debug option during runtime errors?&lt;/p&gt;
&lt;p&gt;Edit - I have realized that I have this problem only in the following instance. Normally I am getting the debug option (except for this case). What is especially painful is that it doesn't even tell me which line the error is on.&lt;/p&gt;
&lt;p&gt;screenshot of error -&lt;/p&gt;
&lt;p&gt;Code is as follows -&lt;/p&gt;
&lt;pre&gt;&lt;code&gt;Option Explicit
Option Base 1
Sub doit()
Dim intRowCounter As Long
Dim intColCounter As Long
Dim parentFormula As String
Dim resultantFormulas As String
For intRowCounter = 1 To 100
    For intColCounter = 1 To 200
        'This is the line giving the error
        parentFormula = Right(parentFormula, Len(parentFormula) - 1)
    Next intColCounter
Next intRowCounter
End Sub
&lt;/code&gt;&lt;/pre&gt;
&lt;p&gt;Screenshot of the error  &lt;a href="https://imgur.com/gC32z74" rel="nofollow noreferrer"&gt;http://imgur.com/gC32z74&lt;/a&gt;&lt;/p&gt;
&lt;p&gt;&lt;img src="https://i.stack.imgur.com/fwXVf.png" alt="enter image description here"&gt;&lt;/p&gt;</t>
  </si>
  <si>
    <t>2015-02-06 17:32:51.397000+00:00</t>
  </si>
  <si>
    <t>2017-01-20 15:06:09.333000+00:00</t>
  </si>
  <si>
    <t>2015-02-06 19:44:28.673000+00:00</t>
  </si>
  <si>
    <t>vba|debugging|error-handling</t>
  </si>
  <si>
    <t>asp.net web application update procedure</t>
  </si>
  <si>
    <t>&lt;p&gt;i need to find a good way to update a web application that i  am working on. i dont have access to the production environment. the client wants some kind of exe self-update package that i can send over to him and have him run it to update the app. is that do-able? what is the alternatives. right now i am just compiling the site and send everything over.&lt;/p&gt;</t>
  </si>
  <si>
    <t>2011-03-10 14:07:34.523000+00:00</t>
  </si>
  <si>
    <t>2011-03-10 14:12:23.840000+00:00</t>
  </si>
  <si>
    <t>asp.net|deployment</t>
  </si>
  <si>
    <t>Javascript ouputs undefined, the code seems to be alright</t>
  </si>
  <si>
    <t>&lt;p&gt;I have an codeigniter based website. I am trying to output user information to print out a shipping label for them. Everything works okay however the information that is displayed in the new pop out window is not in the right format and one of the parameters is coming up as undefined. The code I am using is below:&lt;/p&gt;
&lt;p&gt;from admin_controller.php&lt;/p&gt;
&lt;hr&gt;
&lt;pre&gt;&lt;code&gt;public function address(){
        $data['Address']=$this-&amp;gt;input-&amp;gt;get("Address");
        $data['firstname']=$this-&amp;gt;input-&amp;gt;get("firstname");
        $data['lastname']=$this-&amp;gt;input-&amp;gt;get("lastname"); 
        $data['address1']=$this-&amp;gt;input-&amp;gt;get("address1");
        $data['address2']=$this-&amp;gt;input-&amp;gt;get("address2");
        $data['suburb']=$this-&amp;gt;input-&amp;gt;get("suburb");
        $data['state']=$this-&amp;gt;input-&amp;gt;get("state");
        $data['postcode']=$this-&amp;gt;input-&amp;gt;get("postcode");
        $data['mobile']=$this-&amp;gt;input-&amp;gt;get("mobile");
        $this-&amp;gt;load-&amp;gt;view('admin/address',$data);
    }
&lt;/code&gt;&lt;/pre&gt;
&lt;hr&gt;
&lt;p&gt;Code related to the button itself &lt;/p&gt;
&lt;hr&gt;
&lt;pre&gt;&lt;code&gt;&amp;lt;a class="btn btn-primary" href="#" onClick="Address('&amp;lt;?php echo $order-&amp;gt;firstname ?&amp;gt;','&amp;lt;?php echo $order-&amp;gt;lastname ?&amp;gt;','&amp;lt;?php echo $order-&amp;gt;address1 ?&amp;gt;','&amp;lt;?php echo $order-&amp;gt;address2 ?&amp;gt;','&amp;lt;?php echo $order-&amp;gt;suburb ?&amp;gt;','&amp;lt;?php echo $order-&amp;gt;state ?&amp;gt;','&amp;lt;?php echo $order-&amp;gt;postcode ?&amp;gt;','&amp;lt;?php echo $order-&amp;gt;mobile ?&amp;gt;')"&amp;gt; Label &amp;lt;/a&amp;gt;
&lt;/code&gt;&lt;/pre&gt;
&lt;hr&gt;
&lt;p&gt;The Script&lt;/p&gt;
&lt;hr&gt;
&lt;pre&gt;&lt;code&gt;&amp;lt;script&amp;gt;
    function Address(val,firstname,lastname,address1,address2,suburb,state,postcode,mobile){
       window.open("&amp;lt;?php echo base_url();?&amp;gt;admin_controller/address?Address="+val+"&amp;amp;firstname="+firstname+"&amp;amp;lastname="+lastname+"&amp;amp;address1="+address1+"&amp;amp;address2="+address2+"&amp;amp;suburb="+suburb+"&amp;amp;state="+state+"&amp;amp;postcode="+postcode+"&amp;amp;mobile="+mobile+"",null,"width=800,height=400,left=100,top=100");
    }
&amp;lt;/script&amp;gt;
&lt;/code&gt;&lt;/pre&gt;
&lt;hr&gt;</t>
  </si>
  <si>
    <t>2015-09-23 05:26:25.913000+00:00</t>
  </si>
  <si>
    <t>2015-09-23 05:57:05.880000+00:00</t>
  </si>
  <si>
    <t>javascript|php|codeigniter</t>
  </si>
  <si>
    <t>Continuously add and remove class to a random element with jQuery</t>
  </si>
  <si>
    <t>&lt;p&gt;Let's say I have an unordered list of ten elements.&lt;br&gt;
I'd like a class to be added to one of them at random, and then remove that class after a couple of seconds and start again with another randomly chosen element indefinitely.&lt;/p&gt;
&lt;p&gt;What would be the cleanest way to achieve that?&lt;/p&gt;
&lt;p&gt;&lt;strong&gt;edit:&lt;/strong&gt; 
What I've got so far:&lt;/p&gt;
&lt;pre&gt;&lt;code&gt;&amp;lt;ul id="hideAndSeek"&amp;gt;
  &amp;lt;li&amp;gt;...&amp;lt;/li&amp;gt;
  &amp;lt;li&amp;gt;...&amp;lt;/li&amp;gt;
  &amp;lt;li&amp;gt;...&amp;lt;/li&amp;gt;
  &amp;lt;li&amp;gt;...&amp;lt;/li&amp;gt;
  ...
&amp;lt;/ul&amp;gt;
&lt;/code&gt;&lt;/pre&gt;
&lt;p&gt;And the jQuery:&lt;/p&gt;
&lt;pre&gt;&lt;code&gt;var random = Math.floor(Math.random() * 1000);
var shownElement = $("#hideAndSeek li");
shownElement.eq(random % shownElement.length).addClass("shown");
&lt;/code&gt;&lt;/pre&gt;
&lt;p&gt;However, this obviously does not run continuously, and I don't know how to properly set a delay before removing the class.&lt;/p&gt;</t>
  </si>
  <si>
    <t>2013-08-07 10:42:50.163000+00:00</t>
  </si>
  <si>
    <t>2016-09-22 12:45:21.947000+00:00</t>
  </si>
  <si>
    <t>2013-08-07 10:56:18.067000+00:00</t>
  </si>
  <si>
    <t>jquery|class|random|html-lists</t>
  </si>
  <si>
    <t>Subsetting a string based on particular values</t>
  </si>
  <si>
    <t>&lt;p&gt;I have a series of strings in a file. Some rows contain "dates" while others contains values. I'm trying to select those rows which contains "string dates" in the format of " 2010-10-01 - 2015-05-01 ".&lt;/p&gt;
&lt;pre&gt;&lt;code&gt;    for row in csvReader:
        if any('-' and '-' in s for s in row): 
            data.append(row)
&lt;/code&gt;&lt;/pre&gt;
&lt;p&gt;My first few attempts have revolved around grabbing rows which contained one dash or two dashes. However, I keep getting values that I shouldn't, such as below:&lt;/p&gt;
&lt;pre&gt;&lt;code&gt; 0    United States; 2004 - present           None
 1          2004-01-04 - 2004-01-10             23
 2          2004-01-11 - 2004-01-17             23
 3          2004-01-18 - 2004-01-24             23
        617        2015-10-25 - 2015-10-31         24
 618        2015-11-01 - 2015-11-07         25
 619        2015-11-08 - 2015-11-14         26
 620        2015-11-15 - 2015-11-21           
 621                     Spokane WA         20
 622                    New York NY         20
&lt;/code&gt;&lt;/pre&gt;
&lt;p&gt;So in the above data, I shouldn't get the first row with US and non. Furthermore, I shouldn't get the strings in the final two rows.&lt;/p&gt;
&lt;p&gt;Could anyone tell me why my if statement isn't grabbing the right content?&lt;/p&gt;</t>
  </si>
  <si>
    <t>2015-11-18 20:03:24.830000+00:00</t>
  </si>
  <si>
    <t>2015-11-18 21:13:29.627000+00:00</t>
  </si>
  <si>
    <t>2015-11-18 20:16:09.017000+00:00</t>
  </si>
  <si>
    <t>CK-editor, autoset styles in dropdown with custom.css</t>
  </si>
  <si>
    <t>&lt;p&gt;I'm having trouble with CK4 and getting the styles for headers reflected in the styles-dropdown.&lt;/p&gt;
&lt;p&gt;The .css should be shared of both back- and frontend and uses #page as css-id&lt;/p&gt;
&lt;p&gt;Is there any way to tell the dropdown to parse headers with the #page-prefix.&lt;/p&gt;
&lt;p&gt;I'm using&lt;/p&gt;
&lt;pre&gt;&lt;code&gt; CKEDITOR.config.bodyId = 'page';
&lt;/code&gt;&lt;/pre&gt;
&lt;p&gt;and css&lt;/p&gt;
&lt;pre&gt;&lt;code&gt;.cke_editable {
}
#page {
    /* works - editor area goes black..
    font-family:Arial;
    margin:10px;
    font-family:Arial;
    background-color:#000;
    font-size: 10px;
    color:#fff;
}
#page h1 {
   /* works in editor-area, but not dropdown */
    font-family: Verdana;
    color:#999;
}
.cke_editable h2 {
  /* same as h1.. */
    font-family:Arial;
    color:#f00;
    font-size:16px;
    background-color:#999;
}
h3 {
   /* work BOTH in editor and style shows in dropdown. */
    color:#0f0;
}
&lt;/code&gt;&lt;/pre&gt;</t>
  </si>
  <si>
    <t>2013-01-15 10:13:56.063000+00:00</t>
  </si>
  <si>
    <t>2013-03-08 09:08:59.960000+00:00</t>
  </si>
  <si>
    <t>ckeditor</t>
  </si>
  <si>
    <t>Sending Image through TCP</t>
  </si>
  <si>
    <t>&lt;p&gt;im trying to send an image through tcp, It works about 50% of the time, the other 50% is just giving me a black image and if i send 2 in the space of like 3 seconds it crashes. does anyone know why? and how i can fix this&lt;/p&gt;
&lt;p&gt;Client:&lt;/p&gt;
&lt;pre&gt;&lt;code&gt;                    while ((i = stream.Read(datalength, 0, 4)) != 0)
                {
                    byte[] data = new byte[BitConverter.ToInt32(datalength, 0)];
                    stream.Read(data, 0, data.Length);
                    this.Invoke((MethodInvoker)delegate
                    {
                        try
                        {
                            Image Screenshot = byteArrayToImage(data);
                            pictureBox1.Image = Screenshot;
                        }
                        catch { }
                    });
                }
&lt;/code&gt;&lt;/pre&gt;
&lt;p&gt;This is the function which converts the byte array to image&lt;/p&gt;
&lt;pre&gt;&lt;code&gt;        public Image byteArrayToImage(byte[] byteArrayIn)
    {
        MemoryStream ms = new MemoryStream(byteArrayIn);
        Image returnImage = Image.FromStream(ms);
        return returnImage;
    }
&lt;/code&gt;&lt;/pre&gt;
&lt;p&gt;Server: &lt;/p&gt;
&lt;pre&gt;&lt;code&gt;        Bitmap printscreen = new Bitmap(Screen.PrimaryScreen.Bounds.Width, Screen.PrimaryScreen.Bounds.Height);
        Graphics graphics = Graphics.FromImage(printscreen as Image);
        graphics.CopyFromScreen(0, 0, 0, 0, printscreen.Size);
                byte[] data = imageToByteArray(Image);
                stream = client.GetStream();
                int length = data.Length;
                byte[] datalength = new byte[4];
                datalength = BitConverter.GetBytes(length);
                stream.Write(datalength, 0, 4);
                stream.Write(data, 0, data.Length);
&lt;/code&gt;&lt;/pre&gt;
&lt;p&gt;This is the function that converts the image to byte array&lt;/p&gt;
&lt;pre&gt;&lt;code&gt;        public byte[] imageToByteArray(System.Drawing.Image imageIn)
    {
        MemoryStream ms = new MemoryStream();
        imageIn.Save(ms, System.Drawing.Imaging.ImageFormat.Gif);
        return ms.ToArray();
    }
&lt;/code&gt;&lt;/pre&gt;</t>
  </si>
  <si>
    <t>2016-04-01 03:52:46.430000+00:00</t>
  </si>
  <si>
    <t>2016-04-02 11:18:21.647000+00:00</t>
  </si>
  <si>
    <t>2016-04-01 12:09:51.380000+00:00</t>
  </si>
  <si>
    <t>c#|tcp</t>
  </si>
  <si>
    <t>How to lock scrolling of a web page temporarily?</t>
  </si>
  <si>
    <t>&lt;p&gt;How can I lock scrolling of a webpage temporarily when a dialog box is displayed ?  I have a dialog box within which I want to enable scrolling &lt;strong&gt;after deactivating scrolling from the overlayed webpage&lt;/strong&gt;. &lt;/p&gt;
&lt;p&gt;&lt;strong&gt;Is there a js command to &lt;em&gt;temporarily&lt;/em&gt; disable scrolling ?&lt;/strong&gt;&lt;/p&gt;</t>
  </si>
  <si>
    <t>2011-06-20 12:40:11.937000+00:00</t>
  </si>
  <si>
    <t>2011-06-20 14:37:26.313000+00:00</t>
  </si>
  <si>
    <t>2011-06-20 12:59:51.400000+00:00</t>
  </si>
  <si>
    <t>Number of days between two column values on separate rows</t>
  </si>
  <si>
    <t>&lt;p&gt;I'm experienceing a challenge that I can't seem to get my head around, not that there's any experience rattling round in there. I have some auto repair/spray bays and I want to know how many days that are not in use. Here's a simple table example shwoiung just one bay from a total of 20. I will always query just one bay at a time unless there's a clever way of doing multiple:&lt;/p&gt;
&lt;pre&gt;&lt;code&gt;bayID |   sDate    |   eDate
------+------------+------------
1     | 2014-09-06 | 2014-09-13
1     | 2014-09-17 | 2014-09-21
1     | 2014-09-27 | 2014-09-30
1     | 2014-10-30 | 2014-10-13
&lt;/code&gt;&lt;/pre&gt;
&lt;p&gt;I've been reading up on Datediff but admit don't really understand the ins and out of it or mySQL. My question is how can I get the number of days between the first eDate and the second sDate, the second eDate and the... etc etc... sratching my head and aching with flu I look forward to any help given... Sorry, not a massive techie so answers in long English if possible... This is what I'm lloking for:&lt;/p&gt;
&lt;pre&gt;&lt;code&gt;bayID |   sDate    |   eDate     availFor
------+------------+------------+---------
1     | 2014-09-06 | 2014-09-13      3
1     | 2014-09-17 | 2014-09-21      5
1     | 2014-09-27 | 2014-09-30      0
1     | 2014-10-30 | 2014-10-13
&lt;/code&gt;&lt;/pre&gt;</t>
  </si>
  <si>
    <t>2014-09-06 14:15:44.200000+00:00</t>
  </si>
  <si>
    <t>2014-09-06 14:39:16.660000+00:00</t>
  </si>
  <si>
    <t>2014-09-06 14:34:00.737000+00:00</t>
  </si>
  <si>
    <t>Javascript Base64 encoding UTF8 string fails in webkit/safari</t>
  </si>
  <si>
    <t>&lt;p&gt;I'm trying to base64 encode a utf8 string containing Thai characters. I'm using the browser's built in &lt;code&gt;btoa&lt;/code&gt; function. It works for ascii text, however Thai is causing it to throw a &lt;code&gt;INVALID_CHARACTER_ERR: DOM Exception 5&lt;/code&gt; exception.&lt;/p&gt;
&lt;p&gt;Here's a sample that fails (the character that looks like an "n" is Thai)&lt;/p&gt;
&lt;p&gt;&lt;code&gt;btoa('a���')&lt;/code&gt; &lt;/p&gt;
&lt;hr&gt;
&lt;p&gt;What do I need to do to base64 encode non-ascii strings?&lt;/p&gt;</t>
  </si>
  <si>
    <t>2010-09-02 10:24:51.830000+00:00</t>
  </si>
  <si>
    <t>2014-06-10 05:20:13.227000+00:00</t>
  </si>
  <si>
    <t>javascript|safari|webkit</t>
  </si>
  <si>
    <t>Will a background resource in XXXHDPI scale across all devices in a descending order?</t>
  </si>
  <si>
    <t>&lt;p&gt;Ascending order, meaning the resource is placed in the ldpi folder only, results in rendering issues. Descending order works meaning only one file in &lt;code&gt;XXXHDPI&lt;/code&gt; is scaled across all devices, however will &lt;code&gt;ldpi&lt;/code&gt; devices and dpi devices use the resource. &lt;/p&gt;
&lt;p&gt;Devices tested are ~&lt;code&gt;161 dpi&lt;/code&gt; (&lt;code&gt;HDPI&lt;/code&gt;). For the sake of space conservation and since using &lt;code&gt;ldpi&lt;/code&gt; on higher resolution devices results leads to &lt;strong&gt;OOM&lt;/strong&gt; issues, will a background resource in &lt;code&gt;XXXHDPI&lt;/code&gt; scale across all devices in a descending order?&lt;/p&gt;</t>
  </si>
  <si>
    <t>2015-06-17 12:18:36.180000+00:00</t>
  </si>
  <si>
    <t>2015-06-17 12:25:48.840000+00:00</t>
  </si>
  <si>
    <t>2015-06-17 12:23:33.087000+00:00</t>
  </si>
  <si>
    <t>Not able to understand how values in loop work</t>
  </si>
  <si>
    <t>&lt;p&gt;I tried writing code for cs50 pset1's problem: credit.c(more comfortable) after week2. My code is given below. The problem is that 'sumx' and 'sumy' are just 0 and hence 'sum' is always equal to 0. So whenever I give a correct credit card number, it is just going to new line and program ends. How can I solve this problem and why are 'sumx' and 'sumy' not adding up to their respective sums as they should according to the algorithm?&lt;/p&gt;
&lt;p&gt;My code is:&lt;/p&gt;
&lt;pre&gt;&lt;code&gt;#include &amp;lt;cs50.h&amp;gt;     
#include &amp;lt;stdio.h&amp;gt;
int main(void){
  long long i;
  do{
    printf("Your credit card number:\n");   
    i = get_long_long();
  }
  while(i &amp;lt; 4e12 || i &amp;gt; 5.5e15);
  int count = 0;
  int n;
  long long c = i;
  while(i != 0){
    n = i%10;
    i = i/10;
    count++;
  }
  int x[count];
  for(int j = 0; j &amp;lt; count; j++){
    x[j] = c%10;
    i = c/10;
  }
  int sumx = 0;
  for(int j = 0; j &amp;lt; count - 1; j += 2){
    x[j] = x[j] * 2;
    sumx = sumx + x[j];
    printf("%i", sumx);
  }
  int sumy = 0;
  for(int j = 0; j &amp;lt; count; j += 2){
    sumy = sumy + x[j];
  }  
  int sum;
  sum = sumx + sumy;
  if(sum%10 == 0){
    if((count == 15 &amp;amp;&amp;amp; x[14] == 3) &amp;amp;&amp;amp; (x[13] == 4 || x[13] == 7)){
        printf("AmEx\n");
    }
    else if((count == 16 &amp;amp;&amp;amp; x[15] == 5) &amp;amp;&amp;amp; (x[14] &amp;gt; 1 || x[14] &amp;lt; 5)){
        printf("MASTERCARD\n");
    }
    else if((count == 13 &amp;amp;&amp;amp; x[12] == 4) || (count == 16 &amp;amp;&amp;amp; x[15] == 4)){
        printf("VISA\n");
    }
  }
  else{
    printf("Invalid Number\n");
  }
  return 0;
  }
&lt;/code&gt;&lt;/pre&gt;</t>
  </si>
  <si>
    <t>2017-06-24 05:49:09.380000+00:00</t>
  </si>
  <si>
    <t>2017-10-18 08:32:06.757000+00:00</t>
  </si>
  <si>
    <t>2017-06-24 06:19:08.577000+00:00</t>
  </si>
  <si>
    <t>c|cs50</t>
  </si>
  <si>
    <t>Viewing Details from View Model</t>
  </si>
  <si>
    <t>&lt;p&gt;I'm trying to figure out how to use a ViewModel to view details in a view.&lt;/p&gt;
&lt;p&gt;I have a view model set up but can't seem to use it in my views.&lt;/p&gt;
&lt;p&gt;In my controller I have a Details method that I want to use to display all the details in the ViewModel.&lt;/p&gt;
&lt;p&gt;So far I am passing in a username as a string and then creating a new instance of the ViewModel, I am then trying to populate the ViewModel with data but am not sure how I need to do this. I am assigning the username based on the id coming in - &lt;/p&gt;
&lt;pre&gt;&lt;code&gt;public ViewResult Details(string id)
        {
            var viewModel = new RegisterViewModel();
            viewModel.UserName = id;
            return View(viewModel);
        }
&lt;/code&gt;&lt;/pre&gt;
&lt;p&gt;and then sending the viewModel back to the view, but how do I get the other related data into the viewModel??&lt;/p&gt;</t>
  </si>
  <si>
    <t>2012-10-09 11:49:36.823000+00:00</t>
  </si>
  <si>
    <t>2012-10-09 14:26:36.297000+00:00</t>
  </si>
  <si>
    <t>2012-10-09 11:55:03.440000+00:00</t>
  </si>
  <si>
    <t>asp.net-mvc|ef-code-first</t>
  </si>
  <si>
    <t>Custom style format in tinymce editor - override in theme?</t>
  </si>
  <si>
    <t>&lt;p&gt;This is a follow up question to this:&lt;/p&gt;
&lt;p&gt;&lt;a href="https://stackoverflow.com/questions/24368297/adding-custom-style-format-to-tinymce-editor/"&gt;Adding custom style format to tinymce editor&lt;/a&gt;&lt;/p&gt;
&lt;p&gt;@Mangirdas Skripka or other Impresspages people:&lt;/p&gt;
&lt;p&gt;In the answer to the above question: Are you suggesting to make an own version (widget/plugin) of the tinymce plugin or can I just override tinymce's default.js in my own &lt;code&gt;mytheme/override&lt;/code&gt; folder?&lt;/p&gt;
&lt;p&gt;Putting edited versions of default.js and Event.php in my theme's override folder does not work, not with any of these locations:&lt;/p&gt;
&lt;p&gt;test 1: &lt;code&gt;mytheme/override/Ip/Internal/Core/assets/tinymce/default.js&lt;/code&gt; and &lt;code&gt;mytheme/override/Ip/Internal/Core/Level.php&lt;/code&gt;&lt;/p&gt;
&lt;p&gt;test 2: &lt;code&gt;mytheme/override/assets/tinymce/default.js&lt;/code&gt; and &lt;code&gt;mytheme/override/Level.php&lt;/code&gt;&lt;/p&gt;
&lt;p&gt;Can the standard text-plugin (tinymce) be overriden or do I need to make a new plugin/widget?&lt;/p&gt;
&lt;p&gt;Thanks for your help!&lt;/p&gt;</t>
  </si>
  <si>
    <t>2014-09-08 08:45:33.980000+00:00</t>
  </si>
  <si>
    <t>2014-09-08 21:32:40.963000+00:00</t>
  </si>
  <si>
    <t>impresspages</t>
  </si>
  <si>
    <t>select increment counter in mysql</t>
  </si>
  <si>
    <t>&lt;p&gt;Here is my mysql query&lt;/p&gt;
&lt;pre&gt;&lt;code&gt;select name from table;
&lt;/code&gt;&lt;/pre&gt;
&lt;p&gt;I want to select an increment counter along side name.How to do this.
so the expected output will be&lt;/p&gt;
&lt;pre&gt;&lt;code&gt;Jay 1
roy 2
ravi 3
ram 4
&lt;/code&gt;&lt;/pre&gt;</t>
  </si>
  <si>
    <t>2012-11-26 14:18:31.363000+00:00</t>
  </si>
  <si>
    <t>2018-03-15 15:52:21.090000+00:00</t>
  </si>
  <si>
    <t>mysql|database|select|counter</t>
  </si>
  <si>
    <t>C#: How to connect to Active Directory with SSL enabled?</t>
  </si>
  <si>
    <t>&lt;p&gt;The project I am working on will integrate with the customers Active Directory in order to authenticate users. I have been trying to write some code that will retrieve a users password and I understand that Active Directory will only expose the relevant properties over a SSL connection on port 636.  &lt;/p&gt;
&lt;p&gt;The following code connects programmatically without using SSL but then I can't see the password properties:&lt;/p&gt;
&lt;pre&gt;&lt;code&gt;static void Main(string[] args)
{
    DirectoryEntry entry = new DirectoryEntry(@"LDAP://&amp;lt;IP&amp;gt;/CN=LDAP Test,CN=Users,DC=customer,DC=com");
    entry.AuthenticationType = AuthenticationTypes.None;
    entry.Username = "CN=LDAP Test,CN=Users,DC=customer,DC=com";
    entry.Password = "&amp;lt;password&amp;gt;";
    if (entry != null)
    {
        foreach (Object propName in entry.Properties.PropertyNames)
        {
            Console.WriteLine((String)propName);
        }
    }
}
&lt;/code&gt;&lt;/pre&gt;
&lt;p&gt;When I change the code to use SSL I get an exception stating ;Unknown error (0x80005000)'.&lt;/p&gt;
&lt;p&gt;I have enabled SSL on the server hosting Active Directory, installed a Microsoft CA on the same server and obtained a certificate from the CA.&lt;/p&gt;
&lt;p&gt;I can connect to the Active Directory over SSL using Apache Directory Studio but that does not show the password properties.&lt;/p&gt;
&lt;p&gt;The following code shows what I have been trying to use to connect using SSL:&lt;/p&gt;
&lt;pre&gt;&lt;code&gt;static void Main(string[] args)
{
    DirectoryEntry entry = new DirectoryEntry(@"LDAPS://&amp;lt;IP&amp;gt;:636/CN=LDAP Test,CN=Users,DC=customer,DC=com");
    entry.AuthenticationType = AuthenticationTypes.SecureSocketsLayer;
    entry.Username = "CN=LDAP Test,CN=Users,DC=customer,DC=com";
    entry.Password = "&amp;lt;password&amp;gt;";
    if (entry != null)
    {
        foreach (Object propName in entry.Properties.PropertyNames)
        {
            Console.WriteLine((String)propName);
        }
    }
}
&lt;/code&gt;&lt;/pre&gt;
&lt;p&gt;I'm not sure where to go with this and some assistance would be greatly appreciated.&lt;/p&gt;</t>
  </si>
  <si>
    <t>2009-08-04 17:54:32.160000+00:00</t>
  </si>
  <si>
    <t>2009-11-24 04:33:09.217000+00:00</t>
  </si>
  <si>
    <t>c#|ssl|active-directory</t>
  </si>
  <si>
    <t>IBM Worklight - How to disconnect a client?</t>
  </si>
  <si>
    <t>&lt;p&gt;I can find &lt;code&gt;WL.Client.connect&lt;/code&gt; to connect a client - so far so good. How can I do the opposite however? (I have good reason to do this, rest assured.)&lt;/p&gt;</t>
  </si>
  <si>
    <t>2013-11-16 03:49:06.040000+00:00</t>
  </si>
  <si>
    <t>2013-11-16 10:11:27.867000+00:00</t>
  </si>
  <si>
    <t>2013-11-16 04:21:35.707000+00:00</t>
  </si>
  <si>
    <t>ibm-mobilefirst|worklight-runtime</t>
  </si>
  <si>
    <t>Extracting peaks from CSV file</t>
  </si>
  <si>
    <t>&lt;p&gt;I was wondering if there is a simple way to automatically cut up a dataset to have little blocks of data containing a peak. 
&lt;img src="https://i.stack.imgur.com/cJgOk.png" alt="enter image description here"&gt;&lt;/p&gt;
&lt;p&gt;This is my data, and I want to eventually overlay the peaks by cross correlation, but I need them with separate data blocks first. &lt;/p&gt;
&lt;p&gt;I tried finding them by numerical differentiation:&lt;/p&gt;
&lt;pre&gt;&lt;code&gt;diff_voltage = zeros(len(voltage))
for i in range(len(voltage)-1):
    if (voltage[i] &amp;gt; 0.32):
        diff_voltage[i] = (voltage[i+1]-voltage[i])/(29.31/len(voltage))
    else:
        diff_voltage[i] = 0
&lt;/code&gt;&lt;/pre&gt;
&lt;p&gt;But that only picks up 4/7 peaks and gives some noise terms. &lt;/p&gt;
&lt;p&gt;So is there any way to find the top value/index of every peak and then cut out the data thats +/- 50 datapoints around that? &lt;/p&gt;
&lt;p&gt;This is the first peak zoomed in
&lt;img src="https://i.stack.imgur.com/npTNl.png" alt="enter image description here"&gt;&lt;/p&gt;
&lt;p&gt;It's a big dataset so couldn't do a pastebin: &lt;a href="http://pietrow.net/data/results.csv" rel="nofollow noreferrer"&gt;http://pietrow.net/data/results.csv&lt;/a&gt;&lt;/p&gt;</t>
  </si>
  <si>
    <t>2014-02-09 14:27:56.897000+00:00</t>
  </si>
  <si>
    <t>2015-11-25 22:56:50.927000+00:00</t>
  </si>
  <si>
    <t>python|csv|import-from-csv</t>
  </si>
  <si>
    <t>Infinispan: storing large objects &gt; RAM size?</t>
  </si>
  <si>
    <t>&lt;p&gt;Is it possible to use Infinispan for objects that are larger than the VM's total avilable RAM by supplying it with a store?&lt;/p&gt;
&lt;p&gt;Update&lt;/p&gt;
&lt;p&gt;I found this link which seems to indicate streaming support starting with infinispan 9: &lt;a href="http://infinispan.org/docs/stable/user_guide/user_guide.html#hot_rod_protocol_2_6" rel="nofollow noreferrer"&gt;http://infinispan.org/docs/stable/user_guide/user_guide.html#hot_rod_protocol_2_6&lt;/a&gt;&lt;/p&gt;</t>
  </si>
  <si>
    <t>2017-09-07 11:01:16.757000+00:00</t>
  </si>
  <si>
    <t>2017-09-08 10:02:16.620000+00:00</t>
  </si>
  <si>
    <t>java|infinispan</t>
  </si>
  <si>
    <t>Adding internal spaces in pyplot legend</t>
  </si>
  <si>
    <t>&lt;p&gt;I would like to justify a legend so that it is both left and right aligned and so that the equals are aligned.  For example I have the following code:&lt;/p&gt;
&lt;pre&gt;&lt;code&gt;import numpy as np
import matplotlib.pyplot as plt
KEu = 100.
KEm = 50.
KEl = 5.
X   = np.linspace(1,10,10) 
fig = plt.figure()
ax = plt.subplot(111)
ax.plot(X,KEu*X,label='Maximum Energy = {0:6.2f} MeV'.format(KEu))
ax.plot(X,KEm*X,label='Median Energy  = {0:6.2f} MeV'.format(KEm))
ax.plot(X,KEl*X,label='Minimum Energy = {0:6.2f} MeV'.format(KEl))
ax.legend(loc='upper left')
plt.show()
&lt;/code&gt;&lt;/pre&gt;
&lt;p&gt;I don't know how to add a plot so I will give a written example below:&lt;/p&gt;
&lt;pre&gt;&lt;code&gt;-- Maximum Energy = 100.00 MeV  
-- Median Energy = 50.00 MeV     
-- Minimum Energy = 5.00 MeV  
&lt;/code&gt;&lt;/pre&gt;
&lt;p&gt;The quotes seem to be necessary to post this otherwise SO thinks it is poorly formatted code.  The dashes represent lines.&lt;/p&gt;
&lt;p&gt;I would like to have it left justified, with the ='s aligned and the decimals aligned.  Something like:&lt;/p&gt;
&lt;pre&gt;&lt;code&gt;-- Maximum Energy = 100.00 MeV
-- Median Energy  =  50.00 MeV  
-- Minimum Energy =   5.00 MeV
&lt;/code&gt;&lt;/pre&gt;
&lt;p&gt;Of course that isn't perfect, and may be the best I could do in my plot, but i like it better than the original.&lt;/p&gt;
&lt;p&gt;I assume I will need to do this manually so I have tried to add white space, I have tried combining strings with one left justified and the other right justified, but no success. &lt;/p&gt;
&lt;p&gt;Is this possible?&lt;/p&gt;
&lt;p&gt;Thanks&lt;/p&gt;</t>
  </si>
  <si>
    <t>2016-05-20 18:36:56.490000+00:00</t>
  </si>
  <si>
    <t>2016-05-27 07:10:30.850000+00:00</t>
  </si>
  <si>
    <t>2016-05-20 18:52:51.493000+00:00</t>
  </si>
  <si>
    <t>python|text|matplotlib|legend</t>
  </si>
  <si>
    <t>Hibernate generates too long identifiers for Oracle</t>
  </si>
  <si>
    <t>&lt;p&gt;We are using JPA with Hibernate 4.3.8 and Oracle 11. Our entities doesn't have explicit DB identifier names declared in annotations and so we rely upon Hibernate to generate them correctly.&lt;/p&gt;
&lt;p&gt;For MySQL it works properly but after we had switched to Oracle then we've encountered couple of the problems. &lt;/p&gt;
&lt;p&gt;One of them is that Hibernate-generated schema contains identifiers longer than Oracle supports. We thought that &lt;code&gt;Oracle10gDialect&lt;/code&gt; handles it but it seems we were wrong.&lt;/p&gt;
&lt;p&gt;What is the best approach to add support of Oracle to our application? Must we explicitly declare all the database tables/columns/indexes... in annotations (&lt;code&gt;@Table&lt;/code&gt;, &lt;code&gt;@Column&lt;/code&gt;...)? Shouldn't it be Hibernate who takes a care of this dialect-specific task?&lt;/p&gt;
&lt;p&gt;Another problem is that Hibernate also doesn't escape the keywords (eg. column name &lt;code&gt;code&lt;/code&gt; must be escaped in Oracle). What if we decide to support another database in the future? Must we choose all the identifier names so that all of them suit for every DB? This seems to be very overhelming. (Note that the property &lt;code&gt;hibernate.globally_quoted_identifiers&lt;/code&gt; can solve it partially but then &lt;code&gt;@UniqueConstraint&lt;/code&gt; columns doesn't match.)&lt;/p&gt;
&lt;p&gt;Or maybe... does Eclipselink handle this?&lt;/p&gt;</t>
  </si>
  <si>
    <t>2015-06-01 15:56:02.617000+00:00</t>
  </si>
  <si>
    <t>2015-09-11 13:25:55.610000+00:00</t>
  </si>
  <si>
    <t>2015-06-02 07:12:13.797000+00:00</t>
  </si>
  <si>
    <t>oracle|hibernate</t>
  </si>
  <si>
    <t>Testing redux-saga</t>
  </si>
  <si>
    <t>&lt;p&gt;I am trying to implement a test for redux saga as follows but I ran into a problem. The error I get is cannot read property payload of undefined. The 'message' var that I passed to the saga function is undefined for some reason, can anyone tell me why? Thanks&lt;/p&gt;
&lt;pre&gt;&lt;code&gt;  saga.spec.js
    import test from 'tape'
    import { put,take,call } from 'redux-saga/effects'
    import { onCreateMessage } from '../src/common/sagas/messages'
    import { addMessage,createMessage } from '../src/common/reducers/messages'
    test('createMessage', assert =&amp;gt; {
        const gen = onCreateMessage()
        var message = {
            id: 1234,
            channelID: "AA",
            text: "text",
            user: "user"
          }
        assert.deepEqual(
            gen.next(message).value,
            put(addMessage(message)),
            'createMessage should dispatch addMessage action'
        )
    })
saga/index.js
export default function* rootSaga(){
    yield [ 
        takeEvery('CREATE_MESSAGE', onCreateMessage),
        ......
        ]
&lt;/code&gt;&lt;/pre&gt;
&lt;p&gt;When I console logged message below I get 'undefined'&lt;/p&gt;
&lt;pre&gt;&lt;code&gt;export function* onCreateMessage(message) {
    console.log(message)
    yield put(addMessage(message.payload))
    try {
        yield call(fetch,'/api/newmessage',
            {
             method: 'post',
             headers: {
                'Content-Type': 'application/json'
                },
             body: JSON.stringify(message.payload)}
            )
    } catch (error){
        throw error
    }
}
&lt;/code&gt;&lt;/pre&gt;
&lt;p&gt;I am using actionCreator from redux-actions:&lt;/p&gt;
&lt;pre&gt;&lt;code&gt;export const addMessage = createAction(ADD_MESSAGE);
&lt;/code&gt;&lt;/pre&gt;</t>
  </si>
  <si>
    <t>2016-09-02 11:13:53.623000+00:00</t>
  </si>
  <si>
    <t>2016-09-23 08:27:57.760000+00:00</t>
  </si>
  <si>
    <t>redux|redux-saga</t>
  </si>
  <si>
    <t>htaccess rewrite not working as expected just change my address in addressbar, no rewriting at all</t>
  </si>
  <si>
    <t>&lt;p&gt;I have folder/file structure as:&lt;/p&gt;
&lt;pre&gt;&lt;code&gt;rootFolder/
  lowRes/lowres.php
  hiRes/hires.php
  sys.php
&lt;/code&gt;&lt;/pre&gt;
&lt;p&gt;Basically, I want to do rewrite such as that when user calls for page site.com/img_0001_hq.html, .htaccess to rewrite it to sys.php?1=img_0001_hq. Also, I want to limit acceptable emdings to ".html" and "/" and if ending like so is not present I want to call sys.php?1=p_404. Rewriting is doing as expected BUT when it comes to errors...&lt;/p&gt;
&lt;p&gt;When I call page site.com/hiRes/hires.php or site.com/lowRes/lowres.php, rewriting is not working, scripts (hires.php and lowres.php) run, and report errors, normally in lack of variables from sys.php which is not triggered. Also, when I call pages site.com/hiRes or site.com/lowRes, sys.php runs, BUT, wrong. Also, when calling these addresses, address in browser changes to site.com/hiRes/?1=p_404 or site.com/lowRes/?1=p_404. What the heck is going on?! :D&lt;/p&gt;
&lt;p&gt;Oh, yeah, my .htaccess looks like this:&lt;/p&gt;
&lt;pre&gt;&lt;code&gt;IndexIgnore *
RewriteEngine on
RewriteRule ^(.*)(/|.html)$ sys.php?1=$1 [L]
RewriteRule ^(.*)$ sys.php?1=p_404 [L]
&lt;/code&gt;&lt;/pre&gt;
&lt;p&gt;I am going nuts over this... :)&lt;/p&gt;</t>
  </si>
  <si>
    <t>2013-04-18 01:55:12.200000+00:00</t>
  </si>
  <si>
    <t>2013-04-18 03:27:02.880000+00:00</t>
  </si>
  <si>
    <t>.htaccess|mod-rewrite</t>
  </si>
  <si>
    <t>Inline functions in Linux device driver</t>
  </si>
  <si>
    <t>&lt;p&gt;I am writing a device driver. I have a questions to ask:&lt;/p&gt;
&lt;p&gt;Will it be correct to have inline function declared in .c file? &lt;/p&gt;
&lt;p&gt;I am speaking with respect to device driver meant for the linux kernel. I have a function, which is quite short in terms of function body and it is exported from one module to another. Do you think, I can declare it as an inline in the .c file or I need to move this function declaration along with the EXPORT_SYMBOL line to a .h file just because it is inlined? What is the standard Linux kernel practice?&lt;/p&gt;
&lt;pre&gt;&lt;code&gt;For ex -&amp;gt; something like this?
inline void hello_world( )
{............
return;
}
EXPORT_SYMBOL(hello_world);
&lt;/code&gt;&lt;/pre&gt;
&lt;p&gt;Thanks!&lt;/p&gt;</t>
  </si>
  <si>
    <t>2014-03-01 10:09:17.117000+00:00</t>
  </si>
  <si>
    <t>2014-03-01 12:39:17.340000+00:00</t>
  </si>
  <si>
    <t>2014-03-01 10:27:34.973000+00:00</t>
  </si>
  <si>
    <t>c|linux|linux-kernel|linux-device-driver</t>
  </si>
  <si>
    <t>Adapt translation method from django to my function</t>
  </si>
  <si>
    <t>&lt;p&gt;I am working on a django project. I have created a function that will display the current date in french or english.&lt;/p&gt;
&lt;p&gt;We have to install&lt;/p&gt;
&lt;pre&gt;&lt;code&gt;sudo locale-gen fr_FR.utf8
&lt;/code&gt;&lt;/pre&gt;
&lt;p&gt;and then&lt;/p&gt;
&lt;pre&gt;&lt;code&gt;from datetime import datetime
import locale
def set_locale(locale_):
    locale.setlocale(category=locale.LC_ALL, locale=locale_)
def date_customerprofile(language):
    now_ = datetime.today()
    if language == 'English':
        set_locale('en_US.utf8')
        date_ = now_.strftime("%A %B %d %Y")
    else:
        set_locale('fr_FR.utf8')
        date_ = now_.strftime("%A %B %d %Y")
&lt;/code&gt;&lt;/pre&gt;
&lt;p&gt;I know it works well, but I would like to use the django translation method. There are good informations here : &lt;a href="https://docs.djangoproject.com/fr/1.10/topics/i18n/translation/" rel="nofollow noreferrer"&gt;https://docs.djangoproject.com/fr/1.10/topics/i18n/translation/&lt;/a&gt; and in particular here : &lt;a href="https://www.technomancy.org/python/django-i18n-manually-turn-on-a-language/" rel="nofollow noreferrer"&gt;https://www.technomancy.org/python/django-i18n-manually-turn-on-a-language/&lt;/a&gt;. &lt;/p&gt;
&lt;p&gt;Could anyone be able to adapt the last website method to my function?&lt;/p&gt;
&lt;p&gt;I tried something but that doesn't work : &lt;/p&gt;
&lt;pre&gt;&lt;code&gt;from django.utils import translation
def date_customerprofile(language):
    now_ = datetime.today()
    old_lang = 'en'
    if language == 'English':
        import ipdb; ipdb.set_trace()
        translation.activate('en')
        date_ = now_.strftime("%A, %B %d %Y")
    else : 
        translation.activate('fr')
        date_ = now_.strftime("%A, %d %B %Y")
        translation.activate(old_lang)
    return date_ 
&lt;/code&gt;&lt;/pre&gt;
&lt;p&gt;In fact, my main purpose is to create a function which will display the current date of the form &lt;code&gt;Mercredi, 29 mars 2017&lt;/code&gt; when I select &lt;code&gt;'French'&lt;/code&gt; and the form &lt;code&gt;'Wednesday, March 29, 2017'&lt;/code&gt;. Could anyone have an idea how to do that with a django method?&lt;/p&gt;
&lt;p&gt;Thanks!&lt;/p&gt;
&lt;p&gt;&lt;strong&gt;P.S.&lt;/strong&gt; Please let me know if the question is unclear.&lt;/p&gt;</t>
  </si>
  <si>
    <t>2017-03-29 22:19:43.990000+00:00</t>
  </si>
  <si>
    <t>2017-03-30 11:23:12.020000+00:00</t>
  </si>
  <si>
    <t>user7783682</t>
  </si>
  <si>
    <t>Passing a time to a DTPicker control on a user form</t>
  </si>
  <si>
    <t>&lt;p&gt;I have a user form with 4 Date Picker controls, the first to pick a date and the other 3 to pick a time.&lt;/p&gt;
&lt;p&gt;They all work fine and the correct values are passed to the worksheet when a "Submit" button is clicked.&lt;/p&gt;
&lt;p&gt;However, I also have code that enables the user to select a row in the dataset then clicking an "Edit" button will load the same user form as above with the data from the selected row. The issue is with the 3 Time Pickers.&lt;/p&gt;
&lt;p&gt;My "UserFormLoad" code loops through all the controls on the user form and if a control has a Tag then that Tag value determines the column index of the selected row which has the control value required.&lt;/p&gt;
&lt;pre&gt;&lt;code&gt;For Each ctl In .Controls
    If ctl.Tag &amp;lt;&amp;gt; "" Then
        Select Case ctl.Tag
            Case "9", "10", "11"
                dt = TimeSerial(Hour(CDate(RawData.ListObjects(1).ListRows(i).Range.Columns(CInt(ctl.Tag)))), _
                                Minute(CDate(RawData.ListObjects(1).ListRows(i).Range.Columns(CInt(ctl.Tag)))), 0)
                Debug.Print dt
                ctl = dt
            Case Else
                ctl = RawData.ListObjects(1).ListRows(i).Range.Columns(CInt(ctl.Tag))
        End Select
    End If
Next
&lt;/code&gt;&lt;/pre&gt;
&lt;p&gt;The default value for each Time Picker is "3/2/2017 6:00:00 AM"&lt;/p&gt;
&lt;p&gt;I have tried adding a DateSerial to the Dt variable but that sill results in a critical error when the code tries to set the value for the dpChkIn control (same for the other 2 controls). There is no error message just a Critical message box and the code exits.&lt;/p&gt;
&lt;p&gt;Any help greatly appreciated.&lt;/p&gt;</t>
  </si>
  <si>
    <t>2017-03-08 07:38:36.147000+00:00</t>
  </si>
  <si>
    <t>2017-03-08 09:47:53.250000+00:00</t>
  </si>
  <si>
    <t>excel-vba|userform|vba|excel</t>
  </si>
  <si>
    <t>Android java.lang.ClassCastException: MainActivity cannot be cast to android.support.v4.app.FragmentActivity</t>
  </si>
  <si>
    <t>&lt;p&gt;I am trying to get accounts permission (so I can read from the YouTube Data API server), so with &lt;strong&gt;EasyPermissions.requestPermissions&lt;/strong&gt; I open a window asking the user for permission which shows the message: &lt;em&gt;"This app needs to access your Google account (via Contacts)"&lt;/em&gt;. When you press OK, it crashes. The LogCat shows the Fatal Exception:&lt;/p&gt;
&lt;pre&gt;&lt;code&gt;java.lang.ClassCastException: com.dtek.youtube.MainActivity cannot be cast to android.support.v4.app.FragmentActivity at  
    pub.devrel.easypermissions.RationaleDialogClickListener.onClick(RationaleDialogClickListener.java:57)
&lt;/code&gt;&lt;/pre&gt;
&lt;p&gt;And the line 57 in RationaleDialogClickListener.java where the crash occurs is:&lt;/p&gt;
&lt;pre&gt;&lt;code&gt;ActivityCompat.requestPermissions((FragmentActivity) mHost, mConfig.permissions, mConfig.requestCode);
&lt;/code&gt;&lt;/pre&gt;
&lt;p&gt;According to other similar cases, the solution could be simply to change one import library existing in the &lt;em&gt;RationaleDialogClickListener.java&lt;/em&gt; thus:&lt;/p&gt;
&lt;p&gt;From: import &lt;strong&gt;android.support.v4.app.Fragment&lt;/strong&gt;;&lt;/p&gt;
&lt;p&gt;to: import &lt;strong&gt;android.app.Fragment&lt;/strong&gt;;&lt;/p&gt;
&lt;p&gt;The problem is that &lt;em&gt;RationaleDialogClickListener.java&lt;/em&gt; is read only. The lock to change to writable is disabled, and mouse right button doesn't show a change option.
Some say to try and import the java file as a module. But when I try so, it says that the path doesn't exist (My OS is Ubuntu 16.04).
The path is:&lt;/p&gt;
&lt;p&gt;/home/barmistias/.gradle/caches/modules-2/files-2.1/pub.devrel/easypermissions/0.3.0/fbcbfe8a871702db53e5be80e1f2da72c733655d/easypermissions-0.3.0-sources.jar!/pub/devrel/easypermissions/RationaleDialogClickListener.java&lt;/p&gt;
&lt;p&gt;This file is part of an external library called:
&lt;em&gt;pub.devrel/easypermissions/0.3.0&lt;/em&gt;&lt;/p&gt;
&lt;p&gt;And finally, the MainActivity where this permission is coded extends a YouTubeBaseActivity. Maybe relevant because other cases were extending Fragment classes. So, any ideas to solve this blockade? Thanks&lt;/p&gt;
&lt;p&gt;&lt;strong&gt;P.S.&lt;/strong&gt;: Could this be a problem created by a corrupted update of the Android Studio SDK?, because I believe I hadn't this issue with a previous version.&lt;/p&gt;</t>
  </si>
  <si>
    <t>2017-11-09 11:53:28.803000+00:00</t>
  </si>
  <si>
    <t>2017-11-09 12:44:23.087000+00:00</t>
  </si>
  <si>
    <t>android-fragments|google-oauth|updates|youtube-data-api|service-accounts</t>
  </si>
  <si>
    <t>JavaScript Function inside the loop</t>
  </si>
  <si>
    <t>&lt;p&gt;Can someone explain to me why JSLint complains about "Function inside the loop" with this example:&lt;/p&gt;
&lt;pre&gt;&lt;code&gt;  for (var i = 0; i &amp;lt; buttons.length; i++) {
    (function(i) {
      buttons[i].onclick = function(e) {
        t.progressBars[t.current].update(buttons[i].getAttribute("data-value"));
      }
    })(i);
  }
&lt;/code&gt;&lt;/pre&gt;
&lt;p&gt;But dosen't when I change it to:  &lt;/p&gt;
&lt;pre&gt;&lt;code&gt;function makeHandler(i)
  {
    return function() {
        t.progressBars[t.current].update(buttons[i].getAttribute("data-value"));
      }
  }
  for (var i = 0; i &amp;lt; buttons.length; i++) {
      buttons[i].onclick = makeHandler(i);
  }
&lt;/code&gt;&lt;/pre&gt;
&lt;p&gt;I don't quite understand as it seems that with each loop iteration new function object has to be returned, even though it happens inside of &lt;code&gt;makeHandler()&lt;/code&gt; function. Why the second example is ok with JS linters?&lt;/p&gt;</t>
  </si>
  <si>
    <t>2014-10-02 03:35:38.913000+00:00</t>
  </si>
  <si>
    <t>2017-12-27 05:54:51.697000+00:00</t>
  </si>
  <si>
    <t>javascript|function|jslint</t>
  </si>
  <si>
    <t>How to run a script on server?</t>
  </si>
  <si>
    <t>&lt;p&gt;The defualt charset for all the datebase tables is swedish3_latin_ci
I want to change it to utf8_unicode_ci
I have found a script called phoca which can automatically change all the collations to utf8
How can I run the script?&lt;/p&gt;
&lt;p&gt;Thanking you in advance.&lt;/p&gt;</t>
  </si>
  <si>
    <t>2010-02-20 09:46:15.317000+00:00</t>
  </si>
  <si>
    <t>2010-02-22 10:08:05.420000+00:00</t>
  </si>
  <si>
    <t>scripting|joomla</t>
  </si>
  <si>
    <t>Why I can't debug watch face on moto 360</t>
  </si>
  <si>
    <t>&lt;p&gt;I can see the logs below but I can not see the watch face on my watch.&lt;/p&gt;
&lt;pre&gt;&lt;code&gt;Waiting for device.
Target device: motorola-moto_360-localhost:4444
Uploading file
    local path: /Users/.../AndroidStudioProjects/WatchFace1/Wearable/build/outputs/apk/Wearable-debug.apk
    remote path: /data/local/tmp/com.example.android.wearable.watchface
Installing com.example.android.wearable.watchface
DEVICE SHELL COMMAND: pm install -r "/data/local/tmp/com.example.android.wearable.watchface"
pkg: /data/local/tmp/com.example.android.wearable.watchface
Success
Waiting for process: com.example.android.wearable.watchface
&lt;/code&gt;&lt;/pre&gt;
&lt;p&gt;I have waited for a long time but nothing happened.
Any ideas?&lt;/p&gt;</t>
  </si>
  <si>
    <t>2015-01-22 15:03:47.550000+00:00</t>
  </si>
  <si>
    <t>2015-03-16 17:47:16.767000+00:00</t>
  </si>
  <si>
    <t>2015-01-22 15:19:45.623000+00:00</t>
  </si>
  <si>
    <t>wear-os|moto-360|watch-face-api</t>
  </si>
  <si>
    <t>Upgrade to HRD and now see old version of my site</t>
  </si>
  <si>
    <t>&lt;p&gt;I upgraded my google app-engine to high replication data-store. and now I only see an old version of my site.&lt;/p&gt;
&lt;p&gt;When I try to upload my local files using &lt;code&gt;appcfg.py&lt;/code&gt; I get the error that &lt;code&gt;python27 is only supported for apps using HRD&lt;/code&gt;. But I have HRD. If I go back to an earlier version of python I get the error I need to upgrade to python 27. It is a vicious circle.&lt;/p&gt;
&lt;p&gt;I can see my site perfectly using &lt;code&gt;localhost:8080&lt;/code&gt; and it is current, But I have no way of uploading my site!&lt;/p&gt;</t>
  </si>
  <si>
    <t>2015-03-18 21:56:18.840000+00:00</t>
  </si>
  <si>
    <t>2015-04-18 16:34:40.160000+00:00</t>
  </si>
  <si>
    <t>Attaching an intent to a list item restored from SharedPreferences</t>
  </si>
  <si>
    <t>&lt;p&gt;I have an activity that lets the user load some data when they press a button. That data is passed to a list and each list item has different data stored in it. When they click on the list item it launches an intent which passes them to a new class.&lt;/p&gt;
&lt;p&gt;But when I store the first value returned from pressing this button, i.e. using the onStop() and using SharedPreferences, and click on it I get an error. I think it may be something to do with the intent - the list item just isn't attaching to it. Here is part of the code:&lt;/p&gt;
&lt;pre&gt;&lt;code&gt;adapter = new ArrayAdapter&amp;lt;String&amp;gt;( this, android.R.layout.simple_list_item_1, listItems );
    setListAdapter( adapter );
    list = getListView();
    list.setOnItemClickListener( this );
    if( settings.contains( "ARRAY_LIST_VALUE_0" ) )
    {
        listItems.add( 0, settings.getString( "ARRAY_LIST_VALUE_0",tempStore ) );   
        adapter.notifyDataSetChanged();
    }
    reload = (Button)findViewById( R.id.reloadTen );
    reload.setOnClickListener( this );
    // Original onItemClicked was in here
    list.setTextFilterEnabled( true );  
}
@Override
public void onItemClick(AdapterView&amp;lt;?&amp;gt; arg0, View listItem, int position, long arg3) 
{
    // Start an activity based on what list view item is pressed
    Intent intent = new Intent( newSightings.this, newCompass.class );
    // Pass the data we retrieved to the next activity
    intent.putExtra( "info",data[position]  );
    startActivity( intent );
}
@Override
protected void onStop() 
{
    super.onStop();
    SharedPreferences settings = getSharedPreferences( PREFS_NAME,0 );
    SharedPreferences.Editor editor = settings.edit();
    if( usrPrssdBtn )
    {   
            // Store the latitude and longitude values and then reload them if known
            editor.putString( "LAT",myNewLat );
            editor.putString( "LONG",myNewLon );
            // Place first element of array list in storage
            if( adapter.getCount() &amp;gt; 0 )
            {
                Toast.makeText( getApplicationContext(), "Leaving Activity, Adapter Size: "+ adapter.getCount()+"\nStoring: "+listItems.get( 0 ).toString(), Toast.LENGTH_SHORT ).show();
                tempStore = listItems.get( 0 ).toString();
                editor.putString( "ARRAY_LIST_VALUE_0",tempStore );
                editor.putString( "DATA",data[arryTrckr] );  
            }
    }
    editor.commit();
}
&lt;/code&gt;&lt;/pre&gt;
&lt;p&gt;So - when I run the activity and then press back, then go back to the activity the stored list item is there. Problem is when I click it it crashes the app. What's the problem? I get a NullPointerException at this line:&lt;/p&gt;
&lt;pre&gt;&lt;code&gt;intent.putExtra( "info",data[position] ); 
&lt;/code&gt;&lt;/pre&gt;</t>
  </si>
  <si>
    <t>2012-04-03 00:12:53.663000+00:00</t>
  </si>
  <si>
    <t>2012-04-03 10:44:48.907000+00:00</t>
  </si>
  <si>
    <t>android|android-intent|sharedpreferences</t>
  </si>
  <si>
    <t>Android Toolbar disappear during scrolling with Coordinatorlayout</t>
  </si>
  <si>
    <t>&lt;p&gt;a strange thing happened when I try to implement the toolbar with the &lt;code&gt;Coordinatorlayout&lt;/code&gt;.&lt;/p&gt;
&lt;ol&gt;
&lt;li&gt;everything seems ok when I scroll down and scroll up the &lt;code&gt;toolbar&lt;/code&gt; show correctly&lt;/li&gt;
&lt;/ol&gt;
&lt;p&gt;&lt;img src="https://i.stack.imgur.com/eRQK2.png" alt="enter image description here"&gt;&lt;/p&gt;
&lt;ol start="2"&gt;
&lt;li&gt;however after I scroll down to a certain level the screen became &lt;/li&gt;
&lt;/ol&gt;
&lt;p&gt;&lt;img src="https://i.stack.imgur.com/xUi84.png" alt="enter image description here"&gt;&lt;/p&gt;
&lt;p&gt;The XML is below, any idea of it, thanks?&lt;/p&gt;
&lt;pre&gt;&lt;code&gt;&amp;lt;android.support.design.widget.CoordinatorLayout xmlns:android="http://schemas.android.com/apk/res/android"
xmlns:app="http://schemas.android.com/apk/res-auto"
android:layout_width="match_parent" android:layout_height="match_parent"&amp;gt;
&amp;lt;android.support.v7.widget.RecyclerView
    android:id="@+id/list"
    android:layout_width="match_parent"
    android:layout_height="match_parent"
    app:layout_behavior="@string/appbar_scrolling_view_behavior"
    /&amp;gt;
&amp;lt;android.support.design.widget.AppBarLayout
    android:id="@+id/appbar"
    android:layout_width="match_parent"
    android:layout_height="wrap_content"&amp;gt;
    &amp;lt;android.support.v7.widget.Toolbar
        android:id="@+id/toolbar"
        android:layout_width="match_parent"
        android:layout_height="?attr/actionBarSize"
        android:background="?attr/colorPrimary"
        android:theme="@style/ThemeOverlay.AppCompat.Dark.ActionBar"
        app:layout_scrollFlags="scroll|enterAlways"
        /&amp;gt;
&amp;lt;/android.support.design.widget.AppBarLayout&amp;gt;
&lt;/code&gt;&lt;/pre&gt;
&lt;p&gt;&lt;/p&gt;</t>
  </si>
  <si>
    <t>2015-06-15 03:30:43.897000+00:00</t>
  </si>
  <si>
    <t>2015-06-19 16:59:22.543000+00:00</t>
  </si>
  <si>
    <t>2015-06-15 04:09:11.973000+00:00</t>
  </si>
  <si>
    <t>android|toolbar</t>
  </si>
  <si>
    <t>How can I ignore blank cells while concatenating in Excel with added text?</t>
  </si>
  <si>
    <t>&lt;p&gt;So I have a Concatenate formula where I take two columns and combine them with text.&lt;/p&gt;
&lt;p&gt;&lt;br/&gt;&lt;/p&gt;
&lt;p&gt;&lt;strong&gt;=CONCATENATE(B3,".",C3,"@company.com")&lt;/strong&gt;&lt;/p&gt;
&lt;p&gt;It takes my contacts first and last name and generates emails.&lt;/p&gt;
&lt;p&gt;&lt;br/&gt;
&lt;strong&gt;Example:&lt;/strong&gt;&lt;/p&gt;
&lt;p&gt;B3: John &lt;br/&gt; C3: Smith&lt;/p&gt;
&lt;p&gt;Output: John.Smith@company.com &lt;/p&gt;
&lt;p&gt;&lt;br/&gt; My issue is it will leave "&lt;strong&gt;@company.com&lt;/strong&gt;" in rows with blank cells.&lt;/p&gt;
&lt;p&gt;I don't want that. Please help &lt;/p&gt;</t>
  </si>
  <si>
    <t>2018-11-22 23:35:44.913000+00:00</t>
  </si>
  <si>
    <t>2018-11-23 04:47:21.750000+00:00</t>
  </si>
  <si>
    <t>excel|email|concatenation|contacts</t>
  </si>
  <si>
    <t>Scheduling Logic for Calendar Events That Repeat on a Monthly Basis</t>
  </si>
  <si>
    <t>&lt;p&gt;I'm currently developing a internal application for a company that does patient transport between hospitals and doctor's offices.  The module that I'm working on now will give the company the ability to track their various vehicle maintenance expenses and services performed  as well as give them the ability to schedule different maintenance services for each vehicle in their fleet.&lt;/p&gt;
&lt;p&gt;Different types of maintenance are performed at different time intervals.  These are to be repeating events.  Some are to be repeated weekly, some monthly, and others every three months.&lt;/p&gt;
&lt;p&gt;For the maintenance events that repeat on a monthly or semi-monthly basis I'm a little unsure how I should go about determining days in future months that a event should be scheduled if the date is late in the month and that particular day does not exist a in a subsequent month.&lt;/p&gt;
&lt;p&gt;For example, if I schedule a event on January 31st that is to be repeated monthly then I'm unsure where in February that event should be assigned.  I would appreciate any suggestions from anyone who has developed a scheduling application detailing how you accounted for these  types of scheduling problems.&lt;/p&gt;</t>
  </si>
  <si>
    <t>2011-08-17 21:09:46.977000+00:00</t>
  </si>
  <si>
    <t>2014-01-27 05:43:57.843000+00:00</t>
  </si>
  <si>
    <t>date|calendar|logic|scheduling</t>
  </si>
  <si>
    <t>Notes / iNotes Calendar Date Picker Navigation</t>
  </si>
  <si>
    <t>&lt;p&gt;In notes apps you have the ability to embed a date picker which dives you a calendar you can use to navigate a calendar view. iNotes also has this is the left hand navigation. It takes you to that date in the calendar you are viewing.&lt;/p&gt;
&lt;p&gt;My question is, is there a technique that provides something similar for an xPages application?&lt;/p&gt;
&lt;p&gt;&lt;img src="https://i.stack.imgur.com/kX18J.png" alt="enter image description here"&gt;&lt;/p&gt;</t>
  </si>
  <si>
    <t>2014-01-16 18:51:57.947000+00:00</t>
  </si>
  <si>
    <t>2014-01-17 07:06:16.613000+00:00</t>
  </si>
  <si>
    <t>2014-01-16 21:03:15.660000+00:00</t>
  </si>
  <si>
    <t>Kentico - Customizing subscriber fields - email Marketing</t>
  </si>
  <si>
    <t>&lt;p&gt;I have a NewsletterSubscription Webpart on my website (Kentico 9). The fields used in this web part are the default ones. I would like to customize those by adding a required checkbox. So that people who want to subscribe have to check this checkbox. &lt;/p&gt;
&lt;p&gt;I saw on Kentico Documentation (&lt;a href="https://docs.kentico.com/k82/on-line-marketing-features/email-marketing/working-with-email-campaigns/managing-email-marketing-subscribers" rel="nofollow noreferrer"&gt;https://docs.kentico.com/k82/on-line-marketing-features/email-marketing/working-with-email-campaigns/managing-email-marketing-subscribers&lt;/a&gt;) that I can make fields changes in the Modules application. &lt;/p&gt;
&lt;p&gt;My question is : if I made a change in the Newsletter - subscriber class (in module application) by adding this required checkbox, would it affect in any way the current subscribers of my newsletters ? &lt;/p&gt;</t>
  </si>
  <si>
    <t>2018-05-15 08:38:22.740000+00:00</t>
  </si>
  <si>
    <t>2018-05-15 08:53:13.693000+00:00</t>
  </si>
  <si>
    <t>email|kentico|subscriber</t>
  </si>
  <si>
    <t>How to replace this string with regex and PostgreSQL</t>
  </si>
  <si>
    <t>&lt;p&gt;Need some help with regex. I need to replace all instances with this:&lt;/p&gt;
&lt;pre&gt;&lt;code&gt;padding-top: UNKNOWN VALUE;
&lt;/code&gt;&lt;/pre&gt;
&lt;p&gt;&lt;strong&gt;Input Could be:&lt;/strong&gt;&lt;/p&gt;
&lt;pre&gt;&lt;code&gt;padding-top: 125.707%
...
padding-top: 80px
... 
padding-top: 21em
... 
&lt;/code&gt;&lt;/pre&gt;
&lt;p&gt;How do I do it using the &lt;code&gt;regexp_replace&lt;/code&gt; of &lt;code&gt;PostgreSQL&lt;/code&gt;?&lt;/p&gt;</t>
  </si>
  <si>
    <t>2016-09-15 22:04:08.920000+00:00</t>
  </si>
  <si>
    <t>2016-09-16 08:07:45.120000+00:00</t>
  </si>
  <si>
    <t>regex|postgresql</t>
  </si>
  <si>
    <t>a input box that the numbers go to a chrome app that outputs the numbers to a site is it possible</t>
  </si>
  <si>
    <t>&lt;p&gt;hi im pretty new to coding and i wanna build a webserver have a input box and chrome app that got node.js outputs the number to a site.it should node.js so its a permanent number. if any one have a post or code that that could help me whit would be awesome. Thanks everyone in beforehand&lt;/p&gt;</t>
  </si>
  <si>
    <t>2018-03-08 14:28:56.330000+00:00</t>
  </si>
  <si>
    <t>iOS: Force apply current device orientation after callback</t>
  </si>
  <si>
    <t>&lt;p&gt;I'm currently building an iOS app (supporting iOS &gt;= 8) that has initial splash screen animation on start up. This animation blocks the entire screen during 2~3 seconds and then hides itself.&lt;/p&gt;
&lt;p&gt;Goal is that the screen orientation should be fixed to portrait mode, and be released when the animation is over. This can be easily achieved by the following code:&lt;/p&gt;
&lt;pre&gt;&lt;code&gt;- (void)onSplashAnimationEnded {
    _isFinished = YES;
}
- (UIInterfaceOrientationMask)supportedInterfaceOrientations {
    if (_isFinished) {
        return UIInterfaceOrientationMaskAll;
    }
    return UIInterfaceOrientationMaskPortrait;
}
&lt;/code&gt;&lt;/pre&gt;
&lt;p&gt;The problem is that when a user launched the app in landscape mode, and when the animation is finished, the device orientation (currently in landscape mode) does not apply to the app (locked in portrait mode, as intended).&lt;/p&gt;
&lt;p&gt;It seems natural that the current orientation of device is automatically applied to the app right after the animation is over. I tried the followings to solve this and none of them works.&lt;/p&gt;
&lt;pre&gt;&lt;code&gt;- (void)onSplashAnimationEnded {
    _isFinished = YES;
    // #1
    [UIViewController attemptRotationToDeviceOrientation];
    // #2
    [[NSNotificationCenter defaultCenter] postNotificationName:UIDeviceOrientationDidChangeNotification object:[UIDevice currentDevice]];
    // #3
    [[NSNotificationCenter defaultCenter] postNotificationName:UIApplicationDidChangeStatusBarOrientationNotification object:[UIApplication sharedApplication]];
}
&lt;/code&gt;&lt;/pre&gt;
&lt;p&gt;I really hope someone to share any workarounds for this issue.&lt;/p&gt;
&lt;p&gt;&lt;strong&gt;Edit #1&lt;/strong&gt;&lt;/p&gt;
&lt;p&gt;I have read the other question that is linked to mine, and want to add some detail about it.&lt;/p&gt;
&lt;p&gt;It is possible to lock or unlock device rotation in a certain situation as described in the link, and I already implemented the feature in other way.&lt;/p&gt;
&lt;p&gt;What is left can be regenerated by the following procedure:&lt;/p&gt;
&lt;ol&gt;
&lt;li&gt;Set iPad in landscape mode.&lt;/li&gt;
&lt;li&gt;Launch the app (which will force the orientation in portrait mode), without rotating the device.&lt;/li&gt;
&lt;li&gt;When the animation is over, the device remains in portrait mode (&lt;strong&gt;which is odd because the device is in landscape mode&lt;/strong&gt;).&lt;/li&gt;
&lt;li&gt;Orientation can be fixed when user tries to rotate to portrait &gt; landscape mode one or twice.&lt;/li&gt;
&lt;li&gt;What I do want to do is to eliminate the step #4.&lt;/li&gt;
&lt;/ol&gt;</t>
  </si>
  <si>
    <t>2017-03-31 08:01:48.220000+00:00</t>
  </si>
  <si>
    <t>2017-04-03 04:42:07.423000+00:00</t>
  </si>
  <si>
    <t>2017-04-03 00:39:33.403000+00:00</t>
  </si>
  <si>
    <t>ios|objective-c|orientation|landscape-portrait</t>
  </si>
  <si>
    <t>CakePHP 2 - single core, two apps, one inside the other?</t>
  </si>
  <si>
    <t>&lt;p&gt;I'm fairly new to CakePHP and am trying to setup a custom admin area for my app. I realize Cake can create an &lt;a href="http://book.cakephp.org/2.0/en/controllers/scaffolding.html#creating-a-simple-admin-interface-with-scaffolding" rel="nofollow"&gt;admin area with scaffolding&lt;/a&gt; but I'd like to build something much more customized, and have it accessible from via &lt;code&gt;/admin/&lt;/code&gt;, with one app for the public side and another for the admin.&lt;/p&gt;
&lt;p&gt;Ideally, the structure would be:&lt;/p&gt;
&lt;pre&gt;&lt;code&gt;www
^- apples (public application here)
   ^- apples-admin (password-protected control panel)
&lt;/code&gt;&lt;/pre&gt;
&lt;p&gt;I'm having a hard time figuring out how to set this up using a single Cake core and two apps - one for "apples" and one for "apples-admin". I've read some notes about modding PHP's include path, but that won't be possible in the production environment. The other notes I see about changing CAKE_CORE_INCLUDE_PATH aren't very clear on where I would make that change, and it doesn't appear as though that would get me the app-inside-app structure I'm after.&lt;/p&gt;
&lt;p&gt;Is what I'm trying to do possible? Am I better off using just a single app for both the public side and admin area?&lt;/p&gt;</t>
  </si>
  <si>
    <t>2012-01-06 08:55:56.907000+00:00</t>
  </si>
  <si>
    <t>2012-01-06 12:56:06.170000+00:00</t>
  </si>
  <si>
    <t>cakephp-2.0</t>
  </si>
  <si>
    <t>XML Schema for analysis in C#</t>
  </si>
  <si>
    <t>&lt;p&gt;Is it possible to use a XML Schema to check against the contents of a XML file?&lt;/p&gt;
&lt;p&gt;For instance, in ASP.NET &lt;code&gt;web.config&lt;/code&gt;, can I create a schema to check that &lt;code&gt;&amp;lt;customErrors mode = "On"&amp;gt;&lt;/code&gt;? This will ultimately be used in a C# app, the C# app should take in the XML document and the XML Schema and check if the XML Document violates any of the "rules" listed in the XML schema, i.e. &lt;code&gt;&amp;lt;customErrors mode = "Off"&amp;gt;&lt;/code&gt;&lt;/p&gt;
&lt;p&gt;Is it possible to do the checking without any boundary to the structure of the XML file? i.e. the attribute &lt;code&gt;&amp;lt;customErrors&amp;gt;&lt;/code&gt; can be within any part of the XML document and the schema will still work.&lt;/p&gt;</t>
  </si>
  <si>
    <t>2016-06-27 09:43:43.090000+00:00</t>
  </si>
  <si>
    <t>2016-06-27 11:47:58.980000+00:00</t>
  </si>
  <si>
    <t>c#|asp.net|xml|xsd|xml-parsing</t>
  </si>
  <si>
    <t>How do you detect memory leaks on iPhone?</t>
  </si>
  <si>
    <t>&lt;p&gt;I'm using the Leaks Instruments feature through Xcode to (try and) find memory leaks. I still haven't figured out how to use this program. I click Leaks in the program and see memory increasing as I do various things in the simulator.  I have Extended Detail pane displayed.  The only thing in Extended Detail pane that references my app is main.  As in the main method produced by Xcode.  Everything else is UIKit, Foundations, and other SDK classes I didn't write.  What am I doing wrong that nothing is showing up from my app?  &lt;/p&gt;
&lt;p&gt;Before I hit 3 minutes, there are over 100 leaks totaling 2.5k.  Is this common?&lt;/p&gt;</t>
  </si>
  <si>
    <t>2009-01-30 02:48:04.423000+00:00</t>
  </si>
  <si>
    <t>2013-11-16 10:58:09.500000+00:00</t>
  </si>
  <si>
    <t>iphone|xcode|memory-leaks</t>
  </si>
  <si>
    <t>Sequelize js upsert controls if primary key is null</t>
  </si>
  <si>
    <t>&lt;p&gt;I am trying to use upsert method of sequelize js with postgresql. I am generating model by sequelize-auto js&lt;/p&gt;
&lt;p&gt;My table is like : &lt;/p&gt;
&lt;pre&gt;&lt;code&gt;CREATE SEQUENCE TBL_CITY_LANG_SEQ;
CREATE TABLE TBL_CITY_LANG(
    ID BIGINT DEFAULT NEXTVAL ('TBL_CITY_LANG_SEQ') NOT NULL,
    CITY_NAME VARCHAR(150) NOT NULL,
    CITY_ID BIGINT NOT NULL,
    LANGUAGE_ID BIGINT NOT NULL,    
    DB_EDIT_DATE TIMESTAMP(3) NOT NULL,
    DB_USER_ID BIGINT NOT NULL,
    DB_STATUS_ID INT NOT NULL,
CONSTRAINT PK_TBL_CITY_LANG_SEQ PRIMARY KEY 
(
    ID 
),
CONSTRAINT IX_TBL_CITY_LANG_SEQ UNIQUE 
(
    LANGUAGE_ID,
    CITY_ID
));
&lt;/code&gt;&lt;/pre&gt;
&lt;p&gt;And sequelize upsert usage :&lt;/p&gt;
&lt;pre&gt;&lt;code&gt;cityTable.upsert(myjson).then(function (result) {
                                resolve(result);
                            });
&lt;/code&gt;&lt;/pre&gt;
&lt;p&gt;SQL execute LOG is :&lt;/p&gt;
&lt;pre&gt;&lt;code&gt;CREATE OR REPLACE FUNCTION pg_temp.sequelize_upsert() RETURNS integer AS $func$ 
BEGIN INSERT INTO "tbl_city_lang" ("id","city_name","city_id","language_id","db_edit_date","db_user_id","db_status_id") VALUES (1,'istanbul 1','19','1','2015-03-03','2','1'); 
RETURN 1; 
EXCEPTION WHEN unique_violation 
THEN UPDATE "tbl_city_lang" SET "id"=1,"city_name"='istanbul 1',"city_id"='19',"language_id"='1',"db_edit_date"='2015-03-03',"db_user_id"='2',"db_status_id"='1' WHERE (("id" IS NULL AND "city_id" = '19')); RETURN 2;
END; 
$func$ LANGUAGE plpgsql; 
SELECT * FROM pg_temp.sequelize_upsert();
&lt;/code&gt;&lt;/pre&gt;
&lt;p&gt;It does not give error but also does not update. Ithink the problem is deriving from the where condition of script. But the table should have primary key but updatable by unique constaint. &lt;/p&gt;
&lt;blockquote&gt;
  &lt;p&gt;WHERE (("id" IS NULL AND "city_id" = '19'))&lt;/p&gt;
&lt;/blockquote&gt;
&lt;p&gt;But the table should have primary key but updatable by unique constraint. &lt;/p&gt;</t>
  </si>
  <si>
    <t>2016-11-28 17:30:41.590000+00:00</t>
  </si>
  <si>
    <t>2016-12-01 08:41:26.173000+00:00</t>
  </si>
  <si>
    <t>2016-11-29 09:01:43.173000+00:00</t>
  </si>
  <si>
    <t>javascript|node.js|postgresql|sequelize.js|upsert</t>
  </si>
  <si>
    <t>jquery post return whole html page code</t>
  </si>
  <si>
    <t>&lt;p&gt;&lt;strong&gt;Scripts:&lt;/strong&gt;&lt;/p&gt;
&lt;pre&gt;&lt;code&gt;$.post("&amp;lt;?php echo base_url(); ?&amp;gt;home/comment?"+$("#MYFORM").serialize(), {
                    }, function(response){
                    if(response.msg == '1')
                    {
                        .....
                    }
                    else
                    {
                                            ....
                    }
            }, "json"
            );
&lt;/code&gt;&lt;/pre&gt;
&lt;p&gt;&lt;strong&gt;action:&lt;/strong&gt;&lt;/p&gt;
&lt;pre&gt;&lt;code&gt;function comment()
{   
    echo json_encode("msg=".$this-&amp;gt;homemodel-&amp;gt;comments());          
}
&lt;/code&gt;&lt;/pre&gt;
&lt;p&gt;&lt;strong&gt;Problem:&lt;/strong&gt;
homemodel-&gt;comments returns either 1 or 0 The problem is that in response panel of firebug it shows echo value of action plus whole html pages. Therefore I can't take value of response.msg as 1 or 0. What's wrong with this code. What I have to change to return only value echo on comment action to the post jquery?&lt;/p&gt;</t>
  </si>
  <si>
    <t>2013-04-12 13:37:18.737000+00:00</t>
  </si>
  <si>
    <t>2014-07-17 22:55:36.217000+00:00</t>
  </si>
  <si>
    <t>jquery|codeigniter|jquery-post</t>
  </si>
  <si>
    <t>How to execute an Meteor+Cordova tutorial (like SoLoMo) on my Samsung Galaxy S3</t>
  </si>
  <si>
    <t>&lt;p&gt;My goal is to develop an android app, which has a survey like functionality. So I experiment with Meteor and Cordova (also to learn the frameworks).&lt;/p&gt;
&lt;p&gt;My substep: Running one of the tutorials on my Android device: Samsung Galaxy S3 fails.&lt;/p&gt;
&lt;p&gt;That's how I start the app, while being in the directory &lt;strong&gt;/var/www/node_development/tutorials/solomo&lt;/strong&gt;:&lt;/p&gt;
&lt;pre&gt;&lt;code&gt;meteor run android-device -p 192.168.178.21:3000 --verbose
&lt;/code&gt;&lt;/pre&gt;
&lt;p&gt;Here are the last lines from the --verbose log:&lt;/p&gt;
&lt;pre&gt;&lt;code&gt;-dex:
     [echo] Library project: do not convert bytecode...
-crunch:
   [crunch] Crunching PNG Files in source dir: /var/www/node_development/tutorials/solomo/.meteor/local/cordova-build/platforms/android/CordovaLib/res
   [crunch] To destination dir: /var/www/node_development/tutorials/solomo/.meteor/local/cordova-build/platforms/android/CordovaLib/ant-build/res
   [crunch] Crunched 0 PNG files to update cache
-package-resources:
     [echo] Library project: do not package resources...
-package:
     [echo] Library project: do not package apk...
-post-package:
-do-debug:
     [echo] Library project: do not create apk...
[propertyfile] Updating property file: /var/www/node_development/tutorials/solomo/.meteor/local/cordova-build/platforms/android/CordovaLib/ant-build/build.prop
[propertyfile] Updating property file: /var/www/node_development/tutorials/solomo/.meteor/local/cordova-build/platforms/android/CordovaLib/ant-build/build.prop
[propertyfile] Updating property file: /var/www/node_development/tutorials/solomo/.meteor/local/cordova-build/platforms/android/CordovaLib/ant-build/build.prop
[propertyfile] Updating property file: /var/www/node_development/tutorials/solomo/.meteor/local/cordova-build/platforms/android/CordovaLib/ant-build/build.prop
-post-build:
debug:
-code-gen:
[mergemanifest] Found Deleted Target File
[mergemanifest] Merging AndroidManifest files into one.
[mergemanifest] Manifest merger disabled. Using project manifest only.
     [echo] Handling aidl files...
     [aidl] No AIDL files to compile.
     [echo] ----------
     [echo] Handling RenderScript files...
     [echo] ----------
     [echo] Handling Resources...
     [aapt] Found new input file
     [aapt] Generating resource IDs...
     [echo] ----------
     [echo] Handling BuildConfig class...
[buildconfig] No need to generate new BuildConfig.
-pre-compile:
     [echo] Set jars path to: /var/www/node_development/tutorials/solomo/.meteor/local/cordova-build/platforms/android/CordovaLib/ant-build/classes.jar
-compile:
    [javac] Compiling 2 source files to /var/www/node_development/tutorials/solomo/.meteor/local/cordova-build/platforms/android/ant-build/classes
I20150629-10:36:48.553(2)? - waiting for device -
    [javac] warning: [options] source value 1.5 is obsolete and will be removed in a future release
    [javac] warning: [options] target value 1.5 is obsolete and will be removed in a future release
    [javac] warning: [options] To suppress warnings about obsolete options, use -Xlint:-options.
    [javac] 3 warnings
-post-compile:
-obfuscate:
-dex:
      [dex] input: /var/www/node_development/tutorials/solomo/.meteor/local/cordova-build/platforms/android/ant-build/classes
      [dex] input: /var/www/node_development/tutorials/solomo/.meteor/local/cordova-build/platforms/android/CordovaLib/ant-build/classes.jar
      [dex] Using Pre-Dexed classes-4340c49ff3fe08c4129acefebb6bbc29.jar &amp;lt;- /var/www/node_development/tutorials/solomo/.meteor/local/cordova-build/platforms/android/CordovaLib/ant-build/classes.jar
      [dex] Found modified input file
      [dex] Converting compiled files and external libraries into /var/www/node_development/tutorials/solomo/.meteor/local/cordova-build/platforms/android/ant-build/classes.dex...
=&amp;gt; Started your app.
=&amp;gt; App running at: http://192.168.178.21:3000/
       [dx] Merged dex A (94 defs/130,6KiB) with dex B (207 defs/313,5KiB). Result is 301 defs/539,9KiB. Took 0,8s
-crunch:
   [crunch] Crunching PNG Files in source dir: /var/www/node_development/tutorials/solomo/.meteor/local/cordova-build/platforms/android/res
   [crunch] To destination dir: /var/www/node_development/tutorials/solomo/.meteor/local/cordova-build/platforms/android/ant-build/res
   [crunch] Processing image to cache: /var/www/node_development/tutorials/solomo/.meteor/local/cordova-build/platforms/android/res/drawable-hdpi/icon.png =&amp;gt; /var/www/node_development/tutorials/solomo/.meteor/local/cordova-build/platforms/android/ant-build/res/drawable-hdpi/icon.png
   [crunch]   (processed image to cache entry /var/www/node_development/tutorials/solomo/.meteor/local/cordova-build/platforms/android/ant-build/res/drawable-hdpi/icon.png: 0% size of source)
   [crunch] Processing image to cache: /var/www/node_development/tutorials/solomo/.meteor/local/cordova-build/platforms/android/res/drawable-land-hdpi/screen.png =&amp;gt; /var/www/node_development/tutorials/solomo/.meteor/local/cordova-build/platforms/android/ant-build/res/drawable-land-hdpi/screen.png
   [crunch]   (processed image to cache entry /var/www/node_development/tutorials/solomo/.meteor/local/cordova-build/platforms/android/ant-build/res/drawable-land-hdpi/screen.png: 27% size of source)
   [crunch] Processing image to cache: /var/www/node_development/tutorials/solomo/.meteor/local/cordova-build/platforms/android/res/drawable-land-ldpi/screen.png =&amp;gt; /var/www/node_development/tutorials/solomo/.meteor/local/cordova-build/platforms/android/ant-build/res/drawable-land-ldpi/screen.png
   [crunch]   (processed image to cache entry /var/www/node_development/tutorials/solomo/.meteor/local/cordova-build/platforms/android/ant-build/res/drawable-land-ldpi/screen.png: 0% size of source)
   [crunch] Processing image to cache: /var/www/node_development/tutorials/solomo/.meteor/local/cordova-build/platforms/android/res/drawable-land-mdpi/screen.png =&amp;gt; /var/www/node_development/tutorials/solomo/.meteor/local/cordova-build/platforms/android/ant-build/res/drawable-land-mdpi/screen.png
   [crunch]   (processed image to cache entry /var/www/node_development/tutorials/solomo/.meteor/local/cordova-build/platforms/android/ant-build/res/drawable-land-mdpi/screen.png: 38% size of source)
   [crunch] Processing image to cache: /var/www/node_development/tutorials/solomo/.meteor/local/cordova-build/platforms/android/res/drawable-land-xhdpi/screen.png =&amp;gt; /var/www/node_development/tutorials/solomo/.meteor/local/cordova-build/platforms/android/ant-build/res/drawable-land-xhdpi/screen.png
   [crunch]   (processed image to cache entry /var/www/node_development/tutorials/solomo/.meteor/local/cordova-build/platforms/android/ant-build/res/drawable-land-xhdpi/screen.png: 34% size of source)
   [crunch] Processing image to cache: /var/www/node_development/tutorials/solomo/.meteor/local/cordova-build/platforms/android/res/drawable-ldpi/icon.png =&amp;gt; /var/www/node_development/tutorials/solomo/.meteor/local/cordova-build/platforms/android/ant-build/res/drawable-ldpi/icon.png
   [crunch]   (processed image to cache entry /var/www/node_development/tutorials/solomo/.meteor/local/cordova-build/platforms/android/ant-build/res/drawable-ldpi/icon.png: 0% size of source)
   [crunch] Processing image to cache: /var/www/node_development/tutorials/solomo/.meteor/local/cordova-build/platforms/android/res/drawable-port-hdpi/screen.png =&amp;gt; /var/www/node_development/tutorials/solomo/.meteor/local/cordova-build/platforms/android/ant-build/res/drawable-port-hdpi/screen.png
   [crunch]   (processed image to cache entry /var/www/node_development/tutorials/solomo/.meteor/local/cordova-build/platforms/android/ant-build/res/drawable-port-hdpi/screen.png: 26% size of source)
   [crunch] Processing image to cache: /var/www/node_development/tutorials/solomo/.meteor/local/cordova-build/platforms/android/res/drawable-port-ldpi/screen.png =&amp;gt; /var/www/node_development/tutorials/solomo/.meteor/local/cordova-build/platforms/android/ant-build/res/drawable-port-ldpi/screen.png
   [crunch]   (processed image to cache entry /var/www/node_development/tutorials/solomo/.meteor/local/cordova-build/platforms/android/ant-build/res/drawable-port-ldpi/screen.png: 0% size of source)
   [crunch] Processing image to cache: /var/www/node_development/tutorials/solomo/.meteor/local/cordova-build/platforms/android/res/drawable-port-mdpi/screen.png =&amp;gt; /var/www/node_development/tutorials/solomo/.meteor/local/cordova-build/platforms/android/ant-build/res/drawable-port-mdpi/screen.png
   [crunch]   (processed image to cache entry /var/www/node_development/tutorials/solomo/.meteor/local/cordova-build/platforms/android/ant-build/res/drawable-port-mdpi/screen.png: 0% size of source)
   [crunch] Processing image to cache: /var/www/node_development/tutorials/solomo/.meteor/local/cordova-build/platforms/android/res/drawable-port-xhdpi/screen.png =&amp;gt; /var/www/node_development/tutorials/solomo/.meteor/local/cordova-build/platforms/android/ant-build/res/drawable-port-xhdpi/screen.png
   [crunch]   (processed image to cache entry /var/www/node_development/tutorials/solomo/.meteor/local/cordova-build/platforms/android/ant-build/res/drawable-port-xhdpi/screen.png: 34% size of source)
   [crunch] Processing image to cache: /var/www/node_development/tutorials/solomo/.meteor/local/cordova-build/platforms/android/res/drawable-xhdpi/icon.png =&amp;gt; /var/www/node_development/tutorials/solomo/.meteor/local/cordova-build/platforms/android/ant-build/res/drawable-xhdpi/icon.png
   [crunch]   (processed image to cache entry /var/www/node_development/tutorials/solomo/.meteor/local/cordova-build/platforms/android/ant-build/res/drawable-xhdpi/icon.png: 0% size of source)
   [crunch] Crunched 11 PNG files to update cache
-package-resources:
     [aapt] Found modified input file
     [aapt] Creating full resource package...
     [aapt] Warning: AndroidManifest.xml already defines debuggable (in http://schemas.android.com/apk/res/android); using existing value in manifest.
-package:
[apkbuilder] Found modified input file
[apkbuilder] Creating solomo-debug-unaligned.apk and signing it with a debug key...
-post-package:
-do-debug:
 [zipalign] Running zip align on final apk...
     [echo] Debug Package: /var/www/node_development/tutorials/solomo/.meteor/local/cordova-build/platforms/android/ant-build/solomo-debug.apk
[propertyfile] Updating property file: /var/www/node_development/tutorials/solomo/.meteor/local/cordova-build/platforms/android/ant-build/build.prop
[propertyfile] Updating property file: /var/www/node_development/tutorials/solomo/.meteor/local/cordova-build/platforms/android/ant-build/build.prop
[propertyfile] Updating property file: /var/www/node_development/tutorials/solomo/.meteor/local/cordova-build/platforms/android/ant-build/build.prop
[propertyfile] Updating property file: /var/www/node_development/tutorials/solomo/.meteor/local/cordova-build/platforms/android/ant-build/build.prop
-post-build:
     [move] Moving 1 file to /var/www/node_development/tutorials/solomo/.meteor/local/cordova-build/platforms/android/ant-build
     [move] Moving 1 file to /var/www/node_development/tutorials/solomo/.meteor/local/cordova-build/platforms/android/CordovaLib/ant-build
debug:
BUILD SUCCESSFUL
Total time: 31 seconds
/var/www/node_development/tutorials/solomo/.meteor/local/cordova-build/platforms/android/cordova/node_modules/q/q.js:126
                    throw e;
                          ^
ERROR: Failed to launch application on device: ERROR: Failed to install apk to device: ERROR: Failed to deploy to device, no devices found.
Command finished with error code 8: /var/www/node_development/tutorials/solomo/.meteor/local/cordova-build/platforms/android/cordova/run --device
Error: /var/www/node_development/tutorials/solomo/.meteor/local/cordova-build/platforms/android/cordova/run: Command failed with exit code 8
    at ChildProcess.whenDone (/home/tokam/.meteor/packages/meteor-tool/.1.0.35.1ahmcpn++os.linux.x86_64+web.browser+web.cordova/meteor-tool-os.linux.x86_64/dev_bundle/lib/node_modules/cordova/node_modules/cordova-lib/src/cordova/superspawn.js:135:23)
    at ChildProcess.emit (events.js:98:17)
    at maybeClose (child_process.js:755:16)
    at Process.ChildProcess._handle.onexit (child_process.js:822:5)
Could not start the app on your device. Is it plugged in?
Try running again with the --verbose option.
Instructions for running your app on an Android device:
https://github.com/meteor/meteor/wiki/How-to-run-your-app-on-an-Android-device
tokam@localhost:/var/www/node_development/tutorials/solomo$ adb devices
adb server is out of date.  killing...
cannot bind 'tcp:5037'
ADB server didn't ACK
* failed to start daemon *
error: 
tokam@localhost:/var/www/node_development/tutorials/solomo$ 
tokam@localhost:/var/www/node_development/tutorials/solomo$ 
tokam@localhost:/var/www/node_development/tutorials/solomo$ clear
tokam@localhost:/var/www/node_development/tutorials/solomo$ killall adb
tokam@localhost:/var/www/node_development/tutorials/solomo$ adb devices &amp;gt; /tmp/log
tokam@localhost:/var/www/node_development/tutorials/solomo$ meteor run android-device -p 192.168.178.21:3000 --verbose &amp;gt; /tmp/log 
%% Parsing the --port option
%% Will compile mobile builds
%% Running build for platforms: [ 'android' ]
%% Building the cordova build project
%% Bundling the web.cordova program of the app
%% Ensuring the cordova build project
%% Reading the mobile control file
%% Running the mobile control file
%% Copying resources for mobile apps
%% Writing new config.xml
%% Ensuring that platforms in cordova build project are in sync
%% Running synchronously:  /home/tokam/.meteor/packages/meteor-tool/.1.0.35.1ahmcpn++os.linux.x86_64+web.browser+web.cordova/meteor-tool-os.linux.x86_64/tools/cordova-scripts/cordova.sh [ 'platform', 'list' ]
%% The output of `cordova platforms list`: Installed platforms: android 3.5.1
Available platforms: amazon-fireos, blackberry10, firefoxos, ubuntu
%% The platform is not in the Cordova project: ios
%% Ensuring plugins in the cordova build project are in sync { 'org.apache.cordova.console': '0.2.10',
  'org.apache.cordova.inappbrowser': '0.5.1',
  'org.apache.cordova.geolocation': '0.3.10',
  'org.apache.cordova.camera': '0.3.2',
  'org.apache.cordova.file': '1.3.0',
  'org.apache.cordova.file-transfer': '0.4.4',
  'org.apache.cordova.device': '0.2.11',
  'com.meteor.cordova-update': 'https://github.com/meteor/com.meteor.cordova-update/tarball/92fe99b7248075318f6446b288995d4381d24cd2',
  'org.apache.cordova.statusbar': '0.1.7',
  'org.apache.cordova.splashscreen': '0.3.3' }
%% Getting installed plugins for project
%% Running synchronously:  /home/tokam/.meteor/packages/meteor-tool/.1.0.35.1ahmcpn++os.linux.x86_64+web.browser+web.cordova/meteor-tool-os.linux.x86_64/tools/cordova-scripts/cordova.sh [ 'plugin', 'list' ]
%% The output of `cordova plugins list`: com.meteor.cordova-update 0.0.1 "CordovaUpdate"
org.apache.cordova.camera 0.3.2 "Camera"
org.apache.cordova.console 0.2.10 "Console"
org.apache.cordova.device 0.2.11 "Device"
org.apache.cordova.file 1.3.0 "File"
org.apache.cordova.file-transfer 0.4.4 "File Transfer"
org.apache.cordova.geolocation 0.3.10 "Geolocation"
org.apache.cordova.inappbrowser 0.5.1 "InAppBrowser"
org.apache.cordova.splashscreen 0.3.3 "Splashscreen"
org.apache.cordova.statusbar 0.1.7 "StatusBar"
%% Will check for cordova-tarball-plugins.json for tarball-url-based plugins previously installed.
%% The tarball plugins lock: { 'com.meteor.cordova-update': 'https://github.com/meteor/com.meteor.cordova-update/tarball/92fe99b7248075318f6446b288995d4381d24cd2' }
%% Copying the JS/CSS files one level up
%% Removing the www folder
%% Writing www/application folder
%% Writing index.html
%% Writing meteor_cordova_loader
%% Writing a default index.html for cordova app
%% Running the build command
%% Running synchronously:  /home/tokam/.meteor/packages/meteor-tool/.1.0.35.1ahmcpn++os.linux.x86_64+web.browser+web.cordova/meteor-tool-os.linux.x86_64/tools/cordova-scripts/cordova.sh [ '--verbose', 'build', 'android' ]
%% Done building the cordova build project
%% A run on a device requested
WARNING: You are testing your app on a remote device.
         For the mobile app to be able to connect to the local server, make
         sure your device is on the same network, and that the network
         configuration allows clients to talk to each other
         (no client isolation).
WARNING: It looks like you are using OAuth2 login in your app.
         Meteor's OAuth2 implementation does not currently work with
         mobile apps in local development mode, except in the iOS
         simulator. You can run the iOS simulator with 'meteor run ios'.
         For additional workarounds, see
         https://github.com/meteor/meteor/wiki/OAuth-for-mobile-Meteor-clients.
%% Execing cordova for platform android-device
%% isDevice: true
%% Running emulator: /home/tokam/.meteor/packages/meteor-tool/.1.0.35.1ahmcpn++os.linux.x86_64+web.browser+web.cordova/meteor-tool-os.linux.x86_64/tools/cordova-scripts/cordova.sh [ 'run', '--verbose', '--device', 'android' ]
%% Running asynchronously:  /home/tokam/.meteor/packages/meteor-tool/.1.0.35.1ahmcpn++os.linux.x86_64+web.browser+web.cordova/meteor-tool-os.linux.x86_64/tools/cordova-scripts/cordova.sh [ 'run', '--verbose', '--device', 'android' ]
%% Clearing logs for Android with `adb logcat -c`, should time-out in 5 seconds
%% Running asynchronously:  /home/tokam/.meteor/packages/meteor-tool/.1.0.35.1ahmcpn++os.linux.x86_64+web.browser+web.cordova/meteor-tool-os.linux.x86_64/tools/cordova-scripts/adb.sh [ 'logcat', '-c' ]
%% adb logcat -c timed out
%% Clearing logs failed: Error: clearing logs of Android device timed out: adb logcat -c
    at Object.Future.wait (/home/tokam/.meteor/packages/meteor-tool/.1.0.35.1ahmcpn++os.linux.x86_64+web.browser+web.cordova/meteor-tool-os.linux.x86_64/dev_bundle/lib/node_modules/fibers/future.js:326:15)
    at execCordovaOnPlatform (/home/tokam/.meteor/packages/meteor-tool/.1.0.35.1ahmcpn++os.linux.x86_64+web.browser+web.cordova/meteor-tool-os.linux.x86_64/tools/commands-cordova.js:1216:14)
    at _.extend.start (/home/tokam/.meteor/packages/meteor-tool/.1.0.35.1ahmcpn++os.linux.x86_64+web.browser+web.cordova/meteor-tool-os.linux.x86_64/tools/commands-cordova.js:914:7)
    at /home/tokam/.meteor/packages/meteor-tool/.1.0.35.1ahmcpn++os.linux.x86_64+web.browser+web.cordova/meteor-tool-os.linux.x86_64/tools/run-all.js:160:23
    at /home/tokam/.meteor/packages/meteor-tool/.1.0.35.1ahmcpn++os.linux.x86_64+web.browser+web.cordova/meteor-tool-os.linux.x86_64/tools/buildmessage.js:313:18
    at _.extend.withValue (/home/tokam/.meteor/packages/meteor-tool/.1.0.35.1ahmcpn++os.linux.x86_64+web.browser+web.cordova/meteor-tool-os.linux.x86_64/tools/fiber-helpers.js:112:14)
    at /home/tokam/.meteor/packages/meteor-tool/.1.0.35.1ahmcpn++os.linux.x86_64+web.browser+web.cordova/meteor-tool-os.linux.x86_64/tools/buildmessage.js:312:36
    at _.extend.withValue (/home/tokam/.meteor/packages/meteor-tool/.1.0.35.1ahmcpn++os.linux.x86_64+web.browser+web.cordova/meteor-tool-os.linux.x86_64/tools/fiber-helpers.js:112:14)
    at Object.enterJob (/home/tokam/.meteor/packages/meteor-tool/.1.0.35.1ahmcpn++os.linux.x86_64+web.browser+web.cordova/meteor-tool-os.linux.x86_64/tools/buildmessage.js:303:26)
    at /home/tokam/.meteor/packages/meteor-tool/.1.0.35.1ahmcpn++os.linux.x86_64+web.browser+web.cordova/meteor-tool-os.linux.x86_64/tools/run-all.js:159:22
    at Array.forEach (native)
    at Function._.each._.forEach (/home/tokam/.meteor/packages/meteor-tool/.1.0.35.1ahmcpn++os.linux.x86_64+web.browser+web.cordova/meteor-tool-os.linux.x86_64/dev_bundle/lib/node_modules/underscore/underscore.js:79:11)
    at _.extend.start (/home/tokam/.meteor/packages/meteor-tool/.1.0.35.1ahmcpn++os.linux.x86_64+web.browser+web.cordova/meteor-tool-os.linux.x86_64/tools/run-all.js:156:7)
    at Object.exports.run (/home/tokam/.meteor/packages/meteor-tool/.1.0.35.1ahmcpn++os.linux.x86_64+web.browser+web.cordova/meteor-tool-os.linux.x86_64/tools/run-all.js:318:10)
    at doRunCommand [as func] (/home/tokam/.meteor/packages/meteor-tool/.1.0.35.1ahmcpn++os.linux.x86_64+web.browser+web.cordova/meteor-tool-os.linux.x86_64/tools/commands.js:347:17)
    at /home/tokam/.meteor/packages/meteor-tool/.1.0.35.1ahmcpn++os.linux.x86_64+web.browser+web.cordova/meteor-tool-os.linux.x86_64/tools/main.js:1353:23
    - - - - -
    at null._onTimeout (/home/tokam/.meteor/packages/meteor-tool/.1.0.35.1ahmcpn++os.linux.x86_64+web.browser+web.cordova/meteor-tool-os.linux.x86_64/tools/commands-cordova.js:1211:22)
    at Timer.listOnTimeout [as ontimeout] (timers.js:110:15)
%% Done clearing Android logs.
%% Tailing logs for android with `adb logcat -s CordovaLog`
%% Running asynchronously:  /home/tokam/.meteor/packages/meteor-tool/.1.0.35.1ahmcpn++os.linux.x86_64+web.browser+web.cordova/meteor-tool-os.linux.x86_64/tools/cordova-scripts/adb.sh [ 'logcat', '-s', 'CordovaLog' ]
%% Done execing cordova for platform android-device
Could not start the app on your device. Is it plugged in?
Try running again with the --verbose option.
Instructions for running your app on an Android device:
https://github.com/meteor/meteor/wiki/How-to-run-your-app-on-an-Android-device
&lt;/code&gt;&lt;/pre&gt;
&lt;p&gt;Before running meteor &lt;strong&gt;adb devices&lt;/strong&gt; lists:&lt;/p&gt;
&lt;pre&gt;&lt;code&gt;* daemon not running. starting it now on port 5037 *
* daemon started successfully *
List of devices attached 
506c09aa    device
&lt;/code&gt;&lt;/pre&gt;
&lt;p&gt;After running meteor &lt;strong&gt;adb devices&lt;/strong&gt; tells me:&lt;/p&gt;
&lt;pre&gt;&lt;code&gt;ADB server didn't ACK
* failed to start daemon *
error: 
&lt;/code&gt;&lt;/pre&gt;
&lt;p&gt;I already &lt;a href="https://stackoverflow.com/questions/4775603/android-error-failed-to-install-apk-on-device-timeout"&gt;changed the adb timeout rate&lt;/a&gt; to 12000ms.
My device is set up for development.&lt;/p&gt;
&lt;p&gt;&lt;strong&gt;How can I run an android app with meteor cordova?&lt;/strong&gt;&lt;/p&gt;</t>
  </si>
  <si>
    <t>2015-06-29 08:53:19.447000+00:00</t>
  </si>
  <si>
    <t>2015-06-29 10:25:23.113000+00:00</t>
  </si>
  <si>
    <t>2017-05-23 11:43:57.433000+00:00</t>
  </si>
  <si>
    <t>android|cordova|meteor|adb|meteor-cordova</t>
  </si>
  <si>
    <t>C++ CLI System.String^ to MFC LPCTSTR</t>
  </si>
  <si>
    <t>&lt;p&gt;How would I convert a System (.net) &lt;code&gt;C++\CLI&lt;/code&gt; &lt;code&gt;String^&lt;/code&gt; into a MFC C++ &lt;code&gt;LPCTSTR&lt;/code&gt; string.&lt;/p&gt;
&lt;p&gt;It is very easy to get a &lt;code&gt;LPCTSTR&lt;/code&gt; into &lt;code&gt;String^&lt;/code&gt;, but so far found nothing on doing it the other way around.&lt;/p&gt;</t>
  </si>
  <si>
    <t>2012-03-20 07:13:27.607000+00:00</t>
  </si>
  <si>
    <t>2012-03-20 08:31:46.117000+00:00</t>
  </si>
  <si>
    <t>2012-03-20 07:20:19.090000+00:00</t>
  </si>
  <si>
    <t>c++|string|mfc|c++-cli|lpcstr</t>
  </si>
  <si>
    <t>XPath replace where tag is non-existent or empty</t>
  </si>
  <si>
    <t>&lt;p&gt;I am consuming the XML below into a database using DataStage.  DataStage allows me to specify the XPATH to the specific fields to grab from xml and insert into the db table.  As you can see from the xml below, some of the tags are empty or do not exist.  I need an XPATH expression that can query if a tag is empty or non-existent and if it is either, then I want the XPATH to return a NULL so that the NULL can be inserted into the db table for that field e.g. on Entity_ID 2222 the Postal_Code is not present so I would want the Postal_Code field in the db table to be populated with a DB NULL.  Equally, on Entity_ID 1111, where the City tag is present but empty, I would want a NULL in the City db table field. Any help is greatly appreciated.  Thanks in advance.&lt;/p&gt;
&lt;pre&gt;&lt;code&gt;&amp;lt;?xml version="1.0"?&amp;gt;
&amp;lt;NewDataSet&amp;gt;
&amp;lt;Entity_Data msdata:rowOrder="0" xmlns:msdata="urn:schemas-microsoft-com:xml-msdata" diffgr:id="Entity Data1" diffgr:hasChanges="inserted" xmlns:diffgr="urn:schemas-microsoft-com:xml-diffgram-v1"&amp;gt;
&amp;lt;Entity_ID&amp;gt;1111&amp;lt;/Entity_ID&amp;gt;
&amp;lt;Name&amp;gt;EntityName&amp;lt;/Name&amp;gt;
&amp;lt;Street&amp;gt;EntityStreet&amp;lt;/Street&amp;gt;
&amp;lt;City/&amp;gt;
&amp;lt;State&amp;gt;EntityState&amp;lt;/State&amp;gt;
&amp;lt;Postal_Code&amp;gt;12345&amp;lt;/Postal_Code&amp;gt;
&amp;lt;/Entity_Data&amp;gt;
&amp;lt;Entity_Data msdata:rowOrder="1" xmlns:msdata="urn:schemas-microsoft-com:xml-msdata" diffgr:id="Entity Data2" diffgr:hasChanges="inserted" xmlns:diffgr="urn:schemas-microsoft-com:xml-diffgram-v1"&amp;gt;
&amp;lt;Entity_ID&amp;gt;2222&amp;lt;/Entity_ID&amp;gt;
&amp;lt;Name&amp;gt;EntityName&amp;lt;/Name&amp;gt;
&amp;lt;Street&amp;gt;EntityStreet&amp;lt;/Street&amp;gt;
&amp;lt;City&amp;gt;EntityCity&amp;lt;/City&amp;gt;
&amp;lt;State&amp;gt;EntityState&amp;lt;/State&amp;gt;
&amp;lt;Phone&amp;gt;555-555-5555&amp;lt;/Phone&amp;gt;
&amp;lt;/Entity_Data&amp;gt;
&amp;lt;Entity_Data msdata:rowOrder="4" xmlns:msdata="urn:schemas-microsoft-com:xml-msdata" diffgr:id="Entity Data5" diffgr:hasChanges="inserted" xmlns:diffgr="urn:schemas-microsoft-com:xml-diffgram-v1"&amp;gt;
&amp;lt;Entity_ID&amp;gt;3333&amp;lt;/Entity_ID&amp;gt;
&amp;lt;Name&amp;gt;EntityName&amp;lt;/Name&amp;gt;
&amp;lt;Street&amp;gt;EntityStreet&amp;lt;/Street&amp;gt;
&amp;lt;City&amp;gt;EntityCity&amp;lt;/City&amp;gt;
&amp;lt;State&amp;gt;EntityState&amp;lt;/State&amp;gt;
&amp;lt;Postal_Code&amp;gt;22222&amp;lt;/Postal_Code&amp;gt;
&amp;lt;/Entity_Data&amp;gt;
&amp;lt;/NewDataSet&amp;gt;
&lt;/code&gt;&lt;/pre&gt;</t>
  </si>
  <si>
    <t>2016-04-19 15:23:56.313000+00:00</t>
  </si>
  <si>
    <t>2016-04-21 20:43:31.347000+00:00</t>
  </si>
  <si>
    <t>2016-04-19 21:09:49.030000+00:00</t>
  </si>
  <si>
    <t>xpath|datastage</t>
  </si>
  <si>
    <t>Celery command line error if django project has name "app"</t>
  </si>
  <si>
    <t>&lt;p&gt;Is it possible to run the celery command line if your django project is named "app"? &lt;/p&gt;
&lt;p&gt;&lt;strong&gt;Django app structure:&lt;/strong&gt;&lt;/p&gt;
&lt;pre&gt;&lt;code&gt;|- app
|  |- __init__.py
|  |- settings.py
|  |- celery.py
|- manage.py
&lt;/code&gt;&lt;/pre&gt;
&lt;p&gt;&lt;code&gt;__init__.py&lt;/code&gt; and &lt;code&gt;celery.py&lt;/code&gt; are set up as per the docs: &lt;a href="http://docs.celeryproject.org/en/master/django/first-steps-with-django.html" rel="nofollow"&gt;http://docs.celeryproject.org/en/master/django/first-steps-with-django.html&lt;/a&gt;&lt;/p&gt;
&lt;p&gt;I get the following error &lt;code&gt;ImportError: No module named celery&lt;/code&gt; when I run &lt;code&gt;celery --app=app.celery:app worker&lt;/code&gt;. This error does not exist when I rename "app" to something else, but I prefer not to have to do this.&lt;/p&gt;</t>
  </si>
  <si>
    <t>2016-07-26 07:15:46.647000+00:00</t>
  </si>
  <si>
    <t>2017-08-22 16:45:22.253000+00:00</t>
  </si>
  <si>
    <t>celery|django-celery</t>
  </si>
  <si>
    <t>Php how to associate contacts with account before it is created</t>
  </si>
  <si>
    <t>&lt;p&gt;I don't really know how to ask this question, but I can't be the only one that has encountered something like this.&lt;/p&gt;
&lt;p&gt;I am building a CRM for sales. I am working on a "bid" module that basically adds a bid account to an already existing customer account.  Each bid can have one or more project addresses.  On the Create A Bid page, my client want the Project Addresses to be added in a popup then to be saved using ajax.  The problem is I need to associate the Project Addresses with the bid by the bid id. Would not be a problem except the bid has not been saved yet. &lt;/p&gt;
&lt;p&gt;My thought was to just create the initial bid account in the database at the start, then update it when saving the record. But my client is afraid that his call center workers will sometimes start to create a bid, and never save it, putting a blank bid in the database and on the account. Ideas?&lt;/p&gt;</t>
  </si>
  <si>
    <t>2015-09-15 02:55:52.170000+00:00</t>
  </si>
  <si>
    <t>php|database</t>
  </si>
  <si>
    <t>MVC Internal resource error after deploying to godaddy</t>
  </si>
  <si>
    <t>&lt;p&gt;I have deployed my MVC website to GoDaddy and when trying to load it I get the following:-&lt;/p&gt;
&lt;p&gt;500 - Internal server error.
There is a problem with the resource you are looking for, and it cannot be displayed.&lt;/p&gt;
&lt;p&gt;I have tried the detailed config in the web config&lt;/p&gt;
&lt;pre&gt;&lt;code&gt;&amp;lt;configuration&amp;gt;
    &amp;lt;system.webServer&amp;gt;
        &amp;lt;httpErrors errorMode="Detailed" /&amp;gt;
        &amp;lt;asp scriptErrorSentToBrowser="true"/&amp;gt;
    &amp;lt;/system.webServer&amp;gt;
    &amp;lt;system.web&amp;gt;
        &amp;lt;customErrors mode="Off"/&amp;gt;
        &amp;lt;compilation debug="true"/&amp;gt;
    &amp;lt;/system.web&amp;gt;
&amp;lt;/configuration&amp;gt;
&lt;/code&gt;&lt;/pre&gt;
&lt;p&gt;I have also ensured the .NET framework of my project is the same as the hosting version&lt;/p&gt;
&lt;p&gt;I have ensured all the relevant dll's are set to copy local = true&lt;/p&gt;
&lt;p&gt;I have even added the following Application_Error method to my global.asax but it didn't do anything&lt;/p&gt;
&lt;pre&gt;&lt;code&gt;    protected void Application_Error()
    {
        HttpContext ctx = HttpContext.Current;
        KeyValuePair&amp;lt;string, object&amp;gt; error = new KeyValuePair&amp;lt;string, object&amp;gt;("ErrorMessage", ctx.Server.GetLastError().ToString());
        ctx.Response.Clear();
        RequestContext rc = ((MvcHandler)ctx.CurrentHandler).RequestContext;
        string controllerName = rc.RouteData.GetRequiredString("controller");
        IControllerFactory factory = ControllerBuilder.Current.GetControllerFactory();
        IController controller = factory.CreateController(rc, controllerName);
        ControllerContext cc = new ControllerContext(rc, (ControllerBase)controller);
        ViewResult viewResult = new ViewResult { ViewName = "Error" };
        viewResult.ViewData.Add(error);
        viewResult.ExecuteResult(cc);
        ctx.Server.ClearError();
    }
&lt;/code&gt;&lt;/pre&gt;
&lt;p&gt;Are there any logs I can access from my hosting account?&lt;/p&gt;
&lt;p&gt;Running out of ideas - any suggestions greatly appreciated&lt;/p&gt;</t>
  </si>
  <si>
    <t>2016-09-19 11:57:23.093000+00:00</t>
  </si>
  <si>
    <t>2016-09-19 22:38:22.363000+00:00</t>
  </si>
  <si>
    <t>asp.net-mvc|asp.net-web-api</t>
  </si>
  <si>
    <t>Saving scoped object outside scope in Dart</t>
  </si>
  <si>
    <t>&lt;p&gt;The following leaves s null after the file read exits:&lt;/p&gt;
&lt;pre class="lang-dart prettyprint-override"&gt;&lt;code&gt;String s;
new File('etc.stk').readAsString().then((String contents) {
    s = contents;
});
// s is null here.
&lt;/code&gt;&lt;/pre&gt;
&lt;p&gt;Is there a way to save (or clone) s, or am I compelled to use it only in the .then scope?&lt;/p&gt;
&lt;p&gt;I have a few thousand lines of compiler/interpreter code that parses and runs the file contents, and would prefer not to have them all inside the new File scope.&lt;/p&gt;
&lt;p&gt;&lt;strong&gt;EDIT&lt;/strong&gt;  &lt;/p&gt;
&lt;p&gt;To provide more context, what I am trying to do is something like  &lt;/p&gt;
&lt;pre class="lang-dart prettyprint-override"&gt;&lt;code&gt;new File('etc1.stk').readAsString()
    .then((String script) {     
      syntaxTree1 = buildTree(script);
    });
new File('etc2.stk').readAsString()
    .then((String script) {
      syntaxTree2 = buildTree(script);
    }); 
&lt;/code&gt;&lt;/pre&gt;
&lt;p&gt;and have access to both syntaxTree1 and syntaxTree2 in subsequent code. I will wrap my mind around the Dart Way if I can.&lt;/p&gt;</t>
  </si>
  <si>
    <t>2014-05-14 17:16:48.713000+00:00</t>
  </si>
  <si>
    <t>2014-05-15 07:36:46.503000+00:00</t>
  </si>
  <si>
    <t>2014-05-15 07:06:23.760000+00:00</t>
  </si>
  <si>
    <t>dart|dart-async</t>
  </si>
  <si>
    <t>Breaking loop issue in python</t>
  </si>
  <si>
    <t>&lt;p&gt;I just started learning python and I've already hit an obstacle. &lt;/p&gt;
&lt;p&gt;I am trying to write a code for Pig Latin converter and I am using function to write it. And I run in in while loop. &lt;/p&gt;
&lt;p&gt;I tried to figure out how to end the loop by using break but it just won't end and only by the second time I input, it works.&lt;/p&gt;
&lt;p&gt;I want to find out what I am doing wrong and if you guys could help me out, I would be really grateful. Thank you :)&lt;/p&gt;
&lt;pre&gt;&lt;code&gt;    pig = 'ay'
    def func(): 
        word = input('Hello. Please Enter your First Word:').lower()
        if len(word) &amp;gt; 0 and word.isalpha():
            first = word[0]
            if first in ('a', 'e', 'i', 'o', 'u'):
                print('The first letter must begin with a consonant. Would you like to try a different word? (Y/N)') and inpup().lower()
                if input() == 'y':
                    return func()
                else:
                    print("Thank you for using Pig Latin Converter")
                    return False
        else:
            new_word = word[1].upper() + word[2:] + ' ' + first.upper() + pig
            print(new_word)
            print("Would you like to try a different word? (Y/N)") and input().lower()
            if input() == 'y':
                return func()
            else:
                print("Thank you for using Pig Latin Converter")
                return False
while True:
    func()
    if False:
        break
&lt;/code&gt;&lt;/pre&gt;</t>
  </si>
  <si>
    <t>2017-06-10 21:16:40.390000+00:00</t>
  </si>
  <si>
    <t>2017-06-10 21:40:49.060000+00:00</t>
  </si>
  <si>
    <t>Stop taking pictures</t>
  </si>
  <si>
    <t>&lt;p&gt;My question is about a code that makes pictures every "x" seconds and save them in the SD card. I don't want to make pictures forever so there's a button in the app that it should stop making pictures. The thing is I have no idea how to make it stop, shall I stop the timer or there's any other option to stop it?&lt;/p&gt;
&lt;p&gt;Thanks in advance!&lt;/p&gt;
&lt;p&gt;I attached the code I'm working with:&lt;/p&gt;
&lt;pre&gt;&lt;code&gt;public class MainActivity extends Activity {
    private Camera mCamera;
    private Preview mCameraPreview;
    @Override
    protected void onCreate(Bundle savedInstanceState) {
        super.onCreate(savedInstanceState);
        setContentView(R.layout.activity_main);
        mCamera = getCameraInstance();
        mCameraPreview = new Preview(this, mCamera);
        FrameLayout preview = (FrameLayout) findViewById(R.id.camera_preview);
        preview.addView(mCameraPreview);
        Button captureButton = (Button) findViewById(R.id.button_capture);
        Button pauseButton = (Button) findViewById(R.id.button_pause);
        captureButton.setOnClickListener(new View.OnClickListener() {
            @Override
            public void onClick(View v) {
                Timer timer = new Timer();
                timer.schedule(new TimerTask() {
                    @Override
                    public void run() {
                        mCamera.startPreview();
                        mCamera.takePicture(null,null,mPicture);
                    }
                }, 0, 2000);
            }
        });
    }
    private Camera getCameraInstance() {
        Camera camera = null;
        try {
            camera = Camera.open();
        } catch (Exception e) {
            // cannot get camera or does not exist
        }
        return camera;
    }
    PictureCallback mPicture = new PictureCallback() {
        @Override
        public void onPictureTaken(byte[] data, Camera camera) {
            File pictureFile = getOutputMediaFile();
            if (pictureFile == null) {
                return;
            }
            try {
                FileOutputStream fos = new FileOutputStream(pictureFile);
                fos.write(data);
                fos.close();
            } catch (FileNotFoundException e) {
            } catch (IOException e) {
            }
        }
    };
    private static File getOutputMediaFile() {
        File mediaStorageDir = new File(
                Environment
                        .getExternalStoragePublicDirectory(Environment.DIRECTORY_PICTURES),
                "FOTOS");
        if (!mediaStorageDir.exists()) {
            if (!mediaStorageDir.mkdirs()) {
                Log.d("FOTOS", "failed to create directory");
                return null;
            }
        }
        // Create a media file name
        String timeStamp = new SimpleDateFormat("HHmmss_ddMMyyyy")
                .format(new Date());
        File mediaFile;
        mediaFile = new File(mediaStorageDir.getPath() + File.separator
                + "IMG_" + timeStamp + ".jpg");
        return mediaFile;
    }
    @Override
    public boolean onCreateOptionsMenu(Menu menu) {
        // Inflate the menu; this adds items to the action bar if it is present.
        getMenuInflater().inflate(R.menu.main, menu);
        return true;
    }
}
&lt;/code&gt;&lt;/pre&gt;</t>
  </si>
  <si>
    <t>2014-05-21 15:31:54.527000+00:00</t>
  </si>
  <si>
    <t>2014-05-22 13:08:49.027000+00:00</t>
  </si>
  <si>
    <t>2014-05-21 15:40:44.337000+00:00</t>
  </si>
  <si>
    <t>android|timer|onpause</t>
  </si>
  <si>
    <t>SQL Server INNER JOIN with nulls value and intersect</t>
  </si>
  <si>
    <t>&lt;p&gt;I have a problem. I have two tables with the same columns. I want to create a third table which will be have id's rows from these two tables where four chosen columns will be the same.&lt;/p&gt;
&lt;p&gt;I resolved problem with comparing data null with isnull.   &lt;/p&gt;
&lt;p&gt;I wrote something like this: &lt;/p&gt;
&lt;pre&gt;&lt;code&gt;WITH cteCandidates (City, Street, HouseNumber, PostCode)
  AS
  (
    SELECT City, Street, HouseNumber, PostCode
    FROM Gymnasium
    INTERSECT
    SELECT City, Street, HouseNumber, PostCode
    FROM PrimarySchool
  ) 
  select e.Id as 'Gymnasium',
  p.Id as 'PrimarySchool'
FROM
  Gymnasium AS e
Inner join cteCandidates AS c
    on isnull(e.City       ,'999999') = isnull(c.City       ,'999999')
   AND isnull(e.Street     ,'999999') = isnull(c.Street     ,'999999')
   AND isnull(e.HouseNumber,'999999') = isnull(c.HouseNumber,'999999')
   AND isnull(e.PostCode   ,'999999') = isnull(c.PostCode   ,'999999')
inner join PrimarySchool as p 
    on isnull(e.City       ,'999999') = isnull(p.City       ,'999999')
   AND isnull(e.Street     ,'999999') = isnull(p.Street     ,'999999')
   AND isnull(e.HouseNumber,'999999') = isnull(p.HouseNumber,'999999')
   AND isnull(e.PostCode   ,'999999') = isnull(p.PostCode   ,'999999')
order by PrimarySchool
&lt;/code&gt;&lt;/pre&gt;
&lt;p&gt;Everything works fine except that code: &lt;/p&gt;
&lt;pre&gt;&lt;code&gt; SELECT City, Street, HouseNumber, PostCode
    FROM Gymnasium
    INTERSECT
    SELECT City, Street, HouseNumber, PostCode
    FROM PrimarySchool
&lt;/code&gt;&lt;/pre&gt;
&lt;p&gt;returned different number of rows that the first code.&lt;/p&gt;
&lt;p&gt;What am I doing wrong? &lt;/p&gt;</t>
  </si>
  <si>
    <t>2012-03-27 20:16:52.510000+00:00</t>
  </si>
  <si>
    <t>2012-03-27 21:56:11.017000+00:00</t>
  </si>
  <si>
    <t>sql-server|join|isnull|intersect</t>
  </si>
  <si>
    <t>regex in javascript, match only A-z and _?</t>
  </si>
  <si>
    <t>&lt;p&gt;Hello this is the first time I've worked with regex before and I'm attempting to take a variable entered by the user and see if it is limited to A-Z, a-z, 0-9, and _&lt;/p&gt;
&lt;p&gt;this is the code I have so far:&lt;/p&gt;
&lt;pre&gt;&lt;code&gt;function validateCSV(x){
    var y = document.getElementById('column').value;
    var pattern = new RegExp('^\b\w\b$');
    if(!pattern.test(y)){
       alert("Use only A-Z, a-z, 0-9, or _ in column names.");
       return false;
    }
}
&lt;/code&gt;&lt;/pre&gt;
&lt;p&gt;As far as I was aware using \w would match any alphanumeric and underscore but no white space, which is exactly what I wanted. However even if I only have something like test1 or test it still doesn't seem to work correctly, as it still pops up my alert and doesn't let me continue. Any information on this matter would be appreciated.&lt;/p&gt;</t>
  </si>
  <si>
    <t>2013-06-26 20:40:38.013000+00:00</t>
  </si>
  <si>
    <t>2014-06-25 11:16:06.580000+00:00</t>
  </si>
  <si>
    <t>Spring MVC 4.1.x RestFul Service throwing Not Acceptable for Json</t>
  </si>
  <si>
    <t>&lt;p&gt;I have made a Rest Service using Spring MVC4.1.X, but whenever I try to return Json o/p to browser iam getting the following error &lt;/p&gt;
&lt;p&gt;&lt;strong&gt;The resource identified by this request is only capable of generating responses with characteristics not acceptable according to the request "accept" headers.&lt;/strong&gt;&lt;/p&gt;
&lt;p&gt;Iam using @Response body for auto conversion of a Java pojo into JSON objects. I have tried almost all the solution given on stackoverflow .&lt;/p&gt;
&lt;pre&gt;&lt;code&gt;my controller class 
package com.spring.rest.ambulance;
import java.io.IOException;
import net.sf.json.JSONObject;
import org.codehaus.jackson.map.ObjectMapper;
import org.springframework.beans.factory.annotation.Autowired;
import org.springframework.stereotype.Controller;
import org.springframework.ui.ModelMap;
import org.springframework.web.bind.annotation.PathVariable;
import org.springframework.web.bind.annotation.RequestMapping;
import org.springframework.web.bind.annotation.RequestMethod;
import org.springframework.web.bind.annotation.ResponseBody;
import org.springframework.web.bind.annotation.RestController;
import com.spring.dao.AmbulanceDAO;
import com.spring.dao.AmbulanceDAOImpl;
import com.spring.model.Ambulance;
@RestController
@RequestMapping("/Ambulance")
public class AmbulanceRestController {
    @Autowired
    private AmbulanceDAO ambulanceDAO;
    @RequestMapping(value = "/hello", method = RequestMethod.GET)
    public @ResponseBody String getAllUsers(ModelMap model) {
        String jsonData = "[{\"id\":\"3253123\",\"firstname\":\"Chris\",\"lastname\":\"Johnson\",\"address\":\"211, Geoffrey Drive\",\"city\":\"Newark\",\"phone\":\"999-888-6666\",\"email\":\"chrisj@yahoo.com\"},{\"id\":\"67643837\",\"firstname\":\"Bill\",\"lastname\":\"Derkson\",\"address\":\"201, Sleepy Hollow Drive\",\"city\":\"Newark\",\"phone\":\"999-777-2222\",\"email\":\"billd@gmail.com\"}]";
        return jsonData;
    }
    @RequestMapping(value = "/{id}")
    public @ResponseBody Ambulance getAmbulanceProviders(ModelMap model,
            @PathVariable("id") int Id) {
        String jsonData = null ;
        Ambulance ambulance = ambulanceDAO.getById(Id);
        ObjectMapper objmapper = new ObjectMapper();
        try {
             jsonData = objmapper.writeValueAsString(ambulance);
            //System.out.println(objmapper.writeValueAsString(ambulance));
        } catch (IOException e) {
            // TODO Auto-generated catch block
            e.printStackTrace();
        }
        return ambulance;
    }
Entity being returned 
package com.spring.model;
import org.codehaus.jackson.map.ObjectMapper;
public class Ambulance {
    private int ID;
    private String vehicleNumber;
    private String ambulanceType;
    private String ambulanceProviderName;
    /**
     * @return the iD
     */
    public int getID() {
        return ID;
    }
    /**
     * @param iD
     *            the iD to set
     */
    public void setID(int iD) {
        ID = iD;
    }
    /**
     * @return the vehicleNumber
     */
    public String getVehicleNumber() {
        return vehicleNumber;
    }
    /**
     * @param vehicleNumber
     *            the vehicleNumber to set
     */
    public void setVehicleNumber(String vehicleNumber) {
        this.vehicleNumber = vehicleNumber;
    }
    /**
     * @return the ambulanceType
     */
    public String getAmbulanceType() {
        return ambulanceType;
    }
    /**
     * @param ambulanceType
     *            the ambulanceType to set
     */
    public void setAmbulanceType(String ambulanceType) {
        this.ambulanceType = ambulanceType;
    }
    /**
     * @return the ambulanceProviderName
     */
    public String getAmbulanceProviderName() {
        return ambulanceProviderName;
    }
    /**
     * @param ambulanceProviderName
     *            the ambulanceProviderName to set
     */
    public void setAmbulanceProviderName(String ambulanceProviderName) {
        this.ambulanceProviderName = ambulanceProviderName;
    }
    @Override
    public String toString() {
        return "{ID="+ID+",AmbulanceProvderName="+ambulanceProviderName+",AmbulanceType="+ambulanceType+",VehicleNumber="+vehicleNumber+"}";
    }
}
    DAO Ambulance get by Id
    public Ambulance getById(int id) {
        // TODO Auto-generated method stub
        Ambulance ambulance = new Ambulance(); 
    /*  JdbcTemplate jdbcTemplate =  new JdbcTemplate();
        System.out.println(dataSource);
        jdbcTemplate.setDataSource(dataSource);*/
        System.out.println(jdbcTemplate.getDataSource());
        String sql = "SELECT * FROM AMBULANCE WHERE AMBULANCEID = ?";
        ambulance = (Ambulance)jdbcTemplate.queryForObject(sql,new Object[] { id }, new AmbulanceRowMapper());
        return ambulance;
    }
pom.xml
&amp;lt;project xmlns="http://maven.apache.org/POM/4.0.0" xmlns:xsi="http://www.w3.org/2001/XMLSchema-instance"
    xsi:schemaLocation="http://maven.apache.org/POM/4.0.0 http://maven.apache.org/xsd/maven-4.0.0.xsd"&amp;gt;
    &amp;lt;modelVersion&amp;gt;4.0.0&amp;lt;/modelVersion&amp;gt;
    &amp;lt;groupId&amp;gt;SpringWebAppRestServices&amp;lt;/groupId&amp;gt;
    &amp;lt;artifactId&amp;gt;SpringWebAppRestServices&amp;lt;/artifactId&amp;gt;
    &amp;lt;version&amp;gt;0.0.1-SNAPSHOT&amp;lt;/version&amp;gt;
    &amp;lt;packaging&amp;gt;war&amp;lt;/packaging&amp;gt;
    &amp;lt;dependencies&amp;gt;
        &amp;lt;dependency&amp;gt;
            &amp;lt;groupId&amp;gt;org.springframework&amp;lt;/groupId&amp;gt;
            &amp;lt;artifactId&amp;gt;spring-context&amp;lt;/artifactId&amp;gt;
            &amp;lt;version&amp;gt;4.1.1.RELEASE&amp;lt;/version&amp;gt;
        &amp;lt;/dependency&amp;gt;
        &amp;lt;dependency&amp;gt;
            &amp;lt;groupId&amp;gt;org.springframework&amp;lt;/groupId&amp;gt;
            &amp;lt;artifactId&amp;gt;spring-aop&amp;lt;/artifactId&amp;gt;
            &amp;lt;version&amp;gt;4.1.1.RELEASE&amp;lt;/version&amp;gt;
        &amp;lt;/dependency&amp;gt;
        &amp;lt;dependency&amp;gt;
            &amp;lt;groupId&amp;gt;org.springframework&amp;lt;/groupId&amp;gt;
            &amp;lt;artifactId&amp;gt;spring-webmvc&amp;lt;/artifactId&amp;gt;
            &amp;lt;version&amp;gt;4.1.1.RELEASE&amp;lt;/version&amp;gt;
        &amp;lt;/dependency&amp;gt;
        &amp;lt;dependency&amp;gt;
            &amp;lt;groupId&amp;gt;org.springframework&amp;lt;/groupId&amp;gt;
            &amp;lt;artifactId&amp;gt;spring-web&amp;lt;/artifactId&amp;gt;
            &amp;lt;version&amp;gt;4.1.1.RELEASE&amp;lt;/version&amp;gt;
        &amp;lt;/dependency&amp;gt;
&amp;lt;dependency&amp;gt;
    &amp;lt;groupId&amp;gt;com.fasterxml.jackson.core&amp;lt;/groupId&amp;gt;
    &amp;lt;artifactId&amp;gt;jackson-core&amp;lt;/artifactId&amp;gt;
    &amp;lt;version&amp;gt;2.5.0&amp;lt;/version&amp;gt;
&amp;lt;/dependency&amp;gt;
&amp;lt;dependency&amp;gt;
        &amp;lt;groupId&amp;gt;org.codehaus.jackson&amp;lt;/groupId&amp;gt;
        &amp;lt;artifactId&amp;gt;jackson-mapper-asl&amp;lt;/artifactId&amp;gt;
        &amp;lt;version&amp;gt;1.8.5&amp;lt;/version&amp;gt;
    &amp;lt;/dependency&amp;gt;
        &amp;lt;dependency&amp;gt;
            &amp;lt;groupId&amp;gt;javax.servlet&amp;lt;/groupId&amp;gt;
            &amp;lt;artifactId&amp;gt;jstl&amp;lt;/artifactId&amp;gt;
            &amp;lt;version&amp;gt;1.2&amp;lt;/version&amp;gt;
        &amp;lt;/dependency&amp;gt;
        &amp;lt;dependency&amp;gt;
            &amp;lt;groupId&amp;gt;org.springframework&amp;lt;/groupId&amp;gt;
            &amp;lt;artifactId&amp;gt;spring-jdbc&amp;lt;/artifactId&amp;gt;
            &amp;lt;version&amp;gt;4.1.1.RELEASE&amp;lt;/version&amp;gt;
        &amp;lt;/dependency&amp;gt;
        &amp;lt;dependency&amp;gt;
            &amp;lt;groupId&amp;gt;commons-logging&amp;lt;/groupId&amp;gt;
            &amp;lt;artifactId&amp;gt;commons-logging&amp;lt;/artifactId&amp;gt;
            &amp;lt;version&amp;gt;1.1.3&amp;lt;/version&amp;gt;
        &amp;lt;/dependency&amp;gt;
        &amp;lt;dependency&amp;gt;
            &amp;lt;groupId&amp;gt;org.springframework&amp;lt;/groupId&amp;gt;
            &amp;lt;artifactId&amp;gt;spring-beans&amp;lt;/artifactId&amp;gt;
            &amp;lt;version&amp;gt;4.1.4.RELEASE&amp;lt;/version&amp;gt;
        &amp;lt;/dependency&amp;gt;
    &amp;lt;/dependencies&amp;gt;
    &amp;lt;build&amp;gt;
        &amp;lt;sourceDirectory&amp;gt;src&amp;lt;/sourceDirectory&amp;gt;
        &amp;lt;plugins&amp;gt;
            &amp;lt;plugin&amp;gt;
                &amp;lt;artifactId&amp;gt;maven-compiler-plugin&amp;lt;/artifactId&amp;gt;
                &amp;lt;version&amp;gt;3.1&amp;lt;/version&amp;gt;
                &amp;lt;configuration&amp;gt;
                    &amp;lt;source&amp;gt;1.7&amp;lt;/source&amp;gt;
                    &amp;lt;target&amp;gt;1.7&amp;lt;/target&amp;gt;
                &amp;lt;/configuration&amp;gt;
            &amp;lt;/plugin&amp;gt;
            &amp;lt;plugin&amp;gt;
                &amp;lt;artifactId&amp;gt;maven-war-plugin&amp;lt;/artifactId&amp;gt;
                &amp;lt;version&amp;gt;2.4&amp;lt;/version&amp;gt;
                &amp;lt;configuration&amp;gt;
                    &amp;lt;warSourceDirectory&amp;gt;WebContent&amp;lt;/warSourceDirectory&amp;gt;
                    &amp;lt;failOnMissingWebXml&amp;gt;false&amp;lt;/failOnMissingWebXml&amp;gt;
                &amp;lt;/configuration&amp;gt;
            &amp;lt;/plugin&amp;gt;
        &amp;lt;/plugins&amp;gt;
    &amp;lt;/build&amp;gt;
&amp;lt;/project&amp;gt;
&lt;/code&gt;&lt;/pre&gt;</t>
  </si>
  <si>
    <t>2015-01-14 08:38:18.160000+00:00</t>
  </si>
  <si>
    <t>2015-01-15 14:29:48.583000+00:00</t>
  </si>
  <si>
    <t>2015-01-14 08:41:55.837000+00:00</t>
  </si>
  <si>
    <t>java|json|spring|spring-mvc</t>
  </si>
  <si>
    <t>Convert SQLite to JSON</t>
  </si>
  <si>
    <t>&lt;p&gt;Is there a way to convert sqlite to json? All other questions are parsing json and saving to sqlite. I can't seem to find any reference on this, please help me.&lt;/p&gt;
&lt;p&gt;I have a sqlite db inside the app and i need it to be converted to json, upgrade db version, parse earlier converted json and add another table. Any suggestions on how should I do this?&lt;/p&gt;
&lt;p&gt;Thanks in advance.&lt;/p&gt;</t>
  </si>
  <si>
    <t>2014-09-08 10:50:33.080000+00:00</t>
  </si>
  <si>
    <t>2018-11-09 18:13:47.987000+00:00</t>
  </si>
  <si>
    <t>android|android-sqlite|android-json</t>
  </si>
  <si>
    <t>Struggling with the Basics - Perl</t>
  </si>
  <si>
    <t>&lt;p&gt;I am struggling with Perl to write a basic parser and thought I'd turn to you folks for some assistance.&lt;/p&gt;
&lt;p&gt;The desired output is to filter through a large file as shown below and look for instances of 'License&amp;nbsp;&amp;nbsp;&amp;nbsp;&amp;nbsp;&amp;nbsp;&amp;nbsp;: Unknown' and write the IP address and hostname of the devices with Unknown Licenses separated by a comma.&lt;/p&gt;
&lt;p&gt;Expected Output:&lt;/p&gt;
&lt;pre&gt;&lt;code&gt;10.132.215.292,BOL03273D
&lt;/code&gt;&lt;/pre&gt;
&lt;p&gt;____DATA_____&lt;/p&gt;
&lt;pre&gt;&lt;code&gt;spawn ssh -p 22 -c 3des -x -l bitops 10.132.215.292
bitops@10.132.215.292's password: 
register system.core2
BOL03273D # 
BOL03273D # terminal length 0
Unknown action 0
BOL03273D # terminal width 132
Unknown action 0
BOL03273D #  c v
ambiguous command before 'v'
Command fail. Return code 1
BOL03273D # edit root
Unknown action 0
BOL03273D # get webfilter status
Locale       : english
License      : Unknown
Expiration   : N/A
-=- Server List (Wed Dec 16 17:01:31 2015) -=-
IP                  Weight    RTT Flags  TZ    Packets  Curr Lost Total Lost
96.45.33.65             30    358        -8        127          0         49
209.222.147.36           0    427        -5        124          0         51
209.222.147.43           8    447        -5        130          0         57
64.26.151.36            16    468        -5        132          0         59
66.117.56.42            27    458        -5        135          0         62
66.117.56.37            45    497        -5        143          0         71
64.26.151.35            65    527        -5        143          0         70
69.195.205.102          91    507        -5        155          0         83
64.26.151.37           107    538        -5        157          0         85
96.45.33.64            128    397        -8        152          0         79
69.195.205.101         138    550        -5        164          0         92
62.209.40.74           141    627         1        160          0         89
208.91.112.196         158    417 D      -8        211          0        137
80.85.69.41            190    588         0        168          0         96
62.209.40.73           196    657         1        167          0         95
80.85.69.40            203    617         0        169          0         97
80.85.69.37            206    577         0        168          0         95
80.85.69.38            228    647         0        172          0         99
208.91.112.198         258    487 DI     -8        316          0        240
62.209.40.72           297    677         1        184          0        112
121.111.236.180        306    607         9        175          0        103
BOL03273D # 
BOL03273D #exit
Connection to 10.132.215.292 closed.
10.132.215.272
spawn ssh -p 22 -c 3des -x -l bitops 10.132.215.272
bitops@10.132.215.272's password: 
register system.core2
BOL00093D # 
BOL00093D # terminal length 0
Unknown action 0
BOL00093D # terminal width 132
Unknown action 0
BOL00093D #  c v
ambiguous command before 'v'
Command fail. Return code 1
BOL00093D # edit root
Unknown action 0
BOL00093D # get webfilter status
Locale       : english
License      : Contract
Expiration   : Fri Jun 26 19:00:00 2020
-=- Server List (Wed Dec 16 17:03:11 2015) -=-
IP                  Weight    RTT Flags  TZ    Packets  Curr Lost Total Lost
96.45.33.65             30     37        -8      28851          0        651
209.222.147.43           0     88        -5      16130          0        791
64.26.151.35             0    172        -5      15977          0        584
66.117.56.42             0     89        -5      16382          0       1065
66.117.56.37             0     89        -5      16382          0       1063
64.26.151.37             0    177        -5      15972          0        592
209.222.147.36           0     90        -5      16144          0        806
64.26.151.36             0    176        -5      15956          0        589
69.195.205.101           0    107        -5      16512          0       1150
69.195.205.102           0    107        -5      16470          0       1109
96.45.33.64             30     43        -8      27827          0        676
208.91.112.196          30     63 DI     -8      16687          0       1140
208.91.112.198          30    263 D      -8      17476          0       2089
80.85.69.38             50    167         0      15964          0        605
80.85.69.37             50    167         0      15961          0        602
80.85.69.41             50    168         0      15959          0        600
80.85.69.40             50    167         0      15980          0        621
62.209.40.73            60    198         1      16249          0        928
62.209.40.74            60    197         1      16278          0        959
62.209.40.72            60    197         1      16246          0        925
121.111.236.180        140    151         9      16147          0        786
121.111.236.179        140    160         9      16140          0        779
BOL00093D # 
BOL00093D #exit
Connection to 10.132.215.272 closed.
10.106.209.231
&lt;/code&gt;&lt;/pre&gt;
&lt;p&gt;Current Code --&lt;/p&gt;
&lt;pre&gt;&lt;code&gt;$infile='final.log';
$outfile='License_Unknown.txt';
open(INPUT, $infile);
@data = &amp;lt;INPUT&amp;gt;;
close(INPUT);
open(OUTPUT, "&amp;gt;$outfile");
$siteid="";
$licensestate="";
$mgmtip="";
for ($i=0; $i &amp;lt;= $#data; ++$i)
{
   if ($data[$i] =~ /hntools/)
   {
    @line=split(/@/,$data[0])
    @sameline=split(/'/,$data[0])
    $mgmtip=$sameline[1];
    print OUTPUT "\n$mgmtip,";
   }
   if (($line[i] =~ /License      : Unknown/))
   {
        $siteid=$line[0];
        print OUTPUT " $siteid, ";
    }
    chomp $line[2];
}
close(OUTPUT);
&lt;/code&gt;&lt;/pre&gt;</t>
  </si>
  <si>
    <t>2015-12-21 11:59:56.657000+00:00</t>
  </si>
  <si>
    <t>2015-12-21 19:27:13.997000+00:00</t>
  </si>
  <si>
    <t>2015-12-21 15:48:38.747000+00:00</t>
  </si>
  <si>
    <t>linux|perl</t>
  </si>
  <si>
    <t>How to calculate no of days spent per month from the data in MS Excel?</t>
  </si>
  <si>
    <t>&lt;p&gt;I have a data which has a hotel check in date and check out date. I would be calculating the number of days spent at the hotel, I would simply subtract both of them and I have the days difference.&lt;/p&gt;
&lt;p&gt;I now have to pick up the customers who stayed for more than 31 days and find out how many days they had spent per month. For example, some one checking in on 18th July 2015 and checked out on 18th September 2015, there should be multiple columns, corresponding to that cust which reads 13 31 18, for days spent per month. (July, Aug, Sept)&lt;/p&gt;
&lt;p&gt;Example data and sample output :&lt;/p&gt;
&lt;pre&gt;&lt;code&gt;Client           Check In    Check Out  
Majestica Inn    22-May-15   22-Jun-15  31   9  22
Twin Tree        29-May-15   30-Jun-15  32   2  31
Connaught Mews   1-Jun-15    31-Jul-15  60  29  31
Majestica Inn    18-Jul-15   18-Sep-15  62  13  31 18
Majestica Inn    18-Jul-15   18-Sep-15  62  13  31 18
&lt;/code&gt;&lt;/pre&gt;
&lt;p&gt;I am new to Excel, please help.&lt;/p&gt;</t>
  </si>
  <si>
    <t>2016-07-02 13:18:50.160000+00:00</t>
  </si>
  <si>
    <t>2016-07-03 06:09:54.143000+00:00</t>
  </si>
  <si>
    <t>AngularJS filter as selector from array</t>
  </si>
  <si>
    <t>&lt;p&gt;I'm having two array in my scope: employees and cars. Every employee has a carId which matches a car out of the cars-array.&lt;/p&gt;
&lt;p&gt;Employee looks like &lt;/p&gt;
&lt;pre&gt;&lt;code&gt;[{'id': 1, 'name': 'John', 'carId': 1}]
&lt;/code&gt;&lt;/pre&gt;
&lt;p&gt;Car like&lt;/p&gt;
&lt;pre&gt;&lt;code&gt;[{'id': 1, 'color': 'red'}]
&lt;/code&gt;&lt;/pre&gt;
&lt;p&gt;Now I have an ng-repeat and would like to output the color of the car directly with an filter:&lt;/p&gt;
&lt;pre&gt;&lt;code&gt;{{ employee.carId | selectFromCars:$scope.cars }}
&lt;/code&gt;&lt;/pre&gt;
&lt;p&gt;I don't know how to get access to the cars array inside the filter. Is this even possible or should I inject the car into the employee after loading and then just use following?&lt;/p&gt;
&lt;pre&gt;&lt;code&gt;{{ employee.car.color }}
&lt;/code&gt;&lt;/pre&gt;</t>
  </si>
  <si>
    <t>2017-03-09 01:25:25.283000+00:00</t>
  </si>
  <si>
    <t>2017-03-09 03:10:53.837000+00:00</t>
  </si>
  <si>
    <t>javascript|angularjs|angularjs-filter</t>
  </si>
  <si>
    <t>How can I fix GradientDrawable cannot be cast to ColorDrawable issue?</t>
  </si>
  <si>
    <t>&lt;p&gt;I have a code snippet to show you below and I am trying to change view's(v) background. I'll get color code from a &lt;code&gt;TextView&lt;/code&gt;(dragged) and change &lt;code&gt;View&lt;/code&gt;(v)'s background by using this code. But I get an error as indicate above. How can I fix it? Where is the problem? Thanks.&lt;/p&gt;
&lt;pre&gt;&lt;code&gt;ColorDrawable cd = (ColorDrawable)dragged.getBackground();
    int colorCode = cd.getColor();
    v.setBackgroundColor(colorCode);
&lt;/code&gt;&lt;/pre&gt;</t>
  </si>
  <si>
    <t>2014-02-19 12:06:33.530000+00:00</t>
  </si>
  <si>
    <t>2016-05-17 06:58:19.933000+00:00</t>
  </si>
  <si>
    <t>android|android-background|colordrawable</t>
  </si>
  <si>
    <t>To identify different between oracle Java Hotspot JVM and JDK which can be downloaded from Oracle website</t>
  </si>
  <si>
    <t>&lt;p&gt;Is Oracle Hotspot JVM is same as what we can download from &lt;a href="http://www.oracle.com/technetwork/java/javase/downloads/jdk7-downloads-1880260.html" rel="nofollow"&gt;http://www.oracle.com/technetwork/java/javase/downloads/jdk7-downloads-1880260.html&lt;/a&gt; ? 
If not from where we can downlaod Java Hotspot JVM.&lt;/p&gt;</t>
  </si>
  <si>
    <t>2015-05-07 03:14:57.390000+00:00</t>
  </si>
  <si>
    <t>2015-05-07 04:03:12.123000+00:00</t>
  </si>
  <si>
    <t>java|jvm-hotspot</t>
  </si>
  <si>
    <t>setting bits of a byte in C</t>
  </si>
  <si>
    <t>&lt;p&gt;Im try to set the bits of a byte , based on this function signature&lt;/p&gt;
&lt;pre&gt;&lt;code&gt;int setbits(int old_value, int position, int width, int set_value) 
&lt;/code&gt;&lt;/pre&gt;
&lt;p&gt;what am I doing wrong, because it keeps returning 0. &lt;/p&gt;
&lt;pre&gt;&lt;code&gt;#include "stdafx.h"
int setbits(int old_value, int position, int width, int set_value);
int      _tmain(int argc, _TCHAR* argv[])
{
//for example turn hex 0xA (10 base 2) into ( 8 base 2) 
    int old_value = 0xA; 
    int position = 2; 
    int width = 4; 
    int set_value = 0; 
    printf("setbits, old_value %x, position %i, width %i, set_value %x, output %x",old_value,7,width,set_value,0);
    getchar();
}
//position - is the least significant bit of the old_value you wish to change
//old_value - is the value before you start changing it
//width - is the width in bits of the value you want to change (old_value width).
//set_value - is the value you want to use to modify the bits
int setbits(int old_value, int position, int width, int set_value)
{
    int mask = 0x1; 
    int return_val = 0x0; 
    if (0 &amp;lt; position &amp;lt;= width)  
    {
        //initialize mask 
        int c=0;
        for (c; c&amp;lt;width ; c++)
        {
        mask = mask &amp;lt;&amp;lt; 1; 
        }
        printf("ini mask %x \n",mask);
        //shift into position the set_value (aka state)
        mask = mask &amp;gt;&amp;gt; position; 
        printf("shifted mask %x \n",mask);
        //if state is 1 
        if (set_value)
        {
            return_val = mask |  old_value; 
        }
        else
        {
            return_val = (~mask) &amp;amp; old_value; 
        }
    }
    else
    {
        printf("setbits(), position is out of range, position : %x, width : %x", position, width); 
    }
    return return_val; 
}
&lt;/code&gt;&lt;/pre&gt;</t>
  </si>
  <si>
    <t>2016-02-08 07:10:57.810000+00:00</t>
  </si>
  <si>
    <t>2016-02-08 12:14:31.443000+00:00</t>
  </si>
  <si>
    <t>2016-02-08 08:34:40.510000+00:00</t>
  </si>
  <si>
    <t>c|bit-manipulation|bit</t>
  </si>
  <si>
    <t>how to arrange columns in telerik grid in given custom style</t>
  </si>
  <si>
    <t>&lt;p&gt;When I click on ADD New button in Telerik Grid then I have to show the columns of the Grid as shown in the below image with boxes within a panel.&lt;/p&gt;
&lt;p&gt;Please suggest me how can proceed&lt;/p&gt;
&lt;p&gt;&lt;img src="https://i.stack.imgur.com/b2T9n.png" alt="enter image description here"&gt;&lt;/p&gt;
&lt;p&gt;Also Are these called legend style&lt;/p&gt;
&lt;p&gt;Thanks&lt;/p&gt;</t>
  </si>
  <si>
    <t>2013-02-27 13:02:02.843000+00:00</t>
  </si>
  <si>
    <t>2013-02-27 13:52:16.333000+00:00</t>
  </si>
  <si>
    <t>asp.net|telerik-grid|legend</t>
  </si>
  <si>
    <t>Print Multiple Images using Processstartinfo.verb="print" command</t>
  </si>
  <si>
    <t>&lt;p&gt;i want to print all the images in a folder by using Processstartinfo.verb="print" command&lt;/p&gt;
&lt;p&gt;i have the code to print single image like this&lt;/p&gt;
&lt;pre&gt;&lt;code&gt;dim psinfo as new processstartinfo
psinfo.verb="print"
psinfo.createnowindow=false
psinfo.filename="d:/imgfolder/0001.jpg"
process.start(psinfo)
&lt;/code&gt;&lt;/pre&gt;
&lt;p&gt;but i want to print more images at a time by using this command.
in Folder if i select all images(Ctrl+A) and then RightClick and then print. then this is working fine and printing all images. in the same way i want to print images using vb.net
if Anyone know how to do this please reply....&lt;/p&gt;</t>
  </si>
  <si>
    <t>2014-04-23 04:41:26.507000+00:00</t>
  </si>
  <si>
    <t>2014-04-23 09:02:21.677000+00:00</t>
  </si>
  <si>
    <t>vb.net|printing</t>
  </si>
  <si>
    <t>ASP.Net ec2 + s3</t>
  </si>
  <si>
    <t>&lt;p&gt;I am wondering what's the best way to setup s3 storage for an ec2 instance running windows/IIS/Asp.Net website?&lt;/p&gt;
&lt;p&gt;Currently, the website makes web service calls and caches the result to the file system. These cached files will then be used a few times.&lt;/p&gt;
&lt;p&gt;Finally an output (movie) file will be generated. This file will need to be stored on S3.&lt;/p&gt;
&lt;p&gt;Currently, all I know how to setup is to make a AWS api call to the S3 and store the movie file.&lt;/p&gt;
&lt;p&gt;But I heard there's a way to mount S3 as a partition on AWS, but it seems to be linux only?&lt;/p&gt;
&lt;p&gt;Thanks in advance for the help.&lt;/p&gt;</t>
  </si>
  <si>
    <t>2010-12-22 01:54:21.887000+00:00</t>
  </si>
  <si>
    <t>2010-12-22 04:21:07.760000+00:00</t>
  </si>
  <si>
    <t>.net|amazon-s3|amazon-ec2</t>
  </si>
  <si>
    <t>Hugo Server not rebuilding on file changes</t>
  </si>
  <si>
    <t>&lt;p&gt;I have a project which is having a folder size of around 1.6 GB. When I try to build the project by running (on ubuntu server with 8GB memory),&lt;/p&gt;
&lt;p&gt;hugo server --bind=0.0.0.0&lt;/p&gt;
&lt;p&gt;Watching for changes in /root/hugo/{content,layouts,static}
Watching for config changes in /root/hugo/config.toml
Serving pages from memory
Running in Fast Render Mode. For full rebuilds on change: hugo server --disableFastRender
Web Server is available at &lt;a href="http://localhost:1313/" rel="nofollow noreferrer"&gt;http://localhost:1313/&lt;/a&gt; (bind address 0.0.0.0)
Press Ctrl+C to stop&lt;/p&gt;
&lt;p&gt;It will take around 20 minutes and 7 GB of ram to start and after that If I change a file (ex: index.md in content folder), It is not rebuilding..&lt;/p&gt;
&lt;p&gt;On the same server, If I tried building a sample project and changes the file, It show..&lt;/p&gt;
&lt;p&gt;Change detected, rebuilding site ..&lt;/p&gt;
&lt;p&gt;What may be the reason? Is it because of the huge memory consumption?&lt;/p&gt;
&lt;p&gt;Thanks /-&lt;/p&gt;</t>
  </si>
  <si>
    <t>2018-08-02 07:47:37.163000+00:00</t>
  </si>
  <si>
    <t>2018-08-02 14:55:33.577000+00:00</t>
  </si>
  <si>
    <t>ubuntu-16.04|hugo</t>
  </si>
  <si>
    <t>removing tags from dialogue box</t>
  </si>
  <si>
    <t>&lt;p&gt;I am having trouble removing the SSP and /SSP tags from the output of my code which appears in a dialogue box that i am outputting to. &lt;/p&gt;
&lt;p&gt;I have tried a few different methods to removing the tags but cant seem to Please can you advise how to amend the code below so that i these tags can be removed. I am pretty new to Java.&lt;/p&gt;
&lt;pre&gt;&lt;code&gt;/*
 * To change this license header, choose License Headers in Project Properties.
 * To change this template file, choose Tools | Templates
 * and open the template in the editor.
 */
package simpledialogbox;
import javax.swing.JOptionPane;
import java.io.IOException;
import java.util.logging.*;
import org.jsoup.*;
import org.jsoup.nodes.*;
import org.jsoup.select.*;
public class SimpleDialogBox {
    /**
     * @param args the command line arguments
     */
    public static void main(String[] args) {
        // TODO code application logic here
        try {
        String url = "http://bmreports.com/bsp/additional/soapfunctions.php?element=SYSPRICE&amp;amp;dT=NRT";
        Document doc = Jsoup.connect(url).get();
         Elements SSPparagraphs;
  SSPparagraphs = doc.select("SSP");  
  //paragraphs = doc.select("SBP");
  System.out.println(SSPparagraphs.text());
       (Element SSPparagraphs : paragraphs)
      JOptionPane.showMessageDialog(
        null, SSPparagraphs, "Cashout Prices", JOptionPane.PLAIN_MESSAGE);
        System.exit(0);
    }   
        catch (IOException ex) {
  Logger.getLogger(SimpleDialogBox.class.getName())
        .log(Level.SEVERE, null, ex);
   }
}
} 
&lt;/code&gt;&lt;/pre&gt;</t>
  </si>
  <si>
    <t>2014-10-04 15:40:56.643000+00:00</t>
  </si>
  <si>
    <t>2014-10-04 21:51:19.260000+00:00</t>
  </si>
  <si>
    <t>2014-10-04 20:37:35.703000+00:00</t>
  </si>
  <si>
    <t>Editable Combobox not updating when empty</t>
  </si>
  <si>
    <t>&lt;p&gt;I have an editable combobox here:&lt;/p&gt;
&lt;pre&gt;&lt;code&gt;            &amp;lt;ComboBox IsEditable="True"
                  Text="{Binding Model.TNumber}" SelectedItem="{Binding SelectedT}"  ItemsSource="{Binding TList}"  
                  IsEnabled="{Binding EnableTComboBox}"/&amp;gt;
&lt;/code&gt;&lt;/pre&gt;
&lt;p&gt;The combobox works, except when you backspace it and have it empty.&lt;br&gt;The box will default to the first value in the list. &lt;br&gt;If I backspace it and leave the combobox empty, the variable TNumber will still contain the previously entered number.&lt;br&gt;
Is there a way to have the variable to be empty?&lt;br&gt;
TNumber is a short.&lt;/p&gt;</t>
  </si>
  <si>
    <t>2017-02-23 19:05:26.580000+00:00</t>
  </si>
  <si>
    <t>2017-02-23 20:05:18.330000+00:00</t>
  </si>
  <si>
    <t>c#|wpf|visual-studio|data-binding|combobox</t>
  </si>
  <si>
    <t>Set my paragrpah to be write right to left</t>
  </si>
  <si>
    <t>&lt;p&gt;I create a word document the &lt;a href="http://docx.codeplex.com/" rel="nofollow"&gt;DocX project&lt;/a&gt;.&lt;/p&gt;
&lt;p&gt;I need to set my paragrpah right-to-left but I don't know what should I do?&lt;/p&gt;
&lt;pre&gt;&lt;code&gt;string fileName = @"D:\Users\John\Documents\DocXExample.docx";
// Create a document in memory:
var doc = DocX.Create(fileName);
// Insert a paragrpah:
doc.InsertParagraph("This is my first paragraph");
// Save to the output directory:
doc.Save();
// Open in Word:
Process.Start("WINWORD.EXE", fileName);
&lt;/code&gt;&lt;/pre&gt;</t>
  </si>
  <si>
    <t>2013-11-24 12:03:38.423000+00:00</t>
  </si>
  <si>
    <t>2013-11-24 12:18:30.417000+00:00</t>
  </si>
  <si>
    <t>2013-11-24 12:10:23.623000+00:00</t>
  </si>
  <si>
    <t>user2796487</t>
  </si>
  <si>
    <t>c#|novacode-docx</t>
  </si>
  <si>
    <t>validate username and password in java and ms access</t>
  </si>
  <si>
    <t>&lt;pre&gt;&lt;code&gt;import java.sql.*;
import java.util.*;
class Check {
    public static void main(String[] args)               
    {
        try   
        {
            String username;
            String password;
            System.out.println("Enter username and password");
            Scanner s=new Scanner(System.in);
            username=s.next();
            password=s.next();
            Class.forName("sun.jdbc.odbc.JdbcOdbcDriver"); 
            Connection con=DriverManager.getConnection("jdbc:odbc:logindetails");
            PreparedStatement stm=con.prepareStatement("select*from login where username=?and password=?"); 
            stm.setString(1,username); 
            stm.setString(2,password);
            int result=stm.executeUpdate();
            if (result==1)
            {
                System.out.println("login success"); 
            }      
            else
            {
                System.out.println("login failed");
            }
            con.close();
        } 
        catch (Exception e)
        {
            System.out.println(e.getMessage());
        } 
    }
}
&lt;/code&gt;&lt;/pre&gt;</t>
  </si>
  <si>
    <t>2016-04-10 13:28:53.617000+00:00</t>
  </si>
  <si>
    <t>2016-04-10 15:56:37.040000+00:00</t>
  </si>
  <si>
    <t>2016-04-10 13:29:47.390000+00:00</t>
  </si>
  <si>
    <t>java|database|ms-access|database-connection|jdbc-odbc</t>
  </si>
  <si>
    <t>CQRS Examples and Screencasts</t>
  </si>
  <si>
    <t>&lt;p&gt;I'm looking for some in depth end-to-end CQRS examples with a reasonable set of unit tests.&lt;/p&gt;
&lt;p&gt;Also, if anyone knows of some CQRS screencasts as well it would be extremely handy.&lt;/p&gt;
&lt;p&gt;I'm already aware of these examples&lt;/p&gt;
&lt;ul&gt;
&lt;li&gt;&lt;a href="http://dddcqrs.com/examples/"&gt;CQRS Info&lt;/a&gt;&lt;/li&gt;
&lt;li&gt;&lt;a href="http://codebetter.com/gregyoung/2010/08/31/super-simple-cqrs-example/"&gt;Super Simple CQRS&lt;/a&gt;&lt;/li&gt;
&lt;/ul&gt;</t>
  </si>
  <si>
    <t>2011-02-18 15:59:20.267000+00:00</t>
  </si>
  <si>
    <t>2014-08-26 06:53:03.897000+00:00</t>
  </si>
  <si>
    <t>2011-11-13 00:22:52.137000+00:00</t>
  </si>
  <si>
    <t>c#|design-patterns|frameworks|domain-driven-design|cqrs</t>
  </si>
  <si>
    <t>Get AVAudioPlayer delegate audioPlayerDidFinishPlaying when app was in background</t>
  </si>
  <si>
    <t>&lt;p&gt;I have an app playing a list of .m4a&lt;/p&gt;
&lt;p&gt;I'm using this function to get audio playing event when the app was minimised:&lt;/p&gt;
&lt;pre&gt;&lt;code&gt;    AVAudioSession.sharedInstance().setCategory(AVAudioSessionCategoryPlayback, error: nil)
&lt;/code&gt;&lt;/pre&gt;
&lt;p&gt;The problem are that when one audio was finish, the AVAudioPlayer delegate function(audioPlayerDidFinishPlaying, etc) was not received by the app (probably because in background). (it work perfectly when app was not in background)&lt;/p&gt;
&lt;p&gt;How can I get the next audio to play even in background?&lt;/p&gt;
&lt;p&gt;Thanks!&lt;/p&gt;</t>
  </si>
  <si>
    <t>2015-08-19 19:59:48.203000+00:00</t>
  </si>
  <si>
    <t>ios|objective-c|avaudioplayer|avaudiosession</t>
  </si>
  <si>
    <t>how to have 2 elements next to each other in a nav bar?</t>
  </si>
  <si>
    <t>&lt;p&gt;I have done a lot of looking around and cant quite mine to work, i was hoping with my specific code people would be able to help.
here is the html:&lt;/p&gt;
&lt;pre&gt;&lt;code&gt;&amp;lt;body&amp;gt;
&amp;lt;!-- &amp;lt;h3&amp;gt; Website Title &amp;lt;/h3&amp;gt; --&amp;gt;
&amp;lt;ul id="navigationBarList"&amp;gt;
  &amp;lt;li&amp;gt;&amp;lt;a href="#About"&amp;gt;About&amp;lt;/a&amp;gt;&amp;lt;/li&amp;gt;
  &amp;lt;li&amp;gt;&amp;lt;a href="#Bookings"&amp;gt;Bookings&amp;lt;/a&amp;gt;&amp;lt;/li&amp;gt;
  &amp;lt;li&amp;gt;&amp;lt;a href="#Blog"&amp;gt;Blog&amp;lt;/a&amp;gt;&amp;lt;/li&amp;gt;
  &amp;lt;li&amp;gt;&amp;lt;a href="#Pricing"&amp;gt;Pricing&amp;lt;/a&amp;gt;&amp;lt;/li&amp;gt;
&amp;lt;/ul&amp;gt;
&amp;lt;div id="element2"&amp;gt; Sign in &amp;lt;/div&amp;gt;
&amp;lt;/body&amp;gt;
&lt;/code&gt;&lt;/pre&gt;
&lt;p&gt;and here is the css:&lt;/p&gt;
&lt;pre&gt;&lt;code&gt;#navigationBarList{
    display: inline-block;
    margin: 0;
    margin-right: 10px;
    padding: 10px;
    background-color: black;    
    font-size: 25px;
    color: red;
    width: 100%;
}
#navigationBarList li{
    display: inline;
    width: 100px;
    margin-right: 20px;
}
#element2{
    display: inline;
    width: 100px;
    background-color: red;
}
&lt;/code&gt;&lt;/pre&gt;
&lt;p&gt;and simply i want the sign in link to be on the same line as the list items. (the reason i have not included it in the list is that i want the list to have equal space in between each element and then a wider gap with the sign in button shoved to the right of the screen but could not work it out so figured i should separate them)&lt;/p&gt;
&lt;p&gt;so far this code is just shoving it underneath&lt;/p&gt;</t>
  </si>
  <si>
    <t>2015-01-06 17:12:24.490000+00:00</t>
  </si>
  <si>
    <t>2015-01-06 17:42:05.740000+00:00</t>
  </si>
  <si>
    <t>Sequelize Case Sensitive Query -- Using BINARY</t>
  </si>
  <si>
    <t>&lt;p&gt;&lt;strong&gt;this is my query in mysql&lt;/strong&gt;&lt;/p&gt;
&lt;p&gt;i want to use this query in sequelize orm&lt;/p&gt;
&lt;pre&gt;&lt;code&gt; SELECT
        `uid`,
        `username`
    FROM
        `users` AS `users`
    WHERE
        BINARY 
        `users`.`username` IN ('hammad', 'sAad')
    AND `users`.`status` = 'ACTIVE'
    ORDER BY
        FIELD(
            `username`,
            'hammad',
            'saad.ahmed'
        )
    LIMIT 20;
&lt;/code&gt;&lt;/pre&gt;
&lt;p&gt;&lt;strong&gt;I want sequelize query&lt;/strong&gt;&lt;/p&gt;</t>
  </si>
  <si>
    <t>2018-05-07 12:03:54.063000+00:00</t>
  </si>
  <si>
    <t>2018-05-08 07:58:23.653000+00:00</t>
  </si>
  <si>
    <t>mysql|node.js|sequelize.js</t>
  </si>
  <si>
    <t>Python HTTP server giving error some time after</t>
  </si>
  <si>
    <t>&lt;p&gt;I coded a Python HTTP server as below and I run the server from the directory which this python file exist. I am typing "python myserver.py" in the cmd and server succesfully starts and reads the index.html in the directory but my problem is after some time my code gives the following error and closes the server &lt;/p&gt;
&lt;p&gt;Traceback (most recent call last):
  File "myserver.py", line 20, in 
    requesting_file = string_list[1]
IndexError: list index out of range&lt;/p&gt;
&lt;p&gt;How can I fix this problem ?&lt;/p&gt;
&lt;pre&gt;&lt;code&gt;import socket
HOST,PORT = '127.0.0.1',8082
my_socket = socket.socket(socket.AF_INET,socket.SOCK_STREAM)
my_socket.setsockopt(socket.SOL_SOCKET,socket.SO_REUSEADDR,1)
my_socket.bind((HOST,PORT))
my_socket.listen(1)
print('Serving on port ',PORT)
while True:
    connection,address = my_socket.accept()
    request = connection.recv(1024).decode('utf-8')
    string_list = request.split(' ')     # Split request from spaces
    print (request)
    method = string_list[0]
    requesting_file = string_list[1]
    print('Client request ',requesting_file)
    myfile = requesting_file.split('?')[0] # After the "?" symbol not relevent here
    myfile = myfile.lstrip('/')
    if(myfile == ''):
        myfile = 'index.html'    # Load index file as default
    try:
        file = open(myfile,'rb') # open file , r =&amp;gt; read , b =&amp;gt; byte format
        response = file.read()
        file.close()
        header = 'HTTP/1.1 200 OK\n'
        if(myfile.endswith(".jpg")):
            mimetype = 'image/jpg'
        elif(myfile.endswith(".css")):
            mimetype = 'text/css'
        else:
            mimetype = 'text/html'
        header += 'Content-Type: '+str(mimetype)+'\n\n'
    except Exception as e:
        header = 'HTTP/1.1 404 Not Found\n\n'
        response = '&amp;lt;html&amp;gt;&amp;lt;body&amp;gt;&amp;lt;center&amp;gt;&amp;lt;h3&amp;gt;Error 404: File not found&amp;lt;/h3&amp;gt;&amp;lt;p&amp;gt;Python HTTP Server&amp;lt;/p&amp;gt;&amp;lt;/center&amp;gt;&amp;lt;/body&amp;gt;&amp;lt;/html&amp;gt;'.encode('utf-8')
    final_response = header.encode('utf-8')
    final_response += response
    connection.send(final_response)
    connection.close()
&lt;/code&gt;&lt;/pre&gt;
&lt;hr&gt;</t>
  </si>
  <si>
    <t>2017-11-19 11:43:54.027000+00:00</t>
  </si>
  <si>
    <t>2017-11-19 13:27:48.510000+00:00</t>
  </si>
  <si>
    <t>2017-11-19 11:47:43.267000+00:00</t>
  </si>
  <si>
    <t>python|python-3.x|sockets|http|tcp</t>
  </si>
  <si>
    <t>Java: Save to a file online</t>
  </si>
  <si>
    <t>&lt;p&gt;Currently, I have this:&lt;/p&gt;
&lt;pre&gt;&lt;code&gt;String URL = "//Somewhere in my computer";
PrintWriter list = new PrintWriter(new FileWriter(URL, true));
&lt;/code&gt;&lt;/pre&gt;
&lt;p&gt;Is it possible to write to an online site that has document? For example, there are sites where you only need the URL of the site to write in that document. Is it possible to read and edit such from an java program?&lt;/p&gt;
&lt;p&gt;This is what I did for a TitanPad Service:&lt;/p&gt;
&lt;pre&gt;&lt;code&gt;String someText = "Here goes magical text";
    URL url = null;
    try {
        url = new URL("https://titanpad.com/3VBeN3Xo31");
    } catch (MalformedURLException e) {
        e.printStackTrace();
    }
    URLConnection connection = null;
    try {
        connection = url.openConnection();
    } catch (IOException e) {
        e.printStackTrace();
    }
    connection.setDoOutput(true);
    OutputStream outStream = null;
    try {
        outStream = connection.getOutputStream();
    } catch (IOException e) {
        // TODO Auto-generated catch block
        e.printStackTrace();
    }
    try {
        outStream.write(someText.getBytes(Charset.forName("UTF-8")));
    } catch (IOException e) {
        // TODO Auto-generated catch block
        e.printStackTrace();
    } 
    try {
        outStream.close();
    } catch (IOException e) {
        // TODO Auto-generated catch block
        e.printStackTrace();
&lt;/code&gt;&lt;/pre&gt;</t>
  </si>
  <si>
    <t>2015-10-30 08:43:34.713000+00:00</t>
  </si>
  <si>
    <t>2015-10-30 09:22:14.350000+00:00</t>
  </si>
  <si>
    <t>2015-10-30 09:18:22.883000+00:00</t>
  </si>
  <si>
    <t>java|writetofile</t>
  </si>
  <si>
    <t>Event Sourcing SQL Server Delete</t>
  </si>
  <si>
    <t>&lt;p&gt;We utilize Event Sourcing in Microsoft SQL Server 2016 Enterprise. After three years, we would like to delete data from Write and Read model. Company is requesting this for privacy and compliance reason.&lt;/p&gt;
&lt;ul&gt;
&lt;li&gt;The Write model Event Store is a column of type &lt;code&gt;varbinary&lt;/code&gt; &lt;/li&gt;
&lt;li&gt;The Read model is an Inmon OLTP like relational database&lt;/li&gt;
&lt;/ul&gt;
&lt;p&gt;We want to delete by year of customer order date. (eg current year is 2018, any 2015 or below).   &lt;/p&gt;
&lt;p&gt;I believe the Write Event Store is immutable; insert only, cannot be deleted. Its also be needed to replay events (or we can also utilize ES snapshots).&lt;/p&gt;
&lt;p&gt;Is Deleting in Event Sourcing event allowed, with the Immutable Write Event Store rule? What is the correct rule of deletion in MSSQL?&lt;/p&gt;
&lt;p&gt;Certain topics: &lt;/p&gt;
&lt;p&gt;(a) Customers can return after a year, and we only collect incremental data. So we may need to retain some eventstore data. 3 year rule can become 4&lt;/p&gt;
&lt;p&gt;(b) Additionally, we delete by year of Order dates (which are different from Etlcreatedate and Etlupdatedates)&lt;/p&gt;</t>
  </si>
  <si>
    <t>2018-01-09 07:25:17.877000+00:00</t>
  </si>
  <si>
    <t>2018-07-19 12:16:00.047000+00:00</t>
  </si>
  <si>
    <t>sql-server|database|cqrs|event-sourcing</t>
  </si>
  <si>
    <t>AWS S3 trouble with anchor in filename #</t>
  </si>
  <si>
    <t>&lt;p&gt;I have some filenames stored with the # symbol. If I send a GET request to retrieve them I am running into problems as I believe GET requests are cut off at anchors within the path?&lt;/p&gt;
&lt;p&gt;ex:&lt;/p&gt;
&lt;pre&gt;&lt;code&gt;s3.amazonaws.com/path/to/my_file.jpg
&lt;/code&gt;&lt;/pre&gt;
&lt;p&gt;vs: my browser stops looking at the #&lt;/p&gt;
&lt;pre&gt;&lt;code&gt;s3.amazonaws.com/path/to/my_other_#file.jpg
&lt;/code&gt;&lt;/pre&gt;
&lt;p&gt;is there a way to retrieve the file or will I have to change filenames so they do not contain #'s?&lt;/p&gt;</t>
  </si>
  <si>
    <t>2018-08-13 17:57:05.860000+00:00</t>
  </si>
  <si>
    <t>2018-08-13 18:11:38.887000+00:00</t>
  </si>
  <si>
    <t>amazon-web-services|amazon-s3</t>
  </si>
  <si>
    <t>How to make complexType empty or with no more than 100 values?</t>
  </si>
  <si>
    <t>&lt;p&gt;Once again I could use your help, with XML Schema this time...
This is the exercise I have to do:&lt;/p&gt;
&lt;p&gt;Define an XML Schema which describes an hotel.&lt;/p&gt;
&lt;pre&gt;&lt;code&gt;Document's root is "hotel" element and it has following other elements:
1)name &amp;lt;hotel's name type:string&amp;gt;
2)rooms &amp;lt;list of "type" elements, which can be empty but with not more  
         than 100 elements of type RoomType which contain: 
                1)type &amp;lt;room's type, it's value is one of {single, double,triple}&amp;gt;
                2)number &amp;lt;number of rooms of specified type in the hotel&amp;gt;
3)forSmokers&amp;lt;optional element, number of rooms where smokers are allowed&amp;gt;
&lt;/code&gt;&lt;/pre&gt;
&lt;p&gt;This is my code:&lt;/p&gt;
&lt;pre&gt;&lt;code&gt;&amp;lt;?xml version = "1.0"?&amp;gt;
&amp;lt;xs:schema version="1.0"
           xmlns:xs="http://www.w3.org/2001/XMLSchema"
           elementFormDefault="qualified"&amp;gt;
    &amp;lt;xs:element name = "hotel"&amp;gt;
        &amp;lt;xs:complexType&amp;gt;
            &amp;lt;xs:sequence&amp;gt;
                &amp;lt;xs:element name = "name" type = "xs:string"/&amp;gt;
                &amp;lt;xs:element name = "rooms" type = "roomType"/&amp;gt;
                &amp;lt;xs:element name = "forSmokers" type = "xs:positiveInteger"/&amp;gt;
            &amp;lt;/xs:sequence&amp;gt;
        &amp;lt;/xs:complexType&amp;gt;
    &amp;lt;/xs:element&amp;gt;
        &amp;lt;xs:complexType name = "roomType"&amp;gt;
            &amp;lt;xs:sequence&amp;gt;
                &amp;lt;xs:element name = "room'stype" type = "roomTypes" minOccurs = "0" maxOccurs = "100"/&amp;gt;
                &amp;lt;xs:element name = "number" type = "xs:positiveInteger" minOccurs = "0" maxOccurs = "100"/&amp;gt;
            &amp;lt;/xs:sequence&amp;gt;
        &amp;lt;/xs:complexType&amp;gt;
        &amp;lt;xs:simpleType name = "roomTypes"&amp;gt;
            &amp;lt;xs:restriction base = "xs:string"&amp;gt;
                &amp;lt;xs:enumeration value = "single"/&amp;gt;
                &amp;lt;xs:enumeration value = "double"/&amp;gt;
                &amp;lt;xs:enumeration value = "triple"/&amp;gt;
            &amp;lt;/xs:restriction&amp;gt;
        &amp;lt;/xs:simpleType&amp;gt;
&amp;lt;/xs:schema&amp;gt;
&lt;/code&gt;&lt;/pre&gt;
&lt;p&gt;Now with this XML file, Validation goes well:&lt;/p&gt;
&lt;pre&gt;&lt;code&gt;&amp;lt;?xml version = "1.0"?&amp;gt;
&amp;lt;hotel&amp;gt;
    &amp;lt;name&amp;gt;NomeHotel&amp;lt;/name&amp;gt;
    &amp;lt;rooms&amp;gt;
        &amp;lt;room'stype&amp;gt;singola&amp;lt;/room'stype&amp;gt;
        &amp;lt;number&amp;gt;1&amp;lt;/number&amp;gt;
    &amp;lt;/rooms&amp;gt;
    &amp;lt;forSmokers&amp;gt;22&amp;lt;/forSmokers&amp;gt;
&amp;lt;/hotel&amp;gt;
&lt;/code&gt;&lt;/pre&gt;
&lt;p&gt;My issue is: 
Right now, if I add &lt;code&gt;&amp;lt;room'stype&amp;gt;&lt;/code&gt;and &lt;code&gt;&amp;lt;number&lt;/code&gt; tag in existing &lt;code&gt;&amp;lt;rooms&amp;gt;&lt;/code&gt; tag, Validation returns error.
I need rooms tag to allow 0 elements (so it can be empty) but it cannot have more than 100 elements, how do I have to modify code in order to achieve that?&lt;/p&gt;
&lt;p&gt;Sorry for long question, just wanted to be clear.
Thank you&lt;/p&gt;</t>
  </si>
  <si>
    <t>2018-06-14 16:30:55.640000+00:00</t>
  </si>
  <si>
    <t>2018-06-14 16:38:15.950000+00:00</t>
  </si>
  <si>
    <t>XSLT mapping with metadata and field tags with multiple repetitive elements</t>
  </si>
  <si>
    <t>&lt;p&gt;I would like to perform XSLT transformation for XML having multiple repetitive elements. I need to match the &lt;code&gt;@id&lt;/code&gt; attribute under &lt;code&gt;Records/Metadata&lt;/code&gt; and &lt;code&gt;Record/Field&lt;/code&gt; to get the respective output. I need to display all the field names and their output.&lt;/p&gt;
&lt;p&gt;I am new to XSLT and any asistance in XSLT will be really helpful. Below is the input XML and the desired output.&lt;/p&gt;
&lt;p&gt;Input:&lt;/p&gt;
&lt;pre&gt;&lt;code&gt;&amp;lt;Records count="40"&amp;gt;
  &amp;lt;Metadata&amp;gt;
    &amp;lt;FieldDefinitions&amp;gt;
      &amp;lt;FieldDefinition alias="Finding_ID" name="Finding ID" guid="a69370c5-b6a7-4e20-a073-dd6bbd131e43" id="2260" /&amp;gt;
      &amp;lt;FieldDefinition alias="Status" name="Status" guid="68ecb49e-4eb6-492b-986f-43bf4a2f0d1f" id="2269" /&amp;gt;
      &amp;lt;FieldDefinition alias="Last_Updated" name="Last Updated" guid="b90f8e15-58d6-4fd6-b1d8-e9b008629723" id="2276" /&amp;gt;
      &amp;lt;FieldDefinition alias="Date_Closed" name="Date Closed" guid="f54c94c8-314f-4328-831b-ded5179fa95b" id="11224" /&amp;gt;
      &amp;lt;FieldDefinition alias="Expected_Completion_Date" name="Expected Completion Date" guid="a5ecc11f-ab40-483d-aff5-2f0a8e56e8d9" id="14653" /&amp;gt;
      &amp;lt;FieldDefinition alias="Actual_Completion_Date" name="Actual Completion Date" guid="6fc586cf-5709-47a9-a84c-a6b83141ce1d" id="14654" /&amp;gt;
      &amp;lt;FieldDefinition alias="Action_Plan_Review_Status" name="Action Plan Review Status" guid="82cc6d74-5881-4b23-9efb-e2b081d83e3f" id="30799" /&amp;gt;
      &amp;lt;FieldDefinition alias="IC_Description" name="Corrective Action Plan" guid="bfb7b09b-b728-4dbf-a016-3ee232948793" id="14655" /&amp;gt;
      &amp;lt;FieldDefinition alias="Action_Plan_Status" name="Action Plan Status" guid="49c3b62c-4828-41e0-bcbc-3dbcf37fc08d" id="27953" /&amp;gt;
      &amp;lt;FieldDefinition alias="Audit_Date" name="Review Date" guid="0d7ad11f-0d8c-4cc8-a51b-8ceeddafa9b1" id="27955" /&amp;gt;
      &amp;lt;FieldDefinition alias="Questionnaire_ID" name="Questionnaire ID" guid="a6e1f48e-08b7-45b8-b885-b9368f4cea2c" id="30178" /&amp;gt;
      &amp;lt;FieldDefinition alias="Question_Name" name="Question Name" guid="9136a544-cc8e-442d-89af-4bb9c64b4a2e" id="30179" /&amp;gt;
      &amp;lt;FieldDefinition alias="Action_Plan_Reviewer_1" name="Action Plan Reviewer" guid="d3ae8a48-c0c8-45c5-96f8-29d1d6f1a086" id="30789" /&amp;gt;
      &amp;lt;FieldDefinition alias="Facility_Name" name="Facility Name" guid="8cfba154-fc68-467c-810e-a9c6c69aa8a2" id="129" /&amp;gt;
    &amp;lt;/FieldDefinitions&amp;gt;
  &amp;lt;/Metadata&amp;gt;
  &amp;lt;LevelCounts&amp;gt;
    &amp;lt;LevelCount count="40" guid="b085b230-e20f-41df-a849-f5d6811447ea" id="62" /&amp;gt;
    &amp;lt;LevelCount count="40" guid="7eb2544d-95aa-4122-9ee5-4f458f9cb1bc" id="60" /&amp;gt;
  &amp;lt;/LevelCounts&amp;gt;
  &amp;lt;Record parentId="0" moduleId="167" levelGuid="b085b230-e20f-41df-a849-f5d6811447ea" levelId="62" contentId="288373"&amp;gt;
    &amp;lt;Record parentId="0" moduleId="69" levelGuid="7eb2544d-95aa-4122-9ee5-4f458f9cb1bc" levelId="60" contentId="240937"&amp;gt;
      &amp;lt;Field guid="8cfba154-fc68-467c-810e-a9c6c69aa8a2" id="129" type="1"&amp;gt;5000-AR&amp;lt;/Field&amp;gt;
    &amp;lt;/Record&amp;gt;
    &amp;lt;Field guid="a69370c5-b6a7-4e20-a073-dd6bbd131e43" id="2260" type="6"&amp;gt;4035&amp;lt;/Field&amp;gt;
    &amp;lt;Field guid="a6e1f48e-08b7-45b8-b885-b9368f4cea2c" id="30178" type="1"&amp;gt;288237&amp;lt;/Field&amp;gt;
    &amp;lt;Field guid="9136a544-cc8e-442d-89af-4bb9c64b4a2e" id="30179" type="1"&amp;gt;chemistry&amp;lt;/Field&amp;gt;
    &amp;lt;Field guid="82cc6d74-5881-4b23-9efb-e2b081d83e3f" id="30799" type="4" /&amp;gt;
    &amp;lt;Field guid="68ecb49e-4eb6-492b-986f-43bf4a2f0d1f" id="2269" type="4"&amp;gt;
      &amp;lt;ListValues&amp;gt;
        &amp;lt;ListValue id="1660" displayName="Open"&amp;gt;Open&amp;lt;/ListValue&amp;gt;
      &amp;lt;/ListValues&amp;gt;
    &amp;lt;/Field&amp;gt;
    &amp;lt;Field guid="49c3b62c-4828-41e0-bcbc-3dbcf37fc08d" id="27953" type="4"&amp;gt;
      &amp;lt;ListValues&amp;gt;
        &amp;lt;ListValue id="101940" displayName="Open"&amp;gt;Open&amp;lt;/ListValue&amp;gt;
      &amp;lt;/ListValues&amp;gt;
    &amp;lt;/Field&amp;gt;
    &amp;lt;Field guid="bfb7b09b-b728-4dbf-a016-3ee232948793" id="14655" type="1" /&amp;gt;
    &amp;lt;Field guid="a5ecc11f-ab40-483d-aff5-2f0a8e56e8d9" id="14653" type="3" /&amp;gt;
    &amp;lt;Field guid="6fc586cf-5709-47a9-a84c-a6b83141ce1d" id="14654" type="3" /&amp;gt;
    &amp;lt;Field guid="f54c94c8-314f-4328-831b-ded5179fa95b" id="11224" type="3" /&amp;gt;
    &amp;lt;Field guid="b90f8e15-58d6-4fd6-b1d8-e9b008629723" id="2276" type="22" xmlConvertedValue="2014-11-02T08:50:03.707Z"&amp;gt;11/2/2014 2:50:03 AM&amp;lt;/Field&amp;gt;
    &amp;lt;Field guid="d3ae8a48-c0c8-45c5-96f8-29d1d6f1a086" id="30789" type="8"&amp;gt;
      &amp;lt;Users&amp;gt;
        &amp;lt;User id="217" domain="xyz" lastName="abc" firstName="h"&amp;gt;habc&amp;lt;/User&amp;gt;
      &amp;lt;/Users&amp;gt;
    &amp;lt;/Field&amp;gt;
    &amp;lt;Field guid="0d7ad11f-0d8c-4cc8-a51b-8ceeddafa9b1" id="27955" type="3" xmlConvertedValue="2014-05-12T00:00:00Z"&amp;gt;5/12/2014 12:00:00 AM&amp;lt;/Field&amp;gt;
  &amp;lt;/Record&amp;gt;
&amp;lt;/Records&amp;gt;
&lt;/code&gt;&lt;/pre&gt;
&lt;p&gt;Output:&lt;/p&gt;
&lt;pre&gt;&lt;code&gt;&amp;lt;Record&amp;gt;
  &amp;lt;Data&amp;gt;
    &amp;lt;Finding_id&amp;gt;4035&amp;lt;/Finding_ID&amp;gt;
    &amp;lt;Questionnaire_ID&amp;gt;288237&amp;lt;Questionnaire_ID&amp;gt;
    &amp;lt;Question_Name&amp;gt;chemistry&amp;lt;Question_Name&amp;gt;
    &amp;lt;!-- and so on --&amp;gt;
  &amp;lt;/Data&amp;gt;
&amp;lt;/Record&amp;gt;
&lt;/code&gt;&lt;/pre&gt;</t>
  </si>
  <si>
    <t>2014-11-24 06:21:25.103000+00:00</t>
  </si>
  <si>
    <t>2014-11-24 08:22:25.990000+00:00</t>
  </si>
  <si>
    <t>2014-11-24 06:50:04.677000+00:00</t>
  </si>
  <si>
    <t>Winform How to increment items in a list</t>
  </si>
  <si>
    <t>&lt;p&gt;I'm new to programming in general and starting off with C# I've been told to add items to a list box without use of any arrays only by converting and parsing. However I cannot seem to get my code to work, im trying to increase the number in the index as items are added to the lisbox. &lt;/p&gt;
&lt;pre&gt;&lt;code&gt;        if (this.index &amp;lt; MAX_ITEMS) // MAX_ITEMS or 10 
        {
            Convert.ToInt32(lstHoldValue.Items.Count);
            // here about splitting strings as per SA's comment but  may need to consider that
            int dnum;
            if (int.TryParse(txtInitialise.Text, out dnum))
            {
               (lstHoldValue.Items[this.index++]) = dnum;  //index is  incremented immediately after it is used 
                txtInitialise.Text = "";
                lstHoldValue.Items.Clear();
                for (int i = 0; i &amp;lt;= MAX_ITEMS; i++)
                {
                    if (i &amp;lt; index)
                    {
                        if (radSorted.Checked == true)
                        {
                            lstHoldValue.Items.Insert(0, "\t" + Convert.ToInt32(lstHoldValue.Items[i]));//show array in a listbox 
                            sorted();
                        }  
                  }
&lt;/code&gt;&lt;/pre&gt;</t>
  </si>
  <si>
    <t>2016-11-19 17:34:52.550000+00:00</t>
  </si>
  <si>
    <t>2016-11-19 22:17:11.043000+00:00</t>
  </si>
  <si>
    <t>c#|winforms|indexoutofboundsexception</t>
  </si>
  <si>
    <t>Accessing data sent as FormData using Axios</t>
  </si>
  <si>
    <t>&lt;p&gt;I have an application written in VueJS where I send a file, that the user uploads, to the backend. To do this I'm using Axios and I'm sending the file as a FormData. The problem is that I don't know how to access the fields in FormData when I'm in the backend.&lt;/p&gt;
&lt;p&gt;I've sent a file using axios like this:&lt;/p&gt;
&lt;pre&gt;&lt;code&gt;onUpload(): void {
    if(this.fileChosen){
      const fd = new FormData();
      fd.append('file', this.selectedFile, this.selectedFile.name);
      axios.post('http://localhost:8080/routes', fd, {
        onUploadProgress: uploadEvent =&amp;gt; {
          console.log('Upload Progress' + Math.round(uploadEvent.loaded / uploadEvent.total) * 100 + " %");
        }
      })
      .then(
        res =&amp;gt; {
          console.log(res);
        });
    } else {
      this.fileMsg = "You haven't chosen a file";
    }
  }
}
&lt;/code&gt;&lt;/pre&gt;
&lt;p&gt;Then in my backend I want to access this file that I sent:&lt;/p&gt;
&lt;pre&gt;&lt;code&gt;app.post('/routes', function(req, res){
    res.set("Access-Control-Allow-Origin", "*");
    // Here I want to access my file! But how?
});
&lt;/code&gt;&lt;/pre&gt;</t>
  </si>
  <si>
    <t>2018-11-02 17:21:20.313000+00:00</t>
  </si>
  <si>
    <t>2018-11-02 18:31:30.410000+00:00</t>
  </si>
  <si>
    <t>2018-11-02 17:35:55.253000+00:00</t>
  </si>
  <si>
    <t>html|express|post|vue.js|axios</t>
  </si>
  <si>
    <t>React Native change status bar text color in iOS</t>
  </si>
  <si>
    <t>&lt;p&gt;I'm developing an app using React Native, I've been asked to set the text color of the status bar in white.&lt;/p&gt;
&lt;p&gt;I used the StatusBar component with the property barStyle="light-content" and it works pretty well on Android but not on iOS, the text color is still black.&lt;/p&gt;
&lt;p&gt;I did some research about it but I couldn't find anything helpful. I even tried to select the Light Status bar style on XCode &lt;a href="https://i.stack.imgur.com/mpPPi.png" rel="nofollow noreferrer"&gt;like the following picture shows&lt;/a&gt; but it still doesn't work&lt;/p&gt;</t>
  </si>
  <si>
    <t>2018-10-05 07:21:31.620000+00:00</t>
  </si>
  <si>
    <t>2018-10-05 21:18:28.313000+00:00</t>
  </si>
  <si>
    <t>ios|react-native|statusbar|textcolor</t>
  </si>
  <si>
    <t>Ruby: Is there a way to get the enclosing Module const of a Class?</t>
  </si>
  <si>
    <t>&lt;p&gt;I'm doing some metaprogramming in Ruby, and I need to dynamically generate a sibling class inside of a module. In doing so, I want to call const_set on the module, but I don't know which Module constant to call that on until runtime. An example:&lt;/p&gt;
&lt;p&gt;Given classes&lt;/p&gt;
&lt;pre&gt;&lt;code&gt;Foo::Bar::Baz
Foo::Quox::Quack
&lt;/code&gt;&lt;/pre&gt;
&lt;p&gt;I want to be able to call a function like this (oversimplified here):&lt;/p&gt;
&lt;pre&gt;&lt;code&gt;def generate_from klass
  mod = klass.enclosing_module # &amp;lt;- THIS LINE is the one I need to figure out
  mod.const_set("GeneratedClassName", Class.new)
end
&lt;/code&gt;&lt;/pre&gt;
&lt;p&gt;and what I want to end up with, when calling with &lt;code&gt;Baz&lt;/code&gt;, is a new class defined as&lt;/p&gt;
&lt;pre&gt;&lt;code&gt;Foo::Bar::GeneratedClassName
&lt;/code&gt;&lt;/pre&gt;
&lt;p&gt;and with a Quack, I want&lt;/p&gt;
&lt;pre&gt;&lt;code&gt;Foo::Quox::GeneratedClassName
&lt;/code&gt;&lt;/pre&gt;
&lt;p&gt;The only way I know of is to split up klass.name, then repeatedly call const_get on those strings, constantized. Does anyone know of a more elegant way?&lt;/p&gt;</t>
  </si>
  <si>
    <t>2011-06-01 21:34:52.950000+00:00</t>
  </si>
  <si>
    <t>2011-06-01 22:01:12.950000+00:00</t>
  </si>
  <si>
    <t>ruby|metaprogramming</t>
  </si>
  <si>
    <t>Deploying rails app to AWS (Ubuntu Server) using Capistrano</t>
  </si>
  <si>
    <t>&lt;p&gt;I want to deploy my rails app to AWS using capistrano and I followed a tutorial exactly as it is. &lt;/p&gt;
&lt;p&gt;Here's the tutorial: &lt;a href="http://www.sitepoint.com/deploy-your-rails-app-to-aws/" rel="nofollow"&gt;http://www.sitepoint.com/deploy-your-rails-app-to-aws/&lt;/a&gt;&lt;/p&gt;
&lt;p&gt;However, my website is always showing the nginx default page no matter how many times i refreshed or run 'cap production deploy'. &lt;/p&gt;
&lt;p&gt;In fact, each time i run 'cap production deploy', I get this error: &lt;/p&gt;
&lt;pre&gt;&lt;code&gt;DEBUG [81457789]    An error occurred while installing pg (0.17.1), and 
Bundler cannot continue.
DEBUG [81457789]    
DEBUG [81457789]    Make sure that `gem install pg -v '0.17.1'` succeeds before bundling.
DEBUG [81457789]    
(Backtrace restricted to imported tasks)
cap aborted!
SSHKit::Runner::ExecuteError: Exception while executing as deploy@52.27.237.141: bundle exit status: 5
bundle stdout: An error occurred while installing pg (0.17.1), and Bundler cannot continue.
Make sure that `gem install pg -v '0.17.1'` succeeds before bundling.
bundle stderr: Nothing written
SSHKit::Command::Failed: bundle exit status: 5
bundle stdout: An error occurred while installing pg (0.17.1), and Bundler cannot continue.
Make sure that `gem install pg -v '0.17.1'` succeeds before bundling.
bundle stderr: Nothing written
Tasks: TOP =&amp;gt; deploy:updated =&amp;gt; bundler:install
(See full trace by running task with --trace)
The deploy has failed with an error: Exception while executing as deploy@52.27.237.141: bundle exit status: 5
bundle stdout: An error occurred while installing pg (0.17.1), and Bundler cannot continue.
Make sure that `gem install pg -v '0.17.1'` succeeds before bundling.
bundle stderr: Nothing written
&lt;/code&gt;&lt;/pre&gt;
&lt;p&gt;Gemfile:&lt;/p&gt;
&lt;pre&gt;&lt;code&gt;source 'https://rubygems.org'
gem 'rails',                   '4.2.2'
gem 'bcrypt',                  '3.1.7'
gem 'faker',                   '1.4.2'
gem 'carrierwave',             '0.10.0'
gem 'mini_magick',             '3.8.0'
gem 'fog',                     '1.36.0'
gem 'will_paginate',           '3.0.7'
gem 'bootstrap-will_paginate', '0.0.10'
gem 'bootstrap-sass',          '3.2.0.0'
gem 'sass-rails',              '5.0.2'
gem 'uglifier',                '2.5.3'
gem 'coffee-rails',            '4.1.0'
gem 'jquery-rails',            '4.0.3'
gem 'turbolinks',              '2.3.0'
gem 'jbuilder',                '2.2.3'
gem 'sdoc',                    '0.4.0', group: :doc
gem 'figaro'
gem 'puma'
gem 'capistrano-ssh-doctor', '~&amp;gt; 1.0'
gem 'pg',             '0.17.1'
group :development, :test do
  gem 'sqlite3',     '1.3.9'
  gem 'byebug',      '3.4.0'
  gem 'web-console', '2.0.0.beta3'
  gem 'spring',      '1.1.3'
  gem 'capistrano', '3.4.0'
  gem 'capistrano-rails', '~&amp;gt; 1.1', require: false
  gem 'capistrano3-puma'
  gem 'capistrano-bundler', require: false
  gem 'capistrano-rvm'  
end
group :test do
  gem 'minitest-reporters', '1.0.5'
  gem 'mini_backtrace',     '0.1.3'
  gem 'guard-minitest',     '2.3.1'
end
group :production do
  gem 'rails_12factor', '0.0.2'
end
&lt;/code&gt;&lt;/pre&gt;
&lt;p&gt;I am very sure 'gem install pg -v '0.17.1'' did succeed. I even uninstall and install to convince myself.&lt;/p&gt;
&lt;p&gt;I don't know if the problem is from 'cap production deploy' or the problem goes deeper than that. &lt;/p&gt;
&lt;p&gt;Its my first time deploying a web app to a server on my own and I still haven't fully understand how deployment and server works, hope someone can help me out here, thanks in advance! &lt;/p&gt;</t>
  </si>
  <si>
    <t>2016-01-24 09:46:32.697000+00:00</t>
  </si>
  <si>
    <t>2016-01-24 17:43:25.710000+00:00</t>
  </si>
  <si>
    <t>2016-01-24 12:47:28.290000+00:00</t>
  </si>
  <si>
    <t>ruby-on-rails|ruby|ubuntu|amazon-web-services|nginx</t>
  </si>
  <si>
    <t>Why provide a Linux distro as a Dockerfile base when my host has all the software I need installed?</t>
  </si>
  <si>
    <t>&lt;p&gt;I want to start writing a Docker image. I have a .net Core 2.0 Web Api service that I have deployed to an Amazon Linux machine. It runs fine, but I would like to automate the build and deployment process a bit.&lt;/p&gt;
&lt;p&gt;As far as I am concerned, there is no need for a Parent image for the image I need to build. I might grab some files from a location, run some dotnet CLI commands, and run the service using Apache as a reverse proxy. I dont really see the need for a parent image in any of that.&lt;/p&gt;
&lt;p&gt;I am asking this question because most of the examples I have seen include a base image. Most of the time its something very generic, like "From Ubuntu". I have read that most images will include a parent image. According to Docker's documentation:&lt;/p&gt;
&lt;blockquote&gt;
  &lt;p&gt;A parent image is the image that your image is based on. It refers to the contents of the FROM directive in the Dockerfile. Each subsequent declaration in the Dockerfile modifies this parent image. Most Dockerfiles start from a parent image, rather than a base image. However, the terms are sometimes used interchangeably.&lt;/p&gt;
&lt;/blockquote&gt;
&lt;p&gt;What exactly is the point of inheriting from Ubuntu? Even the Docker docs suggest using Debian "since it���s very tightly controlled and kept minimal". Does that just ensure that your Linux machine has an Ubuntu distribution? Does it even matter if I am using Amazon Linux but use the Debian image as my base?&lt;/p&gt;</t>
  </si>
  <si>
    <t>2017-09-01 15:31:36.973000+00:00</t>
  </si>
  <si>
    <t>2017-09-01 15:45:01.163000+00:00</t>
  </si>
  <si>
    <t>2017-09-01 15:41:59.713000+00:00</t>
  </si>
  <si>
    <t>docker|dockerfile</t>
  </si>
  <si>
    <t>How can I make consumer request more than 1MB records from Kafka</t>
  </si>
  <si>
    <t>&lt;p&gt;Whenever my consumer requests a new batch from Kafka, it is requesting always 1MB of data, then it seems to request the next 1MB, and so forth. Does anybody know what the configuration and programming steps are to to receive batches of 20MB?&lt;/p&gt;</t>
  </si>
  <si>
    <t>2016-10-19 19:09:00.453000+00:00</t>
  </si>
  <si>
    <t>2016-10-19 19:44:16.787000+00:00</t>
  </si>
  <si>
    <t>Swift Array addObjects to NSMutableArray</t>
  </si>
  <si>
    <t>&lt;p&gt;I have a &lt;code&gt;Swift&lt;/code&gt; &lt;code&gt;Array&lt;/code&gt; and I want to add all the objects inside to &lt;code&gt;NSMutableArray&lt;/code&gt;&lt;/p&gt;
&lt;pre&gt;&lt;code&gt;let stringName: String = "Something"
let stringNameSeperated = Array(logoName)
let mutableStringName: NSMutableArray = NSMutableArray(array: stringNameSeperated)
&lt;/code&gt;&lt;/pre&gt;
&lt;p&gt;How can I do that?&lt;/p&gt;</t>
  </si>
  <si>
    <t>2015-07-20 21:07:58.517000+00:00</t>
  </si>
  <si>
    <t>2015-07-20 22:03:39.450000+00:00</t>
  </si>
  <si>
    <t>ios|arrays|swift|nsmutablearray</t>
  </si>
  <si>
    <t>Polymer is not installing in mac</t>
  </si>
  <si>
    <t>&lt;p&gt;I am trying to install polymer in my mac machine using npm. I have done all the required config settings to work npm behind proxy. Still i am not able to install the polymer. Please check the error shown in the screen shot. Can anyone help me to find the solution of this?&lt;/p&gt;
&lt;p&gt;&lt;a href="https://i.stack.imgur.com/gAYuq.png" rel="nofollow noreferrer"&gt;&lt;img src="https://i.stack.imgur.com/gAYuq.png" alt="enter image description here"&gt;&lt;/a&gt;&lt;/p&gt;</t>
  </si>
  <si>
    <t>2016-11-25 08:37:49.483000+00:00</t>
  </si>
  <si>
    <t>node.js|macos|npm|npm-install</t>
  </si>
  <si>
    <t>WL.SimpleDialog showing full screen in windows 10 mobile and desktop</t>
  </si>
  <si>
    <t>&lt;p&gt;IBM MobileFirst &lt;code&gt;WL.SimpleDialog&lt;/code&gt; appearing fullscreen in windows mobile, windows tab 10. Anybody have faced this issue and have solution please let me know. &lt;/p&gt;
&lt;p&gt;&lt;a href="https://i.stack.imgur.com/j5Vj6.png" rel="nofollow noreferrer"&gt;&lt;img src="https://i.stack.imgur.com/j5Vj6.png" alt="enter image description here"&gt;&lt;/a&gt;&lt;/p&gt;</t>
  </si>
  <si>
    <t>2016-07-22 07:03:52.893000+00:00</t>
  </si>
  <si>
    <t>2016-07-27 16:57:32.680000+00:00</t>
  </si>
  <si>
    <t>2016-07-22 10:17:35.843000+00:00</t>
  </si>
  <si>
    <t>ibm-mobilefirst</t>
  </si>
  <si>
    <t>django staticfiles at url root</t>
  </si>
  <si>
    <t>&lt;p&gt;I have a general question about the new Django 1.3 static file framework. &lt;/p&gt;
&lt;p&gt;I really like the new Django staticfile functionality introduced in Django 1.3.  Normally, I set STATIC_URL="/static/" and enter the {{ STATIC_URL }} template tag into my templates.  It's great how the development server automatically serves up the static files and all of my content is served up as expected. &lt;/p&gt;
&lt;pre&gt;&lt;code&gt;The {{ STATIC_URL }} would be substituted in the template and might serve up files like this...
example.com/static/css/master.css
example.com/static/images/logo.png
example.com/static/js/site.js
&lt;/code&gt;&lt;/pre&gt;
&lt;p&gt;However, I'm working with a legacy site where the static media is mounted at the url root.  For example, the path to the static urls might look something like this: &lt;/p&gt;
&lt;pre&gt;&lt;code&gt;example.com/css/master.css
example.com/images/logo.png
example.com/js/site.js 
&lt;/code&gt;&lt;/pre&gt;
&lt;p&gt;It doesn't use the "static" url namespace.  &lt;/p&gt;
&lt;p&gt;I was wondering if there is a way to get the new staticfile functionality to not use the static namespace and serve the urls above, but still retain the benefits of the new staticfile framework (collectstatic, static files served by development server, etc).  I tried setting STATIC_URL="" and STATIC_URL="/", but neither seemed to have the desired effect. &lt;/p&gt;
&lt;p&gt;Is there a way to configure static files to serve static files without a namespace?  Thanks for your consideration. &lt;/p&gt;</t>
  </si>
  <si>
    <t>2012-06-27 18:40:27.083000+00:00</t>
  </si>
  <si>
    <t>2016-11-22 14:06:16.590000+00:00</t>
  </si>
  <si>
    <t>css|django|static|media|django-staticfiles</t>
  </si>
  <si>
    <t>How to remove specific data loss warnings using DACPAC DeploymentPlanModifier?</t>
  </si>
  <si>
    <t>&lt;p&gt;I have a &lt;a href="https://www.google.com/search?q=DeploymentPlanModifier&amp;amp;oq=DeploymentPlanModifier&amp;amp;aqs=chrome..69i57j0.376j0j7&amp;amp;sourceid=chrome&amp;amp;ie=UTF-8" rel="nofollow noreferrer"&gt;DeploymentPlanModifier&lt;/a&gt; implementation that, for simplicity, remove any &lt;a href="https://msdn.microsoft.com/en-us/library/microsoft.sqlserver.dac.deployment.alterelementstep(v=sql.120).aspx" rel="nofollow noreferrer"&gt;AlterElementStep&lt;/a&gt; from the deployment plan that have &lt;a href="https://msdn.microsoft.com/en-us/library/microsoft.sqlserver.transactsql.scriptdom.altertabledroptableelementstatement.aspx" rel="nofollow noreferrer"&gt;AlterTableDropTableElementStatement&lt;/a&gt; script statements in it.&lt;/p&gt;
&lt;p&gt;This makes sure that no &lt;code&gt;ALTER TABLE ... DROP COLUMN ...&lt;/code&gt; is generated in the deployment script. The deployment script and the deployment report, however, still gets generated with data loss checks (on the former) and warnings (on the latter) due to removed columns.&lt;/p&gt;
&lt;p&gt;For the deployment script checks, I found that I could parse the script generated by &lt;a href="https://msdn.microsoft.com/en-us/library/microsoft.sqlserver.dac.deployment.deploymentscriptstep(v=sql.120).aspx" rel="nofollow noreferrer"&gt;DeploymentScriptSteps&lt;/a&gt; and remove those steps associated to the data loss check for the columns I did not drop. However I'm still looking for a similar alternative for the deployment report.&lt;/p&gt;
&lt;p&gt;I do not want to disable data loss warnings/checks altogether. I just want to manipulate the checks/warnings associated to the columns I am touching as part of my plan modifications.&lt;/p&gt;
&lt;p&gt;Is there a better way to remove data loss checks and warnings from both artifacts without manually parsing the generated output?&lt;/p&gt;</t>
  </si>
  <si>
    <t>2017-06-09 20:36:26.017000+00:00</t>
  </si>
  <si>
    <t>2017-06-09 20:58:01.443000+00:00</t>
  </si>
  <si>
    <t>sql-server|ssdt|dacpac</t>
  </si>
  <si>
    <t>Storing Form Data as a Session Variable on Multiple Pages</t>
  </si>
  <si>
    <t>&lt;p&gt;I just wondering if its possible to store form data as Session on Multiple Pages?&lt;/p&gt;
&lt;p&gt;I have 5 Pages on my Site, every page has an form with an input field on it.
I want save all Sessions and input values on all 5 Pages, and &lt;code&gt;echo&lt;/code&gt; it on the last page.&lt;/p&gt;
&lt;p&gt;I had saved the &lt;code&gt;session_start();&lt;/code&gt; in one file and include it on every page:&lt;/p&gt;
&lt;p&gt;&lt;strong&gt;session_start.php&lt;/strong&gt;&lt;/p&gt;
&lt;pre&gt;&lt;code&gt;&amp;lt;?php
   session_start();
?&amp;gt; 
&lt;/code&gt;&lt;/pre&gt;
&lt;p&gt;On the top of page before &lt;code&gt;&amp;lt;!DOCTYPE html&amp;gt;&lt;/code&gt; i add it like this on every page:&lt;/p&gt;
&lt;p&gt;&lt;strong&gt;Page 1:&lt;/strong&gt;&lt;/p&gt;
&lt;pre&gt;&lt;code&gt;&amp;lt;?php
    include("config.php");
    require_once("session_start.php");
if (isset($_POST['submit'])) { 
 $_SESSION['email'] = $_POST['email'];
 } 
?&amp;gt;
&lt;/code&gt;&lt;/pre&gt;
&lt;p&gt;then in the Body:&lt;/p&gt;
&lt;pre&gt;&lt;code&gt;&amp;lt;form action="" method"post"&amp;gt;
&amp;lt;input type="text" name="email"/&amp;gt;
&amp;lt;input type="submit" name="submit" value="Enter" /&amp;gt;
&amp;lt;/form&amp;gt;
&lt;/code&gt;&lt;/pre&gt;
&lt;p&gt;&lt;strong&gt;Page 2:&lt;/strong&gt;&lt;/p&gt;
&lt;pre&gt;&lt;code&gt;&amp;lt;?php
        include("config.php");
        require_once("session_start.php");
    if (isset($_POST['submit'])) { 
     $_SESSION['passwort'] = $_POST['passwort'];
     } 
    ?&amp;gt;
then in the Body again:
    &amp;lt;form action="" method"post"&amp;gt;
    &amp;lt;input type="text" name="passwort"/&amp;gt;
    &amp;lt;input type="submit" name="submit" value="Enter" /&amp;gt;
    &amp;lt;/form&amp;gt;
&lt;/code&gt;&lt;/pre&gt;
&lt;p&gt;I can echo the &lt;code&gt;email Session&lt;/code&gt; on the Page 2 without Problems with:&lt;/p&gt;
&lt;pre&gt;&lt;code&gt;&amp;lt;?php
echo $_POST["email"];
 ?&amp;gt;
&lt;/code&gt;&lt;/pre&gt;
&lt;p&gt;But get an error on the page &lt;code&gt;Undefined index: passwort&lt;/code&gt; if i do it on the same way as in Page 1.&lt;/p&gt;
&lt;p&gt;And continue on the other 3 Pages, whats wrong with my Way?
With my code here i can save the Session only from the Page before and &lt;code&gt;echo&lt;/code&gt; it on the next page.&lt;/p&gt;
&lt;p&gt;Thanks for looking!&lt;/p&gt;</t>
  </si>
  <si>
    <t>2018-08-25 10:08:21.523000+00:00</t>
  </si>
  <si>
    <t>2018-08-26 03:47:35.043000+00:00</t>
  </si>
  <si>
    <t>php|session|session-variables</t>
  </si>
  <si>
    <t>Problems extending pandas Panels dynamically, DataFrame by DataFrame</t>
  </si>
  <si>
    <t>&lt;p&gt;I want to construct a pandas panel dynamically, using the following - simplified - code:&lt;/p&gt;
&lt;pre&gt;&lt;code&gt;import pandas as pd 
rows=range(0,3)
pl=pd.Panel()
for i in range(0,3):
    pl[i]=pd.DataFrame()
    for j in rows:
        pl[i].set_value(j,'test_value','test')
&lt;/code&gt;&lt;/pre&gt;
&lt;p&gt;Which seems to work fine. But when I the try to index the individual dataframes by &lt;/p&gt;
&lt;pre&gt;&lt;code&gt;for i in range(0,3):
    print pl[i]
&lt;/code&gt;&lt;/pre&gt;
&lt;p&gt;I get the output &lt;/p&gt;
&lt;pre&gt;&lt;code&gt;Empty DataFrame
Columns: []
Index: []
Empty DataFrame
Columns: []
Index: []
  test_value
0     test20
1     test21
2     test22
&lt;/code&gt;&lt;/pre&gt;
&lt;p&gt;Why are the first two frames empty? &lt;/p&gt;</t>
  </si>
  <si>
    <t>2016-10-03 08:20:46.093000+00:00</t>
  </si>
  <si>
    <t>2016-10-03 08:29:34.210000+00:00</t>
  </si>
  <si>
    <t>When is the GUI overloaded?</t>
  </si>
  <si>
    <t>&lt;p&gt;Suppose you are &lt;em&gt;permanently&lt;/em&gt; invoking a method asynchronously onto the UI thread/dispatcher with&lt;/p&gt;
&lt;pre&gt;&lt;code&gt;while (true) {
    uiDispatcher.BeginInvoke(new Action&amp;lt;int, T&amp;gt;(insert_), DispatcherPriority.Normal, new object[] { });
}
&lt;/code&gt;&lt;/pre&gt;
&lt;p&gt;On every run of the program you observe that the GUI of the application begins to freeze after about 90 seconds due to the flood of &lt;em&gt;invocations&lt;/em&gt; (time varies but lies roughly between 1 and 2 minutes).&lt;/p&gt;
&lt;p&gt;How could one exactly determine (measure ?) the point when this &lt;em&gt;overloading&lt;/em&gt; occurs in order to stop it early enough ?&lt;/p&gt;
&lt;p&gt;&lt;strong&gt;Appendix I:&lt;/strong&gt;&lt;/p&gt;
&lt;p&gt;In my actual program I don't have an infinite loop. I have an algorithm that iterates several hundred times before terminating. In every iteration I am adding a string to a List control in my WPF application. I used the while (true) { ... } construct because it matches best what happens. In fact the algorithm terminates correctly and all (hundreds) strings are added correctly to my List but after some time I am loosing the ability to use my GUI until the algorithm terminates - then the GUI is responsive again.&lt;/p&gt;
&lt;p&gt;&lt;strong&gt;Appendix II:&lt;/strong&gt;&lt;/p&gt;
&lt;p&gt;The purpose of my program is to observe a particular algorithm while it's running. The strings I am adding are log entries: one log string per iteration. The reason why I am invoking these add-operations is that the algorithm is running in another thread than the UI thread. To catch up with the fact that I can't do UI manipulation from any thread other than the UI thread I built some kind of ThreadSafeObservableCollection (But I am pretty sure that this code is not worth posting because it would detract from the actual problem what I think is that the UI can't handle the repeatedly and fast invocation of methods.&lt;/p&gt;</t>
  </si>
  <si>
    <t>2012-07-03 22:34:21.007000+00:00</t>
  </si>
  <si>
    <t>2012-07-04 10:24:24.347000+00:00</t>
  </si>
  <si>
    <t>2012-07-03 23:20:20.563000+00:00</t>
  </si>
  <si>
    <t>c#|user-interface|asynchronous|dispatcher|begininvoke</t>
  </si>
  <si>
    <t>How to Add decimal &amp; zero's after number</t>
  </si>
  <si>
    <t>&lt;p&gt;I got a problem with converting values.&lt;/p&gt;
&lt;p&gt;My Source values are:&lt;/p&gt;
&lt;ul&gt;
&lt;li&gt;1&lt;/li&gt;
&lt;li&gt;2&lt;/li&gt;
&lt;li&gt;3&lt;/li&gt;
&lt;li&gt;4&lt;/li&gt;
&lt;li&gt;1 - abcd&lt;/li&gt;
&lt;li&gt;2 - xyzabcdefgh&lt;/li&gt;
&lt;li&gt;abcdefgh&lt;/li&gt;
&lt;li&gt;lmnop&lt;/li&gt;
&lt;/ul&gt;
&lt;p&gt;I need the output as &lt;/p&gt;
&lt;ul&gt;
&lt;li&gt;1.00&lt;/li&gt;
&lt;li&gt;2.00&lt;/li&gt;
&lt;li&gt;3.00&lt;/li&gt;
&lt;li&gt;4.00&lt;/li&gt;
&lt;/ul&gt;
&lt;p&gt;The problem I have is that some fields contain letters only, and there are also those that contains contain both letters and digits.&lt;/p&gt;
&lt;p&gt;I only need to format those numbers only:&lt;/p&gt;
&lt;ul&gt;
&lt;li&gt;1                    as                             1.00&lt;/li&gt;
&lt;li&gt;2                    as                             2.00&lt;/li&gt;
&lt;/ul&gt;
&lt;p&gt;The fields containing letters need to remain the same.&lt;/p&gt;
&lt;p&gt;Any help please?&lt;/p&gt;</t>
  </si>
  <si>
    <t>2011-01-04 16:05:55.723000+00:00</t>
  </si>
  <si>
    <t>2011-01-04 16:16:46.590000+00:00</t>
  </si>
  <si>
    <t>sql-server|tsql|sql</t>
  </si>
  <si>
    <t>Does python "file write()" method guarantee datas have been correctly written?</t>
  </si>
  <si>
    <t>&lt;p&gt;I'm new with python and I'm writting script to patch a file with something like:&lt;/p&gt;
&lt;pre&gt;&lt;code&gt;def getPatchDatas(file):
  f = open(file,"rb")
  datas = f.read()
  f.close()
  return datas
f = open("myfile.bin","r+b")
f.seek(0xC020)
f.write(getPatchDatas("mypatch.bin"))
f.close()
&lt;/code&gt;&lt;/pre&gt;
&lt;p&gt;I would like to be sure the patch as been applied correctly.
So, if no error / exception is raised, does it mean I'm 100% sure the patch has been correctly written?&lt;/p&gt;
&lt;p&gt;Or is it better to double check with something like:&lt;/p&gt;
&lt;pre&gt;&lt;code&gt;f = open("myfile.bin","rb")
f.seek(0xC020)
if not f.read(0x20) == getPatchDatas("mypatch.bin"):
  print "Patch not applied correctly!"
f.close()
&lt;/code&gt;&lt;/pre&gt;
&lt;p&gt;??
Thanks.&lt;/p&gt;</t>
  </si>
  <si>
    <t>2015-05-29 21:20:49.623000+00:00</t>
  </si>
  <si>
    <t>2015-05-30 02:41:52.187000+00:00</t>
  </si>
  <si>
    <t>Application-wide globals in vue.js</t>
  </si>
  <si>
    <t>&lt;p&gt;Does Vue.js have an idiomatic way of declaring application-wide globals like &lt;code&gt;baseUrl&lt;/code&gt; and then referencing them throughout the app (for API calls etc)?&lt;/p&gt;
&lt;p&gt;If so, what is the best way to configure such globals at build-time to create development, test and prod instances? For example, I imagine doing &lt;code&gt;export BASEURL='http://dev.myapp.com'&lt;/code&gt;, running a build and getting an app with this baseUrl configured. This would in turn allow me to create automated builds for Continuous Delivery certain branches are updated (&lt;code&gt;develop&lt;/code&gt; -&gt; &lt;code&gt;dev.myapp.com&lt;/code&gt;, &lt;code&gt;master&lt;/code&gt; -&gt; &lt;code&gt;www.myapp.com&lt;/code&gt; etc).&lt;/p&gt;
&lt;p&gt;Thanks!&lt;/p&gt;</t>
  </si>
  <si>
    <t>2016-04-07 14:30:45.647000+00:00</t>
  </si>
  <si>
    <t>2016-04-07 14:40:41.390000+00:00</t>
  </si>
  <si>
    <t>vue.js</t>
  </si>
  <si>
    <t>Testing with Enzyme v3 - class added to a node in componentDidMount isn't found with wrapper.find()</t>
  </si>
  <si>
    <t>&lt;p&gt;Running this...&lt;/p&gt;
&lt;pre&gt;&lt;code&gt;import React from 'react';
import Enzyme, { mount } from 'enzyme';
import Adapter from 'enzyme-adapter-react-16';
Enzyme.configure({ adapter: new Adapter() });
class MyComponent extends React.Component {
  componentDidMount() {
    this.ref.classList.add('test');
  }
  render() {
    return (
      &amp;lt;div&amp;gt;
        &amp;lt;div ref={ el =&amp;gt; { this.ref = el; }}&amp;gt;&amp;lt;/div&amp;gt;
      &amp;lt;/div&amp;gt;
    );
  }
}
describe('MyComponent', () =&amp;gt; {
  it('should render', () =&amp;gt; {
    let wrapper = mount(&amp;lt;MyComponent /&amp;gt;);
    // element with "test" class is visible in markup
    console.log(wrapper.html()); 
    // returns 0
    expect(wrapper.find('.test').length).toBe(1);
  });
});
&lt;/code&gt;&lt;/pre&gt;
&lt;p&gt;Results in this...&lt;/p&gt;
&lt;pre&gt;&lt;code&gt;$ npm test
&amp;gt; enzyme-issue@1.0.0 test /Users/spenceravinger/GitHub/enzyme-issue
&amp;gt; jest
 FAIL  ./test.js
  MyComponent
    ��� should render (28ms)
  ��� MyComponent ��� should render
    expect(received).toBe(expected)
    Expected value to be (using ===):
      1
    Received:
      0
      at Object.&amp;lt;anonymous&amp;gt; (test.js:32:42)
      at process._tickCallback (internal/process/next_tick.js:103:7)
  console.error node_modules/fbjs/lib/warning.js:33
    Warning: React depends on requestAnimationFrame. Make sure that you load a polyfill in older browsers. 
    https://gist.github.com/gaearon/9a4d54653ae9c50af6c54b4e0e56b583
  console.log test.js:29
    &amp;lt;div&amp;gt;&amp;lt;div class="test"&amp;gt;&amp;lt;/div&amp;gt;&amp;lt;/div&amp;gt;
Test Suites: 1 failed, 1 total
Tests:       1 failed, 1 total
Snapshots:   0 total
Time:        1.017s
Ran all test suites.
&lt;/code&gt;&lt;/pre&gt;
&lt;p&gt;I've open an issue on github: &lt;a href="https://github.com/airbnb/enzyme/issues/1212" rel="nofollow noreferrer"&gt;https://github.com/airbnb/enzyme/issues/1212&lt;/a&gt;&lt;/p&gt;
&lt;p&gt;Here's some code: &lt;a href="https://github.com/savinger/enzyme-issue" rel="nofollow noreferrer"&gt;https://github.com/savinger/enzyme-issue&lt;/a&gt;&lt;/p&gt;</t>
  </si>
  <si>
    <t>2017-10-03 14:57:53.623000+00:00</t>
  </si>
  <si>
    <t>2017-10-03 15:51:32.453000+00:00</t>
  </si>
  <si>
    <t>2017-10-03 15:13:12.017000+00:00</t>
  </si>
  <si>
    <t>javascript|reactjs|enzyme</t>
  </si>
  <si>
    <t>inserting variable attribute in notice</t>
  </si>
  <si>
    <t>&lt;p&gt;A rails 4 controller action, defined as a collection in routes, has:&lt;/p&gt;
&lt;pre&gt;&lt;code&gt;@user_last = User.where('id = ?', params[:dayprofile][:id]).pluck("last_name")
respond_to do |format|
  if @dayprofile.update(dayprofile_params)
    format.html { redirect_to now_dayprofiles_path, notice: 'Status updated for #{@user_last}' }
  end
end
&lt;/code&gt;&lt;/pre&gt;
&lt;p&gt;However the rendering is textually coming out as &lt;code&gt;#{@user_last}&lt;/code&gt;.  What and why is this syntax inappropriate in this context?&lt;/p&gt;</t>
  </si>
  <si>
    <t>2017-02-19 10:41:31.913000+00:00</t>
  </si>
  <si>
    <t>2017-02-19 10:43:13.077000+00:00</t>
  </si>
  <si>
    <t>KafkaPublisher blocks when cluster is down</t>
  </si>
  <si>
    <t>&lt;p&gt;I am using kafka-clients-0.8.2.1.jar and found that when clusters are not up at all, the send would block. I found more relevant information online &lt;a href="http://grokbase.com/t/kafka/users/14cjywczht/kafka-0-8-2-new-producer-blocking-on-metadata" rel="nofollow"&gt;Kafka 0.8.2 new producer blocking on metadata&lt;/a&gt; and found it's a known issue many people are facing. 
However i tried some options mentioned there but didn't help:
1. call KafkaProducer.partitionsFor(), it still blocked.
2. setting producer.type to async but it's not recognized.&lt;/p&gt;
&lt;p&gt;What i want to achieve is to detect cluster is down, queue up messages(with a max limit) and send when the cluster is back. If that's too complex, at least it won't block because it cause the application to queue up all messages and run out of memory. &lt;/p&gt;
&lt;p&gt;Code:&lt;/p&gt;
&lt;pre&gt;&lt;code&gt;System.out.println("props:"
producer = new KafkaProducer&amp;lt;String, String&amp;gt;(props);
producer.partitionsFor(record.topic());
producer.send(record, new Callback() {
&lt;/code&gt;&lt;/pre&gt;
&lt;p&gt;Log:&lt;/p&gt;
&lt;pre&gt;&lt;code&gt;props:{queue.size=1000, reconnect.backoff.ms=10000, request.timeout.ms=1000, bootstrap.servers=tstaapp001:59092,ewdlxsrv283:59092,devcapp001:59092, value.serializer=org.apache.kafka.common.serialization.StringSerializer, request.required.acks=1, buffer.memory=33554432, retries=0, producer.type=async, key.serializer=org.apache.kafka.common.serialization.StringSerializer, linger.ms=1, topic.metadata.refresh.interval.ms=1000, batch.size=16384, timeout.ms=10000}
20:44:33.584 [RTEMPool-1-RTEMThread-4] DEBUG o.a.k.c.producer.internals.Metadata - Updated cluster metadata version 1 to Cluster(nodes = [Node(tstaapp001, 59092), Node(devcapp001, 59092), Node(ewdlxsrv283, 59092)], partitions = [])
20:44:33.603 [kafka-producer-network-thread | producer-1] DEBUG o.a.k.c.producer.internals.Sender - Starting Kafka producer I/O thread.
20:44:33.603 [RTEMPool-1-RTEMThread-4] WARN  o.a.k.c.producer.ProducerConfig - The configuration topic.metadata.refresh.interval.ms = null was supplied but isn't a known config.
20:44:33.603 [RTEMPool-1-RTEMThread-4] WARN  o.a.k.c.producer.ProducerConfig - The configuration request.timeout.ms = null was supplied but isn't a known config.
20:44:33.603 [RTEMPool-1-RTEMThread-4] WARN  o.a.k.c.producer.ProducerConfig - The configuration producer.type = null was supplied but isn't a known config.
20:44:33.604 [RTEMPool-1-RTEMThread-4] WARN  o.a.k.c.producer.ProducerConfig - The configuration request.required.acks = null was supplied but isn't a known config.
20:44:33.604 [RTEMPool-1-RTEMThread-4] WARN  o.a.k.c.producer.ProducerConfig - The configuration queue.size = null was supplied but isn't a known config.
20:44:33.604 [RTEMPool-1-RTEMThread-4] DEBUG o.a.k.clients.producer.KafkaProducer - Kafka producer started
20:44:42.958 [kafka-producer-network-thread | producer-1] DEBUG o.apache.kafka.clients.NetworkClient - Trying to send metadata request to node -2
20:44:42.959 [kafka-producer-network-thread | producer-1] DEBUG o.apache.kafka.clients.NetworkClient - Init connection to node -2 for sending metadata request in the next iteration
20:44:42.959 [kafka-producer-network-thread | producer-1] DEBUG o.apache.kafka.clients.NetworkClient - Initiating connection to node -2 at ewdlxsrv283:59092.
20:44:42.964 [kafka-producer-network-thread | producer-1] DEBUG o.apache.kafka.clients.NetworkClient - Trying to send metadata request to node -2
20:44:43.063 [kafka-producer-network-thread | producer-1] DEBUG o.apache.kafka.clients.NetworkClient - Trying to send metadata request to node -2
20:44:43.163 [kafka-producer-network-thread | producer-1] DEBUG o.apache.kafka.clients.NetworkClient - Trying to send metadata request to node -2
20:44:43.264 [kafka-producer-network-thread | producer-1] DEBUG o.apache.kafka.clients.NetworkClient - Trying to send metadata request to node -2
20:44:43.364 [kafka-producer-network-thread | producer-1] DEBUG o.apache.kafka.clients.NetworkClient - Trying to send metadata request to node -2
20:44:43.464 [kafka-producer-network-thread | producer-1] DEBUG o.apache.kafka.clients.NetworkClient - Trying to send metadata request to node -2
20:44:43.564 [kafka-producer-network-thread | producer-1] DEBUG o.apache.kafka.clients.NetworkClient - Trying to send metadata request to node -2
20:44:43.664 [kafka-producer-network-thread | producer-1] DEBUG o.apache.kafka.clients.NetworkClient - Trying to send metadata request to node -2
20:44:43.764 [kafka-producer-network-thread | producer-1] DEBUG o.apache.kafka.clients.NetworkClient - Trying to send metadata request to node -2
20:44:43.864 [kafka-producer-network-thread | producer-1] DEBUG o.apache.kafka.clients.NetworkClient - Trying to send metadata request to node -2
20:44:43.964 [kafka-producer-network-thread | producer-1] DEBUG o.apache.kafka.clients.NetworkClient - Trying to send metadata request to node -2
20:44:44.064 [kafka-producer-network-thread | producer-1] DEBUG o.apache.kafka.clients.NetworkClient - Trying to send metadata request to node -2
20:44:44.164 [kafka-producer-network-thread | producer-1] DEBUG o.apache.kafka.clients.NetworkClient - Trying to send metadata request to node -2
20:44:44.264 [kafka-producer-network-thread | producer-1] DEBUG o.apache.kafka.clients.NetworkClient - Trying to send metadata request to node -2
20:44:44.364 [kafka-producer-network-thread | producer-1] DEBUG o.apache.kafka.clients.NetworkClient - Trying to send metadata request to node -2
20:44:44.464 [kafka-producer-network-thread | producer-1] DEBUG o.apache.kafka.clients.NetworkClient - Trying to send metadata request to node -2
20:44:44.479 [kafka-producer-network-thread | producer-1] WARN  o.a.kafka.common.network.Selector - Error in I/O with null
java.net.ConnectException: Connection refused: no further information
&lt;/code&gt;&lt;/pre&gt;</t>
  </si>
  <si>
    <t>2016-06-16 04:10:12.047000+00:00</t>
  </si>
  <si>
    <t>2017-08-11 10:21:12.670000+00:00</t>
  </si>
  <si>
    <t>java|apache-kafka</t>
  </si>
  <si>
    <t>EF Core: Both eager loading and lazy loading fail (potential bug)</t>
  </si>
  <si>
    <t>&lt;p&gt;I'm using the latest version of EF Core, and it fails loading navigational properties as it is supposed to. 
Assuming the following entity classes &lt;/p&gt;
&lt;pre&gt;&lt;code&gt;public partial class Categories
{
    public Categories()
    {
        Inventories = new HashSet&amp;lt;Inventories&amp;gt;();
    }
    public string CategoryId { get; set; }
    public string Title { get; set; }
    public virtual ICollection&amp;lt;Inventories&amp;gt; Inventories { get; set; }
}
public partial class Inventories
{
    public Inventories()
    {
        OrderItems = new HashSet&amp;lt;OrderItems&amp;gt;();
    }
    public string InventoryId { get; set; }
    ..
    public string CategoryId { get; set; }
    public virtual Categories Category { get; set; }
}
&lt;/code&gt;&lt;/pre&gt;
&lt;p&gt;The followings fails attaching the &lt;code&gt;Category&lt;/code&gt; entity to the query:&lt;/p&gt;
&lt;pre&gt;&lt;code&gt;var query = Db.Set&amp;lt;Inventories&amp;gt;();
//query.FirstOrDefault().Category is Null
query.Include(x=&amp;gt; x.Category);
//query.FirstOrDefault().Category is Null
query.Include("Category");
//query.FirstOrDefault().Category is Null
&lt;/code&gt;&lt;/pre&gt;
&lt;p&gt;However if I do this both Lazy and Eager loading work:&lt;/p&gt;
&lt;pre&gt;&lt;code&gt;var query = Db.Set&amp;lt;Categories&amp;gt;();
var query2 = Db.Set&amp;lt;Inventories&amp;gt;();
//query2.FirstOrDefault().Category Has Value
&lt;/code&gt;&lt;/pre&gt;</t>
  </si>
  <si>
    <t>2016-10-18 18:43:39.477000+00:00</t>
  </si>
  <si>
    <t>MomentJS: Compare time in different timezones</t>
  </si>
  <si>
    <t>&lt;p&gt;I have array of timezones and I want to know which one is the 'earliest one' where earliest is the one in the earliest time zone.&lt;/p&gt;
&lt;p&gt;For example:&lt;/p&gt;
&lt;ul&gt;
&lt;li&gt;Timezone X is Thursday 5pm&lt;/li&gt;
&lt;li&gt;Timezone Y is Thursday 7pm&lt;/li&gt;
&lt;/ul&gt;
&lt;p&gt;Than X is the earliest among them.&lt;/p&gt;
&lt;p&gt;I'm using &lt;a href="http://momentjs.com/" rel="nofollow"&gt;momentjs&lt;/a&gt; and &lt;a href="http://momentjs.com/timezone/" rel="nofollow"&gt;momentjs-timzone&lt;/a&gt; in NodeJS (not the browser package)&lt;/p&gt;
&lt;p&gt;I'm trying to compare the millisecond timestamp but this give me the same value for both:&lt;/p&gt;
&lt;pre&gt;&lt;code&gt;if (momenttz().tz(timezoneX).format('x') &amp;gt; momenttz().tz(timezoneY).format('x'))
&lt;/code&gt;&lt;/pre&gt;</t>
  </si>
  <si>
    <t>2014-12-26 19:59:17.033000+00:00</t>
  </si>
  <si>
    <t>2014-12-27 20:34:46.347000+00:00</t>
  </si>
  <si>
    <t>node.js|momentjs</t>
  </si>
  <si>
    <t>7zip file compression mode store using command prompt is not working?</t>
  </si>
  <si>
    <t>&lt;p&gt;I need to compress my data folder using 7zip (compression mode store) from my nant script. If I compressed from command prompt its not working properly. It taking some other compression mode.&lt;/p&gt;
&lt;p&gt;This is my code&lt;/p&gt;
&lt;p&gt;7zip.exe &lt;code&gt;a mydatafolder.7z -ptest -mx0 mytarget&lt;/code&gt;&lt;/p&gt;
&lt;p&gt;Please help me.&lt;/p&gt;
&lt;p&gt;Thanks&lt;/p&gt;</t>
  </si>
  <si>
    <t>2011-10-24 12:43:20.100000+00:00</t>
  </si>
  <si>
    <t>2011-12-13 07:59:42.783000+00:00</t>
  </si>
  <si>
    <t>compression|nant|store|mode|7zip</t>
  </si>
  <si>
    <t>ColdFusion 8 ArrayFind Substitute</t>
  </si>
  <si>
    <t>&lt;p&gt;I have an array that has a structure of ImageID and Custnum.
I need to find a particular ImageID and retrieve the Custnum for it. 
I���m using ColdFusion 8 which does not have an ArrayFind command. 
How would I do this without looping through each item? Thanks.&lt;/p&gt;</t>
  </si>
  <si>
    <t>2013-09-09 00:58:09.873000+00:00</t>
  </si>
  <si>
    <t>2013-09-09 10:21:17.697000+00:00</t>
  </si>
  <si>
    <t>2013-09-09 01:27:26.773000+00:00</t>
  </si>
  <si>
    <t>arrays|coldfusion|coldfusion-8</t>
  </si>
  <si>
    <t>Parameterized Map not parameterized after proguard obfuscation</t>
  </si>
  <si>
    <t>&lt;p&gt;I am writing a plugin api for my application. The problem now is, that anything in my Maven Proguard config messed up the parameterized &lt;code&gt;Map&lt;/code&gt;s, &lt;code&gt;List&lt;/code&gt;s and other parameterized objects.&lt;/p&gt;
&lt;p&gt;So I have this code:&lt;/p&gt;
&lt;pre&gt;&lt;code&gt;public final Map&amp;lt;String, PermissionGroup&amp;gt; getPermissionGroups() {
    return Vars.PERMGROUPS;
}
&lt;/code&gt;&lt;/pre&gt;
&lt;p&gt;&lt;code&gt;Vars.PERMGROUPS&lt;/code&gt; is this:&lt;/p&gt;
&lt;pre&gt;&lt;code&gt;public static final Map&amp;lt;String, PermissionGroup&amp;gt; PERMGROUPS = new HashMap&amp;lt;&amp;gt;();
&lt;/code&gt;&lt;/pre&gt;
&lt;p&gt;So now, when I call &lt;code&gt;getPermissionGroups&lt;/code&gt; I get a &lt;code&gt;Map&lt;/code&gt; without parameters. &lt;/p&gt;
&lt;p&gt;pom.xml&lt;/p&gt;
&lt;pre&gt;&lt;code&gt;...
        &amp;lt;plugin&amp;gt;
            &amp;lt;groupId&amp;gt;com.github.wvengen&amp;lt;/groupId&amp;gt;
            &amp;lt;artifactId&amp;gt;proguard-maven-plugin&amp;lt;/artifactId&amp;gt;
            &amp;lt;version&amp;gt;2.0.11&amp;lt;/version&amp;gt;
            &amp;lt;executions&amp;gt;
                &amp;lt;execution&amp;gt;
                    &amp;lt;phase&amp;gt;package&amp;lt;/phase&amp;gt;
                    &amp;lt;goals&amp;gt;
                        &amp;lt;goal&amp;gt;proguard&amp;lt;/goal&amp;gt;
                    &amp;lt;/goals&amp;gt;
                &amp;lt;/execution&amp;gt;
            &amp;lt;/executions&amp;gt;
            &amp;lt;configuration&amp;gt;
                &amp;lt;obfuscate&amp;gt;true&amp;lt;/obfuscate&amp;gt;
                &amp;lt;injar&amp;gt;${project.build.finalName}.jar&amp;lt;/injar&amp;gt;
                &amp;lt;outjar&amp;gt;${project.build.finalName}-final.jar&amp;lt;/outjar&amp;gt;
                &amp;lt;includeDependency&amp;gt;true&amp;lt;/includeDependency&amp;gt;
                &amp;lt;options&amp;gt;
                    &amp;lt;option&amp;gt;-keep public class my.package.Main { public static void main(java.lang.String[]); }&amp;lt;/option&amp;gt;
                    &amp;lt;option&amp;gt;-keep public class my.package.plugins.** { *; }&amp;lt;/option&amp;gt;
                    &amp;lt;option&amp;gt;-keep public class my.package.wrapper.** { *; }&amp;lt;/option&amp;gt;
                    &amp;lt;option&amp;gt;-dontusemixedcaseclassnames&amp;lt;/option&amp;gt;
                    &amp;lt;option&amp;gt;-dontskipnonpubliclibraryclasses&amp;lt;/option&amp;gt;
                    &amp;lt;option&amp;gt;-verbose&amp;lt;/option&amp;gt;
                    &amp;lt;option&amp;gt;-obfuscationdictionary dict.txt&amp;lt;/option&amp;gt;
                    &amp;lt;option&amp;gt;-classobfuscationdictionary dict.txt&amp;lt;/option&amp;gt;
                    &amp;lt;option&amp;gt;-packageobfuscationdictionary dict.txt&amp;lt;/option&amp;gt;
                &amp;lt;/options&amp;gt;
                &amp;lt;libs&amp;gt;
                    &amp;lt;lib&amp;gt;${java.home}/lib/rt.jar&amp;lt;/lib&amp;gt;
                    &amp;lt;lib&amp;gt;${java.home}/lib/jce.jar&amp;lt;/lib&amp;gt;
                &amp;lt;/libs&amp;gt;
                &amp;lt;assembly&amp;gt;
                    &amp;lt;inclusions&amp;gt;
                        ...
                    &amp;lt;/inclusions&amp;gt;
                &amp;lt;/assembly&amp;gt;
                &amp;lt;archive&amp;gt;
                    &amp;lt;manifest&amp;gt;
                        &amp;lt;mainClass&amp;gt;my.package.Main&amp;lt;/mainClass&amp;gt;
                    &amp;lt;/manifest&amp;gt;
                &amp;lt;/archive&amp;gt;
            &amp;lt;/configuration&amp;gt;
            &amp;lt;dependencies&amp;gt;
                &amp;lt;dependency&amp;gt;
                    &amp;lt;groupId&amp;gt;net.sf.proguard&amp;lt;/groupId&amp;gt;
                    &amp;lt;artifactId&amp;gt;proguard-base&amp;lt;/artifactId&amp;gt;
                    &amp;lt;version&amp;gt;4.11&amp;lt;/version&amp;gt;
                    &amp;lt;scope&amp;gt;runtime&amp;lt;/scope&amp;gt;
                &amp;lt;/dependency&amp;gt;
            &amp;lt;/dependencies&amp;gt;
        &amp;lt;/plugin&amp;gt;
...
&lt;/code&gt;&lt;/pre&gt;
&lt;p&gt;there are just 20000 random strings in dict.txt.&lt;/p&gt;</t>
  </si>
  <si>
    <t>2016-04-22 14:13:21.393000+00:00</t>
  </si>
  <si>
    <t>2016-04-22 15:23:39.057000+00:00</t>
  </si>
  <si>
    <t>java|maven|hashmap|proguard|parameterized</t>
  </si>
  <si>
    <t>Eclipse won't generate import statements, stopped showing Quick Fix suggestions</t>
  </si>
  <si>
    <t>&lt;p&gt;My Eclipse installation suddenly stopped showing import suggestions.  If I type a class name that isn't in the current package, autocomplete works fine and shows the class, but after picking from the drop-down, the class name is highlighted as an error with the message "MyClass cannot be resolved to a variable".  This error shows no Quick Fix suggestions.  However, if I manually add the relevant &lt;code&gt;import&lt;/code&gt; statement at the top of the file, the code compiles and runs fine.&lt;/p&gt;
&lt;p&gt;I've checked my build path and everything appears to be in order -- and like I said, the code runs when I hand-jam the &lt;code&gt;import&lt;/code&gt; statement -- but losing automatic importing is really slowing me down.  Any idea what could have gone wrong?  It worked fine last week!&lt;/p&gt;
&lt;p&gt;ETA: Another note, if it helps: F3 still opens the class declaration, so Eclipse clearly knows what I "mean", even without the import statement.&lt;/p&gt;
&lt;p&gt;Also also: Things that have not helped:&lt;/p&gt;
&lt;ul&gt;
&lt;li&gt;Clean all projects&lt;/li&gt;
&lt;li&gt;Restarting Eclipse&lt;/li&gt;
&lt;li&gt;Restart computer&lt;/li&gt;
&lt;li&gt;Delete &lt;code&gt;.metadata&lt;/code&gt; from workspace, re-import project&lt;/li&gt;
&lt;li&gt;Start new Java project, re-link source folder, re-add dependencies (not using Maven, but that's not my choice)&lt;/li&gt;
&lt;/ul&gt;</t>
  </si>
  <si>
    <t>2014-01-20 14:22:20.280000+00:00</t>
  </si>
  <si>
    <t>2014-01-20 15:50:42.090000+00:00</t>
  </si>
  <si>
    <t>2014-01-20 15:02:59.763000+00:00</t>
  </si>
  <si>
    <t>java|eclipse</t>
  </si>
  <si>
    <t>What does '...paths.js' mean in ' gulp.src([...paths.js, '!gulpfile.babel.js'], { base: '.' }) '?</t>
  </si>
  <si>
    <t>&lt;p&gt;I have the following gulp task:&lt;/p&gt;
&lt;p&gt;&lt;div class="snippet" data-lang="js" data-hide="false" data-console="true" data-babel="false"&gt;_x000D_
&lt;div class="snippet-code"&gt;_x000D_
&lt;pre class="snippet-code-js lang-js prettyprint-override"&gt;&lt;code&gt;// Compile ES6 to ES5 and copy to dist_x000D_
gulp.task('babel', () =&amp;gt;_x000D_
  gulp.src([...paths.js, '!gulpfile.babel.js'], { base: '.' })_x000D_
    .pipe(plugins.newer('dist'))_x000D_
    .pipe(plugins.sourcemaps.init())_x000D_
    .pipe(plugins.babel())_x000D_
    .pipe(plugins.sourcemaps.write('.', {_x000D_
      includeContent: false,_x000D_
      sourceRoot(file) {_x000D_
        return path.relative(file.path, __dirname);_x000D_
      }_x000D_
    }))_x000D_
    .pipe(gulp.dest('dist'))_x000D_
);&lt;/code&gt;&lt;/pre&gt;_x000D_
&lt;/div&gt;_x000D_
&lt;/div&gt;_x000D_
&lt;/p&gt;
&lt;p&gt;According to the Gulp Doc(&lt;a href="https://gulp.readme.io/docs/gulpsrcglobs-options" rel="nofollow"&gt;gulp.src&lt;/a&gt;)  I learnt that gulp.src
emits files matching provided glob or array of globs.&lt;br&gt;
But I can't understand the meaning of  '...paths.js' here.
There is no file named with 'paths.js' in the project directory. &lt;/p&gt;
&lt;p&gt;Is there anybody who can help me to understand it?&lt;/p&gt;</t>
  </si>
  <si>
    <t>2016-08-20 12:37:14.973000+00:00</t>
  </si>
  <si>
    <t>2016-08-20 12:58:41.723000+00:00</t>
  </si>
  <si>
    <t>javascript|node.js|gulp|ecmascript-6</t>
  </si>
  <si>
    <t>Azure SQL - Login failed for user</t>
  </si>
  <si>
    <t>&lt;p&gt;I am using a free azure subscription, have set up an SQL server (v12) and created a database onto it.&lt;/p&gt;
&lt;p&gt;However i cant seem to log in using the server admin credentials that i set when prompted during the SQL server credentials.&lt;/p&gt;
&lt;p&gt;Management Studio returns:&lt;/p&gt;
&lt;pre&gt;&lt;code&gt;Cannot connect to &amp;lt;server name&amp;gt;...Login failed for user 'mickey'
SQLCMD -S &amp;lt;servername&amp;gt;.database.windows.net -U mickey@servername -P pass -q "select 1"
&lt;/code&gt;&lt;/pre&gt;
&lt;p&gt;Returns&lt;/p&gt;
&lt;p&gt;&lt;strong&gt;&lt;em&gt;Sqlcmd: Error: Microsoft ODBC Driver 11 for SQL Server : Login failed for user '&lt;/em&gt;&lt;/strong&gt;&lt;/p&gt;
&lt;p&gt;Is there something i am missing? Been at this for hours&lt;/p&gt;</t>
  </si>
  <si>
    <t>2016-08-19 09:21:52.190000+00:00</t>
  </si>
  <si>
    <t>2017-11-24 02:13:03.970000+00:00</t>
  </si>
  <si>
    <t>2016-08-19 19:49:33.763000+00:00</t>
  </si>
  <si>
    <t>azure-sql-database</t>
  </si>
  <si>
    <t>How to make a String from two set of list with alternate values</t>
  </si>
  <si>
    <t>&lt;p&gt;I have two lists which contains some values,I have to make String from them so that i will take the 1st value of first list and 1 st value of 2 nd list and also 2nd value of first list and 2 nd value of 2nd list and so on..Lets says those two lists contains the interview timings.So i am giving my code here &lt;/p&gt;
&lt;pre&gt;&lt;code&gt;List&amp;lt;String&amp;gt; interviewTimingToFrom1 = Arrays.asList(interviewTime1.split(","));
for(String a :interviewTimingToFrom1){
    System.out.println("Timing 1:"+a);
}
List&amp;lt;String&amp;gt; interviewTimingToFrom2 = Arrays.asList(interviewTime2.split(","));
for(String a :interviewTimingToFrom2){
}
&lt;/code&gt;&lt;/pre&gt;
&lt;p&gt;The values contain in the 1 st and 2nd list are&lt;/p&gt;
&lt;pre&gt;&lt;code&gt; Timing 1:12:00am
 Timing 1:2:00am
 Timing 2:1:00am
 Timing 2:3:00am
&lt;/code&gt;&lt;/pre&gt;
&lt;p&gt;So now i need to make a string like  from 12.00am to 1.00 am ,from 2.00 am to 3.00am how i can do that .Please help  &lt;/p&gt;</t>
  </si>
  <si>
    <t>2015-09-03 13:16:41.083000+00:00</t>
  </si>
  <si>
    <t>2015-09-03 13:46:58.980000+00:00</t>
  </si>
  <si>
    <t>Hyperledger Composer - Angular App Compile</t>
  </si>
  <si>
    <t>&lt;p&gt;I spun up an Ubuntu server on AWS and everything is working as expected with Hyperledger Composer except when I try to compile an angular-app using "npm start" after creating the app via "yo hyperledger-composer:angular". Its taking forever to compile at 92% chunk asset optimization. When I do the same exact steps on my local mac laptop, no issues at all. Must be some sort of version issue with something in the node_modules? Any thoughts or suggestions?&lt;/p&gt;</t>
  </si>
  <si>
    <t>2018-05-03 01:12:58.853000+00:00</t>
  </si>
  <si>
    <t>2018-05-04 12:01:23.087000+00:00</t>
  </si>
  <si>
    <t>hyperledger-composer</t>
  </si>
  <si>
    <t>Restart Observable connected to a resource</t>
  </si>
  <si>
    <t>&lt;p&gt;In the following code I turn a TCP socket into an &lt;code&gt;Observable[Array[Byte]]&lt;/code&gt;:&lt;/p&gt;
&lt;pre&gt;&lt;code&gt;import rx.lang.scala.Observable
import rx.lang.scala.schedulers.IOScheduler
val sock = new Socket
type Bytes = Array[Byte]
lazy val s: Observable[Bytes] = Obs.using[Bytes, Socket] {
  sock.connect(new InetSocketAddress("10.0.2.2", 9002), 1000)
  sock
}(
  socket =&amp;gt; Observable.from[Bytes] {
    val incoming = socket.getInputStream
    val buffer = new Bytes(1024)
    Stream.continually {
      val read = incoming.read(buffer, 0, 1024)
      buffer.take(read)
    }.takeWhile(_.nonEmpty)
  },
  socket =&amp;gt; {
    println("Socket disposed")
    socket.close
    s.retry // Does not work
  })
  .subscribeOn(IOScheduler.apply)
s.subscribe(bytes =&amp;gt; println(new String(bytes, "UTF-8")), println)
&lt;/code&gt;&lt;/pre&gt;
&lt;p&gt;Connection to a remote server may be interrupted at any moment and in that case I'd like an &lt;code&gt;Observable&lt;/code&gt; to try to reconnect automatically but &lt;code&gt;s.retry&lt;/code&gt; does not do anything. How can I achieve this? Also can it be done "inside" the current &lt;code&gt;Observable&lt;/code&gt; without creating a new one and re-subscribing?&lt;/p&gt;</t>
  </si>
  <si>
    <t>2017-01-08 21:50:51.577000+00:00</t>
  </si>
  <si>
    <t>2017-01-17 12:24:23.450000+00:00</t>
  </si>
  <si>
    <t>scala|rx-scala</t>
  </si>
  <si>
    <t>C++ dll not returning to c#</t>
  </si>
  <si>
    <t>&lt;p&gt;I am working on a project that puts C# interacting with a previously created DLL in C++.
The code below shows how am I exporting the function I need: &lt;/p&gt;
&lt;pre&gt;&lt;code&gt;extern "C" __declspec(dllexport) int iterateAndTest(int testSize, char* testHash){
CUDADLL dll;
int ret = dll.iterateAndTest(testSize, testHash);
return ret;
}
&lt;/code&gt;&lt;/pre&gt;
&lt;p&gt;The code below shows how I declare the function in C#:&lt;/p&gt;
&lt;pre&gt;&lt;code&gt;[DllImport("C:\\Users\\BrunoBraga\\Documents\\Visual Studio 2012\\Projects\\CUDADLL\\Debug\\CUDADLL.dll")]
public static extern int iterateAndTest(int testSize, string testHash);
&lt;/code&gt;&lt;/pre&gt;
&lt;p&gt;The problem is: the dll function is not returning anything. In fact, the dll once called, never returns to C# and the program simply ends.&lt;/p&gt;
&lt;p&gt;I am not sure if I am giving the right code, but i suppose there is something about the dlls I am missing.&lt;/p&gt;
&lt;p&gt;Sorry for the delay on response. THere were two problems:
1-When i created the object, i should have used new insted of just CUDADLL dll. I thought i could do this since without the new i was still able to access the inner fields.;&lt;/p&gt;
&lt;p&gt;2-The program should run in admin, otherwise, some crashes would ocur;&lt;/p&gt;
&lt;p&gt;Thanks again guys.&lt;/p&gt;</t>
  </si>
  <si>
    <t>2013-01-21 23:07:30.870000+00:00</t>
  </si>
  <si>
    <t>2013-02-01 12:08:26.187000+00:00</t>
  </si>
  <si>
    <t>2013-01-31 21:11:42.717000+00:00</t>
  </si>
  <si>
    <t>c#|c++|dll|pinvoke</t>
  </si>
  <si>
    <t>Error when trying to send FormData with jQuery.ajax</t>
  </si>
  <si>
    <t>&lt;p&gt;I have a file which I want to send to the server. The file is being passed within a FormData object and not as a path URI. This is the code I am using:&lt;/p&gt;
&lt;pre&gt;&lt;code&gt;let formData = new FormData();
formData.append('enctype', 'multipart/form-data');
formData.append('mode', 'fileInsert');
formData.append('conId', 'asdasd5535asf');
formData.append('user', 'user2422424');
formData.append('filesNumber', 1);
formData.append('msgType', 'fil');
formData.append('file0', file);
$.ajax({
    data: formData,
    success: function (a, s) {
        debugger;
    }
});
&lt;/code&gt;&lt;/pre&gt;
&lt;p&gt;When the code reaches the &lt;code&gt;$.ajax&lt;/code&gt; call it throws this error:&lt;/p&gt;
&lt;blockquote&gt;
  &lt;p&gt;Uncaught TypeError: Illegal invocation&lt;/p&gt;
&lt;/blockquote&gt;
&lt;p&gt;What is wrong? Note that the jQuery AJAX is being configured earlier, with post type, URL and such.&lt;/p&gt;</t>
  </si>
  <si>
    <t>2016-12-30 12:08:27.903000+00:00</t>
  </si>
  <si>
    <t>2016-12-30 12:17:32.943000+00:00</t>
  </si>
  <si>
    <t>2016-12-30 12:12:30.437000+00:00</t>
  </si>
  <si>
    <t>javascript|jquery|ajax|multipartform-data</t>
  </si>
  <si>
    <t>java json conditional on key name</t>
  </si>
  <si>
    <t>&lt;p&gt;i'm trying to build a sql query from some json data, since the json data i receive always different in the number of fields and contents each time, and all the values are string, so i tried to iterate the json, then convert the values from string to another datatype i.e to_timestamp. but i haven't been able to filter the key name.&lt;/p&gt;
&lt;p&gt;i'm very unfamiliar with java. can someone tell me where is my mistake. thanks&lt;/p&gt;
&lt;pre&gt;&lt;code&gt;    for (String key : jsonObject.keySet()) {
        if (queryKey.length() &amp;gt; 0) {
            queryKey.append(",");
            queryVal.append(",");
        }
        queryKey.append(key);
        if ((String)key == "t") {
            queryVal.append("TO_TIMESTAMP('" + jsonObject.get(key) + "','YYYY-MM-DD HH24:MI:SS.FF3')");
        } else { //something else }
    }
&lt;/code&gt;&lt;/pre&gt;</t>
  </si>
  <si>
    <t>2018-10-16 09:21:39.510000+00:00</t>
  </si>
  <si>
    <t>2018-10-16 18:30:05.083000+00:00</t>
  </si>
  <si>
    <t>2018-10-16 18:07:11.023000+00:00</t>
  </si>
  <si>
    <t>java|json</t>
  </si>
  <si>
    <t>Creating a Card object with a random enumerated type in C++</t>
  </si>
  <si>
    <t>&lt;p&gt;I am currently in the beginning stages of learning C++ (coming from a Java background), and I am having difficulty understand why my program doesn't work. The goal of my program is to be able to create a Card object, in which a random enumerated type (either Infantry, Cavalry or Artillery) will be associated with that object. This means that every time I create a new Card, this Card will have the label of either Infantry, Cavalry or Artillery. &lt;/p&gt;
&lt;p&gt;Here is what I have so far:&lt;/p&gt;
&lt;p&gt;Card.h&lt;/p&gt;
&lt;pre&gt;&lt;code&gt;#include &amp;lt;iostream&amp;gt;
#include &amp;lt;string&amp;gt;
using namespace std;
class Card
{
public:
    enum CardType
    {
        INFANTRY,
        CAVALRY,
        ARTILLERY
    };
    Card();
    Card(CardType type);
    CardType GetType();
    string toString(CardType type);
private:
    CardType type;
};
&lt;/code&gt;&lt;/pre&gt;
&lt;p&gt;Card.cpp&lt;/p&gt;
&lt;pre&gt;&lt;code&gt;#include "Card.h"
#include &amp;lt;iostream&amp;gt;
using namespace std;
Card::Card() { }
Card::Card(Card::CardType type) // creates a card with a random CardType
{ 
    type = static_cast&amp;lt;Card::CardType&amp;gt;(rand() % 3);
}
Card::CardType Card::GetType() 
{
    return type;
}
string Card::toString(Card::CardType type)
{
    switch (type)
    {
    case Card::CardType::INFANTRY:      return "Infantry";
    case Card::CardType::CAVALRY:       return "Cavalry";
    case Card::CardType::ARTILLERY:     return "Artillery";
    }
}
&lt;/code&gt;&lt;/pre&gt;
&lt;p&gt;Driver.cpp&lt;/p&gt;
&lt;pre&gt;&lt;code&gt;#include &amp;lt;iostream&amp;gt;
#include "Card.h"
using namespace std;
int main()
{
    Card c;
    c.toString(c.GetType());
}
&lt;/code&gt;&lt;/pre&gt;
&lt;p&gt;Visual Studio is able to build my program, but freezes right after building it so I'm guessing that I did something wrong. &lt;/p&gt;
&lt;p&gt;Would there be a more simpler/efficient way to achieve what I want my program to do?&lt;/p&gt;
&lt;p&gt;I don't really understand much of C++ yet, so any pointers will help.&lt;/p&gt;
&lt;p&gt;Thank you for your input!&lt;/p&gt;</t>
  </si>
  <si>
    <t>2015-11-26 06:04:02.920000+00:00</t>
  </si>
  <si>
    <t>2015-11-26 06:29:17.773000+00:00</t>
  </si>
  <si>
    <t>c++|enums</t>
  </si>
  <si>
    <t>Saving all records to next database if the first database is reached its size limit</t>
  </si>
  <si>
    <t>&lt;p&gt;I am planning to apply web hosting in &lt;a href="http://godaddy.com" rel="nofollow"&gt;godaddy.com&lt;/a&gt; they offer 10 databases and 1GB each. I am creating a site that saving a lots of records. My question is:&lt;/p&gt;
&lt;p&gt;1) How can I check the database if it is near 1GB ?&lt;/p&gt;
&lt;p&gt;2) How can I automatically select the next database if the previous database reached its limit(1GB) ?&lt;/p&gt;
&lt;p&gt;3) How can I echo all results(in those 10 databases), that is related to the set &lt;code&gt;date&lt;/code&gt;?&lt;/p&gt;
&lt;p&gt;4) How can I echo all results(10 databases) depends on the type of the record ? (like: female or male)&lt;/p&gt;
&lt;p&gt;If you have suggested a tutorials or anything that is related to my concern. I will appreciate it alot.&lt;/p&gt;</t>
  </si>
  <si>
    <t>2016-08-03 12:18:20.700000+00:00</t>
  </si>
  <si>
    <t>2016-08-03 12:36:44.060000+00:00</t>
  </si>
  <si>
    <t>2016-08-03 12:21:22.357000+00:00</t>
  </si>
  <si>
    <t>Changing bitmap image dynamically</t>
  </si>
  <si>
    <t>&lt;p&gt;I'm having issues of having an bitmap image change dynamically between UserControl and Page load. &lt;/p&gt;
&lt;p&gt;I'm using a dispatcher timer to keep the image changed. However it does not work. The error stated that my uriSource is null. &lt;/p&gt;
&lt;p&gt;I'm using ms visual studio 2012, metro application c#&lt;/p&gt;
&lt;p&gt;Code in UserControl xaml:&lt;/p&gt;
&lt;pre&gt;&lt;code&gt;    &amp;lt;Image x:Name="img"&amp;gt;
        &amp;lt;Image.Source&amp;gt;
            &amp;lt;BitmapImage UriSource="{Binding Path=BitmapImage}" /&amp;gt;
        &amp;lt;/Image.Source&amp;gt;
    &amp;lt;/Image&amp;gt;
&lt;/code&gt;&lt;/pre&gt;
&lt;p&gt;Code in UserControl:&lt;/p&gt;
&lt;pre&gt;&lt;code&gt;        public BitmapImage BitmapImage
        { 
            get { return _bitmapImage; }
            set
            {
                if (_bitmapImage == value) return;
                _bitmapImage = value;
                 RaisePropertyChanged("BitmapImage");
            }
         }
    public event PropertyChangedEventHandler PropertyChanged;
    private void RaisePropertyChanged(string propertyName)
    {
        if (PropertyChanged != null)
        {
            PropertyChanged(this, new PropertyChangedEventArgs(propertyName));
        }
    }
&lt;/code&gt;&lt;/pre&gt;
&lt;p&gt;Codes in Page load:&lt;/p&gt;
&lt;pre&gt;&lt;code&gt;    int eyesState = 1;
    private void minionAnimation_Tick(object sender, object e)
    {
      if (eyesState == -1)
        {
            ghosts[0]._bitmapImage.UriSource = new Uri(this.BaseUri, @"Assets/test.png");
        }
        else
        {
            ghosts[0]._bitmapImage.UriSource = new Uri(this.BaseUri, @"Assets/test2.png");
        }
        eyesState *= -1;
    }
&lt;/code&gt;&lt;/pre&gt;</t>
  </si>
  <si>
    <t>2013-08-26 08:38:43.110000+00:00</t>
  </si>
  <si>
    <t>2013-08-26 09:11:19.327000+00:00</t>
  </si>
  <si>
    <t>2013-08-26 08:43:59.637000+00:00</t>
  </si>
  <si>
    <t>c#|windows-8</t>
  </si>
  <si>
    <t>Why do I get an OpenSSL error when trying to connect to Apple Push Notification Service?</t>
  </si>
  <si>
    <t>&lt;p&gt;Maybe there are other questions answered around this, but I cannot seem to be able to solve my problem.&lt;/p&gt;
&lt;p&gt;I am trying to use the Apple Push Notification Service as a Provider, using ruby 2.2.3. &lt;/p&gt;
&lt;p&gt;I have tried a series of gems that I found and they all have the same problem. The gems that I have tried are:&lt;/p&gt;
&lt;ol&gt;
&lt;li&gt;&lt;a href="https://github.com/grocer/grocer" rel="nofollow"&gt;grocer&lt;/a&gt;&lt;/li&gt;
&lt;li&gt;&lt;a href="https://github.com/jpoz/apns" rel="nofollow"&gt;apns&lt;/a&gt;&lt;/li&gt;
&lt;li&gt;&lt;a href="https://github.com/nomad/houston" rel="nofollow"&gt;houston&lt;/a&gt;&lt;/li&gt;
&lt;/ol&gt;
&lt;p&gt;They all raise the same exception:&lt;/p&gt;
&lt;pre&gt;&lt;code&gt;OpenSSL::SSL::SSLError: SSL_connect SYSCALL returned=5 errno=0 state=SSLv3 read server session ticket A
&lt;/code&gt;&lt;/pre&gt;
&lt;p&gt;These gems are using OpenSSL to create an SSL connection to APNS end point. But they fail to do that.&lt;/p&gt;
&lt;p&gt;Please, note that I am working on a Mac OS X Yosemite machine.&lt;/p&gt;
&lt;p&gt;Any help?&lt;/p&gt;
&lt;p&gt;&lt;strong&gt;EDIT&lt;/strong&gt; More info on how I use &lt;code&gt;grocer&lt;/code&gt;:&lt;/p&gt;
&lt;pre&gt;&lt;code&gt;pusher = Grocer.pusher(
  certificate: "/Users/panayotismatsinopoulos/Documents/ProgrammingSwift/certificate.pem",
  passphrase:  "the passphrase for loading certificate",
  gateway:     "gateway.sandbox.push.apple.com",
  port:        2195,
  retries:     3
)
notification = Grocer::Notification.new(
  device_token: "....the device token here...",
  alert: "Hello There!",
  badge: 42)
pusher.push(notification)
&lt;/code&gt;&lt;/pre&gt;
&lt;p&gt;And the exception I get is:&lt;/p&gt;
&lt;pre&gt;&lt;code&gt;OpenSSL::SSL::SSLError: SSL_connect SYSCALL returned=5 errno=0 state=SSLv3 read server session ticket A
    from /Users/panayotismatsinopoulos/.rvm/gems/ruby-2.2.3@my_project/gems/grocer-0.6.1/lib/grocer/ssl_connection.rb:43:in `connect'
    from /Users/panayotismatsinopoulos/.rvm/gems/ruby-2.2.3@my_project/gems/grocer-0.6.1/lib/grocer/ssl_connection.rb:43:in `connect'
    from /Users/panayotismatsinopoulos/.rvm/gems/ruby-2.2.3@my_project/gems/grocer-0.6.1/lib/grocer/connection.rb:29:in `connect'
    from /Users/panayotismatsinopoulos/.rvm/gems/ruby-2.2.3@my_project/gems/grocer-0.6.1/lib/grocer/connection.rb:55:in `with_connection'
    from /Users/panayotismatsinopoulos/.rvm/gems/ruby-2.2.3@my_project/gems/grocer-0.6.1/lib/grocer/connection.rb:23:in `write'
    from /Users/panayotismatsinopoulos/.rvm/gems/ruby-2.2.3@my_project/gems/grocer-0.6.1/lib/grocer/pusher.rb:8:in `push'
    from (irb):29
    from /Users/panayotismatsinopoulos/.rvm/gems/ruby-2.2.3@my_project/gems/railties-4.2.4/lib/rails/commands/console.rb:110:in `start'
    from /Users/panayotismatsinopoulos/.rvm/gems/ruby-2.2.3@my_project/gems/railties-4.2.4/lib/rails/commands/console.rb:9:in `start'
    from /Users/panayotismatsinopoulos/.rvm/gems/ruby-2.2.3@my_project/gems/railties-4.2.4/lib/rails/commands/commands_tasks.rb:68:in `console'
    from /Users/panayotismatsinopoulos/.rvm/gems/ruby-2.2.3@my_project/gems/railties-4.2.4/lib/rails/commands/commands_tasks.rb:39:in `run_command!'
    from /Users/panayotismatsinopoulos/.rvm/gems/ruby-2.2.3@my_project/gems/railties-4.2.4/lib/rails/commands.rb:17:in `&amp;lt;top (required)&amp;gt;'
    from bin/rails:4:in `require'
    from bin/rails:4:in `&amp;lt;main&amp;gt;'
&lt;/code&gt;&lt;/pre&gt;</t>
  </si>
  <si>
    <t>2015-11-02 09:27:17.767000+00:00</t>
  </si>
  <si>
    <t>2015-11-10 09:30:29.163000+00:00</t>
  </si>
  <si>
    <t>2015-11-02 10:09:43.100000+00:00</t>
  </si>
  <si>
    <t>ruby|openssl|apple-push-notifications</t>
  </si>
  <si>
    <t>Javascript Framework to handle popups</t>
  </si>
  <si>
    <t>&lt;p&gt;In our (web)project we have some popups (window.open(...)) to display different object details.
There is also some basic communication between the main window and this popups. Now we want to refactor and clean up all this code to make it more stable and extendable. We thought about something like a handling framework at the main page which is responsible to open/reload details when needed, sending messages between windows and so on.&lt;/p&gt;
&lt;p&gt;Does anyone know an existing framework for such things and even more important does anyone have any experience with such a framework?&lt;/p&gt;
&lt;p&gt;Greetings&lt;/p&gt;</t>
  </si>
  <si>
    <t>2013-02-22 10:35:03.097000+00:00</t>
  </si>
  <si>
    <t>2013-02-22 11:24:36.567000+00:00</t>
  </si>
  <si>
    <t>javascript|frameworks|popup</t>
  </si>
  <si>
    <t>MailItem.Display(true|false) exception when used in WinForms</t>
  </si>
  <si>
    <t>&lt;p&gt;I'm creating an Outlook Add In, which has a subform. The form has a button on it, through which I would like to generate a mailitem, if the user clicks it. I'd like to auto-populate some info in the email, and then leave it for the user to send at their leisure. &lt;/p&gt;
&lt;p&gt;My code looks like the following:&lt;/p&gt;
&lt;pre&gt;&lt;code&gt;private void btnMailDocNotice_Click(object sender, EventArgs e)
    {
        string clientInfo = string.Empty;
        string matInfo = string.Empty;
        string author = string.Empty;
        string dType = string.Empty;
        string fLocation = string.Empty;
        string keyWords = string.Empty;
        string docName = string.Empty;
        clientInfo = this.mCboClient.Text + " " + lblClient;
        matInfo = this.mCboMatter.Text + " " + lblMatter;
        author = this.txtAuthor.Text;
        dType = this.mCboDocType.Text.ToUpper();
        fLocation = this.txtSavePath.Text;
        keyWords = this.txtKeyWords.Text;
        docName = this.txtDocName.Text;
        this.sendDocNotice = true;
        this.Hide();
        CreateMailItem(clientInfo, matInfo, author, dType, this.operatorCode.ToUpper(), fLocation, keyWords, docName);
        this.Show();
    }
private void CreateMailItem(string clientInfo, string matInfo, string author, string dType, string profiledBy, string fLocation, string keyWords, string docName)
    {
        this.DNoticeItem = (Outlook.MailItem)ThisAddIn.myApp.CreateItem(Outlook.OlItemType.olMailItem);
        this.DNoticeItem.Subject = "Document: " + docName;
        this.DNoticeItem.HTMLBody = "&amp;lt;span style=\"font-family:Calibri; font-size: 11pt;\"&amp;gt;KeyWords: " + keyWords + "&amp;lt;/span&amp;gt;";
        this.DNoticeItem.HTMLBody += "&amp;lt;br /&amp;gt;Client: " + clientInfo;
        this.DNoticeItem.HTMLBody += "&amp;lt;br /&amp;gt;Matter: " + matInfo;
        this.DNoticeItem.HTMLBody += "&amp;lt;br /&amp;gt;Author: " + author;
        this.DNoticeItem.HTMLBody += "&amp;lt;br /&amp;gt;Doc Type: " + dtClient;
        this.DNoticeItem.HTMLBody += "&amp;lt;br /&amp;gt;Profiled by: " + profiledBy;
        this.DNoticeItem.HTMLBody += "&amp;lt;br /&amp;gt;File://" + fLocation;
        this.DNoticeItem.Importance = Outlook.OlImportance.olImportanceNormal;
        this.DNoticeItem.Display(false);
    }
&lt;/code&gt;&lt;/pre&gt;
&lt;p&gt;The problem that I'm running into, is it fires an exception on the mailitem.display function, whether I use true or false (doing a bit of research says that determines if the user can access the main Outlook window or not while the mailitem is open). The exception is a COM Exception of "A dialog box is open. Close it and try again". I've tried hiding the WinForm prior to the function call that creates the mail item, then show it again after the function is exited, but it didn't work. I've tried a version of the code where I use System.Diagnostics.Process.Start() to try and open the file after saving it to disk, and while it doesn't fire an exception from the add in, Outlook prompts the user with a message box of the same message from the ComException. I even tried creating a field to see if the doc notice email should be drafted, and thought to have the code take care of that after a form.close() call, thinking the close call would at least dispose of the dialog box that was locking Outlook, and I still got the same exception. &lt;/p&gt;
&lt;p&gt;Is there a way to achieve what I want? Does anyone have any suggestions? I'm kind of stuck at the moment, and would appreciate any help/pointers/suggestions anyone has to offer in this issue. My sincere apologies if this is a duplicative question - I couldn't find a good answer to the question. Thank you in advance for your time. &lt;/p&gt;</t>
  </si>
  <si>
    <t>2017-05-03 21:43:08.353000+00:00</t>
  </si>
  <si>
    <t>2017-05-03 22:02:59.600000+00:00</t>
  </si>
  <si>
    <t>c#|winforms|email|outlook|outlook-addin</t>
  </si>
  <si>
    <t>How do I get onclick attribute to work with pop up plugin on wordpress site?</t>
  </si>
  <si>
    <t>&lt;p&gt;Using the PopUp plugin by subsystic, they claim that adding the following on click attribute to my site will trigger the pop up form I've created when clicking a specific link.&lt;/p&gt;
&lt;p&gt;onclick="ppsShowPopup(100); return false;"&lt;/p&gt;
&lt;p&gt;This is what my code looks like:&lt;/p&gt;
&lt;pre&gt;&lt;code&gt;&amp;lt;a href="http://www.it-erative.com" onclick="ppsShowPopup(100); return false;"&amp;gt;&amp;lt;p class="text"&amp;gt;REQUEST DEMO&amp;lt;/p&amp;gt;&amp;lt;/a&amp;gt;
&lt;/code&gt;&lt;/pre&gt;
&lt;p&gt;but the pop up doesn't show.&lt;/p&gt;</t>
  </si>
  <si>
    <t>2015-02-16 21:09:47.030000+00:00</t>
  </si>
  <si>
    <t>2016-04-17 06:42:38.007000+00:00</t>
  </si>
  <si>
    <t>html|wordpress|wordpress-plugin</t>
  </si>
  <si>
    <t>Formatting InnerHtml Text with RegEx not working properly</t>
  </si>
  <si>
    <t>&lt;p&gt;Technology: Asp.Net 4.5 WebForms&lt;/p&gt;
&lt;p&gt;I am using the following javascript function to color text in a code block. It actually works if I halt the code with an alert immediately after the function. But the regex rendering doesn't stick. How can I get the results to render after function is completed? Below is a small sample.&lt;/p&gt;
&lt;p&gt;CSS&lt;/p&gt;
&lt;pre&gt;&lt;code&gt;&amp;lt;style type="text/css"&amp;gt;
    .blue
    {
        color: blue;
    }
    .demo
    {
        background-color: gainsboro; 
        width: 300px; 
        height: 100px; 
        padding: 5px;
    }
&amp;lt;/style&amp;gt;
&lt;/code&gt;&lt;/pre&gt;
&lt;p&gt;JavaScript&lt;/p&gt;
&lt;pre&gt;&lt;code&gt;&amp;lt;script type="text/javascript"&amp;gt;
    function Prettyfy() {
        var keys = ["Dim", "As", "String"]
        for (var i = 0; i &amp;lt; keys.length; i++) {
            var value = keys[i];
            var str = document.getElementById("demo").innerHTML;
            var regexExpression = "(?!(?:[^&amp;lt;]+&amp;gt;|[^&amp;gt;]+&amp;lt;\\/a&amp;gt;))\\b(" + value + ")\\b";
            var regex = new RegExp(regexExpression, "ig");
            document.getElementById("demo").innerHTML = str.replace(regex, '&amp;lt;span class="blue"&amp;gt;' + value + '&amp;lt;/span&amp;gt;');
        }
        alert(document.getElementById("demo").innerHTML);
    }
&amp;lt;/script&amp;gt;
&lt;/code&gt;&lt;/pre&gt;
&lt;p&gt;HTML&lt;/p&gt;
&lt;pre&gt;&lt;code&gt;&amp;lt;body&amp;gt;
    &amp;lt;form id="form1" runat="server"&amp;gt; &amp;lt;pre id="demo" class="demo"&amp;gt;
            &amp;lt;code&amp;gt;
    dim motor as string
    dim reducer as string
            &amp;lt;/code&amp;gt;
        &amp;lt;/pre&amp;gt;
        &amp;lt;br /&amp;gt;
        &amp;lt;button onclick="Prettyfy()"&amp;gt;Prettyfy Code&amp;lt;/button&amp;gt;
    &amp;lt;/form&amp;gt;
&amp;lt;/body&amp;gt;
&lt;/code&gt;&lt;/pre&gt;</t>
  </si>
  <si>
    <t>2014-01-25 18:25:14.490000+00:00</t>
  </si>
  <si>
    <t>2014-01-25 18:49:51.950000+00:00</t>
  </si>
  <si>
    <t>javascript|jquery|html|css|regex</t>
  </si>
  <si>
    <t>How to get data from server in ionic</t>
  </si>
  <si>
    <t>&lt;p&gt;I am out of my depths here in ionic hell. below is my current code which returns an observable. I need it to return the response from the server (it is in a separate file for separation of concerns purposes)&lt;/p&gt;
&lt;p&gt;auth.ts&lt;/p&gt;
&lt;pre&gt;&lt;code&gt;import { Http } from '@angular/http';
import 'rxjs/add/operator/map';
export const getToken = function(http){
    let response = http.post('localhost:3000/auth/authenticate', 
                {email: 'mendelh1537@gmail.com', password: 'password'}).then();
    return response();
}
&lt;/code&gt;&lt;/pre&gt;
&lt;p&gt;home.ts&lt;/p&gt;
&lt;pre&gt;&lt;code&gt;constructor(public events: Events, public http: Http,
    ...
smsPressed(item){
    console.log(getToken(this.http));
}
&lt;/code&gt;&lt;/pre&gt;
&lt;p&gt;error&lt;/p&gt;
&lt;pre&gt;&lt;code&gt;Error in ./HomePage class HomePage - caused by: __webpack_require__.i(...) is not a function
&lt;/code&gt;&lt;/pre&gt;</t>
  </si>
  <si>
    <t>2017-03-15 22:10:10.080000+00:00</t>
  </si>
  <si>
    <t>2017-03-16 14:35:39.243000+00:00</t>
  </si>
  <si>
    <t>typescript|ionic-framework|ionic2</t>
  </si>
  <si>
    <t>How to automatically generate proguard-android.txt?</t>
  </si>
  <si>
    <t>&lt;p&gt;Reading all the wonderful things the new &lt;a href="http://tools.android.com/recent/proguardimprovements" rel="noreferrer"&gt;ProGuard Improvements for Android&lt;/a&gt; do, I switched to to the new scheme by &lt;em&gt;uncommenting&lt;/em&gt; the following line in a newly created project:&lt;/p&gt;
&lt;pre&gt;&lt;code&gt;proguard.config=${sdk.dir}\tools\proguard\proguard-android.txt;proguard-project.txt
&lt;/code&gt;&lt;/pre&gt;
&lt;p&gt;But when I try to export this project's APK, I am greeted with the following message:&lt;/p&gt;
&lt;blockquote&gt;
  &lt;p&gt;Invalid proguard configuration file path
  C:\android-sdk-windows\tools\proguard\proguard-android.txt does not
  exist or is not a regular file&lt;/p&gt;
&lt;/blockquote&gt;
&lt;p&gt;Well, I checked the directory &lt;code&gt;C:\android-sdk-windows\tools\proguard&lt;/code&gt; and, sure enough, while this directory exists and has subdirectories and even a README file, &lt;code&gt;proguard-android.txt&lt;/code&gt; is nowhere to be found.&lt;/p&gt;
&lt;p&gt;BTW, I tried it with &lt;code&gt;:&lt;/code&gt; instead of &lt;code&gt;;&lt;/code&gt; but that didn't seem to change anything.&lt;/p&gt;
&lt;p&gt;Isn't Eclipse+ADT+Proguard supposed to generate this file automatically for me? What am I missing?&lt;/p&gt;
&lt;p&gt;Also, where can I find a "standard" &lt;a href="http://tools.android.com/recent/proguardimprovements" rel="noreferrer"&gt;default set of rules for Android&lt;/a&gt; proguard-android.txt so that I can copy it over to its missing slot?&lt;/p&gt;</t>
  </si>
  <si>
    <t>2012-06-13 17:31:42.867000+00:00</t>
  </si>
  <si>
    <t>2015-03-17 20:34:13.920000+00:00</t>
  </si>
  <si>
    <t>2012-06-13 17:37:20.913000+00:00</t>
  </si>
  <si>
    <t>android|adt|proguard</t>
  </si>
  <si>
    <t>How to display hidden field in a form after ajax response</t>
  </si>
  <si>
    <t>&lt;p&gt;I have this form which has one select field for main-category, one select field for sub-category and a hidden field. This hidden field is only displayed when a specific value chosen from sub-category.&lt;/p&gt;
&lt;p&gt;This sub-category options are the result of ajax response from main-category.
Here is the form:&lt;/p&gt;
&lt;pre&gt;&lt;code&gt;&amp;lt;form&amp;gt;
&amp;lt;select id='main-cat' name='maincat' onchange="sortSubcat(this.value)"/&amp;gt;
&amp;lt;option value=""&amp;gt;Please select one category&amp;lt;/option&amp;gt;
&amp;lt;option value="Category 1"&amp;gt;Category 1&amp;lt;/option&amp;gt;
&amp;lt;option value="Category 2"&amp;gt;Category 2&amp;lt;/option&amp;gt;
&amp;lt;option value="Category 3"&amp;gt;Category 3&amp;lt;/option&amp;gt;
&amp;lt;/select&amp;gt;
&amp;lt;div id='subcat-more'&amp;gt;
    &amp;lt;select id='subcat' name='subcat'&amp;gt;
        &amp;lt;option value=''&amp;gt;Please select a subcategory&amp;lt;/option&amp;gt;
    &amp;lt;/select&amp;gt;   
&amp;lt;/div&amp;gt;
&amp;lt;div id='morefield' style='display:none'&amp;gt;
       &amp;lt;input type='text' name='option1'/&amp;gt;
&amp;lt;/div&amp;gt;
&amp;lt;/form&amp;gt;
&lt;/code&gt;&lt;/pre&gt;
&lt;p&gt;I have a Jquery code which handle this form validation, and it tells whether the #morefield is displayed or not. Here is part of this code:&lt;/p&gt;
&lt;pre&gt;&lt;code&gt;$("#subcat").change(function(){
    if (subcat.val() == 'sub-cat-one'){ 
        $("#morefield").css("display","block"); 
    }else{
        $("#morefield").hide();
    }
});
&lt;/code&gt;&lt;/pre&gt;
&lt;p&gt;Unfortunately, Ajax response only displays option on screen however, it did not change in html so when I viewed source code, I don't see any option for sub-cat. Thats why even I chose option sub-cat-one, I would show the div #morefield. &lt;/p&gt;
&lt;p&gt;Is there anyway to solve this problem?&lt;/p&gt;
&lt;p&gt;Best Regards,&lt;/p&gt;
&lt;p&gt;More informaiton:&lt;/p&gt;
&lt;p&gt;Here is my ajax call:&lt;/p&gt;
&lt;pre&gt;&lt;code&gt;function sortSubcat(str)
{
if (str=="")
{
 document.getElementById("subcat").innerHTML="";
 return;
} 
if (window.XMLHttpRequest)
{// code for IE7+, Firefox, Chrome, Opera, Safari
xmlhttp=new XMLHttpRequest();
}
else
{// code for IE6, IE5
 xmlhttp=new ActiveXObject("Microsoft.XMLHTTP");
}
xmlhttp.onreadystatechange=function()
{
if (xmlhttp.readyState==4 &amp;amp;&amp;amp; xmlhttp.status==200)
{
 document.getElementById("subcat").innerHTML=xmlhttp.responseText;
}
}
xmlhttp.open("GET","/member/sortsubcat.php?q="+str,true);
xmlhttp.send();
}
&lt;/code&gt;&lt;/pre&gt;
&lt;p&gt;Here is the php file:&lt;/p&gt;
&lt;pre&gt;&lt;code&gt;&amp;lt;?php
require_once("../configs/dbconnect.php");
if (!empty($_GET['q'])){
$q = basename($_GET['q']);
$sql="SELECT * FROM subcat WHERE maincat=:q";
$result = $conn-&amp;gt;prepare($sql);
$result-&amp;gt;bindParam(':q', $q);
$result-&amp;gt;execute();
echo "&amp;lt;option value=''&amp;gt;Please select a sub cat&amp;lt;/option&amp;gt;";
foreach($result as $row)
{
    echo "&amp;lt;option value='$row[name]'&amp;gt;$row[name]&amp;lt;/option&amp;gt;";
}
}
else{
echo "&amp;lt;option value=''&amp;gt;Please select a subcat&amp;lt;/option&amp;gt;";
}
$conn=null;
?&amp;gt;
&lt;/code&gt;&lt;/pre&gt;</t>
  </si>
  <si>
    <t>2015-08-18 11:02:24.533000+00:00</t>
  </si>
  <si>
    <t>2015-08-18 12:44:16.057000+00:00</t>
  </si>
  <si>
    <t>2015-08-18 12:20:33.293000+00:00</t>
  </si>
  <si>
    <t>Rendering Grid onto App-drawer (Material UI)</t>
  </si>
  <si>
    <t>&lt;p&gt;I wanted to import and render these two components from material-ui so that the following app-drawer as well as the grid are displayed on the same page (the grid would be located as indicated in the CodeSandbox link).&lt;/p&gt;
&lt;p&gt;I am a little lost in implementing this and would appreciate any sort of help. &lt;/p&gt;
&lt;ol&gt;
&lt;li&gt;How would one render multiple composite components such as these two and at the same time control positioning?&lt;/li&gt;
&lt;li&gt;How does one know what properties a certain component requires to be passed to it when importing?&lt;/li&gt;
&lt;li&gt;I encounter a cross-origin error when implementing this. Why?&lt;/li&gt;
&lt;/ol&gt;
&lt;p&gt;&lt;a href="https://material-ui-next.com/demos/tables/#sorting-amp-selecting" rel="nofollow noreferrer"&gt;Sortable Grid&lt;/a&gt;&lt;/p&gt;
&lt;p&gt;&lt;a href="https://codesandbox.io/s/l586204zw7" rel="nofollow noreferrer"&gt;App Drawer (CodeSandbox link) &lt;/a&gt;&lt;/p&gt;</t>
  </si>
  <si>
    <t>2018-01-17 09:18:47.200000+00:00</t>
  </si>
  <si>
    <t>reactjs|material-ui|codesandbox</t>
  </si>
  <si>
    <t>External files into 2d arrays</t>
  </si>
  <si>
    <t>&lt;p&gt;So I've been researching on how to place an external file into a 2d array using a scanner. However, I don't really understand how to make it work and I was hoping I could get some help on how to write it. For example, if I have a file that looks like this (5x5):&lt;/p&gt;
&lt;p&gt;45 67 89 12 -3&lt;/p&gt;
&lt;p&gt;-3 -6 -7 -4 -9&lt;/p&gt;
&lt;p&gt;96 81 -8 52 12&lt;/p&gt;
&lt;p&gt;14 -7 72 29 -1&lt;/p&gt;
&lt;p&gt;19 43 28 63 87&lt;/p&gt;
&lt;p&gt;Then I read the file with the scanner with this(very rough outline): &lt;/p&gt;
&lt;pre&gt;&lt;code&gt;Scanner reader = new Scanner(new File("Insert File Location"));
while(reader.hasNext())
{
&lt;/code&gt;&lt;/pre&gt;
&lt;p&gt;How can I store this data into a 2d array using this format? I'm not really sure on how it works and I have an exam in a couple of weeks. I was planning on asking my professor, but he hasn't been here for the last few days. Could someone please show me how I can do this to store the file into a 2d array? If there are any other ways that may be more efficient, I would be open to all ideas (still a beginner). I really appreciate all the help.&lt;/p&gt;</t>
  </si>
  <si>
    <t>2014-04-25 04:36:16.860000+00:00</t>
  </si>
  <si>
    <t>2014-04-25 04:43:08.953000+00:00</t>
  </si>
  <si>
    <t>How to integrate font-awesome 5.3 in grails 2.4.4 version without cdn link</t>
  </si>
  <si>
    <t>&lt;p&gt;I'm trying to integrate font-awesome 5.3 in grails 2.4.4 version, and I'm not supposed to use cdn link. 
Since grails 2.4.4 doesn't have dependency plugin support for font-awesome 5.3, I can not use the dependency plugins as well.&lt;/p&gt;
&lt;p&gt;I just downloaded the bundle and tried to copy all files into my project folder and imported the all.css file into my main.gsp file, but that didn't work. 
Is there any other approach to fix this? [OR] Did I do anything wrong while placing the bundle files into my project?
Can someone suggest me the best approach&lt;/p&gt;</t>
  </si>
  <si>
    <t>2018-09-19 07:00:19.990000+00:00</t>
  </si>
  <si>
    <t>2018-09-19 21:59:49.137000+00:00</t>
  </si>
  <si>
    <t>grails|font-awesome</t>
  </si>
  <si>
    <t>How to setup ngclass change when route change occurs in AngularJS?</t>
  </si>
  <si>
    <t>&lt;p&gt;I am trying to add a class on my main &lt;code&gt;.container&lt;/code&gt; class when the route changes.&lt;/p&gt;
&lt;p&gt;My current simple solution involves an &lt;code&gt;ng-click&lt;/code&gt; on every main menu url (no other urls on the page):&lt;/p&gt;
&lt;pre&gt;&lt;code&gt;app.controller('MainCtrl', ['$scope', function( $scope ){
  $scope.setMain = function( value ){ $scope.isMain = value };
}]);
&lt;/code&gt;&lt;/pre&gt;
&lt;p&gt;Then in my html:&lt;/p&gt;
&lt;pre&gt;&lt;code&gt;&amp;lt;div ng-controller="MainCtrl" class="container" ng-class="{'main': isMain}"&amp;gt;
  &amp;lt;ul class="main-menu"&amp;gt;
    &amp;lt;li&amp;gt;&amp;lt;a href="#" ng-click="setMain(true)"&amp;gt;&amp;lt;/li&amp;gt;
    &amp;lt;li&amp;gt;&amp;lt;a href="#/page-1" ng-click="setMain(false)"&amp;gt;&amp;lt;/li&amp;gt;
    &amp;lt;li&amp;gt;&amp;lt;a href="#/page-2" ng-click="setMain(false)"&amp;gt;&amp;lt;/li&amp;gt;
  &amp;lt;/ul&amp;gt;
  &amp;lt;div ng-view&amp;gt;&amp;lt;/div&amp;gt;
&amp;lt;/div&amp;gt;
&lt;/code&gt;&lt;/pre&gt;
&lt;p&gt;This seems to work ok as long as I need to add any more urls the problem is when a user does not click on any of the links and directly accesses a url he does not get the main class.&lt;/p&gt;
&lt;p&gt;Is there a better way to do this?&lt;/p&gt;</t>
  </si>
  <si>
    <t>2014-03-01 14:13:30.937000+00:00</t>
  </si>
  <si>
    <t>2014-03-01 14:28:36.133000+00:00</t>
  </si>
  <si>
    <t>javascript|angularjs|ngroute|ng-view</t>
  </si>
  <si>
    <t>How to use environment variable in ZF2?</t>
  </si>
  <si>
    <t>&lt;p&gt;I just want to few config variables / API urls based on environment like local, stage, production.&lt;/p&gt;
&lt;p&gt;I have tried with below tutorial. But I am missing something. &lt;/p&gt;
&lt;p&gt;&lt;a href="http://framework.zend.com/manual/current/en/tutorials/config.advanced.html" rel="nofollow"&gt;http://framework.zend.com/manual/current/en/tutorials/config.advanced.html&lt;/a&gt;&lt;/p&gt;
&lt;p&gt;Is there any step by step tutorial to achieve this ?&lt;/p&gt;
&lt;p&gt;Early response appreciated and thanks in advance.&lt;/p&gt;</t>
  </si>
  <si>
    <t>2014-12-29 06:42:57.397000+00:00</t>
  </si>
  <si>
    <t>2014-12-29 07:20:18+00:00</t>
  </si>
  <si>
    <t>php|zend-framework|zend-framework2|environment-variables</t>
  </si>
  <si>
    <t>Elf Symtab Parsing Null Pointer</t>
  </si>
  <si>
    <t>&lt;p&gt;Hate to ask people to help me debug my code but really stuck on this. I have a simple code snippet for going through the symbols in symtab and then printing them to the console. Apparently, I have an null pointer in the calls to &lt;code&gt;printf&lt;/code&gt; and &lt;code&gt;strcmp&lt;/code&gt; (resulting in segfault), but I can't seem to figure out why.
Here is the code snippet:&lt;/p&gt;
&lt;pre&gt;&lt;code&gt;    #include &amp;lt;stdio.h&amp;gt;
    #include &amp;lt;sys/stat.h&amp;gt;
    #include &amp;lt;sys/types.h&amp;gt;
    #include &amp;lt;elf.h&amp;gt;
    #include &amp;lt;fcntl.h&amp;gt;
    #ifdef DEBUG
    #define PRINTDEBUG(x) printf x //variable number of arguments
    #else
    #define PRINTDEBUG(x) do{} while(0)
    #endif
    uint32_t main(int argc, char** argv){
        char* filename = argv[1];
        char* sym_name = argv[2];
        int fd = open(filename, O_RDONLY);
        struct stat st;
        stat(fd, &amp;amp;st);
    char mem[st.st_size];
        read(fd, mem, st.st_size);
        Elf32_Ehdr* ehdr;
        Elf32_Shdr* shdr; //generic entry for enumerating sections
        Elf32_Shdr strtab; //holds string in symtab
        Elf32_Shdr symtab;
        char* sh_strtab; //hold sections names
        Elf32_Sym* sym;
        ehdr = (Elf32_Ehdr *)mem;
        shdr = (Elf32_Shdr* )(mem + ehdr-&amp;gt;e_shoff);
        PRINTDEBUG(("number of section headers: %d\n", ehdr-&amp;gt;e_shnum)); //need double brackets for variable #of arguments
        sh_strtab = (char *)(mem + (shdr[ehdr-&amp;gt;e_shstrndx].sh_offset)); 
        //find address of symtab and strtab 
        for(int i = 0; i &amp;lt; ehdr-&amp;gt;e_shnum; i++){
            if(shdr[i].sh_size){
            printf("%s\n", &amp;amp;sh_strtab[shdr[i].sh_name]);
            if(strcmp(&amp;amp;sh_strtab[shdr[i].sh_name], ".strtab") == 0)
                strtab = shdr[i];
            if(strcmp(&amp;amp;sh_strtab[shdr[i].sh_name], ".symtab") == 0)
                symtab = shdr[i];           
            }
        }
    PRINTDEBUG(("symtab offset %x\n", symtab.sh_offset));
    PRINTDEBUG(("strtab offset %x\n", strtab.sh_offset));
    char* symtab_str = (char *)(mem + strtab.sh_offset);
    sym = (Elf32_Sym* )(mem + symtab.sh_offset);
    printf("Symbol names: \n");
    for(int i = 0;  i &amp;lt; (symtab.sh_size / symtab.sh_entsize); i++, sym++){
        printf("%x\n",&amp;amp;symtab_str[sym-&amp;gt;st_name]);
        if(strcmp(&amp;amp;symtab_str[sym-&amp;gt;st_name], sym_name) ==0) 
            printf("not crahsed\n");
        //TODO: resolve reloc'd syms
    }
}
&lt;/code&gt;&lt;/pre&gt;
&lt;p&gt;The null pointer occurs at &lt;code&gt;&amp;amp;symtab_str[sym-&amp;gt;st_name]&lt;/code&gt;. Weird thing is, I've looked at the assembly with the debugger and it shows &lt;code&gt;&amp;amp;symtab_str[sym-&amp;gt;st_name]&lt;/code&gt; pointing to the correct value, i.e. the first string in &lt;code&gt;.strtab&lt;/code&gt;.&lt;/p&gt;
&lt;p&gt;EDIT: Posted the code snippet that should trigger the segfault. Compile with "-m32" flag for gcc. Provide the pathname for a 32bit Elf file as the first run parameter. i.e.&lt;/p&gt;
&lt;pre&gt;&lt;code&gt;./symtab_parse test_file
&lt;/code&gt;&lt;/pre&gt;
&lt;p&gt;I already got this working as I originally intended. However, I am not sure about the cause of the segfault, and as pointed out by EmployedRussian, my original answer was not the root cause of the problem. Would like to really get to the bottom of this mystery, and hopefully learn something from it.  &lt;/p&gt;</t>
  </si>
  <si>
    <t>2018-05-19 08:34:08.413000+00:00</t>
  </si>
  <si>
    <t>2018-05-20 19:37:42.023000+00:00</t>
  </si>
  <si>
    <t>2018-05-20 16:04:37.133000+00:00</t>
  </si>
  <si>
    <t>c|assembly|elf</t>
  </si>
  <si>
    <t>Is it possible to detect if a script is being loaded as a RequireJS module?</t>
  </si>
  <si>
    <t>&lt;p&gt;I'm researching whether there is a way to detect, &lt;em&gt;for sure&lt;/em&gt;, whether a given script is currently being loaded by RequireJS.  An answer for AMD modules in general would be even better, but my use case is only RequireJS.&lt;/p&gt;
&lt;p&gt;jQuery and other libraries "detect" it like so:&lt;/p&gt;
&lt;pre&gt;&lt;code&gt;if ( typeof define === "function" &amp;amp;&amp;amp; define.amd ) {
    define( "jquery", [], function() {
        return jQuery;
    });
}
&lt;/code&gt;&lt;/pre&gt;
&lt;p&gt;That is sufficient in most cases, but the problem is that it doesn't detect whether the script is being loaded as an AMD module, it only detects whether &lt;code&gt;define&lt;/code&gt; exists and supports the AMD spec.&lt;/p&gt;
&lt;p&gt;Is there a way, either with RequireJS or with AMD modules in general, for a script to determine (for real) whether it is being loaded as a module?&lt;/p&gt;</t>
  </si>
  <si>
    <t>2013-08-06 15:59:18.277000+00:00</t>
  </si>
  <si>
    <t>2013-08-06 19:49:42.127000+00:00</t>
  </si>
  <si>
    <t>javascript|requirejs|amd</t>
  </si>
  <si>
    <t>How to automatically insert formatted style row or column in a locked Excel sheet saved as xlsm?</t>
  </si>
  <si>
    <t>&lt;p&gt;To insert a row or column is generally easy with vba. However, do it automatically in a locked cell according to user input is not easy. My question is
&lt;strong&gt;How to automatically insert formatted style row or column in a locked Excel sheet saved as xlsm?&lt;/strong&gt;&lt;/p&gt;
&lt;p&gt;&lt;strong&gt;Explain:&lt;/strong&gt;&lt;/p&gt;
&lt;p&gt;I have a sheet called "Sheet1" is a locked with password, "ABCD", user can only input the data in the colored area. However, sometimes the list is short, while others are long. Automatically insert row and column is a good idea like data-grid in Visual Studio. &lt;/p&gt;
&lt;p&gt;Please see the picture, if user enters anything in row 9 in the colored area, then it automatically create a formatted-style  row 10 (for Components List 1). If user enter anything to empty row 14, then it inserts row 15 in Components List 2.&lt;/p&gt;
&lt;p&gt;Same thing if user enters anything in column H, then I create column I&lt;/p&gt;
&lt;p&gt;&lt;img src="https://i.stack.imgur.com/WkveA.jpg" alt="enter image description here"&gt;&lt;/p&gt;
&lt;p&gt;I do not know how to write the syntax but here is my thoughts on the design:&lt;/p&gt;
&lt;p&gt;I must define a name for area in components List 1 (Com1), Components List 2 (Com2), and the blue area (Part_quality) so the program knows which area if should check for user input&lt;/p&gt;
&lt;p&gt;Checking if user input data in defined names range. If yes, check if user enter any data in the last row and last column. If yes, unlock the file with predetermined password  stored in memory, insert row/column, then locked it&lt;/p&gt;</t>
  </si>
  <si>
    <t>2012-05-10 06:55:45.957000+00:00</t>
  </si>
  <si>
    <t>2012-05-15 16:28:26.183000+00:00</t>
  </si>
  <si>
    <t>How to get selected value of a dropdown list that populated by JQuery in ASP.NET?</t>
  </si>
  <si>
    <t>&lt;p&gt;I used JQuery AJAX to fill a DropDownList (select) without postback.&lt;/p&gt;
&lt;p&gt;How can I get the value of last item that added to the DropDownList in ASP.NET C#?&lt;/p&gt;
&lt;p&gt;I used this code:&lt;/p&gt;
&lt;p&gt;Client side code after adding new item to the DropDownList:&lt;/p&gt;
&lt;pre&gt;&lt;code&gt;$("#my_list").prop('selectedIndex', 0);
&lt;/code&gt;&lt;/pre&gt;
&lt;p&gt;Server Side code:&lt;/p&gt;
&lt;pre&gt;&lt;code&gt;string last_item_added=my_list.value; // returns the one before last!
&lt;/code&gt;&lt;/pre&gt;
&lt;p&gt;for example this is my list before using AJAX to add new item :&lt;/p&gt;
&lt;pre&gt;&lt;code&gt;&amp;lt;select id="my_list"&amp;gt;
 &amp;lt;option value="92"&amp;gt;i3&amp;lt;/option&amp;gt;
 &amp;lt;option value="91"&amp;gt;i2&amp;lt;/option&amp;gt;
 &amp;lt;option value="90"&amp;gt;i1&amp;lt;/option&amp;gt;
&amp;lt;/select&amp;gt;
&lt;/code&gt;&lt;/pre&gt;
&lt;p&gt;and after adding new item:&lt;/p&gt;
&lt;pre&gt;&lt;code&gt;&amp;lt;select id="my_list"&amp;gt;
 &amp;lt;option value="93"&amp;gt;i4&amp;lt;/option&amp;gt;
 &amp;lt;option value="92"&amp;gt;i3&amp;lt;/option&amp;gt;
 &amp;lt;option value="91"&amp;gt;i2&amp;lt;/option&amp;gt;
 &amp;lt;option value="90"&amp;gt;i1&amp;lt;/option&amp;gt;
&amp;lt;/select&amp;gt;
&lt;/code&gt;&lt;/pre&gt;
&lt;p&gt;I want to get value "93" in server side but it returns "92" when I use this code:&lt;/p&gt;
&lt;pre&gt;&lt;code&gt;string last_item_added=my_list.value; // returns the one before last! in this case 92
&lt;/code&gt;&lt;/pre&gt;</t>
  </si>
  <si>
    <t>2014-11-03 09:11:11.260000+00:00</t>
  </si>
  <si>
    <t>2014-11-03 09:43:53.927000+00:00</t>
  </si>
  <si>
    <t>jquery|asp.net|ajax</t>
  </si>
  <si>
    <t>Determine if a reflected type can be cast to another reflected type</t>
  </si>
  <si>
    <t>&lt;p&gt;In .net (C#), If you have two types discovered through reflection is it possible to determine if one can be cast to the other? (implicit and/or explicit).&lt;/p&gt;
&lt;p&gt;What I'm trying to do is create a library that allows users to specify that a property on one type is mapped to a property on another type. Everything is fine if the two properties have matching types, but I'd like to be able to allow them to map properties where an implicit/explicit cast is available. So if they have &lt;/p&gt;
&lt;pre&gt;&lt;code&gt;class from  
{
  public int IntProp{get;set;}
}
class to
{
  public long LongProp{get;set;}
  public DateTime DateTimeProp{get;set;}
}
&lt;/code&gt;&lt;/pre&gt;
&lt;p&gt;they would be able to say that from.IntProp will be assigned to to.LongProp (as an implicity cast exists). But if they said that it mapped to DateTimeProp I'd be able to determine that there's no available cast and throw an exception.&lt;/p&gt;</t>
  </si>
  <si>
    <t>2008-11-15 11:33:49.220000+00:00</t>
  </si>
  <si>
    <t>2014-05-15 10:40:31.923000+00:00</t>
  </si>
  <si>
    <t>Alex McMahon</t>
  </si>
  <si>
    <t>What are pointer indices in C and what do they reference?</t>
  </si>
  <si>
    <t>&lt;p&gt;I have searched for a while now and most results didn't help a lot because almost all index and pointer related questions are headed towards arrays. I have a conceptual problem visualizing what the index of a pointer might be. This example function takes &lt;code&gt;argv[1]&lt;/code&gt; from arguments:&lt;/p&gt;
&lt;pre&gt;&lt;code&gt;unsigned long pointerfun(const char* p){
    int* ip;                    // Declare an int pointer ip
    ip = (int*)p;               // Initialize the pointer with the value of p cast to an int pointer
    int i;
    int res=0;
    for(i=0; i&amp;lt;5; i++){         // Loops from 0 to 4
        res += ip[i];           // ...incrementing res by ip[0], ip[1],...
    }
    return res;
}
&lt;/code&gt;&lt;/pre&gt;
&lt;p&gt;So I realize a pointer points to a memory location, in my example code ip points to whatever memory address is entered as p. But in my understanding, pointers are no data structures, so I have no idea what &lt;code&gt;ip[0,1,...,4]&lt;/code&gt; might reference to.&lt;/p&gt;
&lt;p&gt;Would be really great if someone more prudent could illuminate me here.&lt;/p&gt;</t>
  </si>
  <si>
    <t>2016-03-14 08:21:46.877000+00:00</t>
  </si>
  <si>
    <t>2016-03-14 09:20:31.837000+00:00</t>
  </si>
  <si>
    <t>c|pointers|indexing</t>
  </si>
  <si>
    <t>FIWARE: The usage of Identity Management GE</t>
  </si>
  <si>
    <t>&lt;p&gt;I want to use Identity Management - KeyRock GE in the FI-LAB portal (&lt;a href="https://github.com/ging/fi-ware-idm/wiki/Using-the-FI-LAB-instance" rel="nofollow"&gt;https://github.com/ging/fi-ware-idm/wiki/Using-the-FI-LAB-instance&lt;/a&gt;). It's said that this GE is already deployed on FI-LAB.
Can I use this GE just to control an access to my application or is there any other usage of this GE?
Also, how will it work (step-by-step) when a registered user wants to login into my application?&lt;/p&gt;</t>
  </si>
  <si>
    <t>2015-04-18 10:16:42.830000+00:00</t>
  </si>
  <si>
    <t>2015-04-28 18:04:25.983000+00:00</t>
  </si>
  <si>
    <t>fiware|filab</t>
  </si>
  <si>
    <t>Finding substring within string C++ (find "el" in "hello")</t>
  </si>
  <si>
    <t>&lt;p&gt;OK, so I was looking for an algorithm that could help me find a string within a substring.
The code I was using before was from a &lt;a href="https://stackoverflow.com/questions/2308696/substring-recursive-algorithm-not-working"&gt;similar question&lt;/a&gt; but it doesn't do it.&lt;/p&gt;
&lt;pre&gt;&lt;code&gt;// might not be exposed publicly, but could be
int index_of(string const&amp;amp; haystack, int haystack_pos, string const&amp;amp; needle) {
  // would normally use string const&amp;amp; for all the string parameters in this
  // answer, but I've mostly stuck to the prototype you already have
  // shorter local name, keep parameter name the same for interface clarity
  int&amp;amp; h = haystack_pos;
  // preconditions:
  assert(0 &amp;lt;= h &amp;amp;&amp;amp; h &amp;lt;= haystack.length());
  if (needle.empty()) return h;
  if (h == haystack.length()) return -1;
  if (haystack.compare(h, needle.length(), needle) == 0) {
    return h;
  }
  return index_of(haystack, h+1, needle);
}
int index_of(string haystack, string needle) {
  // sets up initial values or the "context" for the common case
  return index_of(haystack, 0, needle);
}
&lt;/code&gt;&lt;/pre&gt;
&lt;p&gt;this doesn't return the start index of "el" on the string "hello" and I can't figure it out.&lt;/p&gt;
&lt;p&gt;EDIT:
OK, let me show you a bit more of the code including some real-life examples:
I'm trying to analyze a string that is a path to a file I want to sort in my filesystem.
An input example is this:&lt;/p&gt;
&lt;p&gt;input:/media/seagate/lol/Sons.of.Anarchy.S04.720p.HDTV.x264/Sons.of.Anarchy.S04E01.720p.HDTV.x264-IMMERSE.mkv&lt;/p&gt;
&lt;p&gt;when I try to parse this string to get the name of the by detecting the presence of SxxExx,I look for "s0","S0", etc (I know it's not the best implementation I was just trying to see if it worked and look at the code later). So when I use that input, what I get on the output is:&lt;/p&gt;
&lt;pre&gt;&lt;code&gt;input:/media/seagate/lol/Sons.of.Anarchy.S04.720p.HDTV.x264/Sons.of.Anarchy.S04E01.720p.HDTV.x264-IMMERSE.mkv
aux: 0p.HDTV.x264-IMMERSE.mkv
input:/media/seagate/lol/Sons.of.Anarchy.S04.720p.HDTV.x264/Sons.of.Anarchy.S04E01.720p.HDTV.x264-IMMERSE.mkv
aux: 1.720p.HDTV.x264-IMMERSE.mkv
input:/media/seagate/lol/Sons.of.Anarchy.S04.720p.HDTV.x264/Sons.of.Anarchy.S04E01.720p.HDTV.x264-IMMERSE.mkv
aux: 264-IMMERSE.mkv
&lt;/code&gt;&lt;/pre&gt;
&lt;p&gt;intended output for aux: S04E01.720p.HDTV.x264-IMMERSE.mkv&lt;/p&gt;
&lt;p&gt;So as you can see it's just looking for any char that is in the string and stops, which also accounts for the multiple valid "found"s which should've been just the one.&lt;/p&gt;
&lt;p&gt;the full code where I'm trying to use this is:&lt;/p&gt;
&lt;pre&gt;&lt;code&gt;bool StringWorker::isSeries(size_t &amp;amp;i) {
    size_t found1, found2, found3, found4, found5, found6;
    found1 = input-&amp;gt;find_last_of("S0"); //tried several find functions including the
    found2 = input-&amp;gt;find_last_of("S1"); //index_of() mentioned above in the post
    found3 = input-&amp;gt;find_last_of("S2");
    found4 = input-&amp;gt;find_last_of("s0");
    found5 = input-&amp;gt;find_last_of("s1");
    found6 = input-&amp;gt;find_last_of("s2");
    if (found1 != string::npos) {
        if (input-&amp;gt;size() - found1 &amp;gt; 6) {
            string aux = input-&amp;gt;substr(found1, input-&amp;gt;size());
            cout &amp;lt;&amp;lt; "input:" &amp;lt;&amp;lt; *input &amp;lt;&amp;lt; endl;
            cout &amp;lt;&amp;lt; "aux: " &amp;lt;&amp;lt; aux &amp;lt;&amp;lt; endl;
            if (isalpha(aux.at(0)) &amp;amp;&amp;amp; isdigit(aux.at(1)) &amp;amp;&amp;amp; isdigit(aux.at(2))
                    &amp;amp;&amp;amp; isalpha(aux.at(3)) &amp;amp;&amp;amp; isdigit(aux.at(4))
                    &amp;amp;&amp;amp; isdigit(aux.at(5))) {
                i = found1;
                return true;
            }
        }
    }
    if (found2 != string::npos) {
        if (input-&amp;gt;size() - found2 &amp;gt; 6) {
            string aux = input-&amp;gt;substr(found2, input-&amp;gt;size());
            cout &amp;lt;&amp;lt; "input:" &amp;lt;&amp;lt; *input &amp;lt;&amp;lt; endl;
            cout &amp;lt;&amp;lt; "aux: " &amp;lt;&amp;lt; aux &amp;lt;&amp;lt; endl;
            if (isalpha(aux.at(0)) &amp;amp;&amp;amp; isdigit(aux.at(1)) &amp;amp;&amp;amp; isdigit(aux.at(2))
                    &amp;amp;&amp;amp; isalpha(aux.at(3)) &amp;amp;&amp;amp; isdigit(aux.at(4))
                    &amp;amp;&amp;amp; isdigit(aux.at(5))) {
                i = found2;
                return true;
            }
        }
    }
    if (found3 != string::npos) {
        if (input-&amp;gt;size() - found3 &amp;gt; 6) {
            string aux = input-&amp;gt;substr(found3, input-&amp;gt;size());
            cout &amp;lt;&amp;lt; "input:" &amp;lt;&amp;lt; *input &amp;lt;&amp;lt; endl;
            cout &amp;lt;&amp;lt; "aux: " &amp;lt;&amp;lt; aux &amp;lt;&amp;lt; endl;
            if (isalpha(aux.at(0)) &amp;amp;&amp;amp; isdigit(aux.at(1)) &amp;amp;&amp;amp; isdigit(aux.at(2))
                    &amp;amp;&amp;amp; isalpha(aux.at(3)) &amp;amp;&amp;amp; isdigit(aux.at(4))
                    &amp;amp;&amp;amp; isdigit(aux.at(5))) {
                i = found3;
                return true;
            }
        }
    }
    if (found4 != string::npos) {
        if (input-&amp;gt;size() - found4 &amp;gt; 6) {
            string aux = input-&amp;gt;substr(found4, input-&amp;gt;size());
            cout &amp;lt;&amp;lt; "input:" &amp;lt;&amp;lt; *input &amp;lt;&amp;lt; endl;
            cout &amp;lt;&amp;lt; "aux: " &amp;lt;&amp;lt; aux &amp;lt;&amp;lt; endl;
            if (isalpha(aux.at(0)) &amp;amp;&amp;amp; isdigit(aux.at(1)) &amp;amp;&amp;amp; isdigit(aux.at(2))
                    &amp;amp;&amp;amp; isalpha(aux.at(3)) &amp;amp;&amp;amp; isdigit(aux.at(4))
                    &amp;amp;&amp;amp; isdigit(aux.at(5))) {
                i = found4;
                return true;
            }
        }
    }
    if (found5 != string::npos) {
        if (input-&amp;gt;size() - found5 &amp;gt; 6) {
            string aux = input-&amp;gt;substr(found5, input-&amp;gt;size());
            cout &amp;lt;&amp;lt; "input:" &amp;lt;&amp;lt; *input &amp;lt;&amp;lt; endl;
            cout &amp;lt;&amp;lt; "aux: " &amp;lt;&amp;lt; aux &amp;lt;&amp;lt; endl;
            if (isalpha(aux.at(0)) &amp;amp;&amp;amp; isdigit(aux.at(1)) &amp;amp;&amp;amp; isdigit(aux.at(2))
                    &amp;amp;&amp;amp; isalpha(aux.at(3)) &amp;amp;&amp;amp; isdigit(aux.at(4))
                    &amp;amp;&amp;amp; isdigit(aux.at(5))) {
                i = found5;
                return true;
            }
        }
    }
    if (found6 != string::npos) {
        if (input-&amp;gt;size() - found6 &amp;gt; 6) {
            string aux = input-&amp;gt;substr(found6, input-&amp;gt;size());
            cout &amp;lt;&amp;lt; "input:" &amp;lt;&amp;lt; *input &amp;lt;&amp;lt; endl;
            cout &amp;lt;&amp;lt; "aux: " &amp;lt;&amp;lt; aux &amp;lt;&amp;lt; endl;
            if (isalpha(aux.at(0)) &amp;amp;&amp;amp; isdigit(aux.at(1)) &amp;amp;&amp;amp; isdigit(aux.at(2))
                    &amp;amp;&amp;amp; isalpha(aux.at(3)) &amp;amp;&amp;amp; isdigit(aux.at(4))
                    &amp;amp;&amp;amp; isdigit(aux.at(5))) {
                i = found6;
                return true;
            }
        }
    }
    return false;
}
&lt;/code&gt;&lt;/pre&gt;
&lt;p&gt;Can you see anything wrong here?&lt;/p&gt;</t>
  </si>
  <si>
    <t>2012-11-22 08:38:59.270000+00:00</t>
  </si>
  <si>
    <t>2016-05-12 09:50:13.733000+00:00</t>
  </si>
  <si>
    <t>2017-05-23 12:16:06.613000+00:00</t>
  </si>
  <si>
    <t>c++|string|recursion|find|substring</t>
  </si>
  <si>
    <t>Python - comparing two lists of tuples</t>
  </si>
  <si>
    <t>&lt;p&gt;I have two lists of tuples (character, percentage) sorted by percentage. Ultimately, I need to keep appending characters to List_A until it reaches a predefined length (that logic has already been taken care of).&lt;/p&gt;
&lt;p&gt;Example:&lt;/p&gt;
&lt;p&gt;List_A&lt;/p&gt;
&lt;pre&gt;&lt;code&gt;('a', 0.077)
('b', 0.070)
('c', 0.020)
('d', 0.015)
('z', 0.010)
&lt;/code&gt;&lt;/pre&gt;
&lt;p&gt;List_B&lt;/p&gt;
&lt;pre&gt;&lt;code&gt;('x', 0.060)
('y', 0.059)
('z', 0.055)
('a', 0.030)
('b', 0.010)
&lt;/code&gt;&lt;/pre&gt;
&lt;p&gt;I need to:&lt;/p&gt;
&lt;p&gt;1) Select a character from List_B and see if exists in List_A&lt;/p&gt;
&lt;p&gt;2) If it does, calculate if it's percentage in List_B &gt; it's percentage in List_A&lt;/p&gt;
&lt;p&gt;3) If the percentage is greater, append that character to List_A&lt;/p&gt;
&lt;p&gt;So, in this example, 'a' and 'b' won't ever get appended to List_A since List_B percentage &amp;lt; List_A percentage&lt;/p&gt;
&lt;p&gt;'x' and 'y' won't ever get appended to List_A due to them not existing in List_A&lt;/p&gt;
&lt;p&gt;'z' WILL get appended to List_A, likely multiple times, until it's percentage in List_A &gt; the percentage in List_B&lt;/p&gt;
&lt;p&gt;The looping and percentage logic has already been taken care of outside of this function. How do I apply these three conditions to these two lists?&lt;/p&gt;
&lt;p&gt;Desired output of the above example would be List_A with another 'z' appended, something like:&lt;/p&gt;
&lt;pre&gt;&lt;code&gt;('a', 0.077)
('b', 0.070)
('c', 0.020)
('d', 0.015)
('z', 0.010)
('z', 0.055)
&lt;/code&gt;&lt;/pre&gt;
&lt;p&gt;Thanks!&lt;/p&gt;</t>
  </si>
  <si>
    <t>2017-07-24 19:00:45.333000+00:00</t>
  </si>
  <si>
    <t>2017-07-24 19:09:19.690000+00:00</t>
  </si>
  <si>
    <t>Weird behaviour with if statement</t>
  </si>
  <si>
    <t>&lt;p&gt;The following appears to work, yet I really don't think it should:&lt;/p&gt;
&lt;pre&gt;&lt;code&gt;if ("'True','False'" == 0)
{
    echo 'Hello, World.';
}
&lt;/code&gt;&lt;/pre&gt;
&lt;p&gt;Is it grepping the last &lt;code&gt;False&lt;/code&gt; out of the string, and if so why, and how do you stop it?&lt;/p&gt;</t>
  </si>
  <si>
    <t>2011-12-03 17:18:05.160000+00:00</t>
  </si>
  <si>
    <t>2011-12-03 17:20:58.860000+00:00</t>
  </si>
  <si>
    <t>2011-12-03 17:20:16.413000+00:00</t>
  </si>
  <si>
    <t>How does one process the results from replicate in R?</t>
  </si>
  <si>
    <t>&lt;p&gt;Say I have the following code which essentially gives me random simulations for revenue and cost for 12 months&lt;/p&gt;
&lt;pre&gt;&lt;code&gt;simulate.revenue&amp;lt;-function() {
  return(sapply(rnorm(12,100000,30000),function(x) max(0,x)))
}
simulate.cost&amp;lt;-function() {
  return(sapply(rnorm(12,50000,20000),function(x) max(0,x)))
}
sim.run&amp;lt;-function() {
  revenue&amp;lt;-simulate.revenue()
  cost&amp;lt;-simulate.cost()
  profit&amp;lt;-revenue-cost
  year.simulation&amp;lt;-data.frame(revenue,cost,profit)
  return(year.simulation)
}
&lt;/code&gt;&lt;/pre&gt;
&lt;p&gt;Now to run the above simulation function 10 times I am aware that I should:&lt;/p&gt;
&lt;pre&gt;&lt;code&gt;sim.results&amp;lt;-replicate(10,sim.run())
&lt;/code&gt;&lt;/pre&gt;
&lt;p&gt;So the question is how do I further process sim.results to say:&lt;/p&gt;
&lt;ol&gt;
&lt;li&gt;find the mean for total yearly profit over each run&lt;/li&gt;
&lt;li&gt;find the mean for profit by month over each of the runs (mean(profit[1], mean(profit[2]), ...)&lt;/li&gt;
&lt;/ol&gt;</t>
  </si>
  <si>
    <t>2016-07-20 07:02:17.887000+00:00</t>
  </si>
  <si>
    <t>2016-07-20 08:11:53.920000+00:00</t>
  </si>
  <si>
    <t>2016-07-20 07:26:59.667000+00:00</t>
  </si>
  <si>
    <t>How Would i go about editing a span when theres two?</t>
  </si>
  <si>
    <t>&lt;p&gt;i am trying to edit a spans contents but the class the span is using is being used in another span&lt;/p&gt;
&lt;p&gt;-the one i don't want to edit-&lt;/p&gt;
&lt;pre&gt;&lt;code&gt;&amp;lt;span id="chat-subrooms-toggle" class="chat-column-title"&amp;gt; Chat &amp;lt;/span&amp;gt;
&lt;/code&gt;&lt;/pre&gt;
&lt;p&gt;but heres the one i want to edit&lt;/p&gt;
&lt;p&gt;&lt;code&gt;&amp;lt;span class="chat-column-title"&amp;gt; Related Videos &amp;lt;/span&amp;gt;&lt;/code&gt;&lt;/p&gt;
&lt;p&gt;I would prefer using &lt;/p&gt;
&lt;pre&gt;&lt;code&gt;document.getElementByClassName("chat-column-title")[0] .innerHTML = "change here";
&lt;/code&gt;&lt;/pre&gt;
&lt;p&gt;but with a method of eliminating the certain id&lt;/p&gt;</t>
  </si>
  <si>
    <t>2014-02-09 12:36:37.120000+00:00</t>
  </si>
  <si>
    <t>2014-02-09 13:07:56.867000+00:00</t>
  </si>
  <si>
    <t>Reversing a doubly-linked list with dummy nodes by using 'head.next' as a start point instead of 'head'</t>
  </si>
  <si>
    <t>&lt;p&gt;First and foremost, I have a working implementation of a &lt;code&gt;reverse()&lt;/code&gt; method and I'm not looking for help on how to do it as it is a homework question. My problem is an error I ran into doing what I thought would save an iteration on my while loop by starting with the first real element in the list, rather than the &lt;code&gt;head&lt;/code&gt; dummy node.&lt;/p&gt;
&lt;p&gt;The working &lt;code&gt;reverse()&lt;/code&gt; method code:&lt;/p&gt;
&lt;pre&gt;&lt;code&gt;public void reverse() {
  Node&amp;lt;T&amp;gt; current = head;
  Node&amp;lt;T&amp;gt; temp = null;
  tail = head; 
  while(current != null) {
    temp = current.prev;
    current.prev = current.next; 
    current.next = temp; 
    current = current.prev;
  }
  head = temp.prev;
}
&lt;/code&gt;&lt;/pre&gt;
&lt;p&gt;And an example of the program with which it belongs to running into the error:
&lt;a href="https://ideone.com/KKUtMn" rel="nofollow"&gt;https://ideone.com/KKUtMn&lt;/a&gt;&lt;/p&gt;
&lt;p&gt;The change that breaks my program:&lt;/p&gt;
&lt;pre&gt;&lt;code&gt;Node&amp;lt;T&amp;gt; current = head.next;
&lt;/code&gt;&lt;/pre&gt;
&lt;p&gt;Making that change causes a &lt;code&gt;NullPointerException&lt;/code&gt; on any calls to &lt;code&gt;addLast(x)&lt;/code&gt; after a call to &lt;code&gt;reverse()&lt;/code&gt; is made. The call to &lt;code&gt;reverse()&lt;/code&gt; reverses the list without error or issue and I can call &lt;code&gt;addFirst(x)&lt;/code&gt; just fine, but the first call to &lt;code&gt;addLast(x)&lt;/code&gt; will throw the exception. I find it especially odd because the call to &lt;code&gt;addLast(x)&lt;/code&gt; uses the &lt;code&gt;tail&lt;/code&gt; dummy node to insert the element, but the only usage of &lt;code&gt;tail&lt;/code&gt; in &lt;code&gt;reverse()&lt;/code&gt; is assigning it prior to the loop and shouldn't be affected by whatever &lt;code&gt;current&lt;/code&gt; gets referenced to.&lt;/p&gt;
&lt;p&gt;The reason I thought I'd make the change is because that first iteration on &lt;code&gt;head&lt;/code&gt; seemed useless when it just got reassigned to &lt;code&gt;temp.prev&lt;/code&gt; after the while loop anyway. I didn't need the traversal offered by the loop either since I could simply point directly to the first non-dummy node from the start. I'm obviously wrong as the idea doesn't work, but I can't figure out the logic that makes that so.&lt;/p&gt;
&lt;p&gt;Any ideas? &lt;/p&gt;</t>
  </si>
  <si>
    <t>2016-03-03 19:56:07.230000+00:00</t>
  </si>
  <si>
    <t>2016-03-03 22:03:41.890000+00:00</t>
  </si>
  <si>
    <t>2016-03-03 20:04:56.100000+00:00</t>
  </si>
  <si>
    <t>java|while-loop|doubly-linked-list</t>
  </si>
  <si>
    <t>Django Graphos Chart Not Loaded On Table Update Using Ajax</t>
  </si>
  <si>
    <t>&lt;p&gt;I have been using django graphos and it works fine till i realize that the chart is not drawn when i update my table through ajax instead of a page refresh. Let me describe the issue further.&lt;/p&gt;
&lt;ol&gt;
&lt;li&gt;&lt;p&gt;When my page is loaded for the first time, all the charts are loaded properly using {{chart.as_html}} . I am usng django by the way .&lt;/p&gt;&lt;/li&gt;
&lt;li&gt;&lt;p&gt;This charts are displayed in a table.&lt;/p&gt;&lt;/li&gt;
&lt;li&gt;&lt;p&gt;But when user selects different value from a dropdown and click reload, my code will only update the table through ajax instead of a whole page refresh. Unfortunately , when the table is updated, the chart with new data is not displayed. It just appears blank. I can see all the data from the developer tools but the chart just fail to appear. &lt;/p&gt;&lt;/li&gt;
&lt;li&gt;&lt;p&gt;I have checked through various topics but I am unable to get it working.&lt;/p&gt;&lt;/li&gt;
&lt;li&gt;&lt;p&gt;Part of my main html file 
&lt;/p&gt;
&lt;pre&gt;&lt;code&gt;                    {% if objects %}
                    {% for obj in objects %}
                    &amp;lt;tr data-toggle="collapse" data-target="#{{obj.name}}" data-parent="#myGroup" class="accordion-toggle"&amp;gt;
                    &amp;lt;!--tr&amp;gt;--&amp;gt;
                        &amp;lt;td style="border:0;"&amp;gt;&amp;lt;img src='{{STATIC_URL}}/static/images/{{obj.name}}.png' class="infostockIcon"&amp;gt;&amp;lt;/td&amp;gt;
                        {% if obj.risk == "high" %}
                        {% if obj.dpr == "high" %}
                        &amp;lt;td class="tablerisk"&amp;gt;&amp;lt;strong&amp;gt; * {{obj.name}} &amp;lt;/strong&amp;gt;&amp;lt;/td&amp;gt;
                        {% else %}
                        &amp;lt;td class="tablerisk"&amp;gt;&amp;lt;strong&amp;gt; {{obj.name}} &amp;lt;/strong&amp;gt;&amp;lt;/td&amp;gt;
                        {% endif %}
                        &amp;lt;td class="tablerisk"&amp;gt; {{obj.stock_price}} &amp;lt;/td&amp;gt;
                        &amp;lt;td class="tablerisk" style="color: black;"&amp;gt; {{obj.option_strategy}} &amp;lt;/td&amp;gt;
                        &amp;lt;td class="tablerisk" style="color: black;"&amp;gt; {{obj.whiz_strategy}} &amp;lt;/td&amp;gt;
                        &amp;lt;td class="tablerisk"&amp;gt; {{obj.strike_price}} &amp;lt;/td&amp;gt;
                        &amp;lt;td class="tablerisk"&amp;gt; {{obj.expiry_date}} &amp;lt;/td&amp;gt;
                        &amp;lt;td class="tablerisk"&amp;gt; {{obj.premium}} &amp;lt;/td&amp;gt;
                        &amp;lt;td class="tablerisk"&amp;gt; {{obj.roi}} &amp;lt;/td&amp;gt;
                        {% else %}
                        {% if obj.dpr == "high" %}
                        &amp;lt;td&amp;gt;&amp;lt;strong&amp;gt; * {{obj.name}} &amp;lt;/strong&amp;gt;&amp;lt;/td&amp;gt;
                        {% else %}
                        &amp;lt;td&amp;gt;&amp;lt;strong&amp;gt; {{obj.name}} &amp;lt;/strong&amp;gt;&amp;lt;/td&amp;gt;
                        {% endif %}
                        &amp;lt;td&amp;gt; {{obj.stock_price}} &amp;lt;/td&amp;gt;
                        &amp;lt;td&amp;gt; {{obj.option_strategy}} &amp;lt;/td&amp;gt;
                        &amp;lt;td&amp;gt; {{obj.whiz_strategy}} &amp;lt;/td&amp;gt;
                        &amp;lt;td&amp;gt; {{obj.strike_price}} &amp;lt;/td&amp;gt;
                        &amp;lt;td&amp;gt; {{obj.expiry_date}} &amp;lt;/td&amp;gt;
                        &amp;lt;td&amp;gt; {{obj.premium}} &amp;lt;/td&amp;gt;
                        &amp;lt;td&amp;gt; {{obj.roi}} &amp;lt;/td&amp;gt;
                        {% endif %}
                        &amp;lt;td style="border:0;"&amp;gt;&amp;lt;span class="caret black"&amp;gt;&amp;lt;/span&amp;gt;&amp;lt;/th&amp;gt;&amp;lt;/td&amp;gt;
                    &amp;lt;/tr&amp;gt;
                    &amp;lt;tr&amp;gt;
                        &amp;lt;td style="border: 0;padding: 0 !important;"&amp;gt;&amp;lt;/td&amp;gt;
                        &amp;lt;td colspan="8" style="padding: 0 !important; border: none;"&amp;gt;
                            &amp;lt;div class="accordion-body collapse" id="{{obj.name}}"&amp;gt;
                                &amp;lt;ul id="tabs" class="nav nav-tabs" data-tabs="tabs"&amp;gt;
                                    &amp;lt;li data-toggle="tab" class="active"&amp;gt;
                                        &amp;lt;a href="#{{obj.name}}monthseason" data-toggle="tab"&amp;gt;Monthly Seasonality&amp;lt;/a&amp;gt;
                                    &amp;lt;/li&amp;gt;
                                    &amp;lt;li data-toggle="tab"&amp;gt;
                                        &amp;lt;a href="#{{obj.name}}weekseason" data-toggle="tab"&amp;gt;Weekly Seasonality&amp;lt;/a&amp;gt;
                                    &amp;lt;/li&amp;gt;
                                    &amp;lt;li data-toggle="tab"&amp;gt;
                                        &amp;lt;a href="#{{obj.name}}dividend" data-toggle="tab"&amp;gt;Dividend&amp;lt;/a&amp;gt;
                                    &amp;lt;/li&amp;gt;
                                    &amp;lt;li data-toggle="tab"&amp;gt;
                                        &amp;lt;a href="#{{obj.name}}data" data-toggle="tab"&amp;gt;{{obj.name}} Info&amp;lt;/a&amp;gt;
                                    &amp;lt;/li&amp;gt;
                                &amp;lt;/ul&amp;gt;
                                &amp;lt;div id="my-tab-content" class="tab-content"&amp;gt;
                                    &amp;lt;div class="tab-pane active" id="{{obj.name}}monthseason"&amp;gt;
                                        &amp;lt;div class="row"&amp;gt;
                                            &amp;lt;div class="col-md-12 col-sm-12 col-xs-12"&amp;gt;
                                                &amp;lt;h4&amp;gt;Monthly Seasonality&amp;lt;img src='{{STATIC_URL}}/static/info.png'  class="infoIcon" style="float: none; right: 0px; margin-left: 5px" /&amp;gt;&amp;lt;/h4&amp;gt;
                                                &amp;lt;div id="gchart_div"&amp;gt;
                                                    {{ obj.monthly_chart.as_html}}
                                                &amp;lt;/div&amp;gt;
                                            &amp;lt;/div&amp;gt;  
                                        &amp;lt;/div&amp;gt;
                                    &amp;lt;/div&amp;gt;
                                    &amp;lt;div class="tab-pane" id="{{obj.name}}weekseason"&amp;gt;
                                        &amp;lt;div class="row"&amp;gt;
                                            &amp;lt;div class="col-md-12 col-sm-12 col-xs-12"&amp;gt;
                                                &amp;lt;h4&amp;gt;Weekly Seasonality&amp;lt;img src='{{STATIC_URL}}/static/info.png'  class="infoIcon" style="float: none; right: 0px; margin-left: 5px"/&amp;gt;&amp;lt;/h4&amp;gt;
                                                {{ obj.weekly_chart.as_html}}
                                            &amp;lt;/div&amp;gt;
                                        &amp;lt;/div&amp;gt;
                                    &amp;lt;/div&amp;gt;
                                    &amp;lt;div class="tab-pane" id="{{obj.name}}dividend"&amp;gt;
                                        &amp;lt;!--div style="padding-left: 2%;" &amp;gt;--&amp;gt;
                                        &amp;lt;div class="row"&amp;gt;
                                                &amp;lt;div class="col-md-5 col-xs-6 col-sm-6 alignLeft"&amp;gt;
                                                    &amp;lt;label &amp;gt;TTM Dividend Yield:&amp;lt;/label&amp;gt;
                                                    &amp;lt;label &amp;gt;{{obj.ttm_dividend_yield}}&amp;lt;/label&amp;gt;
                                                &amp;lt;/div&amp;gt;
                                                &amp;lt;div class="col-md-5 col-xs-6 col-sm-6 alignLeft"&amp;gt;
                                                    &amp;lt;label &amp;gt;Ex-Dividend Date:&amp;lt;/label&amp;gt;
                                                    &amp;lt;label &amp;gt;{{obj.ex_div}}&amp;lt;/label&amp;gt;
                                                &amp;lt;/div&amp;gt;
                                        &amp;lt;/div&amp;gt;
                                        &amp;lt;!--/div&amp;gt;--&amp;gt;
                                        &amp;lt;div class="row"&amp;gt;
                                            &amp;lt;div class="col-md-12 col-sm-12 col-xs-12"&amp;gt;
                                                &amp;lt;h4&amp;gt;Dividend Yield&amp;lt;img src='{{STATIC_URL}}/static/info.png'  class="infoIcon" style="float: none; right: 0px; margin-left: 5px"/&amp;gt;&amp;lt;/h4&amp;gt;
                                                {{obj.div_yearly_chart.as_html}}
                                            &amp;lt;/div&amp;gt;
                                        &amp;lt;/div&amp;gt;
                                    &amp;lt;/div&amp;gt;
                                    &amp;lt;div class="tab-pane alignRight" id="{{obj.name}}data"&amp;gt;
                                        &amp;lt;div style="padding-left: 2%;" &amp;gt;
                                            &amp;lt;div class="row"&amp;gt;
                                                &amp;lt;div class="col-md-5 col-xs-6 col-sm-6 alignLeft"&amp;gt;
                                                    &amp;lt;label &amp;gt;Sector:&amp;lt;/label&amp;gt;
                                                    &amp;lt;label &amp;gt;{{obj.sector}}&amp;lt;/label&amp;gt;
                                                &amp;lt;/div&amp;gt;
                                                &amp;lt;div class="col-md-5 col-xs-6 col-sm-6 alignLeft"&amp;gt;
                                                    &amp;lt;label &amp;gt;Industry:&amp;lt;/label&amp;gt;
                                                    &amp;lt;label &amp;gt;{{obj.industry}}&amp;lt;/label&amp;gt;
                                                &amp;lt;/div&amp;gt;
                                            &amp;lt;/div&amp;gt;
                                            &amp;lt;div class="row"&amp;gt;
                                                &amp;lt;div class="col-md-5 col-xs-6 col-sm-6 alignLeft"&amp;gt;
                                                    &amp;lt;label &amp;gt;Earning Date:&amp;lt;/label&amp;gt;
                                                    &amp;lt;label &amp;gt;{{obj.earnings_date}}&amp;lt;/label&amp;gt;
                                                &amp;lt;/div&amp;gt;
                                                &amp;lt;div class="col-md-5 col-xs-6 col-sm-6 alignLeft"&amp;gt;
                                                    &amp;lt;label &amp;gt;Ex-Dividend Date:&amp;lt;/label&amp;gt;
                                                    &amp;lt;label &amp;gt;{{obj.ex_div}}&amp;lt;/label&amp;gt;
                                                &amp;lt;/div&amp;gt;
                                            &amp;lt;/div&amp;gt;
                                            &amp;lt;div class="row"&amp;gt;
                                                &amp;lt;div class="col-md-5 col-xs-6 col-sm-6 alignLeft"&amp;gt;
                                                    &amp;lt;label &amp;gt;52 Week Range:&amp;lt;/label&amp;gt;
                                                    &amp;lt;label &amp;gt;{{obj.year_range}}&amp;lt;/label&amp;gt;
                                                &amp;lt;/div&amp;gt;
                                                &amp;lt;div class="col-md-5 col-xs-6 col-sm-6 alignLeft"&amp;gt;
                                                    &amp;lt;label &amp;gt;5 Year Low:&amp;lt;/label&amp;gt;
                                                    &amp;lt;label &amp;gt;{{obj.five_year_low}}&amp;lt;/label&amp;gt;
                                                &amp;lt;/div&amp;gt;
                                            &amp;lt;/div&amp;gt;
                                            &amp;lt;div class="row"&amp;gt;
                                                &amp;lt;div class="col-md-5 col-xs-6 col-sm-6 alignLeft"&amp;gt;
                                                    &amp;lt;label &amp;gt;DPR:&amp;lt;/label&amp;gt;
                                                    &amp;lt;label &amp;gt;{{obj.dpr_value}}&amp;lt;/label&amp;gt;
                                                &amp;lt;/div&amp;gt;
                                                &amp;lt;div class="col-md-5 col-xs-6 col-sm-6 alignLeft"&amp;gt;
                                                    &amp;lt;label &amp;gt;Latest News:&amp;lt;/label&amp;gt;
                                                    &amp;lt;a href={{obj.url}}&amp;gt;Seeking Alpha&amp;lt;/a&amp;gt;
                                                &amp;lt;/div&amp;gt;
                                            &amp;lt;/div&amp;gt;
                                        &amp;lt;/div&amp;gt;
                                        &amp;lt;br&amp;gt;
                                    &amp;lt;/div&amp;gt;
                                &amp;lt;/div&amp;gt;
                            &amp;lt;/div&amp;gt;
                        &amp;lt;/td&amp;gt;
                    &amp;lt;/tr&amp;gt;
&lt;/code&gt;&lt;/pre&gt;&lt;/li&gt;
&lt;li&gt;&lt;p&gt;My ajax call:
  `var $myGroup = $('#myGroup');
  $myGroup.on('show.bs.collapse','.collapse', function() {
  $myGroup.find('.collapse.in').collapse('hide');
  });&lt;/p&gt;
&lt;pre&gt;&lt;code&gt;        $('#tabs li a').click(function (e) {
            $('#tabs li a.active').removeClass('active');
            $(this).parent('li a').addClass('active');
        });
        $("#loadprofit").on("click", function(e)
        {
        //alert("asdas");
        e.preventDefault();
        var selectedOption = $("#strategy").val();
        var selectedDate = $("#strategy2").val();
        csrf_token = "{{ csrf_token }}";
        $.ajax({
            method: "POST",
            url: window.location.href,
            data: { selected_option: selectedOption,selected_date:selectedDate,csrfmiddlewaretoken: csrf_token },
        })
        .done(function( msg )
        {
            console.log(msg);
            $("#sct tbody").html(msg);
        });
    });
&amp;lt;/script&amp;gt;
{% endblock %}
&lt;/code&gt;&lt;/pre&gt;
&lt;p&gt;` &lt;/p&gt;&lt;/li&gt;
&lt;li&gt;This whole table gets updated when user clicks on a button. Then it calls views.py and table gets updated with the latest value. But {{ obj.monthly_chart.as_html}} is not loaded and it appears blank although i can see the whole chart drawing function and the data form the developer tool&lt;/li&gt;
&lt;/ol&gt;
&lt;p&gt;Any help is greatly appreciated.&lt;/p&gt;</t>
  </si>
  <si>
    <t>2017-05-30 07:38:22.173000+00:00</t>
  </si>
  <si>
    <t>2017-05-30 08:11:23.537000+00:00</t>
  </si>
  <si>
    <t>django|python-2.7</t>
  </si>
  <si>
    <t>How to filter this tree use Python?</t>
  </si>
  <si>
    <t>&lt;p&gt;There is Python data structure like a tree.
I want to filter the &lt;code&gt;detect_obj == 1&lt;/code&gt;'s node, the nested ID 8, the leaf detect_obj = 0, need to delete, and the ID 6 and 7 now is empty, also need to be deleted.
How to do it elegantly?&lt;/p&gt;
&lt;pre&gt;&lt;code&gt;[
    {
        "ID": 1,
        "children": [],
        "detect_obj": 1,
        "isleaf": 1,
        "name": "1",
        "parent_id": None
    },
    {
        "ID": 2,
        "children": [],
        "detect_obj": 1,
        "isleaf": 1,
        "name": "2",
        "parent_id": None
    },
    {
        "ID": 3,
        "children": [],
        "detect_obj": 0,
        "isleaf": 1,
        "name": "3",
        "parent_id": None
    },
    {
        "ID": 4,
        "children": [],
        "detect_obj": 0,
        "isleaf": 1,
        "name": "4",
        "parent_id": None
    },
    {
        "ID": 5,
        "children": [],
        "detect_obj": 0,
        "isleaf": 1,
        "name": "5",
        "parent_id": None
    },
    {
        "ID": 6,
        "children": [
            {
                "ID": 7,
                "children": [
                    {
                        "ID": 8,
                        "children": [],
                        "detect_obj": 0,
                        "isleaf": 1,
                        "name": "8",
                        "parent_id": 7
                    }
                ],
                "detect_obj": None,
                "isleaf": 0,
                "name": "7",
                "parent_id": 6
            }
        ],
        "detect_obj": None,
        "isleaf": 0,
        "name": "6",
        "parent_id": None
    }
]
&lt;/code&gt;&lt;/pre&gt;</t>
  </si>
  <si>
    <t>2017-05-30 03:56:25.047000+00:00</t>
  </si>
  <si>
    <t>2017-05-31 02:16:23.727000+00:00</t>
  </si>
  <si>
    <t>python|tree</t>
  </si>
  <si>
    <t>Linking email with existing facebook user on Parse</t>
  </si>
  <si>
    <t>&lt;p&gt;I've implemented the following functionality in my iOS app.&lt;/p&gt;
&lt;ol&gt;
&lt;li&gt;Sign up with an email as new PFUser with some details.&lt;/li&gt;
&lt;li&gt;Sign up as new user using Facebook.&lt;/li&gt;
&lt;/ol&gt;
&lt;p&gt;Now I want to link/merge Facebook with my existing account. For&lt;/p&gt;
&lt;ol&gt;
&lt;li&gt;I'm able to do it successfully.&lt;/li&gt;
&lt;li&gt;I get an error that "this account is already linked to another user".
What can be the reason.&lt;/li&gt;
&lt;/ol&gt;
&lt;p&gt;What I think the reason behind this is&lt;/p&gt;
&lt;p&gt;When the user signs up with facebook, a new pfuser is created on Parse which is linked to that user's Facebook already, so when I try to merge some other user it gives me an error. And also parse doesn't allow to merge two different pfusers.&lt;/p&gt;
&lt;p&gt;I would really appreciate if someone can explain me.&lt;/p&gt;</t>
  </si>
  <si>
    <t>2015-08-06 10:28:34.210000+00:00</t>
  </si>
  <si>
    <t>ios|facebook-graph-api|parse.com|pfuser</t>
  </si>
  <si>
    <t>Pyenchant store_replacement doesn't work?</t>
  </si>
  <si>
    <t>&lt;p&gt;I was trying all of the functions in &lt;code&gt;pyenchant&lt;/code&gt; and when I tried &lt;code&gt;store_replacement&lt;/code&gt;, it didn't work for me and I have no idea why. Here's my code:&lt;/p&gt;
&lt;pre&gt;&lt;code&gt;d = enchant.Dict('en_us')
d.check('alllow')
&lt;/code&gt;&lt;/pre&gt;
&lt;blockquote&gt;
  &lt;p&gt;Out[1]: False&lt;/p&gt;
&lt;/blockquote&gt;
&lt;pre&gt;&lt;code&gt;d.suggest('alllow')`
&lt;/code&gt;&lt;/pre&gt;
&lt;blockquote&gt;
  &lt;p&gt;Out[2]: ['allow',&lt;br&gt;
   'all low',&lt;br&gt;
   'all-low',&lt;br&gt;
   'wallop',&lt;br&gt;
   'allot',&lt;br&gt;
   'alloy',&lt;br&gt;
   'Willow',&lt;br&gt;
   'allele',&lt;br&gt;
   'allover']&lt;/p&gt;
&lt;/blockquote&gt;
&lt;pre&gt;&lt;code&gt;d.store_replacement('alllow', 'alloy')`
d.suggest('alllow')`
&lt;/code&gt;&lt;/pre&gt;
&lt;blockquote&gt;
  &lt;p&gt;Out[3]: ['allow',&lt;br&gt;
   'all low',&lt;br&gt;
   'all-low',&lt;br&gt;
   'wallop',&lt;br&gt;
   'allot',&lt;br&gt;
   'alloy',&lt;br&gt;
   'Willow',&lt;br&gt;
   'allele',&lt;br&gt;
   'allover']&lt;/p&gt;
&lt;/blockquote&gt;
&lt;p&gt;According to the docs from pyenchant:&lt;/p&gt;
&lt;blockquote&gt;
  &lt;p&gt;&lt;code&gt;store_replacement(mis, cor)&lt;/code&gt;:&lt;br&gt;
    Store a replacement spelling for a miss-spelled word.
     This method makes a suggestion to the spellchecking engine that the    miss-spelled word  is in fact correctly spelled as cor. Such a suggestion will typically mean that cor appears early in the list of suggested spellings offered for later instances of mis.&lt;/p&gt;
&lt;/blockquote&gt;
&lt;p&gt;As you see it doesn't bring forward my suggestion. The suggestion list is exactly the same. If I try to do the same thing but with a word that doesn't exists in the suggestion list I get the same. &lt;/p&gt;
&lt;p&gt;I don't understand what I'm doing wrong. 
I appreciate any help. Thanks!&lt;/p&gt;</t>
  </si>
  <si>
    <t>2016-04-19 19:01:35.170000+00:00</t>
  </si>
  <si>
    <t>2016-04-19 21:36:41.790000+00:00</t>
  </si>
  <si>
    <t>2016-04-19 20:05:13.273000+00:00</t>
  </si>
  <si>
    <t>python|python-2.7|pyenchant</t>
  </si>
  <si>
    <t>How do I select where exists in pandas?</t>
  </si>
  <si>
    <t>&lt;p&gt;I want to get records of one dataframe based on the existence of matching records in another dataframe. &lt;/p&gt;
&lt;p&gt;in SQL: &lt;code&gt;select a.* from a where exists (select * from b where b.id = a.id)&lt;/code&gt;
or simply &lt;code&gt;select a.* from a join b on id&lt;/code&gt;&lt;/p&gt;
&lt;p&gt;related to &lt;a href="https://stackoverflow.com/questions/32652718/pandas-find-rows-which-dont-exist-in-another-dataframe-by-multiple-columns"&gt;Pandas: Find rows which don&amp;#39;t exist in another DataFrame by multiple columns&lt;/a&gt; &lt;/p&gt;</t>
  </si>
  <si>
    <t>2016-03-16 12:35:05.490000+00:00</t>
  </si>
  <si>
    <t>2016-03-16 12:56:17.023000+00:00</t>
  </si>
  <si>
    <t>2017-05-23 12:01:38.150000+00:00</t>
  </si>
  <si>
    <t>pandas</t>
  </si>
  <si>
    <t>Split String with spaces and minus sign</t>
  </si>
  <si>
    <t>&lt;p&gt;I am trying to split a string which contains a sequence "Song Name - Artist Name".  I've done similar string manipulations in PHP with relative ease as shown below&lt;/p&gt;
&lt;p&gt;PHP:&lt;/p&gt;
&lt;pre&gt;&lt;code&gt;$titledata = explode(" - ", $title);
&lt;/code&gt;&lt;/pre&gt;
&lt;p&gt;This is what I'm trying in C#:&lt;/p&gt;
&lt;pre&gt;&lt;code&gt;string[] titledata = title.Split(" - ");
&lt;/code&gt;&lt;/pre&gt;
&lt;p&gt;And it returns the error "Cannot convert from 'string' to 'char[]'".  I've tried using ToCharArray() and while it runs, it doesn't work properly.  I'm not sure if it's a problem with the minus sign or the number of characters being used as the seperator.&lt;/p&gt;</t>
  </si>
  <si>
    <t>2010-11-13 05:30:22.310000+00:00</t>
  </si>
  <si>
    <t>2010-11-13 05:39:46.337000+00:00</t>
  </si>
  <si>
    <t>c#|string|split</t>
  </si>
  <si>
    <t>Getting Google Maps Intent to Return Location</t>
  </si>
  <si>
    <t>&lt;p&gt;So I am trying to build an app that would allows the user to select a particular place from a Google Maps intent, and when the user pick a place, the intent would finish and return the latitude and longitude data to the previous activity.&lt;/p&gt;
&lt;p&gt;What is the best way to do this?&lt;/p&gt;
&lt;p&gt;What I have done so far:&lt;/p&gt;
&lt;p&gt;I used GPSTracker from &lt;a href="http://www.androidhive.info/2012/07/android-gps-location-manager-tutorial/" rel="nofollow"&gt;here&lt;/a&gt;.&lt;/p&gt;
&lt;p&gt;to get the current latitude and longitude, and then used these data to start a google map intent pointing to current location.&lt;/p&gt;</t>
  </si>
  <si>
    <t>2015-12-09 09:47:26.330000+00:00</t>
  </si>
  <si>
    <t>2015-12-09 10:19:44.110000+00:00</t>
  </si>
  <si>
    <t>2015-12-09 09:50:03.197000+00:00</t>
  </si>
  <si>
    <t>android|google-maps|geolocation</t>
  </si>
  <si>
    <t>Stream Audio File from Android to PC</t>
  </si>
  <si>
    <t>&lt;p&gt;I'm looking for a way to stream an mp3 file from my android device to my PC. I have an application on my PC waiting to receive data and I want to select an audio file from my android device and stream it to the app on my PC for the PC to play it. I already looked up the android MediaPlayer class but I don't see any methods there to get/send the audio file data over a Socket. &lt;/p&gt;
&lt;p&gt;Can anyone give me some tips on how to do this ?&lt;/p&gt;</t>
  </si>
  <si>
    <t>2015-08-14 23:52:09.530000+00:00</t>
  </si>
  <si>
    <t>java|android|audio|streaming</t>
  </si>
  <si>
    <t>How to draw a line graph using d3.js?</t>
  </si>
  <si>
    <t>&lt;p&gt;I am new to d3.js and am trying to graph three lines on the same plot. I'm reading from a tsv file with four columns: time, x, y, and z. This is accelerometer data. I want to plot the x,y,z columns vs time but can't seem to get it. Any suggestions? &lt;/p&gt;
&lt;pre&gt;&lt;code&gt;    function graph(){
// Set the dimensions of the canvas / graph
var margin = {top: 30, right: 20, bottom: 30, left: 50},
    width = 600 - margin.left - margin.right,
    height = 270 - margin.top - margin.bottom;
// Set the ranges
var x = d3.time.scale().range([0, width]);
var y = d3.scale.linear().range([height, 0]);
// Define the axes
var xAxis = d3.svg.axis().scale(x)
    .orient("bottom").ticks(5);
var yAxis = d3.svg.axis().scale(y)
    .orient("left").ticks(5);
// Define the line
var valueline = d3.svg.line()
    .x(function(d) { return x(d.time); })
    .y(function(d) { return y(d.x); });
var     valueline2 = d3.svg.line()
        .x(function(d) { return x(d.time); })
        .y(function(d) { return y(d.y); })
var     valueline3 = d3.svg.line()
        .x(function(d) { return x(d.time); })
        .y(function(d) { return y(d.z); });
// Adds the svg canvas
var svg = d3.select("body")
    .append("svg")
        .attr("width", width + margin.left + margin.right)
        .attr("height", height + margin.top + margin.bottom)
    .append("g")
        .attr("transform", "translate(" + margin.left + "," + margin.top + ")");
// Get the data
d3.tsv("data/data2.tsv", function(error, data) {
    data.forEach(function(d) {
        d.time = +d.time;
        d.x = +d.x;
                d.y = +d.y;
                d.z = +d.z;
    });
    // Scale the range of the data
    x.domain(d3.extent(data, function(d) { return d.time; }));
    y.domain([0, d3.max(data, function(d) { return Math.max(d.x, d.y, d.z); })]);
    // Add the valueline path.
    svg.append("path")      // Add the valueline path.
        .attr("class", "line")
        .attr("d", valueline(data));
        svg.append("path")      // Add the valueline path.
        .attr("class", "line")
                .style("stroke", "red")
        .attr("d", valueline2(data));
        svg.append("path")      // Add the valueline path.
        .attr("class", "line")
                .style("stroke", "green")
        .attr("d", valueline3(data));
    // Add the X Axis
    svg.append("g")         // Add the X Axis
        .attr("class", "x axis")
        .attr("transform", "translate(0," + height + ")")
        .call(xAxis);
    // Add the Y Axis
    svg.append("g")         // Add the Y Axis
        .attr("class", "y axis")
        .call(yAxis);
});}
&lt;/code&gt;&lt;/pre&gt;</t>
  </si>
  <si>
    <t>2014-04-06 18:36:04.950000+00:00</t>
  </si>
  <si>
    <t>2014-04-06 20:58:12.660000+00:00</t>
  </si>
  <si>
    <t>javascript|graph|d3.js|line|tsv</t>
  </si>
  <si>
    <t>ListAdapter sharing</t>
  </si>
  <si>
    <t>&lt;p&gt;Can same adapter be safely shared among different &lt;code&gt;ListViews&lt;/code&gt; or &lt;code&gt;GridViews&lt;/code&gt; ? &lt;/p&gt;
&lt;p&gt;And if so, can two different view be returned from &lt;code&gt;getView()&lt;/code&gt; based on who is asking for that view ?&lt;/p&gt;</t>
  </si>
  <si>
    <t>2012-09-08 18:35:05.117000+00:00</t>
  </si>
  <si>
    <t>2012-09-08 18:40:36.010000+00:00</t>
  </si>
  <si>
    <t>Have Client-Server App, need to create a Client Simulator - ideas needed</t>
  </si>
  <si>
    <t>&lt;p&gt;We've got a client app which connects using TCP to a server. Additionally, the client app makes use of .NET remoting to talk to another piece of locally running code.&lt;/p&gt;
&lt;p&gt;I'm tasked with creating a "Client Simulator" to do some testing, where we'd need to have 100's of clients connected simultaneously to the server. Ideally, this would work out great if I were to run each client in it's own space, such as a VM, but this is not logistically feasible. &lt;/p&gt;
&lt;p&gt;Any suggestions on how to handle this? Is there a tool that could do something like this? Or some sort-of .NET concept I could use?&lt;/p&gt;
&lt;p&gt;Thanks in advance.&lt;/p&gt;</t>
  </si>
  <si>
    <t>2010-10-11 22:01:52.573000+00:00</t>
  </si>
  <si>
    <t>2010-10-11 22:11:47.990000+00:00</t>
  </si>
  <si>
    <t>X11 XClientMessageEvent union porting to 64-bit... Bug?</t>
  </si>
  <si>
    <t>&lt;p&gt;I'm working with a legacy application on Linux that uses ClientMessage to do messaging between cooperating processes. The XClientMessageEvent structure provides a union as a convenience to use for custom data:&lt;/p&gt;
&lt;pre&gt;&lt;code&gt;union {
    char b[20];
    short s[10];
    long l[5];
} data;
&lt;/code&gt;&lt;/pre&gt;
&lt;p&gt;And the man page claims: &lt;strong&gt;"The b, s, and l members represent data of twenty 8-bit values, ten 16-bit values, and five 32-bit values. "&lt;/strong&gt;&lt;/p&gt;
&lt;p&gt;This is all well and good if compiling on a 32-bit system. Just different access to the 20 bytes of the union, right? Well, on a 64-bit system, the "long l[5]" member takes up 40 bytes. &lt;/p&gt;
&lt;p&gt;My testing shows that if the sender considers these as 64-bit longs and uses them, the receiver only gets the first 20 bytes of the "data" structure. The last 20 bytes are lost (appear as zeros to the receiver).&lt;/p&gt;
&lt;p&gt;Since the application relies pretty heavily on packing this union with both shorts and longs, I'm stuck. &lt;/p&gt;
&lt;p&gt;I'm using: xorg-x11-server-Xorg-1.15.0-22.el6.centos.x86_64&lt;/p&gt;
&lt;p&gt;Has anyone had any experience in solving this? Am I just not understanding this correctly?&lt;/p&gt;
&lt;p&gt;It sure seems like a bug in X to me. 64-bit X11 has been around for a long time. I've only seen one other mention of this issue on the web.&lt;/p&gt;</t>
  </si>
  <si>
    <t>2015-08-17 21:34:04.940000+00:00</t>
  </si>
  <si>
    <t>2015-08-20 19:13:22.500000+00:00</t>
  </si>
  <si>
    <t>x11|xorg</t>
  </si>
  <si>
    <t>Updating UI Components of One Stage Based On Event in Another Stage in JavaFX</t>
  </si>
  <si>
    <t>&lt;p&gt;I have two &lt;code&gt;Stages&lt;/code&gt;, for instance, Stage1 and Stage2. Stage1 has a &lt;code&gt;ListView&lt;/code&gt; and a &lt;code&gt;Button&lt;/code&gt;. OnPressing button present on Stage1, I open a dialog i.e. Stage2. Stage2 has &lt;code&gt;TextField&lt;/code&gt; and a &lt;code&gt;Button&lt;/code&gt;. If I enter a string in TextField and click on the button, I close the previous Stage1.
Now, I want to update the ListView once I click on stage2 button. &lt;/p&gt;
&lt;p&gt;I don't close Stage1 when I press button to open the dialog.&lt;/p&gt;
&lt;p&gt;I use showAndWait function on stage2&lt;/p&gt;
&lt;pre&gt;&lt;code&gt;window.showAndWait();
&lt;/code&gt;&lt;/pre&gt;
&lt;p&gt;and close it using &lt;/p&gt;
&lt;pre&gt;&lt;code&gt;stage.close();
&lt;/code&gt;&lt;/pre&gt;
&lt;p&gt;Above is a part of the stage. There are other components which I would like to refresh based on the button press in stage2.&lt;/p&gt;
&lt;p&gt;Could anyone please suggest me a way to do it?&lt;/p&gt;</t>
  </si>
  <si>
    <t>2015-07-02 12:26:12.393000+00:00</t>
  </si>
  <si>
    <t>2015-07-03 04:53:23.013000+00:00</t>
  </si>
  <si>
    <t>java|javafx|javafx-8</t>
  </si>
  <si>
    <t>Log4Net not work with my customs properties</t>
  </si>
  <si>
    <t>&lt;p&gt;in this time I try to log into a DB whit L4N, this is the struct of the table:&lt;/p&gt;
&lt;pre&gt;&lt;code&gt;[TcpClientTracer]
[ID] [int] IDENTITY(1,1) NOT NULL,
[Date] [datetime] NOT NULL,
[Thread] [varchar](20) NOT NULL,
[EventType] [varchar](20) NOT NULL,
[ClientId] [int] NOT NULL,
[ModemId] [varchar](128) NOT NULL,
[EventText] [varchar](2000) NOT NULL
&lt;/code&gt;&lt;/pre&gt;
&lt;p&gt;to fill this table I use this appender:&lt;/p&gt;
&lt;pre&gt;&lt;code&gt;&amp;lt;appender name="TcpAdoNetAppender" type="log4net.Appender.AdoNetAppender,log4net"&amp;gt;
  &amp;lt;bufferSize value="50" /&amp;gt;
  &amp;lt;connectionType value="System.Data.SqlClient.SqlConnection, System.Data, Version=2.0.0.0, Culture=neutral, PublicKeyToken=b77a5c561934e089" /&amp;gt;
  &amp;lt;connectionString value="Data Source=[IPADDRES]; Initial Catalog=XYXY; User Id=username;Password=password" /&amp;gt;
  &amp;lt;commandText value="INSERT INTO TcpClientTracer ([Date],[Thread],[EventType],[ClientId],[ModemId],[EventText]) VALUES (@log_date, @thread, @eventtype, @clientid, @modemid, @eventtext)" /&amp;gt;
  &amp;lt;parameter&amp;gt;
    &amp;lt;parameterName value="@log_date" /&amp;gt;
    &amp;lt;dbType value="DateTime" /&amp;gt;
    &amp;lt;layout type="log4net.Layout.RawTimeStampLayout" /&amp;gt;
  &amp;lt;/parameter&amp;gt;
  &amp;lt;parameter&amp;gt;
    &amp;lt;parameterName value="@thread" /&amp;gt;
    &amp;lt;dbType value="String" /&amp;gt;
    &amp;lt;size value="20" /&amp;gt;
    &amp;lt;layout type="log4net.Layout.PatternLayout"&amp;gt;
      &amp;lt;conversionPattern value="%thread" /&amp;gt;
    &amp;lt;/layout&amp;gt;
  &amp;lt;/parameter&amp;gt;
  &amp;lt;parameter&amp;gt;
    &amp;lt;parameterName value="@eventtype" /&amp;gt;
    &amp;lt;dbType value="String" /&amp;gt;
    &amp;lt;size value="20" /&amp;gt;
    &amp;lt;layout type="log4net.Layout.RawPropertyLayout"&amp;gt;
      &amp;lt;key value="eventtype" /&amp;gt;
    &amp;lt;/layout&amp;gt;
  &amp;lt;/parameter&amp;gt;
  &amp;lt;parameter&amp;gt;
    &amp;lt;parameterName value="@clientid"/&amp;gt;
    &amp;lt;dbType value="Int32"/&amp;gt;
    &amp;lt;layout type="log4net.Layout.RawPropertyLayout"&amp;gt;
      &amp;lt;key value="clientid" /&amp;gt;
    &amp;lt;/layout&amp;gt;
  &amp;lt;/parameter&amp;gt;
  &amp;lt;parameter&amp;gt;
    &amp;lt;parameterName value="@modemid" /&amp;gt;
    &amp;lt;dbType value="String" /&amp;gt;
    &amp;lt;size value="128" /&amp;gt;
    &amp;lt;layout type="log4net.Layout.RawPropertyLayout"&amp;gt;
      &amp;lt;key value="modemid" /&amp;gt;
    &amp;lt;/layout&amp;gt;
  &amp;lt;/parameter&amp;gt;
  &amp;lt;parameter&amp;gt;
    &amp;lt;parameterName value="@eventtext" /&amp;gt;
    &amp;lt;dbType value="String" /&amp;gt;
    &amp;lt;size value="2000" /&amp;gt;
    &amp;lt;layout type="log4net.Layout.RawPropertyLayout"&amp;gt;
      &amp;lt;key value="eventtext" /&amp;gt;
    &amp;lt;/layout&amp;gt;
  &amp;lt;/parameter&amp;gt;
&amp;lt;/appender&amp;gt;
&lt;/code&gt;&lt;/pre&gt;
&lt;p&gt;the logger is this:&lt;/p&gt;
&lt;pre&gt;&lt;code&gt;&amp;lt;logger name="TcpClientTracer" additivity="false"&amp;gt;
  &amp;lt;level value="ALL"/&amp;gt;
  &amp;lt;appender-ref ref="TcpAdoNetAppender" /&amp;gt; 
&amp;lt;/logger&amp;gt;
&lt;/code&gt;&lt;/pre&gt;
&lt;p&gt;and...to pass the data from C# I use this method:&lt;/p&gt;
&lt;pre&gt;&lt;code&gt;public static void writeLog(GroupType mGrupo, Hashtable mValues)
    {
        ILog Logger = oLogger.GetLoggerByGroup(mGrupo);
        Type declaringType = typeof(log4net.LogManager);
        LoggingEvent loggingEvent = new LoggingEvent(declaringType, Logger.Logger.Repository, Logger.Logger.Name, Level.All, null, null);//null = Message, Exception            
        foreach (DictionaryEntry CurrentEntry in mValues) 
        {
            loggingEvent.Properties[CurrentEntry.Key.ToString()] = CurrentEntry.Value;
        }
        Logger.Logger.Log(loggingEvent);
    }
&lt;/code&gt;&lt;/pre&gt;
&lt;p&gt;I don't know how works the LoggingEvent, but I use it to fill other table and work perfectly.
If somebody can help me with this issue, I apreciate!!&lt;/p&gt;
&lt;p&gt;Thanks to read my bad english!!&lt;/p&gt;</t>
  </si>
  <si>
    <t>2012-05-21 20:00:40.963000+00:00</t>
  </si>
  <si>
    <t>2015-02-06 18:41:03.280000+00:00</t>
  </si>
  <si>
    <t>c#|logging|log4net|adonetappender</t>
  </si>
  <si>
    <t>Typescript react - Could not find a declaration file for module ''react-materialize'. 'path/to/module-name.js' implicitly has an any type</t>
  </si>
  <si>
    <t>&lt;p&gt;I am trying to import components from react-materialize as - &lt;/p&gt;
&lt;pre&gt;&lt;code&gt;import {Navbar, NavItem} from 'react-materialize';
&lt;/code&gt;&lt;/pre&gt;
&lt;p&gt;But when the webpack is compining my &lt;code&gt;.tsx&lt;/code&gt; it throws an error for the above as -&lt;/p&gt;
&lt;pre&gt;&lt;code&gt;ERROR in ./src/common/navbar.tsx
(3,31): error TS7016: Could not find a declaration file for module 'react-materi
alize'. 'D:\Private\Works\Typescript\QuickReact\node_modules\react-materialize\l
ib\index.js' implicitly has an 'any' type.
&lt;/code&gt;&lt;/pre&gt;
&lt;p&gt;Any resolution for this .I'm unsure how to resolve this import statement to work with &lt;code&gt;ts-loader&lt;/code&gt; and webpack. &lt;/p&gt;
&lt;p&gt;The &lt;code&gt;index.js&lt;/code&gt; of react-materialize looks likes this . But how to resolve this for the module import in my own files ..&lt;/p&gt;
&lt;p&gt;&lt;a href="https://github.com/react-materialize/react-materialize/blob/master/src/index.js" rel="noreferrer"&gt;https://github.com/react-materialize/react-materialize/blob/master/src/index.js&lt;/a&gt;&lt;/p&gt;</t>
  </si>
  <si>
    <t>2017-01-04 11:29:14.327000+00:00</t>
  </si>
  <si>
    <t>2018-11-09 08:08:50.013000+00:00</t>
  </si>
  <si>
    <t>reactjs|webpack|webpack-2</t>
  </si>
  <si>
    <t>VBScript removing attributes from HTML input element</t>
  </si>
  <si>
    <t>&lt;p&gt;I am unsure if this is possible...I am currently working on a VBS script which fills in a web form and uploads a file. However, the upload button is a HTML input field of type "text"...The way I am planning to approach this is to remove the attribute type="file" and replace it with type="text". Then I am planning to populate the resulting text box with my file location and click upload afterwards. This works great when done manually through the browser developer tools.&lt;/p&gt;
&lt;p&gt;However, I am limited to use of VBScript as the solution must be supportable by my colleagues. Has anybody got any ideas?&lt;/p&gt;</t>
  </si>
  <si>
    <t>2017-02-10 10:01:00.570000+00:00</t>
  </si>
  <si>
    <t>2017-02-10 10:52:21.143000+00:00</t>
  </si>
  <si>
    <t>html5|vbscript</t>
  </si>
  <si>
    <t>ScrollView with flex 1 makes it un-scrollable</t>
  </si>
  <si>
    <t>&lt;p&gt;I'm trying to run flex on a &lt;code&gt;ScrollView&lt;/code&gt;, and as long as the ScrollView has &lt;code&gt;flex: 1&lt;/code&gt; the &lt;strong&gt;scroll inside does not work&lt;/strong&gt;. 
here is the expo fiddle (that you can run this code and play with)
&lt;a href="https://snack.expo.io/SySerKNp-" rel="noreferrer"&gt;https://snack.expo.io/SySerKNp-&lt;/a&gt;&lt;/p&gt;
&lt;p&gt;note that if you remove the &lt;code&gt;flex: 1&lt;/code&gt; from the &lt;code&gt;ScrollView&lt;/code&gt; it does let scroll but then you lose the flex power ( the ability to let the red container down to push up the upper box (the ScrollView) ) so I must have a flex there.&lt;/p&gt;
&lt;p&gt;p.s - I'm working only on android, and I haven't tested it on iPhone( I don't mind the result there )&lt;/p&gt;
&lt;p&gt;any idea what am I missing ? why the &lt;code&gt;ScrollView&lt;/code&gt; won't function right when it has a &lt;code&gt;flex: 1&lt;/code&gt; ?
thanks !&lt;/p&gt;</t>
  </si>
  <si>
    <t>2017-10-18 07:45:57.107000+00:00</t>
  </si>
  <si>
    <t>2018-09-06 10:14:00.490000+00:00</t>
  </si>
  <si>
    <t>2017-10-18 09:58:12.767000+00:00</t>
  </si>
  <si>
    <t>react-native|flexbox|react-native-android|react-native-scrollview</t>
  </si>
  <si>
    <t>Use scrapy to get list of urls, and then scrape content inside those urls</t>
  </si>
  <si>
    <t>&lt;p&gt;I need a Scrapy spider to scrape the following page (&lt;a href="https://www.phidgets.com/?tier=1&amp;amp;catid=64&amp;amp;pcid=57" rel="nofollow noreferrer"&gt;https://www.phidgets.com/?tier=1&amp;amp;catid=64&amp;amp;pcid=57&lt;/a&gt;) for each URL (30 products, so 30 urls) and then go into each product via that url and scrape the data inside. &lt;/p&gt;
&lt;p&gt;I have the second part working exactly as I want:&lt;/p&gt;
&lt;pre&gt;&lt;code&gt;import scrapy
class ProductsSpider(scrapy.Spider):
    name = "products"
    start_urls = [
        'https://www.phidgets.com/?tier=1&amp;amp;catid=64&amp;amp;pcid=57',
    ]
    def parse(self, response):
        for info in response.css('div.ph-product-container'):
            yield {
                'product_name': info.css('h2.ph-product-name::text').extract_first(),
                'product_image': info.css('div.ph-product-img-ctn a').xpath('@href').extract(),
                'sku': info.css('span.ph-pid').xpath('@prod-sku').extract_first(),
                'short_description': info.css('div.ph-product-summary::text').extract_first(),
                'price': info.css('h2.ph-product-price &amp;gt; span.price::text').extract_first(),
                'long_description': info.css('div#product_tab_1').extract_first(),
                'specs': info.css('div#product_tab_2').extract_first(),
            }
        # next_page = response.css('div.ph-summary-entry-ctn a::attr("href")').extract_first()
        # if next_page is not None:
        #     yield response.follow(next_page, self.parse)
&lt;/code&gt;&lt;/pre&gt;
&lt;p&gt;But I don't know how to do the first part. As you will see I have the main page (&lt;a href="https://www.phidgets.com/?tier=1&amp;amp;catid=64&amp;amp;pcid=57" rel="nofollow noreferrer"&gt;https://www.phidgets.com/?tier=1&amp;amp;catid=64&amp;amp;pcid=57&lt;/a&gt;) set as the start_url. But how do I get it to populate the start_urls list with all 30 urls I need crawled? &lt;/p&gt;</t>
  </si>
  <si>
    <t>2017-07-04 20:46:26.597000+00:00</t>
  </si>
  <si>
    <t>2017-07-04 23:37:06.550000+00:00</t>
  </si>
  <si>
    <t>How to get what's under cursor WebKit.Net</t>
  </si>
  <si>
    <t>&lt;p&gt;I'm working on a project in C# and I'm using WebKit Browser. My problem is that i have no idea how to get what's under the cursor. &lt;/p&gt;
&lt;p&gt;&lt;code&gt;E.g: mouse hovers over link -&amp;gt; get the link text&lt;/code&gt; Stuff like that. &lt;/p&gt;
&lt;p&gt;I've read something about Java but i don't know Java yet, also i wouldn'T know how to add that to my c# code.&lt;/p&gt;
&lt;p&gt;Any help would be appreciated.&lt;/p&gt;</t>
  </si>
  <si>
    <t>2014-02-25 17:17:38.840000+00:00</t>
  </si>
  <si>
    <t>2014-03-12 16:37:00.470000+00:00</t>
  </si>
  <si>
    <t>c#|html|cursor|webkit.net</t>
  </si>
  <si>
    <t>Remove Space After a Particular Character in String</t>
  </si>
  <si>
    <t>&lt;p&gt;I have an string which is coming from a server :&lt;/p&gt;
&lt;pre&gt;&lt;code&gt;&amp;lt;p&amp;gt;Test iOS Contact &amp;amp;nbsp;&amp;lt;a href=\"tel:(945) 369-8563\"&amp;gt;(945) 369-8563&amp;lt;/a&amp;gt;&amp;lt;/p&amp;gt;
&lt;/code&gt;&lt;/pre&gt;
&lt;p&gt;I want to remove any space after tel which comes up to 10 characters in the phone number.&lt;/p&gt;
&lt;p&gt;I am using the below code for that.&lt;/p&gt;
&lt;pre&gt;&lt;code&gt;    if ([serviceMessage containsString:@"tel:"]) {
                NSUInteger location = [serviceMessage rangeOfString:@"tel:"].location + 4;
    serviceMessage = [serviceMessage substringFromIndex:location];
    [serviceMessage substringWithRange:NSMakeRange(11,0)];
    serviceMessage =[serviceMessage substringToIndex:10];
    NSLog(@"New Trimed string:%@",serviceMessage);
    serviceMessage = [serviceMessage stringByReplacingOccurrencesOfString:@" " withString:@""];
    NSLog(@"Final Trimed string:%@",serviceMessage);
                                        }
&lt;/code&gt;&lt;/pre&gt;</t>
  </si>
  <si>
    <t>2016-11-29 10:04:15.453000+00:00</t>
  </si>
  <si>
    <t>2016-11-29 11:09:25.710000+00:00</t>
  </si>
  <si>
    <t>ios|objective-c|iphone</t>
  </si>
  <si>
    <t>JavaScript - Sort SELECT options</t>
  </si>
  <si>
    <t>&lt;p&gt;Using PHP, I scan a directory and list all of the .xml files. Each XML file contains both a "name" element and a "date" element.  The "name" element for each XML file is listed as an option in the select list.  This works perfectly fine, however, the "date" element in each XML file is different and contains a date format like this: mm/dd/yyyy.  What I am trying to figure out how to do is sort the items according to the date, with the earliest date being first one the list and the most recent at the end.&lt;/p&gt;
&lt;p&gt;Now say each of those items has a different value for the "date" element.  I need to sort those items with the earliest date being first. I'm not sure how I can store the "date" element data somewhere so that it can be handled by JavaScript.  I'm sorry if this is a very vague description, it's been baffling me for a while and it's a been confusing to try and explain.&lt;/p&gt;
&lt;p&gt;&lt;strong&gt;UPDATED&lt;/strong&gt;&lt;/p&gt;
&lt;p&gt;So right now this is what I have working:&lt;/p&gt;
&lt;pre&gt;&lt;code&gt;&amp;lt;select name="sel_id" onchange="this.form.submit()" size="20"&amp;gt;
&amp;lt;option value="item1"&amp;gt;Item 1&amp;lt;/option&amp;gt;
&amp;lt;option value="item2"&amp;gt;Item 2&amp;lt;/option&amp;gt;
&amp;lt;option value="item3"&amp;gt;Item 3&amp;lt;/option&amp;gt;
&amp;lt;option value="item4"&amp;gt;Item 4&amp;lt;/option&amp;gt;
&amp;lt;/select&amp;gt;
&lt;/code&gt;&lt;/pre&gt;
&lt;p&gt;I guess one thing that would majorly help is knowing if there's a way to store the date somewhere in the  tags besides the value attribute seeing how it's already being used.  The date itself isn't a concern, I have that much figured it, it's just a matter of storing it somewhere so that it can be called client side.&lt;/p&gt;</t>
  </si>
  <si>
    <t>2010-06-30 20:44:57.430000+00:00</t>
  </si>
  <si>
    <t>2015-01-19 03:31:09.283000+00:00</t>
  </si>
  <si>
    <t>2010-07-06 05:47:50.767000+00:00</t>
  </si>
  <si>
    <t>javascript|html|select|sorting</t>
  </si>
  <si>
    <t>Google Authentication for Oracle ADF Application</t>
  </si>
  <si>
    <t>&lt;p&gt;I am using Oracle ADF Essentials with Glassfish server. How to authorize users against their google account. I came across &lt;a href="https://code.google.com/p/google-api-java-client/wiki/OAuth2" rel="nofollow"&gt;Google OAuth API&lt;/a&gt; . How do I go about with Google's OAuth2 using Oracle ADF. After authentication I would also need to access the user's youtube profile (like uploading videos under his profile, get the user uploaded youtube video), thats later, I need authentication first ;)&lt;/p&gt;
&lt;p&gt;Thanks&lt;/p&gt;</t>
  </si>
  <si>
    <t>2013-02-16 11:08:43.117000+00:00</t>
  </si>
  <si>
    <t>2013-02-20 21:13:44.413000+00:00</t>
  </si>
  <si>
    <t>google-api|glassfish-3|oracle-adf|google-openid|google-oauth</t>
  </si>
  <si>
    <t>Is Apache Tomcat IPv6 compatible without any server.xml changes?</t>
  </si>
  <si>
    <t>&lt;p&gt;We've been having some spurious issues that may be attributed to some network changes due to IPv6 compatibility.&lt;/p&gt;
&lt;p&gt;I tried the workaround: address="0.0.0.0" in the Connector tag, but the access log still contains only IPv6 addresses.&lt;/p&gt;</t>
  </si>
  <si>
    <t>2013-06-04 23:28:26.147000+00:00</t>
  </si>
  <si>
    <t>2015-09-03 13:35:23.827000+00:00</t>
  </si>
  <si>
    <t>tomcat|tomcat7</t>
  </si>
  <si>
    <t>MySQL erroring out on one field in PHP</t>
  </si>
  <si>
    <t>&lt;p&gt;I have this pre-existing table structure (yes data and time are terrible names but they are already there):
&lt;img src="https://i.stack.imgur.com/FjbaV.jpg" alt="enter image description here"&gt;&lt;/p&gt;
&lt;p&gt;However everything grinds to a halt on updating the in/out field.
(Also tried with prepared statements: no luck)&lt;/p&gt;
&lt;p&gt;This does not work:&lt;/p&gt;
&lt;pre&gt;&lt;code&gt;$update_punch = $conn-&amp;gt;query("UPDATE ttime SET date='$the_edited_date_w_mysql', time='$the_edited_time', inout='$the_ins_and_outs' WHERE id='$the_id' LIMIT 1");
&lt;/code&gt;&lt;/pre&gt;
&lt;p&gt;The first line of this works but it chokes on the 2nd (chocks with inout being a var or 'in':&lt;/p&gt;
&lt;pre&gt;&lt;code&gt;$update_punch = $conn-&amp;gt;query("UPDATE ttime SET date='$the_edited_date_w_mysql', time='$the_edited_time' WHERE id='$the_id' LIMIT 1");   
$update_punch = $conn-&amp;gt;query("UPDATE ttime SET inout='$the_ins_and_outs' WHERE id='$the_id' LIMIT 1");
&lt;/code&gt;&lt;/pre&gt;
&lt;p&gt;Here is there error:&lt;/p&gt;
&lt;pre&gt;&lt;code&gt;Fatal error: Uncaught exception 'PDOException' with message 'SQLSTATE[42000]: Syntax error or access violation: 1064 You have an error in your SQL syntax; check the manual that corresponds to your MySQL server version for the right syntax to use near 'inout='out' WHERE id='171366' LIMIT 1' at line 1' in /site/updatepunchesbystore2.php:43 Stack trace: #0 /site/updatepunchesbystore2.php(43): PDO-&amp;gt;query('UPDATE ttime SE...') #1 {main} thrown in /site/updatepunchesbystore2.php on line 43
&lt;/code&gt;&lt;/pre&gt;
&lt;p&gt;I have fought with it for an hour and I'm stumped!&lt;/p&gt;
&lt;p&gt;Any thoughts?&lt;/p&gt;</t>
  </si>
  <si>
    <t>2014-06-12 20:59:46.983000+00:00</t>
  </si>
  <si>
    <t>2014-06-12 21:03:01.467000+00:00</t>
  </si>
  <si>
    <t>2014-06-12 21:01:44.077000+00:00</t>
  </si>
  <si>
    <t>Running long running linux command on screen session</t>
  </si>
  <si>
    <t>&lt;p&gt;I have written a bash script, it includes a portion where the script checks the file size and if it exceeds 2GB then it will start a screen session and starts importing the DB dump file. But when the script execution reaches that specific part, it's not working. Means, the script is finishing execution before the db dump gets imported. I'm guessing that it's happening because the screen session is not waiting for the db dump import command execution to be completed. Script won't look that professional as I'm a beginner in shell scripting and I'm not that good at coding too, please don't mind. &lt;/p&gt;
&lt;p&gt;&lt;strong&gt;Note:&lt;/strong&gt; I have created a screen session with socket number 24602 and I'm trying to execute the db dump import command in that session&lt;/p&gt;
&lt;p&gt;&lt;strong&gt;SCRIPT&lt;/strong&gt;&lt;/p&gt;
&lt;pre&gt;&lt;code&gt;#!/bin/bash
cd /case_data
echo "Conditions:
        1.DB dump file should be there in /case_data/&amp;lt;case number&amp;gt;/ location
        2.DB dump file should end with extension .sql"
        read -p "Please enter a case number for which you need to update the DB file:" casenum
if [[ -z "$casenum" ]] ; then
        echo 'Exiting automation as there is no user INPUT. Hasta La Vista!!'
        return 0
elif [[ ${#casenum} -ne 5 ]]; then
        echo "Error: Case number should contain 5 characters. Please enter the case number again!!"
        return 0
elif [[ $casenum == *['!'@#\$%^\&amp;amp;*()_+]* ]]; then
        echo "Error: Special characters are not allowed. Please enter the case number again!!"
        return 0
elif [ -e "$casenum" ]; then
        echo "Modifying the DB dump file for the case number $casenum"
        cd /case_data/$casenum
        filesize=`du -h --block-size=G *.sql | head -c 1`
       `sed -i '1s/^/SET autocommit=0;\n/' *.sql`
       `echo "COMMIT;" &amp;gt;&amp;gt; *.sql`
        mv *.sql c$casenum.sql
        echo "DB dump file modification completed!!"
        echo "Initiating customer DB dump import to the DB c$casenum"
if [ $filesize -ge 2 ]; then
        echo "Customer DB greater than 2 GB, started a screen session"
        echo "Customer DB import started. Please wait till the import is completed"
        screen -S 24602 -X 'mysql -ss -N -uroot -ppassword -e "use c$casenum;source /case_data/$casenum/c$casenum.sql";'
else
        echo "Customer DB less than 2 GB so skipping screen session!!!"
        echo "Customer DB import started. Please wait till the import is completed"
        mysql -ss -N -uroot -ppassword -e "use c$casenum;source /case_data/$casenum/c$casenum.sql;"
        echo "Customer DB import completed successfully!!!"
fi
else
        echo "Directory does not exist, please check the case number entered"
fi
&lt;/code&gt;&lt;/pre&gt;</t>
  </si>
  <si>
    <t>2018-04-11 08:21:09.497000+00:00</t>
  </si>
  <si>
    <t>2018-04-11 11:49:57.253000+00:00</t>
  </si>
  <si>
    <t>mysql|linux|bash</t>
  </si>
  <si>
    <t>How to write Xpath Query in Groovy Code SoapUI?</t>
  </si>
  <si>
    <t>&lt;p&gt;I am new to groovy scripting and trying to write a code that should give the output with this Xpath:&lt;/p&gt;
&lt;pre&gt;&lt;code&gt;/BillingInvoice/invoicedOrders/entry/value/lines/aggregationKey[text()='INV_GROUP_Meterreading' or text()='INV_GROUP_Power']/../(aggregationKey|amount)
&lt;/code&gt;&lt;/pre&gt;
&lt;p&gt;This Xpath works fine in online Xpath formatting check, but I couldn't make it work in Groovy script as I don't have much knowledge of it.&lt;/p&gt;
&lt;p&gt;The purpose of writing a Groovy script here is to extract all the amounts corresponding to the aggregation keys and do the sum, but currently I am stuck at even getting the tag elements and values.&lt;/p&gt;
&lt;p&gt;Below is the XML I am using, which is saved in a SOAPUI property. I am parsing it in Groovy script:&lt;/p&gt;
&lt;pre&gt;&lt;code&gt;&amp;lt;BillingInvoice&amp;gt;
   &amp;lt;aggregation&amp;gt;
      &amp;lt;aggregations&amp;gt;
         &amp;lt;aggregations&amp;gt;
            &amp;lt;key&amp;gt;INV_GROUP_Power&amp;lt;/key&amp;gt;
            &amp;lt;showUnitPrice&amp;gt;true&amp;lt;/showUnitPrice&amp;gt;
            &amp;lt;showVolume&amp;gt;true&amp;lt;/showVolume&amp;gt;
            &amp;lt;volumeUoM&amp;gt;kW&amp;lt;/volumeUoM&amp;gt;
         &amp;lt;/aggregations&amp;gt;
         &amp;lt;aggregations&amp;gt;
            &amp;lt;key&amp;gt;INV_GROUP_Meterreading&amp;lt;/key&amp;gt;
            &amp;lt;showUnitPrice&amp;gt;true&amp;lt;/showUnitPrice&amp;gt;
            &amp;lt;showVolume&amp;gt;true&amp;lt;/showVolume&amp;gt;
            &amp;lt;volumeUoM&amp;gt;days&amp;lt;/volumeUoM&amp;gt;
         &amp;lt;/aggregations&amp;gt;
         &amp;lt;key&amp;gt;DISTRIBUTION&amp;lt;/key&amp;gt;
         &amp;lt;showUnitPrice&amp;gt;false&amp;lt;/showUnitPrice&amp;gt;
         &amp;lt;showVolume&amp;gt;false&amp;lt;/showVolume&amp;gt;
      &amp;lt;/aggregations&amp;gt;
   &amp;lt;/aggregation&amp;gt;
   &amp;lt;amount&amp;gt;153.6600000000&amp;lt;/amount&amp;gt;
   &amp;lt;balance&amp;gt;153.6600000000&amp;lt;/balance&amp;gt;
   &amp;lt;bundleId&amp;gt;000000~DEFAULT&amp;lt;/bundleId&amp;gt;
   &amp;lt;consumptionEvolution&amp;gt;
      &amp;lt;consumption&amp;gt;
         &amp;lt;deliveryPointId&amp;gt;555555555555555&amp;lt;/deliveryPointId&amp;gt;
         &amp;lt;endPeriod&amp;gt;2017-07-31T00:00:00+02:00&amp;lt;/endPeriod&amp;gt;
         &amp;lt;startPeriod&amp;gt;2016-08-01T00:00:00+02:00&amp;lt;/startPeriod&amp;gt;
         &amp;lt;timeFrame&amp;gt;TOTAL_HOUR&amp;lt;/timeFrame&amp;gt;
         &amp;lt;value&amp;gt;74645.2300000000&amp;lt;/value&amp;gt;
         &amp;lt;meteringContext&amp;gt;PERIODIC_METERING&amp;lt;/meteringContext&amp;gt;
      &amp;lt;/consumption&amp;gt;
      &amp;lt;consumption&amp;gt;
         &amp;lt;deliveryPointId&amp;gt;555555555555555&amp;lt;/deliveryPointId&amp;gt;
         &amp;lt;endPeriod&amp;gt;2015-05-07T00:00:00+02:00&amp;lt;/endPeriod&amp;gt;
         &amp;lt;startPeriod&amp;gt;2015-03-19T00:00:00+01:00&amp;lt;/startPeriod&amp;gt;
         &amp;lt;timeFrame&amp;gt;TOTAL_HOUR&amp;lt;/timeFrame&amp;gt;
         &amp;lt;value&amp;gt;471.8600000000&amp;lt;/value&amp;gt;
         &amp;lt;meteringContext&amp;gt;GAIN&amp;lt;/meteringContext&amp;gt;
      &amp;lt;/consumption&amp;gt;
      &amp;lt;consumption&amp;gt;
         &amp;lt;deliveryPointId&amp;gt;555555555555555&amp;lt;/deliveryPointId&amp;gt;
         &amp;lt;endPeriod&amp;gt;2015-03-19T00:00:00+01:00&amp;lt;/endPeriod&amp;gt;
         &amp;lt;startPeriod&amp;gt;2014-11-01T00:00:00+01:00&amp;lt;/startPeriod&amp;gt;
         &amp;lt;timeFrame&amp;gt;TOTAL_HOUR&amp;lt;/timeFrame&amp;gt;
         &amp;lt;value&amp;gt;3860.2600000000&amp;lt;/value&amp;gt;
         &amp;lt;meteringContext&amp;gt;GAIN&amp;lt;/meteringContext&amp;gt;
      &amp;lt;/consumption&amp;gt;
   &amp;lt;/consumptionEvolution&amp;gt;
   &amp;lt;customer&amp;gt;
      &amp;lt;accountNr&amp;gt;999999999&amp;lt;/accountNr&amp;gt;
      &amp;lt;billingId&amp;gt;444444444&amp;lt;/billingId&amp;gt;
   &amp;lt;/customer&amp;gt;
   &amp;lt;dueDate&amp;gt;2017-08-21T00:00:00+02:00&amp;lt;/dueDate&amp;gt;
   &amp;lt;dunningBlockedByAgent&amp;gt;false&amp;lt;/dunningBlockedByAgent&amp;gt;
   &amp;lt;dunningBlockedBySystem&amp;gt;false&amp;lt;/dunningBlockedBySystem&amp;gt;
   &amp;lt;dunningStatus&amp;gt;NID&amp;lt;/dunningStatus&amp;gt;
   &amp;lt;eanTotalEvolution&amp;gt;
      &amp;lt;totalEvolution&amp;gt;
         &amp;lt;connectionKey&amp;gt;555555555555555&amp;lt;/connectionKey&amp;gt;
         &amp;lt;eanTotalConsumption/&amp;gt;
      &amp;lt;/totalEvolution&amp;gt;
   &amp;lt;/eanTotalEvolution&amp;gt;
   &amp;lt;invoiceDate&amp;gt;2017-08-07T00:00:00+02:00&amp;lt;/invoiceDate&amp;gt;
   &amp;lt;invoiceNumber&amp;gt;GHJKJ111111&amp;lt;/invoiceNumber&amp;gt;
   &amp;lt;invoiceType&amp;gt;SETTLEMENT&amp;lt;/invoiceType&amp;gt;
   &amp;lt;invoicedOrders&amp;gt;
      &amp;lt;entry&amp;gt;
         &amp;lt;key&amp;gt;59412&amp;lt;/key&amp;gt;
         &amp;lt;value&amp;gt;
            &amp;lt;address&amp;gt;
               &amp;lt;city&amp;gt;Stackoverflow&amp;lt;/city&amp;gt;
               &amp;lt;country&amp;gt;US&amp;lt;/country&amp;gt;
               &amp;lt;deliveryPointID&amp;gt;555555555555555&amp;lt;/deliveryPointID&amp;gt;
               &amp;lt;gridcompany&amp;gt;4444444444444&amp;lt;/gridcompany&amp;gt;
               &amp;lt;region&amp;gt;Cold&amp;lt;/region&amp;gt;
               &amp;lt;streetName&amp;gt;Placeforeveryone&amp;lt;/streetName&amp;gt;
               &amp;lt;streetNumber&amp;gt;420&amp;lt;/streetNumber&amp;gt;
               &amp;lt;zipcode&amp;gt;xxxxxx&amp;lt;/zipcode&amp;gt;
            &amp;lt;/address&amp;gt;
            &amp;lt;billingEstimates&amp;gt;
               &amp;lt;billingEstimate&amp;gt;
                  &amp;lt;fromDate&amp;gt;2015-11-01T00:00:00+01:00&amp;lt;/fromDate&amp;gt;
                  &amp;lt;logDate&amp;gt;2017-08-07T00:00:00+02:00&amp;lt;/logDate&amp;gt;
                  &amp;lt;meteringContext&amp;gt;GAIN&amp;lt;/meteringContext&amp;gt;
                  &amp;lt;source&amp;gt;MARKET&amp;lt;/source&amp;gt;
                  &amp;lt;timeframe&amp;gt;TOTAL_HOUR&amp;lt;/timeframe&amp;gt;
                  &amp;lt;validFrom&amp;gt;2015-11-01T00:00:00+01:00&amp;lt;/validFrom&amp;gt;
                  &amp;lt;validTo&amp;gt;2015-11-01T00:00:00+01:00&amp;lt;/validTo&amp;gt;
                  &amp;lt;value&amp;gt;46802.0000000000&amp;lt;/value&amp;gt;
               &amp;lt;/billingEstimate&amp;gt;
               &amp;lt;billingEstimate&amp;gt;
                  &amp;lt;fromDate&amp;gt;2015-11-01T00:00:00+01:00&amp;lt;/fromDate&amp;gt;
                  &amp;lt;logDate&amp;gt;2017-08-07T00:00:00+02:00&amp;lt;/logDate&amp;gt;
                  &amp;lt;meteringContext&amp;gt;GAIN&amp;lt;/meteringContext&amp;gt;
                  &amp;lt;source&amp;gt;MARKET&amp;lt;/source&amp;gt;
                  &amp;lt;timeframe&amp;gt;TOTAL_HOUR&amp;lt;/timeframe&amp;gt;
                  &amp;lt;validFrom&amp;gt;2015-11-01T00:00:00+01:00&amp;lt;/validFrom&amp;gt;
                  &amp;lt;validTo&amp;gt;9999-12-31T00:00:00+01:00&amp;lt;/validTo&amp;gt;
                  &amp;lt;value&amp;gt;12409.0000000000&amp;lt;/value&amp;gt;
               &amp;lt;/billingEstimate&amp;gt;
            &amp;lt;/billingEstimates&amp;gt;
            &amp;lt;contractLine&amp;gt;00000-0000-0000-57af-00000&amp;lt;/contractLine&amp;gt;
            &amp;lt;contractNumber&amp;gt;00000-00000-00000-8cbe-00000&amp;lt;/contractNumber&amp;gt;
            &amp;lt;contractedVolumes&amp;gt;
               &amp;lt;fromDate&amp;gt;2015-11-01T00:00:00+01:00&amp;lt;/fromDate&amp;gt;
               &amp;lt;timeFrame&amp;gt;TOTAL_HOUR&amp;lt;/timeFrame&amp;gt;
               &amp;lt;toDate&amp;gt;9999-12-31T00:00:00+01:00&amp;lt;/toDate&amp;gt;
               &amp;lt;value&amp;gt;200000.0000000000&amp;lt;/value&amp;gt;
            &amp;lt;/contractedVolumes&amp;gt;
            &amp;lt;historicalConsumptions&amp;gt;
               &amp;lt;deliveryPointId&amp;gt;555555555555555&amp;lt;/deliveryPointId&amp;gt;
               &amp;lt;endPeriod&amp;gt;2014-11-01T00:00:00+01:00&amp;lt;/endPeriod&amp;gt;
               &amp;lt;startPeriod&amp;gt;2014-04-11T00:00:00+02:00&amp;lt;/startPeriod&amp;gt;
               &amp;lt;timeFrame&amp;gt;TOTAL_HOUR&amp;lt;/timeFrame&amp;gt;
               &amp;lt;value&amp;gt;1057.6900000000&amp;lt;/value&amp;gt;
            &amp;lt;/historicalConsumptions&amp;gt;
            &amp;lt;historicalConsumptions&amp;gt;
               &amp;lt;deliveryPointId&amp;gt;555555555555555&amp;lt;/deliveryPointId&amp;gt;
               &amp;lt;endPeriod&amp;gt;2015-03-19T00:00:00+01:00&amp;lt;/endPeriod&amp;gt;
               &amp;lt;startPeriod&amp;gt;2014-11-01T00:00:00+01:00&amp;lt;/startPeriod&amp;gt;
               &amp;lt;timeFrame&amp;gt;TOTAL_HOUR&amp;lt;/timeFrame&amp;gt;
               &amp;lt;value&amp;gt;3860.2600000000&amp;lt;/value&amp;gt;
            &amp;lt;/historicalConsumptions&amp;gt;
            &amp;lt;historicalConsumptions&amp;gt;
               &amp;lt;deliveryPointId&amp;gt;555555555555555&amp;lt;/deliveryPointId&amp;gt;
               &amp;lt;endPeriod&amp;gt;2015-05-07T00:00:00+02:00&amp;lt;/endPeriod&amp;gt;
               &amp;lt;startPeriod&amp;gt;2015-03-19T00:00:00+01:00&amp;lt;/startPeriod&amp;gt;
               &amp;lt;timeFrame&amp;gt;TOTAL_HOUR&amp;lt;/timeFrame&amp;gt;
               &amp;lt;value&amp;gt;471.8600000000&amp;lt;/value&amp;gt;
            &amp;lt;/historicalConsumptions&amp;gt;
            &amp;lt;lines&amp;gt;
               &amp;lt;aggregationKey&amp;gt;INV_GROUP_VAT_21%&amp;lt;/aggregationKey&amp;gt;
               &amp;lt;amount&amp;gt;8.2400000000&amp;lt;/amount&amp;gt;
               &amp;lt;billingType&amp;gt;settlement&amp;lt;/billingType&amp;gt;
               &amp;lt;description&amp;gt;VAT 21% 2017-01-01/2017-07-31&amp;lt;/description&amp;gt;
               &amp;lt;invoiceLineId&amp;gt;200196&amp;lt;/invoiceLineId&amp;gt;
               &amp;lt;isPercentage&amp;gt;1&amp;lt;/isPercentage&amp;gt;
               &amp;lt;isVatPercentage&amp;gt;true&amp;lt;/isVatPercentage&amp;gt;
               &amp;lt;orderLineType&amp;gt;SETTLEMENT&amp;lt;/orderLineType&amp;gt;
               &amp;lt;periodEnd&amp;gt;2017-07-31T00:00:00+02:00&amp;lt;/periodEnd&amp;gt;
               &amp;lt;periodStart&amp;gt;2017-01-01T00:00:00+01:00&amp;lt;/periodStart&amp;gt;
               &amp;lt;price&amp;gt;21.0000000000&amp;lt;/price&amp;gt;
               &amp;lt;productCode&amp;gt;VAT_21%&amp;lt;/productCode&amp;gt;
               &amp;lt;quantity&amp;gt;39.2500000000&amp;lt;/quantity&amp;gt;
               &amp;lt;vatBaseAmount&amp;gt;39.2500000000&amp;lt;/vatBaseAmount&amp;gt;
               &amp;lt;vatCode&amp;gt;VAT-OUT-21-S&amp;lt;/vatCode&amp;gt;
               &amp;lt;vatPerc&amp;gt;21.0000000000&amp;lt;/vatPerc&amp;gt;
            &amp;lt;/lines&amp;gt;
            &amp;lt;lines&amp;gt;
               &amp;lt;aggregationKey&amp;gt;INV_GROUP_VAT_0%&amp;lt;/aggregationKey&amp;gt;
               &amp;lt;amount&amp;gt;0.0000000000&amp;lt;/amount&amp;gt;
               &amp;lt;billingType&amp;gt;settlement&amp;lt;/billingType&amp;gt;
               &amp;lt;description&amp;gt;VAT 0%  2017-01-01/2017-07-31&amp;lt;/description&amp;gt;
               &amp;lt;invoiceLineId&amp;gt;200195&amp;lt;/invoiceLineId&amp;gt;
               &amp;lt;isPercentage&amp;gt;1&amp;lt;/isPercentage&amp;gt;
               &amp;lt;isVatPercentage&amp;gt;true&amp;lt;/isVatPercentage&amp;gt;
               &amp;lt;orderLineType&amp;gt;SETTLEMENT&amp;lt;/orderLineType&amp;gt;
               &amp;lt;periodEnd&amp;gt;2017-07-31T00:00:00+02:00&amp;lt;/periodEnd&amp;gt;
               &amp;lt;periodStart&amp;gt;2017-01-01T00:00:00+01:00&amp;lt;/periodStart&amp;gt;
               &amp;lt;price&amp;gt;0.0000000000&amp;lt;/price&amp;gt;
               &amp;lt;productCode&amp;gt;VAT_0%&amp;lt;/productCode&amp;gt;
               &amp;lt;quantity&amp;gt;0.0000000000&amp;lt;/quantity&amp;gt;
               &amp;lt;vatBaseAmount&amp;gt;0.0000000000&amp;lt;/vatBaseAmount&amp;gt;
               &amp;lt;vatCode&amp;gt;VAT-OUT-00-S&amp;lt;/vatCode&amp;gt;
               &amp;lt;vatPerc&amp;gt;0.0000000000&amp;lt;/vatPerc&amp;gt;
            &amp;lt;/lines&amp;gt;
            &amp;lt;lines&amp;gt;
               &amp;lt;aggregationKey&amp;gt;INV_GROUP_Meterreading&amp;lt;/aggregationKey&amp;gt;
               &amp;lt;amount&amp;gt;2.8000000000&amp;lt;/amount&amp;gt;
               &amp;lt;billingType&amp;gt;settlement&amp;lt;/billingType&amp;gt;
               &amp;lt;description&amp;gt;D Gas meterreading 2017-01-01/2017-07-31&amp;lt;/description&amp;gt;
               &amp;lt;invoiceLineId&amp;gt;200194&amp;lt;/invoiceLineId&amp;gt;
               &amp;lt;isPercentage&amp;gt;0&amp;lt;/isPercentage&amp;gt;
               &amp;lt;isVatPercentage&amp;gt;false&amp;lt;/isVatPercentage&amp;gt;
               &amp;lt;orderLineType&amp;gt;SETTLEMENT&amp;lt;/orderLineType&amp;gt;
               &amp;lt;periodEnd&amp;gt;2017-07-31T00:00:00+02:00&amp;lt;/periodEnd&amp;gt;
               &amp;lt;periodStart&amp;gt;2017-01-01T00:00:00+01:00&amp;lt;/periodStart&amp;gt;
               &amp;lt;price&amp;gt;0.0132876700&amp;lt;/price&amp;gt;
               &amp;lt;productCode&amp;gt;D_Gas_meterreading&amp;lt;/productCode&amp;gt;
               &amp;lt;quantity&amp;gt;211.0000000000&amp;lt;/quantity&amp;gt;
               &amp;lt;vatCode&amp;gt;VAT-OUT-21-S&amp;lt;/vatCode&amp;gt;
            &amp;lt;/lines&amp;gt;
            &amp;lt;lines&amp;gt;
               &amp;lt;aggregationKey&amp;gt;INV_GROUP_Power&amp;lt;/aggregationKey&amp;gt;
               &amp;lt;amount&amp;gt;36.4500000000&amp;lt;/amount&amp;gt;
               &amp;lt;billingType&amp;gt;settlement&amp;lt;/billingType&amp;gt;
               &amp;lt;description&amp;gt;D Gas fixed term 2017-01-01/2017-07-31&amp;lt;/description&amp;gt;
               &amp;lt;invoiceLineId&amp;gt;200193&amp;lt;/invoiceLineId&amp;gt;
               &amp;lt;isPercentage&amp;gt;0&amp;lt;/isPercentage&amp;gt;
               &amp;lt;isVatPercentage&amp;gt;false&amp;lt;/isVatPercentage&amp;gt;
               &amp;lt;orderLineType&amp;gt;SETTLEMENT&amp;lt;/orderLineType&amp;gt;
               &amp;lt;periodEnd&amp;gt;2017-07-31T00:00:00+02:00&amp;lt;/periodEnd&amp;gt;
               &amp;lt;periodStart&amp;gt;2017-01-01T00:00:00+01:00&amp;lt;/periodStart&amp;gt;
               &amp;lt;price&amp;gt;0.1727671200&amp;lt;/price&amp;gt;
               &amp;lt;productCode&amp;gt;D_Gas_fixed_term&amp;lt;/productCode&amp;gt;
               &amp;lt;quantity&amp;gt;211.0000000000&amp;lt;/quantity&amp;gt;
               &amp;lt;vatCode&amp;gt;VAT-OUT-21-S&amp;lt;/vatCode&amp;gt;
            &amp;lt;/lines&amp;gt;
            &amp;lt;lines&amp;gt;
               &amp;lt;aggregationKey&amp;gt;INV_GROUP_VAT_0%&amp;lt;/aggregationKey&amp;gt;
               &amp;lt;amount&amp;gt;0.0000000000&amp;lt;/amount&amp;gt;
               &amp;lt;billingType&amp;gt;settlement&amp;lt;/billingType&amp;gt;
               &amp;lt;description&amp;gt;VAT 0%  2016-03-01/2017-01-01&amp;lt;/description&amp;gt;
               &amp;lt;invoiceLineId&amp;gt;200192&amp;lt;/invoiceLineId&amp;gt;
               &amp;lt;isPercentage&amp;gt;1&amp;lt;/isPercentage&amp;gt;
               &amp;lt;isVatPercentage&amp;gt;true&amp;lt;/isVatPercentage&amp;gt;
               &amp;lt;orderLineType&amp;gt;SETTLEMENT&amp;lt;/orderLineType&amp;gt;
               &amp;lt;periodEnd&amp;gt;2017-01-01T00:00:00+01:00&amp;lt;/periodEnd&amp;gt;
               &amp;lt;periodStart&amp;gt;2016-03-01T00:00:00+01:00&amp;lt;/periodStart&amp;gt;
               &amp;lt;price&amp;gt;0.0000000000&amp;lt;/price&amp;gt;
               &amp;lt;productCode&amp;gt;VAT_0%&amp;lt;/productCode&amp;gt;
               &amp;lt;quantity&amp;gt;0.0000000000&amp;lt;/quantity&amp;gt;
               &amp;lt;vatBaseAmount&amp;gt;0.0000000000&amp;lt;/vatBaseAmount&amp;gt;
               &amp;lt;vatCode&amp;gt;VAT-OUT-00-S&amp;lt;/vatCode&amp;gt;
               &amp;lt;vatPerc&amp;gt;0.0000000000&amp;lt;/vatPerc&amp;gt;
            &amp;lt;/lines&amp;gt;
            &amp;lt;lines&amp;gt;
               &amp;lt;aggregationKey&amp;gt;INV_GROUP_VAT_21%&amp;lt;/aggregationKey&amp;gt;
               &amp;lt;amount&amp;gt;13.0300000000&amp;lt;/amount&amp;gt;
               &amp;lt;billingType&amp;gt;settlement&amp;lt;/billingType&amp;gt;
               &amp;lt;description&amp;gt;VAT 21% 2016-03-01/2017-01-01&amp;lt;/description&amp;gt;
               &amp;lt;invoiceLineId&amp;gt;200191&amp;lt;/invoiceLineId&amp;gt;
               &amp;lt;isPercentage&amp;gt;1&amp;lt;/isPercentage&amp;gt;
               &amp;lt;isVatPercentage&amp;gt;true&amp;lt;/isVatPercentage&amp;gt;
               &amp;lt;orderLineType&amp;gt;SETTLEMENT&amp;lt;/orderLineType&amp;gt;
               &amp;lt;periodEnd&amp;gt;2017-01-01T00:00:00+01:00&amp;lt;/periodEnd&amp;gt;
               &amp;lt;periodStart&amp;gt;2016-03-01T00:00:00+01:00&amp;lt;/periodStart&amp;gt;
               &amp;lt;price&amp;gt;21.0000000000&amp;lt;/price&amp;gt;
               &amp;lt;productCode&amp;gt;VAT_21%&amp;lt;/productCode&amp;gt;
               &amp;lt;quantity&amp;gt;62.0500000000&amp;lt;/quantity&amp;gt;
               &amp;lt;vatBaseAmount&amp;gt;62.0500000000&amp;lt;/vatBaseAmount&amp;gt;
               &amp;lt;vatCode&amp;gt;VAT-OUT-21-S&amp;lt;/vatCode&amp;gt;
               &amp;lt;vatPerc&amp;gt;21.0000000000&amp;lt;/vatPerc&amp;gt;
            &amp;lt;/lines&amp;gt;
            &amp;lt;lines&amp;gt;
               &amp;lt;aggregationKey&amp;gt;INV_GROUP_Meterreading&amp;lt;/aggregationKey&amp;gt;
               &amp;lt;amount&amp;gt;6.7900000000&amp;lt;/amount&amp;gt;
               &amp;lt;billingType&amp;gt;settlement&amp;lt;/billingType&amp;gt;
               &amp;lt;description&amp;gt;D Gas meterreading 2016-03-01/2017-01-01&amp;lt;/description&amp;gt;
               &amp;lt;invoiceLineId&amp;gt;200190&amp;lt;/invoiceLineId&amp;gt;
               &amp;lt;isPercentage&amp;gt;0&amp;lt;/isPercentage&amp;gt;
               &amp;lt;isVatPercentage&amp;gt;false&amp;lt;/isVatPercentage&amp;gt;
               &amp;lt;orderLineType&amp;gt;SETTLEMENT&amp;lt;/orderLineType&amp;gt;
               &amp;lt;periodEnd&amp;gt;2017-01-01T00:00:00+01:00&amp;lt;/periodEnd&amp;gt;
               &amp;lt;periodStart&amp;gt;2016-03-01T00:00:00+01:00&amp;lt;/periodStart&amp;gt;
               &amp;lt;price&amp;gt;0.0221857900&amp;lt;/price&amp;gt;
               &amp;lt;productCode&amp;gt;D_Gas_meterreading&amp;lt;/productCode&amp;gt;
               &amp;lt;quantity&amp;gt;306.0000000000&amp;lt;/quantity&amp;gt;
               &amp;lt;vatCode&amp;gt;VAT-OUT-21-S&amp;lt;/vatCode&amp;gt;
            &amp;lt;/lines&amp;gt;
            &amp;lt;lines&amp;gt;
               &amp;lt;aggregationKey&amp;gt;INV_GROUP_Power&amp;lt;/aggregationKey&amp;gt;
               &amp;lt;amount&amp;gt;55.2600000000&amp;lt;/amount&amp;gt;
               &amp;lt;billingType&amp;gt;settlement&amp;lt;/billingType&amp;gt;
               &amp;lt;description&amp;gt;D Gas fixed term 2016-03-01/2017-01-01&amp;lt;/description&amp;gt;
               &amp;lt;invoiceLineId&amp;gt;200189&amp;lt;/invoiceLineId&amp;gt;
               &amp;lt;isPercentage&amp;gt;0&amp;lt;/isPercentage&amp;gt;
               &amp;lt;isVatPercentage&amp;gt;false&amp;lt;/isVatPercentage&amp;gt;
               &amp;lt;orderLineType&amp;gt;SETTLEMENT&amp;lt;/orderLineType&amp;gt;
               &amp;lt;periodEnd&amp;gt;2017-01-01T00:00:00+01:00&amp;lt;/periodEnd&amp;gt;
               &amp;lt;periodStart&amp;gt;2016-03-01T00:00:00+01:00&amp;lt;/periodStart&amp;gt;
               &amp;lt;price&amp;gt;0.1805737700&amp;lt;/price&amp;gt;
               &amp;lt;productCode&amp;gt;D_Gas_fixed_term&amp;lt;/productCode&amp;gt;
               &amp;lt;quantity&amp;gt;306.0000000000&amp;lt;/quantity&amp;gt;
               &amp;lt;vatCode&amp;gt;VAT-OUT-21-S&amp;lt;/vatCode&amp;gt;
            &amp;lt;/lines&amp;gt;
            &amp;lt;lines&amp;gt;
               &amp;lt;aggregationKey&amp;gt;INV_GROUP_VAT_21%&amp;lt;/aggregationKey&amp;gt;
               &amp;lt;amount&amp;gt;1.2300000000&amp;lt;/amount&amp;gt;
               &amp;lt;billingType&amp;gt;settlement&amp;lt;/billingType&amp;gt;
               &amp;lt;description&amp;gt;VAT 21% 2016-02-01/2016-03-01&amp;lt;/description&amp;gt;
               &amp;lt;invoiceLineId&amp;gt;200188&amp;lt;/invoiceLineId&amp;gt;
               &amp;lt;isPercentage&amp;gt;1&amp;lt;/isPercentage&amp;gt;
               &amp;lt;isVatPercentage&amp;gt;true&amp;lt;/isVatPercentage&amp;gt;
               &amp;lt;orderLineType&amp;gt;SETTLEMENT&amp;lt;/orderLineType&amp;gt;
               &amp;lt;periodEnd&amp;gt;2016-03-01T00:00:00+01:00&amp;lt;/periodEnd&amp;gt;
               &amp;lt;periodStart&amp;gt;2016-02-01T00:00:00+01:00&amp;lt;/periodStart&amp;gt;
               &amp;lt;price&amp;gt;21.0000000000&amp;lt;/price&amp;gt;
               &amp;lt;productCode&amp;gt;VAT_21%&amp;lt;/productCode&amp;gt;
               &amp;lt;quantity&amp;gt;5.8800000000&amp;lt;/quantity&amp;gt;
               &amp;lt;vatBaseAmount&amp;gt;5.8800000000&amp;lt;/vatBaseAmount&amp;gt;
               &amp;lt;vatCode&amp;gt;VAT-OUT-21-S&amp;lt;/vatCode&amp;gt;
               &amp;lt;vatPerc&amp;gt;21.0000000000&amp;lt;/vatPerc&amp;gt;
            &amp;lt;/lines&amp;gt;
            &amp;lt;lines&amp;gt;
               &amp;lt;aggregationKey&amp;gt;INV_GROUP_VAT_0%&amp;lt;/aggregationKey&amp;gt;
               &amp;lt;amount&amp;gt;0.0000000000&amp;lt;/amount&amp;gt;
               &amp;lt;billingType&amp;gt;settlement&amp;lt;/billingType&amp;gt;
               &amp;lt;description&amp;gt;VAT 0%  2016-02-01/2016-03-01&amp;lt;/description&amp;gt;
               &amp;lt;invoiceLineId&amp;gt;200187&amp;lt;/invoiceLineId&amp;gt;
               &amp;lt;isPercentage&amp;gt;1&amp;lt;/isPercentage&amp;gt;
               &amp;lt;isVatPercentage&amp;gt;true&amp;lt;/isVatPercentage&amp;gt;
               &amp;lt;orderLineType&amp;gt;SETTLEMENT&amp;lt;/orderLineType&amp;gt;
               &amp;lt;periodEnd&amp;gt;2016-03-01T00:00:00+01:00&amp;lt;/periodEnd&amp;gt;
               &amp;lt;periodStart&amp;gt;2016-02-01T00:00:00+01:00&amp;lt;/periodStart&amp;gt;
               &amp;lt;price&amp;gt;0.0000000000&amp;lt;/price&amp;gt;
               &amp;lt;productCode&amp;gt;VAT_0%&amp;lt;/productCode&amp;gt;
               &amp;lt;quantity&amp;gt;0.0000000000&amp;lt;/quantity&amp;gt;
               &amp;lt;vatBaseAmount&amp;gt;0.0000000000&amp;lt;/vatBaseAmount&amp;gt;
               &amp;lt;vatCode&amp;gt;VAT-OUT-00-S&amp;lt;/vatCode&amp;gt;
               &amp;lt;vatPerc&amp;gt;0.0000000000&amp;lt;/vatPerc&amp;gt;
            &amp;lt;/lines&amp;gt;
            &amp;lt;lines&amp;gt;
               &amp;lt;aggregationKey&amp;gt;INV_GROUP_Meterreading&amp;lt;/aggregationKey&amp;gt;
               &amp;lt;amount&amp;gt;0.6400000000&amp;lt;/amount&amp;gt;
               &amp;lt;billingType&amp;gt;settlement&amp;lt;/billingType&amp;gt;
               &amp;lt;description&amp;gt;D Gas meterreading 2016-02-01/2016-03-01&amp;lt;/description&amp;gt;
               &amp;lt;invoiceLineId&amp;gt;200186&amp;lt;/invoiceLineId&amp;gt;
               &amp;lt;isPercentage&amp;gt;0&amp;lt;/isPercentage&amp;gt;
               &amp;lt;isVatPercentage&amp;gt;false&amp;lt;/isVatPercentage&amp;gt;
               &amp;lt;orderLineType&amp;gt;SETTLEMENT&amp;lt;/orderLineType&amp;gt;
               &amp;lt;periodEnd&amp;gt;2016-03-01T00:00:00+01:00&amp;lt;/periodEnd&amp;gt;
               &amp;lt;periodStart&amp;gt;2016-02-01T00:00:00+01:00&amp;lt;/periodStart&amp;gt;
               &amp;lt;price&amp;gt;0.0221857900&amp;lt;/price&amp;gt;
               &amp;lt;productCode&amp;gt;D_Gas_meterreading&amp;lt;/productCode&amp;gt;
               &amp;lt;quantity&amp;gt;29.0000000000&amp;lt;/quantity&amp;gt;
               &amp;lt;vatCode&amp;gt;VAT-OUT-21-S&amp;lt;/vatCode&amp;gt;
            &amp;lt;/lines&amp;gt;
            &amp;lt;lines&amp;gt;
               &amp;lt;aggregationKey&amp;gt;INV_GROUP_Power&amp;lt;/aggregationKey&amp;gt;
               &amp;lt;amount&amp;gt;5.2400000000&amp;lt;/amount&amp;gt;
               &amp;lt;billingType&amp;gt;settlement&amp;lt;/billingType&amp;gt;
               &amp;lt;description&amp;gt;D Gas fixed term 2016-02-01/2016-03-01&amp;lt;/description&amp;gt;
               &amp;lt;invoiceLineId&amp;gt;200185&amp;lt;/invoiceLineId&amp;gt;
               &amp;lt;isPercentage&amp;gt;0&amp;lt;/isPercentage&amp;gt;
               &amp;lt;isVatPercentage&amp;gt;false&amp;lt;/isVatPercentage&amp;gt;
               &amp;lt;orderLineType&amp;gt;SETTLEMENT&amp;lt;/orderLineType&amp;gt;
               &amp;lt;periodEnd&amp;gt;2016-03-01T00:00:00+01:00&amp;lt;/periodEnd&amp;gt;
               &amp;lt;periodStart&amp;gt;2016-02-01T00:00:00+01:00&amp;lt;/periodStart&amp;gt;
               &amp;lt;price&amp;gt;0.1805737700&amp;lt;/price&amp;gt;
               &amp;lt;productCode&amp;gt;D_Gas_fixed_term&amp;lt;/productCode&amp;gt;
               &amp;lt;quantity&amp;gt;29.0000000000&amp;lt;/quantity&amp;gt;
               &amp;lt;vatCode&amp;gt;VAT-OUT-21-S&amp;lt;/vatCode&amp;gt;
            &amp;lt;/lines&amp;gt;
            &amp;lt;lines&amp;gt;
               &amp;lt;aggregationKey&amp;gt;INV_GROUP_VAT_21%&amp;lt;/aggregationKey&amp;gt;
               &amp;lt;amount&amp;gt;1.3200000000&amp;lt;/amount&amp;gt;
               &amp;lt;billingType&amp;gt;settlement&amp;lt;/billingType&amp;gt;
               &amp;lt;description&amp;gt;VAT 21% 2016-01-01/2016-02-01&amp;lt;/description&amp;gt;
               &amp;lt;invoiceLineId&amp;gt;200184&amp;lt;/invoiceLineId&amp;gt;
               &amp;lt;isPercentage&amp;gt;1&amp;lt;/isPercentage&amp;gt;
               &amp;lt;isVatPercentage&amp;gt;true&amp;lt;/isVatPercentage&amp;gt;
               &amp;lt;orderLineType&amp;gt;SETTLEMENT&amp;lt;/orderLineType&amp;gt;
               &amp;lt;periodEnd&amp;gt;2016-02-01T00:00:00+01:00&amp;lt;/periodEnd&amp;gt;
               &amp;lt;periodStart&amp;gt;2016-01-01T00:00:00+01:00&amp;lt;/periodStart&amp;gt;
               &amp;lt;price&amp;gt;21.0000000000&amp;lt;/price&amp;gt;
               &amp;lt;productCode&amp;gt;VAT_21%&amp;lt;/productCode&amp;gt;
               &amp;lt;quantity&amp;gt;6.2900000000&amp;lt;/quantity&amp;gt;
               &amp;lt;vatBaseAmount&amp;gt;6.2900000000&amp;lt;/vatBaseAmount&amp;gt;
               &amp;lt;vatCode&amp;gt;VAT-OUT-21-S&amp;lt;/vatCode&amp;gt;
               &amp;lt;vatPerc&amp;gt;21.0000000000&amp;lt;/vatPerc&amp;gt;
            &amp;lt;/lines&amp;gt;
            &amp;lt;lines&amp;gt;
               &amp;lt;aggregationKey&amp;gt;INV_GROUP_VAT_0%&amp;lt;/aggregationKey&amp;gt;
               &amp;lt;amount&amp;gt;0.0000000000&amp;lt;/amount&amp;gt;
               &amp;lt;billingType&amp;gt;settlement&amp;lt;/billingType&amp;gt;
               &amp;lt;description&amp;gt;VAT 0%  2016-01-01/2016-02-01&amp;lt;/description&amp;gt;
               &amp;lt;invoiceLineId&amp;gt;200183&amp;lt;/invoiceLineId&amp;gt;
               &amp;lt;isPercentage&amp;gt;1&amp;lt;/isPercentage&amp;gt;
               &amp;lt;isVatPercentage&amp;gt;true&amp;lt;/isVatPercentage&amp;gt;
               &amp;lt;orderLineType&amp;gt;SETTLEMENT&amp;lt;/orderLineType&amp;gt;
               &amp;lt;periodEnd&amp;gt;2016-02-01T00:00:00+01:00&amp;lt;/periodEnd&amp;gt;
               &amp;lt;periodStart&amp;gt;2016-01-01T00:00:00+01:00&amp;lt;/periodStart&amp;gt;
               &amp;lt;price&amp;gt;0.0000000000&amp;lt;/price&amp;gt;
               &amp;lt;productCode&amp;gt;VAT_0%&amp;lt;/productCode&amp;gt;
               &amp;lt;quantity&amp;gt;0.0000000000&amp;lt;/quantity&amp;gt;
               &amp;lt;vatBaseAmount&amp;gt;0.0000000000&amp;lt;/vatBaseAmount&amp;gt;
               &amp;lt;vatCode&amp;gt;VAT-OUT-00-S&amp;lt;/vatCode&amp;gt;
               &amp;lt;vatPerc&amp;gt;0.0000000000&amp;lt;/vatPerc&amp;gt;
            &amp;lt;/lines&amp;gt;
            &amp;lt;lines&amp;gt;
               &amp;lt;aggregationKey&amp;gt;INV_GROUP_Meterreading&amp;lt;/aggregationKey&amp;gt;
               &amp;lt;amount&amp;gt;0.6900000000&amp;lt;/amount&amp;gt;
               &amp;lt;billingType&amp;gt;settlement&amp;lt;/billingType&amp;gt;
               &amp;lt;description&amp;gt;D Gas meterreading 2016-01-01/2016-02-01&amp;lt;/description&amp;gt;
               &amp;lt;invoiceLineId&amp;gt;200182&amp;lt;/invoiceLineId&amp;gt;
               &amp;lt;isPercentage&amp;gt;0&amp;lt;/isPercentage&amp;gt;
               &amp;lt;isVatPercentage&amp;gt;false&amp;lt;/isVatPercentage&amp;gt;
               &amp;lt;orderLineType&amp;gt;SETTLEMENT&amp;lt;/orderLineType&amp;gt;
               &amp;lt;periodEnd&amp;gt;2016-02-01T00:00:00+01:00&amp;lt;/periodEnd&amp;gt;
               &amp;lt;periodStart&amp;gt;2016-01-01T00:00:00+01:00&amp;lt;/periodStart&amp;gt;
               &amp;lt;price&amp;gt;0.0221857900&amp;lt;/price&amp;gt;
               &amp;lt;productCode&amp;gt;D_Gas_meterreading&amp;lt;/productCode&amp;gt;
               &amp;lt;quantity&amp;gt;31.0000000000&amp;lt;/quantity&amp;gt;
               &amp;lt;vatCode&amp;gt;VAT-OUT-21-S&amp;lt;/vatCode&amp;gt;
            &amp;lt;/lines&amp;gt;
            &amp;lt;lines&amp;gt;
               &amp;lt;aggregationKey&amp;gt;INV_GROUP_Power&amp;lt;/aggregationKey&amp;gt;
               &amp;lt;amount&amp;gt;5.6000000000&amp;lt;/amount&amp;gt;
               &amp;lt;billingType&amp;gt;settlement&amp;lt;/billingType&amp;gt;
               &amp;lt;description&amp;gt;D Gas fixed term 2016-01-01/2016-02-01&amp;lt;/description&amp;gt;
               &amp;lt;invoiceLineId&amp;gt;200181&amp;lt;/invoiceLineId&amp;gt;
               &amp;lt;isPercentage&amp;gt;0&amp;lt;/isPercentage&amp;gt;
               &amp;lt;isVatPercentage&amp;gt;false&amp;lt;/isVatPercentage&amp;gt;
               &amp;lt;orderLineType&amp;gt;SETTLEMENT&amp;lt;/orderLineType&amp;gt;
               &amp;lt;periodEnd&amp;gt;2016-02-01T00:00:00+01:00&amp;lt;/periodEnd&amp;gt;
               &amp;lt;periodStart&amp;gt;2016-01-01T00:00:00+01:00&amp;lt;/periodStart&amp;gt;
               &amp;lt;price&amp;gt;0.1805737700&amp;lt;/price&amp;gt;
               &amp;lt;productCode&amp;gt;D_Gas_fixed_term&amp;lt;/productCode&amp;gt;
               &amp;lt;quantity&amp;gt;31.0000000000&amp;lt;/quantity&amp;gt;
               &amp;lt;vatCode&amp;gt;VAT-OUT-21-S&amp;lt;/vatCode&amp;gt;
            &amp;lt;/lines&amp;gt;
            &amp;lt;lines&amp;gt;
               &amp;lt;aggregationKey&amp;gt;INV_GROUP_VAT_0%&amp;lt;/aggregationKey&amp;gt;
               &amp;lt;amount&amp;gt;0.0000000000&amp;lt;/amount&amp;gt;
               &amp;lt;billingType&amp;gt;settlement&amp;lt;/billingType&amp;gt;
               &amp;lt;description&amp;gt;VAT 0%  2015-11-01/2016-01-01&amp;lt;/description&amp;gt;
               &amp;lt;invoiceLineId&amp;gt;200180&amp;lt;/invoiceLineId&amp;gt;
               &amp;lt;isPercentage&amp;gt;1&amp;lt;/isPercentage&amp;gt;
               &amp;lt;isVatPercentage&amp;gt;true&amp;lt;/isVatPercentage&amp;gt;
               &amp;lt;orderLineType&amp;gt;SETTLEMENT&amp;lt;/orderLineType&amp;gt;
               &amp;lt;periodEnd&amp;gt;2016-01-01T00:00:00+01:00&amp;lt;/periodEnd&amp;gt;
               &amp;lt;periodStart&amp;gt;2015-11-01T00:00:00+01:00&amp;lt;/periodStart&amp;gt;
               &amp;lt;price&amp;gt;0.0000000000&amp;lt;/price&amp;gt;
               &amp;lt;productCode&amp;gt;VAT_0%&amp;lt;/productCode&amp;gt;
               &amp;lt;quantity&amp;gt;0.0000000000&amp;lt;/quantity&amp;gt;
               &amp;lt;vatBaseAmount&amp;gt;0.0000000000&amp;lt;/vatBaseAmount&amp;gt;
               &amp;lt;vatCode&amp;gt;VAT-OUT-00-S&amp;lt;/vatCode&amp;gt;
               &amp;lt;vatPerc&amp;gt;0.0000000000&amp;lt;/vatPerc&amp;gt;
            &amp;lt;/lines&amp;gt;
            &amp;lt;lines&amp;gt;
               &amp;lt;aggregationKey&amp;gt;INV_GROUP_VAT_21%&amp;lt;/aggregationKey&amp;gt;
               &amp;lt;amount&amp;gt;2.8400000000&amp;lt;/amount&amp;gt;
               &amp;lt;billingType&amp;gt;settlement&amp;lt;/billingType&amp;gt;
               &amp;lt;description&amp;gt;VAT 21% 2015-11-01/2016-01-01&amp;lt;/description&amp;gt;
               &amp;lt;invoiceLineId&amp;gt;200179&amp;lt;/invoiceLineId&amp;gt;
               &amp;lt;isPercentage&amp;gt;1&amp;lt;/isPercentage&amp;gt;
               &amp;lt;isVatPercentage&amp;gt;true&amp;lt;/isVatPercentage&amp;gt;
               &amp;lt;orderLineType&amp;gt;SETTLEMENT&amp;lt;/orderLineType&amp;gt;
               &amp;lt;periodEnd&amp;gt;2016-01-01T00:00:00+01:00&amp;lt;/periodEnd&amp;gt;
               &amp;lt;periodStart&amp;gt;2015-11-01T00:00:00+01:00&amp;lt;/periodStart&amp;gt;
               &amp;lt;price&amp;gt;21.0000000000&amp;lt;/price&amp;gt;
               &amp;lt;productCode&amp;gt;VAT_21%&amp;lt;/productCode&amp;gt;
               &amp;lt;quantity&amp;gt;13.5300000000&amp;lt;/quantity&amp;gt;
               &amp;lt;vatBaseAmount&amp;gt;13.5300000000&amp;lt;/vatBaseAmount&amp;gt;
               &amp;lt;vatCode&amp;gt;VAT-OUT-21-S&amp;lt;/vatCode&amp;gt;
               &amp;lt;vatPerc&amp;gt;21.0000000000&amp;lt;/vatPerc&amp;gt;
            &amp;lt;/lines&amp;gt;
            &amp;lt;lines&amp;gt;
               &amp;lt;aggregationKey&amp;gt;INV_GROUP_Meterreading&amp;lt;/aggregationKey&amp;gt;
               &amp;lt;amount&amp;gt;1.6600000000&amp;lt;/amount&amp;gt;
               &amp;lt;billingType&amp;gt;settlement&amp;lt;/billingType&amp;gt;
               &amp;lt;description&amp;gt;D Gas meterreading 2015-11-01/2016-01-01&amp;lt;/description&amp;gt;
               &amp;lt;invoiceLineId&amp;gt;200178&amp;lt;/invoiceLineId&amp;gt;
               &amp;lt;isPercentage&amp;gt;0&amp;lt;/isPercentage&amp;gt;
               &amp;lt;isVatPercentage&amp;gt;false&amp;lt;/isVatPercentage&amp;gt;
               &amp;lt;orderLineType&amp;gt;SETTLEMENT&amp;lt;/orderLineType&amp;gt;
               &amp;lt;periodEnd&amp;gt;2016-01-01T00:00:00+01:00&amp;lt;/periodEnd&amp;gt;
               &amp;lt;periodStart&amp;gt;2015-11-01T00:00:00+01:00&amp;lt;/periodStart&amp;gt;
               &amp;lt;price&amp;gt;0.0272602700&amp;lt;/price&amp;gt;
               &amp;lt;productCode&amp;gt;D_Gas_meterreading&amp;lt;/productCode&amp;gt;
               &amp;lt;quantity&amp;gt;61.0000000000&amp;lt;/quantity&amp;gt;
               &amp;lt;vatCode&amp;gt;VAT-OUT-21-S&amp;lt;/vatCode&amp;gt;
            &amp;lt;/lines&amp;gt;
            &amp;lt;lines&amp;gt;
               &amp;lt;aggregationKey&amp;gt;INV_GROUP_Power&amp;lt;/aggregationKey&amp;gt;
               &amp;lt;amount&amp;gt;11.8700000000&amp;lt;/amount&amp;gt;
               &amp;lt;billingType&amp;gt;settlement&amp;lt;/billingType&amp;gt;
               &amp;lt;description&amp;gt;D Gas fixed term 2015-11-01/2016-01-01&amp;lt;/description&amp;gt;
               &amp;lt;invoiceLineId&amp;gt;200177&amp;lt;/invoiceLineId&amp;gt;
               &amp;lt;isPercentage&amp;gt;0&amp;lt;/isPercentage&amp;gt;
               &amp;lt;isVatPercentage&amp;gt;false&amp;lt;/isVatPercentage&amp;gt;
               &amp;lt;orderLineType&amp;gt;SETTLEMENT&amp;lt;/orderLineType&amp;gt;
               &amp;lt;periodEnd&amp;gt;2016-01-01T00:00:00+01:00&amp;lt;/periodEnd&amp;gt;
               &amp;lt;periodStart&amp;gt;2015-11-01T00:00:00+01:00&amp;lt;/periodStart&amp;gt;
               &amp;lt;price&amp;gt;0.1946575300&amp;lt;/price&amp;gt;
               &amp;lt;productCode&amp;gt;D_Gas_fixed_term&amp;lt;/productCode&amp;gt;
               &amp;lt;quantity&amp;gt;61.0000000000&amp;lt;/quantity&amp;gt;
               &amp;lt;vatCode&amp;gt;VAT-OUT-21-S&amp;lt;/vatCode&amp;gt;
            &amp;lt;/lines&amp;gt;
            &amp;lt;meterType&amp;gt;YEAR&amp;lt;/meterType&amp;gt;
            &amp;lt;newAdvanced&amp;gt;
               &amp;lt;recurringAmount&amp;gt;42.0000000000&amp;lt;/recurringAmount&amp;gt;
               &amp;lt;recurringUnit&amp;gt;MONTH&amp;lt;/recurringUnit&amp;gt;
               &amp;lt;recurringValue&amp;gt;1&amp;lt;/recurringValue&amp;gt;
            &amp;lt;/newAdvanced&amp;gt;
            &amp;lt;orderType&amp;gt;SETTLEMENT&amp;lt;/orderType&amp;gt;
            &amp;lt;periodEnd&amp;gt;2017-07-31T00:00:00+02:00&amp;lt;/periodEnd&amp;gt;
            &amp;lt;periodStart&amp;gt;2015-11-01T00:00:00+01:00&amp;lt;/periodStart&amp;gt;
            &amp;lt;productType&amp;gt;NG&amp;lt;/productType&amp;gt;
            &amp;lt;subAmount&amp;gt;153.6600000000&amp;lt;/subAmount&amp;gt;
         &amp;lt;/value&amp;gt;
      &amp;lt;/entry&amp;gt;
   &amp;lt;/invoicedOrders&amp;gt;
   &amp;lt;paymentReference&amp;gt;+++000/000000/00000000+++&amp;lt;/paymentReference&amp;gt;
   &amp;lt;relationRef&amp;gt;88888888&amp;lt;/relationRef&amp;gt;
   &amp;lt;status&amp;gt;2&amp;lt;/status&amp;gt;
   &amp;lt;unsettledInvoices/&amp;gt;
   &amp;lt;withAttachment&amp;gt;false&amp;lt;/withAttachment&amp;gt;
   &amp;lt;yearlyConsumptionEvolution&amp;gt;
      &amp;lt;yearlyConsumptionPerEan&amp;gt;
         &amp;lt;connectionKey&amp;gt;555555555555555&amp;lt;/connectionKey&amp;gt;
         &amp;lt;yearlyConsumptions&amp;gt;
            &amp;lt;yearlyConsumption&amp;gt;
               &amp;lt;timeFrameConsumptions&amp;gt;
                  &amp;lt;timeFrameConsumption&amp;gt;
                     &amp;lt;consumption&amp;gt;44639.0266771523&amp;lt;/consumption&amp;gt;
                     &amp;lt;timeFrame&amp;gt;TOTAL_HOUR&amp;lt;/timeFrame&amp;gt;
                  &amp;lt;/timeFrameConsumption&amp;gt;
               &amp;lt;/timeFrameConsumptions&amp;gt;
               &amp;lt;year&amp;gt;2017&amp;lt;/year&amp;gt;
            &amp;lt;/yearlyConsumption&amp;gt;
            &amp;lt;yearlyConsumption&amp;gt;
               &amp;lt;timeFrameConsumptions&amp;gt;
                  &amp;lt;timeFrameConsumption&amp;gt;
                     &amp;lt;consumption&amp;gt;5257.2047645253&amp;lt;/consumption&amp;gt;
                     &amp;lt;timeFrame&amp;gt;TOTAL_HOUR&amp;lt;/timeFrame&amp;gt;
                  &amp;lt;/timeFrameConsumption&amp;gt;
               &amp;lt;/timeFrameConsumptions&amp;gt;
               &amp;lt;year&amp;gt;2015&amp;lt;/year&amp;gt;
            &amp;lt;/yearlyConsumption&amp;gt;
            &amp;lt;yearlyConsumption&amp;gt;
               &amp;lt;timeFrameConsumptions&amp;gt;
                  &amp;lt;timeFrameConsumption&amp;gt;
                     &amp;lt;consumption&amp;gt;4971.3241391945&amp;lt;/consumption&amp;gt;
                     &amp;lt;timeFrame&amp;gt;TOTAL_HOUR&amp;lt;/timeFrame&amp;gt;
                  &amp;lt;/timeFrameConsumption&amp;gt;
               &amp;lt;/timeFrameConsumptions&amp;gt;
               &amp;lt;year&amp;gt;2014&amp;lt;/year&amp;gt;
            &amp;lt;/yearlyConsumption&amp;gt;
         &amp;lt;/yearlyConsumptions&amp;gt;
      &amp;lt;/yearlyConsumptionPerEan&amp;gt;
   &amp;lt;/yearlyConsumptionEvolution&amp;gt;
&amp;lt;/BillingInvoice&amp;gt;
&lt;/code&gt;&lt;/pre&gt;</t>
  </si>
  <si>
    <t>2017-08-18 14:03:42.783000+00:00</t>
  </si>
  <si>
    <t>2017-08-21 05:23:41.690000+00:00</t>
  </si>
  <si>
    <t>2017-08-18 14:08:50.660000+00:00</t>
  </si>
  <si>
    <t>xml|xpath|groovy|soapui</t>
  </si>
  <si>
    <t>how to point to static folder in django</t>
  </si>
  <si>
    <t>&lt;p&gt;I am learning django and I already have a bit noobish question. I can not point to my static folder and I tried all the combinations, watched people do it in youtube tutorials etc.&lt;/p&gt;
&lt;p&gt;My settings.py looks something like this:&lt;/p&gt;
&lt;pre&gt;&lt;code&gt;   STATIC_ROOT = '/home/peter/brewery/static/'
   TEMPLATE_DIRS = '/home/peter/brewery/mysite/templates/'
&lt;/code&gt;&lt;/pre&gt;
&lt;p&gt;where brewery/ is the folder containing mysite/ and static/, mysite/ is the folder created by     &lt;/p&gt;
&lt;pre&gt;&lt;code&gt;   django-admin.py startproject
&lt;/code&gt;&lt;/pre&gt;
&lt;p&gt;where settings.py also lives...&lt;/p&gt;
&lt;p&gt;It seems that templates folder is mapped correctly, since the page renders with proper templates, it just cannot access the css in the /static/css/ folder. I show the path in my template for css like this &lt;/p&gt;
&lt;pre&gt;&lt;code&gt;   &amp;lt;link ...  href='/static/css/brewery.css' /&amp;gt;
&lt;/code&gt;&lt;/pre&gt;
&lt;p&gt;I have also tried to make href absolute path on my computer and it does not work.&lt;/p&gt;
&lt;p&gt;I am using django 1.3 and am running the server provided by django (python manage.py runserver) &lt;/p&gt;</t>
  </si>
  <si>
    <t>2012-10-18 17:11:26.130000+00:00</t>
  </si>
  <si>
    <t>2016-12-14 00:04:09.673000+00:00</t>
  </si>
  <si>
    <t>python|django|static</t>
  </si>
  <si>
    <t>Spring project how do I access JBoss JNDI Datasources</t>
  </si>
  <si>
    <t>&lt;p&gt;Below is my current database.xml file for my Spring Project. Can someone please tell me what would have to be changed so I can use a JBoss JNDI datasource in it.. I want to do this so I don't need the config files with the database user and password and url in it.&lt;/p&gt;
&lt;pre&gt;&lt;code&gt;&amp;lt;?xml version="1.0" encoding="UTF-8"?&amp;gt;
&amp;lt;beans xmlns="http://www.springframework.org/schema/beans"
       xmlns:xsi="http://www.w3.org/2001/XMLSchema-instance" 
       xmlns:context="http://www.springframework.org/schema/context"
       xmlns:tx="http://www.springframework.org/schema/tx" 
       xmlns:jdbc="http://www.springframework.org/schema/jdbc"
    xsi:schemaLocation="http://www.springframework.org/schema/beans 
                            http://www.springframework.org/schema/beans/spring-beans.xsd
                            http://www.springframework.org/schema/context 
                            http://www.springframework.org/schema/context/spring-context-3.1.xsd
                            http://www.springframework.org/schema/tx
                            http://www.springframework.org/schema/tx/spring-tx-3.0.xsd
                            http://www.springframework.org/schema/jdbc
                            http://www.springframework.org/schema/jdbc/spring-jdbc-3.0.xsd"&amp;gt;
                            &amp;lt;!-- 
     Last changed: $LastChangedDate: 2012-11-19 08:53:13 -0500 (Mon, 19 Nov 2012) $
     @author $Author: johnathan.smith@uftwf.org $
     @version $Revision: 829 $
    --&amp;gt;
    &amp;lt;context:property-placeholder location="classpath:app.properties" /&amp;gt;
    &amp;lt;context:component-scan base-package="org.uftwf" /&amp;gt;
    &amp;lt;tx:annotation-driven transaction-manager="hibernateTransactionManager" /&amp;gt;
    &amp;lt;bean id="dataSource" class="com.mchange.v2.c3p0.ComboPooledDataSource"
        destroy-method="close"&amp;gt;
        &amp;lt;!-- these are C3P0 properties      --&amp;gt; 
        &amp;lt;property name="acquireIncrement" value="${database.c3p0.acquireIncrement}" /&amp;gt;
        &amp;lt;property name="minPoolSize" value="${database.c3p0.minPoolSize}" /&amp;gt;
        &amp;lt;property name="maxPoolSize" value="${database.c3p0.maxPoolSize}" /&amp;gt;
        &amp;lt;property name="maxIdleTime" value="${database.c3p0.maxIdleTime}" /&amp;gt;
        &amp;lt;property name="maxIdleTimeExcessConnections" value="${database.c3p0.maxIdleTimeExcessConnections}" /&amp;gt;
        &amp;lt;property name="numHelperThreads" value="${database.c3p0.numHelperThreads}" /&amp;gt;
        &amp;lt;property name="unreturnedConnectionTimeout" value="${database.c3p0.unreturnedConnectionTimeout}" /&amp;gt;
        &amp;lt;property name="idleConnectionTestPeriod" value="300" /&amp;gt;
        &amp;lt;property name="driverClass" value="${database.driver}" /&amp;gt;
        &amp;lt;property name="jdbcUrl" value="${database.url}" /&amp;gt;
        &amp;lt;property name="user" value="${database.user}" /&amp;gt;
        &amp;lt;property name="password" value="${database.password}" /&amp;gt;
    &amp;lt;/bean&amp;gt;
    &amp;lt;bean id="sessionFactory"
        class="org.springframework.orm.hibernate4.LocalSessionFactoryBean"&amp;gt;
        &amp;lt;property name="dataSource" ref="dataSource" /&amp;gt;
        &amp;lt;property name="annotatedClasses"&amp;gt;
            &amp;lt;list&amp;gt;
                &amp;lt;value&amp;gt;org.uftwf.enrollment.model.Contact&amp;lt;/value&amp;gt;
                &amp;lt;value&amp;gt;org.uftwf.enrollment.model.Enrollment&amp;lt;/value&amp;gt;
                &amp;lt;value&amp;gt;org.uftwf.enrollment.model.Member&amp;lt;/value&amp;gt;
                &amp;lt;value&amp;gt;org.uftwf.enrollment.model.Profile&amp;lt;/value&amp;gt;
                &amp;lt;value&amp;gt;org.uftwf.enrollment.model.School&amp;lt;/value&amp;gt;
            &amp;lt;/list&amp;gt;
        &amp;lt;/property&amp;gt;
        &amp;lt;property name="hibernateProperties"&amp;gt;
            &amp;lt;props&amp;gt;
                &amp;lt;prop key="hibernate.dialect"&amp;gt;${hibernate.dialect}&amp;lt;/prop&amp;gt;
                &amp;lt;prop key="hibernate.show_sql"&amp;gt;${hibernate.show_sql}&amp;lt;/prop&amp;gt;
                &amp;lt;prop key="hibernate.use_sql_comments"&amp;gt;${hibernate.use_sql_comments}&amp;lt;/prop&amp;gt;
                &amp;lt;prop key="format_sql"&amp;gt;${format_sql}&amp;lt;/prop&amp;gt;
            &amp;lt;/props&amp;gt;
        &amp;lt;/property&amp;gt;
    &amp;lt;/bean&amp;gt;
    &amp;lt;bean id="hibernateTransactionManager"
        class="org.springframework.orm.hibernate4.HibernateTransactionManager"&amp;gt;
        &amp;lt;property name="sessionFactory" ref="sessionFactory" /&amp;gt;
    &amp;lt;/bean&amp;gt;
&amp;lt;/beans&amp;gt;
&lt;/code&gt;&lt;/pre&gt;</t>
  </si>
  <si>
    <t>2012-12-19 18:24:05.800000+00:00</t>
  </si>
  <si>
    <t>2012-12-19 18:55:52.810000+00:00</t>
  </si>
  <si>
    <t>java|spring|jboss|datasource|jndi</t>
  </si>
  <si>
    <t>Sending data to server and save as a file</t>
  </si>
  <si>
    <t>&lt;pre&gt;&lt;code&gt;    document.location.href = somedata
&lt;/code&gt;&lt;/pre&gt;
&lt;p&gt;this link will give an image file while opening it,now want content to be sent to servlet and save as an image file. how to do it any idea?&lt;/p&gt;</t>
  </si>
  <si>
    <t>2014-02-07 13:41:04.163000+00:00</t>
  </si>
  <si>
    <t>javascript|servlets</t>
  </si>
  <si>
    <t>Javascript: document.removeElementById?</t>
  </si>
  <si>
    <t>&lt;p&gt;Assuming I have an element called &lt;code&gt;menu&lt;/code&gt; how would I remove this element from the page? Is there a &lt;code&gt;document.removeElementById&lt;/code&gt; function? or something equivalent? &lt;/p&gt;</t>
  </si>
  <si>
    <t>2011-03-03 13:00:39.320000+00:00</t>
  </si>
  <si>
    <t>2011-03-03 13:10:16.370000+00:00</t>
  </si>
  <si>
    <t>javascript|dom|document</t>
  </si>
  <si>
    <t>Context manager inside list comprehension inside class</t>
  </si>
  <si>
    <t>&lt;p&gt;Example first:&lt;/p&gt;
&lt;pre&gt;&lt;code&gt;class Asdf(object):
    def __enter__(self):
        print("Enter")
        return self
    def __exit__(self, *args):
        print("Exit")
    def get_stuff(self):
        return range(10)
class Moo(object):
    with Asdf() as x:
        a = x.get_stuff()  # Works
        b = ['asdf' for _ in range(3)]  # Works
        c = []
        for _ in range(3):
            c.append(x.get_stuff())  # Works
        d = [x.get_stuff() for _ in range(3)]  # NameError: name 'x' is not defined
m = Moo()
print(m.a)
print(m.b)
print(m.c)
print(m.d)
&lt;/code&gt;&lt;/pre&gt;
&lt;p&gt;When I run this in Python 2.7.14, I get the expected result:&lt;/p&gt;
&lt;pre&gt;&lt;code&gt;Enter
Exit
[0, 1, 2, 3, 4, 5, 6, 7, 8, 9]
['asdf', 'asdf', 'asdf']
[[0, 1, 2, 3, 4, 5, 6, 7, 8, 9], [0, 1, 2, 3, 4, 5, 6, 7, 8, 9], [0, 1, 2, 3, 4, 5, 6, 7, 8, 9]]
[[0, 1, 2, 3, 4, 5, 6, 7, 8, 9], [0, 1, 2, 3, 4, 5, 6, 7, 8, 9], [0, 1, 2, 3, 4, 5, 6, 7, 8, 9]]
&lt;/code&gt;&lt;/pre&gt;
&lt;p&gt;However, when I run it using Python 3.6.3, the list comprehension fails:&lt;/p&gt;
&lt;pre&gt;&lt;code&gt;Enter
Exit
Traceback (most recent call last):
  File "tmp.py", line 14, in &amp;lt;module&amp;gt;
    class Moo(object):
  File "tmp.py", line 25, in Moo
    d = [x.get_stuff() for _ in range(3)]  # NameError: name 'x' is not defined
  File "tmp.py", line 25, in &amp;lt;listcomp&amp;gt;
    d = [x.get_stuff() for _ in range(3)]  # NameError: name 'x' is not defined
NameError: name 'x' is not defined
&lt;/code&gt;&lt;/pre&gt;
&lt;p&gt;Have the rules for list comprehensions changed in Python 3? Why can't I use &lt;code&gt;x&lt;/code&gt; inside the list comprehension in Python 3?&lt;/p&gt;</t>
  </si>
  <si>
    <t>2018-03-11 20:34:14.437000+00:00</t>
  </si>
  <si>
    <t>python-3.x|list-comprehension</t>
  </si>
  <si>
    <t>Gulp wire dependencies in two tasks</t>
  </si>
  <si>
    <t>&lt;p&gt;I have this project structure.&lt;/p&gt;
&lt;p&gt;&lt;a href="https://i.stack.imgur.com/wGoWj.png" rel="nofollow noreferrer"&gt;&lt;img src="https://i.stack.imgur.com/wGoWj.png" alt="enter image description here"&gt;&lt;/a&gt;&lt;/p&gt;
&lt;p&gt;I want to make it so that when I run the &lt;code&gt;gulp task&lt;/code&gt; of &lt;code&gt;inject-bower&lt;/code&gt;, it will take the bower folder and inject all neccessary files. Then when I do &lt;code&gt;inject-app&lt;/code&gt;, it will take all scripts and inject it as such.&lt;/p&gt;
&lt;p&gt;I put both tasks in one concurrent task stream as such:&lt;/p&gt;
&lt;pre&gt;&lt;code&gt;gulp.task('inject', ['inject-bower', 'inject-app'], function() {
  console.log('Injection done.');
})
&lt;/code&gt;&lt;/pre&gt;
&lt;p&gt;But, it seems to only inject the bower folder. However, when I run &lt;code&gt;gulp inject-bower&lt;/code&gt; and &lt;code&gt;gulp inject-app&lt;/code&gt; one after the other... it works.&lt;/p&gt;
&lt;p&gt;Here is my gulpfile:&lt;/p&gt;
&lt;pre&gt;&lt;code&gt;var gulp = require('gulp'),
    plumber = require('gulp-plumber'),
    rename = require('gulp-rename');
var autoprefixer = require('gulp-autoprefixer');
var concat = require('gulp-concat');
var uglify = require('gulp-uglify');
var cache = require('gulp-cache');
var minifycss = require('gulp-minify-css');
var sass = require('gulp-sass');
var wiredep = require('wiredep').stream;
var inject = require('gulp-inject');
var runSequence = require('run-sequence').use(gulp);
var del = require('del');
gulp.task('inject', ['inject-bower', 'inject-app'], function() {
  console.log('Injection done.');
})
gulp.task('inject-bower', ['clean'], function() {
    gulp.src('./index.html')
        .pipe(wiredep({}))
        .pipe(gulp.dest('./src'));
});
gulp.task('clean', function() {
  return del('src/index.html');
});
gulp.task('inject-app', function () {
  gulp.src('./src/index.html')
    .pipe(inject(
      gulp.src(['./src/js/client/*.js'], {read: true})
    ))
    .pipe(gulp.dest('./src'));
});
// For production/dev
gulp.task('styles', function(){
  gulp.src(['src/stylesheets/*.scss'])
    .pipe(plumber({
      errorHandler: function (error) {
        console.log(error.message);
        this.emit('end');
    }}))
    .pipe(sass())
    .pipe(autoprefixer('last 2 versions'))
    .pipe(gulp.dest('src/stylesheets/'))
    .pipe(rename({suffix: '.min'}))
    .pipe(minifycss())
    .pipe(gulp.dest('src/stylesheets/'))
});
// For production.
gulp.task('build-scripts', function(){
  return gulp.src('src/js/client/**/**/*.js')
    .pipe(plumber({
      errorHandler: function (error) {
        console.log(error.message);
        this.emit('end');
    }}))
    .pipe(concat('bundle.js'))
    .pipe(gulp.dest('src/js/'))
    .pipe(rename({suffix: '.min'}))
    .pipe(uglify())
    .pipe(gulp.dest('src/js/'))
});
gulp.task('default', ['inject'], function(){
  //gulp.watch("src/stylesheets/*.scss", ['styles']);
  //gulp.watch("src/js/client/**/**/*.js", ['scripts']);
  gulp.watch("*.html", ['inject']);
});
&lt;/code&gt;&lt;/pre&gt;
&lt;p&gt;Here is the console output:&lt;/p&gt;
&lt;blockquote&gt;
  &lt;p&gt;/usr/local/bin/node /usr/local/lib/node_modules/gulp/bin/gulp.js
  --color --gulpfile /Users/dan/Projects/AngularJSApp/gulpfile.js inject [12:21:53] Using gulpfile ~/Projects/AngularJSApp/gulpfile.js
  [12:21:53] Starting 'clean'... [12:21:53] Starting 'inject-app'...
  [12:21:53] Finished 'inject-app' after 18 ms [12:21:53] Finished
  'clean' after 40 ms [12:21:53] Starting 'inject-bower'... [12:21:53]
  Finished 'inject-bower' after 1.89 ms [12:21:53] Starting 'inject'...
  Injection done. [12:21:53] Finished 'inject' after 19 ��s [12:21:53]
  gulp-inject 1 files into index.html.&lt;/p&gt;
  &lt;p&gt;Process finished with exit code 0&lt;/p&gt;
&lt;/blockquote&gt;
&lt;p&gt;and here is what I am left with in &lt;code&gt;src/index.html&lt;/code&gt; when I am done with that:&lt;/p&gt;
&lt;pre&gt;&lt;code&gt;&amp;lt;!DOCTYPE html ng-app="chat"&amp;gt;
&amp;lt;html&amp;gt;
&amp;lt;head&amp;gt;
    &amp;lt;title&amp;gt;Hello Chat&amp;lt;/title&amp;gt;
    &amp;lt;!-- bower:css --&amp;gt;
    &amp;lt;link rel="stylesheet" href="bower_components/animate.css/animate.css" /&amp;gt;
    &amp;lt;!-- endbower --&amp;gt;
    &amp;lt;!-- inject:css --&amp;gt;
    &amp;lt;!-- endinject --&amp;gt;
&amp;lt;/head&amp;gt;
&amp;lt;body&amp;gt;
    &amp;lt;h1&amp;gt;Ready to play?&amp;lt;/h1&amp;gt;
    &amp;lt;section&amp;gt;
        Hey man.
        &amp;lt;div ng-controller="ChatCtrl"&amp;gt;&amp;lt;/div&amp;gt;
    &amp;lt;/section&amp;gt;
    &amp;lt;!-- bower:js --&amp;gt;
    &amp;lt;script src="bower_components/angular/angular.js"&amp;gt;&amp;lt;/script&amp;gt;
    &amp;lt;script src="bower_components/jquery/dist/jquery.js"&amp;gt;&amp;lt;/script&amp;gt;
    &amp;lt;script src="bower_components/moment/moment.js"&amp;gt;&amp;lt;/script&amp;gt;
    &amp;lt;!-- endbower --&amp;gt;
    &amp;lt;!-- inject:js --&amp;gt;
    &amp;lt;!-- endinject --&amp;gt;
&amp;lt;/body&amp;gt;
&amp;lt;/html&amp;gt;
&lt;/code&gt;&lt;/pre&gt;
&lt;p&gt;What am I doing wrong?&lt;/p&gt;</t>
  </si>
  <si>
    <t>2016-04-19 17:23:40.340000+00:00</t>
  </si>
  <si>
    <t>2016-04-20 06:42:50.387000+00:00</t>
  </si>
  <si>
    <t>2016-04-19 17:25:17.423000+00:00</t>
  </si>
  <si>
    <t>javascript|dependency-injection|gulp</t>
  </si>
  <si>
    <t>addToBackStack for fragment in Android</t>
  </si>
  <si>
    <t>&lt;p&gt;Say I have an activity and there are two placeholder in the view:&lt;/p&gt;
&lt;pre&gt;&lt;code&gt;&amp;lt;RelativeLayout&amp;gt;
    &amp;lt;RelativeLayout id="fg_1" ...&amp;gt;
    &amp;lt;RelativeLayout id="fg_2  ...&amp;gt;
&amp;lt;/RelativeLayout&amp;gt;
&lt;/code&gt;&lt;/pre&gt;
&lt;p&gt;Now once something happened I will add a fragment to the view by these codes:&lt;/p&gt;
&lt;pre&gt;&lt;code&gt;private void showFragment(Fragment fragment, int id) {
    FragmentManager fragmentManager = getFragmentManager();
    FragmentTransaction fragmentTransaction = fragmentManager.beginTransaction();
    fragmentTransaction.replace(id, fragment);
    fragmentTransaction.addToBackStack(null);
    fragmentTransaction.commit();
}
&lt;/code&gt;&lt;/pre&gt;
&lt;p&gt;For example, when I trigger action 1, the Fragment1 will show, when trigger action2 Fragment2 will show.&lt;/p&gt;
&lt;p&gt;Now when I click the back menu, in my opinion, the Fragment2 will disappear, and when I click back menu again, the Fragment1 will disappear, and the app will exit once I click back menu again.&lt;/p&gt;
&lt;p&gt;However the app will exit even I click the back menu once, it seems that the &lt;code&gt;addToBackStack&lt;/code&gt; does not work as I expected.&lt;/p&gt;
&lt;p&gt;Did I miss anything?&lt;/p&gt;</t>
  </si>
  <si>
    <t>2015-07-04 04:34:09.160000+00:00</t>
  </si>
  <si>
    <t>2015-07-04 05:48:02.143000+00:00</t>
  </si>
  <si>
    <t>kubernetes pod configuration</t>
  </si>
  <si>
    <t>&lt;p&gt;I'm deploying a group of applications into a new kubernetes cluster and am looking for some best practice or practical advice on deployments.&lt;/p&gt;
&lt;p&gt;this applications task is to do video streaming, there is a backend pod containing a mongodb with configuration for streams (id, url) there could be between 1..100+ configurations and a few controlling applications / API containers. &lt;/p&gt;
&lt;p&gt;I have 2 options for the streaming container deployment. The basis is that when the container starts the application needs an ID (1..100), to get the correct config from the database. I can only have 1 instance per ID.&lt;/p&gt;
&lt;p&gt;Option 1 - (desirable) would be to have 1 deployment, that is scaled to n pods with each pod 'getting' a unique ID somehow? &lt;/p&gt;
&lt;p&gt;Option 2 - (easy but messy) have a unique deployment for each container with the ID via env variable. these deployments I can create via API using another process that reads from DB and posts to K8s API. I then need to manage updates etc into k8s. &lt;/p&gt;
&lt;p&gt;I have looked at StatefulSets that give me pod-1, pod-2 etc that is 'nice' but seems to be quite limited in deployment speed / updating and i couldn't skip a number in the middle of the list if required.&lt;/p&gt;
&lt;p&gt;I thought about using an etcd que to pull id's from so I could scale one deployment and have the app do the leg work etc but this may add more complexity.&lt;/p&gt;
&lt;p&gt;What are peoples thoughts over lots of unique deployments vs less config in k8s and application code doing the work? the more i think about it, (from an operations standpoint) the mass of deployments looks complicated but may be easier to diagnose problems on a per stream basis, and if a process is doing the leg work of setting up deployments what you see is what you get..&lt;/p&gt;
&lt;p&gt;Thanks for any advice in advance.&lt;/p&gt;</t>
  </si>
  <si>
    <t>2018-02-07 23:27:40.530000+00:00</t>
  </si>
  <si>
    <t>kubernetes|operations</t>
  </si>
  <si>
    <t>Matplotlib scatter plot with different shaped data</t>
  </si>
  <si>
    <t>&lt;p&gt;Let's say I have a data set labeled &lt;code&gt;[1, 2, 3]&lt;/code&gt;. For each of those values, I want to plot 4 values (along their respective columns). For example &lt;code&gt;["1-HEIGHT", "1-WEIGHT", "1-NAME", "1-HAIR"]&lt;/code&gt;. At point &lt;code&gt;(1, 1-HEIGHT)&lt;/code&gt; I want to annotate it with the corresponding value. However, when I tried doing something basic, like the following...&lt;/p&gt;
&lt;pre&gt;&lt;code&gt;fig, ax = plt.subplots(figsize = (15, 15))
ax.scatter([1,2,3], [[1,2,3,4,5,6], [1,2,3,4,5,6], [1,2,3,4,5,6]])
&lt;/code&gt;&lt;/pre&gt;
&lt;p&gt;I get the following error:&lt;/p&gt;
&lt;blockquote&gt;
  &lt;p&gt;ValueError: x and y must be the same size&lt;/p&gt;
&lt;/blockquote&gt;
&lt;p&gt;Thanks for any help.&lt;/p&gt;</t>
  </si>
  <si>
    <t>2018-05-25 21:46:03.363000+00:00</t>
  </si>
  <si>
    <t>Intel C++ Compiler Installer not finding Visual Studio</t>
  </si>
  <si>
    <t>&lt;p&gt;So I was trying to install the Intel C++ Compiler (in the Parallel Studio XE 2018 bundle) and when I go to install it comes up with the warning "Intel C++ Compiler will not work because none of the supported environments is found on your computer," among others. However, one of those supported environments is Microsoft Visual Studio 2017, which I have installed.&lt;/p&gt;
&lt;p&gt;I read online that there's some issue with the most recent versions of Visual Studio and that the compiler only works with versions 15.6 and below. I have 15.5.6, but of the Community version. I'm not sure if the Professional version is required; if it is I don't have it installed and I can't figure how to install a previous version.&lt;/p&gt;
&lt;p&gt;If there is no way to make this work (or there is, but it's too much of a pain), suggestions for other C++ compilers would be appreciated.&lt;/p&gt;</t>
  </si>
  <si>
    <t>2018-09-11 15:21:57.723000+00:00</t>
  </si>
  <si>
    <t>2018-09-24 01:53:42.787000+00:00</t>
  </si>
  <si>
    <t>2018-09-11 16:08:50.337000+00:00</t>
  </si>
  <si>
    <t>c++|visual-studio|installation|intel-parallel-studio</t>
  </si>
  <si>
    <t>Display a sum of two array values with same keys</t>
  </si>
  <si>
    <t>&lt;p&gt;I have two array with same keys this two array contain month wise data of my table. i want sum of this values and return same keys sum of values in one other array&lt;/p&gt;
&lt;p&gt;Here is my two array&lt;/p&gt;
&lt;p&gt;array1&lt;/p&gt;
&lt;pre&gt;&lt;code&gt;Array ( [0] =&amp;gt; Array ( [0] =&amp;gt; Jan [1] =&amp;gt; 0 ) 
        [1] =&amp;gt; Array ( [0] =&amp;gt; Feb [1] =&amp;gt; 22 ) 
        [2] =&amp;gt; Array ( [0] =&amp;gt; Mar [1] =&amp;gt; 0 ) 
        [3] =&amp;gt; Array ( [0] =&amp;gt; Apr [1] =&amp;gt; 9 ) 
        [4] =&amp;gt; Array ( [0] =&amp;gt; May [1] =&amp;gt; 1 ) 
        [5] =&amp;gt; Array ( [0] =&amp;gt; Jun [1] =&amp;gt; 0 ) 
        [6] =&amp;gt; Array ( [0] =&amp;gt; Jul [1] =&amp;gt; 0 ) 
        [7] =&amp;gt; Array ( [0] =&amp;gt; Aug [1] =&amp;gt; 0 ) 
        [8] =&amp;gt; Array ( [0] =&amp;gt; Sep [1] =&amp;gt; 0 ) 
        [9] =&amp;gt; Array ( [0] =&amp;gt; Oct [1] =&amp;gt; 0 ) 
        [10] =&amp;gt; Array ( [0] =&amp;gt; Nov [1] =&amp;gt; 0 ) 
        [11] =&amp;gt; Array ( [0] =&amp;gt; Dec [1] =&amp;gt; 0 ) 
    )
&lt;/code&gt;&lt;/pre&gt;
&lt;p&gt;array 2:&lt;/p&gt;
&lt;pre&gt;&lt;code&gt;Array ( [0] =&amp;gt; Array ( [0] =&amp;gt; Jan [1] =&amp;gt; 0 ) 
        [1] =&amp;gt; Array ( [0] =&amp;gt; Feb [1] =&amp;gt; 0 ) 
        [2] =&amp;gt; Array ( [0] =&amp;gt; Mar [1] =&amp;gt; 18 ) 
        [3] =&amp;gt; Array ( [0] =&amp;gt; Apr [1] =&amp;gt; 1 ) 
        [4] =&amp;gt; Array ( [0] =&amp;gt; May [1] =&amp;gt; 1 ) 
        [5] =&amp;gt; Array ( [0] =&amp;gt; Jun [1] =&amp;gt; 0 ) 
        [6] =&amp;gt; Array ( [0] =&amp;gt; Jul [1] =&amp;gt; 0 ) 
        [7] =&amp;gt; Array ( [0] =&amp;gt; Aug [1] =&amp;gt; 0 ) 
        [8] =&amp;gt; Array ( [0] =&amp;gt; Sep [1] =&amp;gt; 0 ) 
        [9] =&amp;gt; Array ( [0] =&amp;gt; Oct [1] =&amp;gt; 0 ) 
        [10] =&amp;gt; Array ( [0] =&amp;gt; Nov [1] =&amp;gt; 0 ) 
        [11] =&amp;gt; Array ( [0] =&amp;gt; Dec [1] =&amp;gt; 0 ) 
    )
&lt;/code&gt;&lt;/pre&gt;
&lt;p&gt;i also tried using this code&lt;/p&gt;
&lt;pre&gt;&lt;code&gt;function sum_arrays($array1, $array2) {
    $array = array();
    foreach($array1 as $index =&amp;gt; $value) {
        $array[$index] = isset($array2[$index]) ? $array2[$index] + $value : $value;
    }
    return $array;
}
&lt;/code&gt;&lt;/pre&gt;
&lt;p&gt;i want result like below&lt;/p&gt;
&lt;pre&gt;&lt;code&gt;Array ( [0] =&amp;gt; Array ( [0] =&amp;gt; Jan [1] =&amp;gt; 0 ) 
        [1] =&amp;gt; Array ( [0] =&amp;gt; Feb [1] =&amp;gt; 22 ) 
        [2] =&amp;gt; Array ( [0] =&amp;gt; Mar [1] =&amp;gt; 18 ) 
        [3] =&amp;gt; Array ( [0] =&amp;gt; Apr [1] =&amp;gt; 10 ) 
        [4] =&amp;gt; Array ( [0] =&amp;gt; May [1] =&amp;gt; 2 ) 
        [5] =&amp;gt; Array ( [0] =&amp;gt; Jun [1] =&amp;gt; 0 ) 
        [6] =&amp;gt; Array ( [0] =&amp;gt; Jul [1] =&amp;gt; 0 ) 
        [7] =&amp;gt; Array ( [0] =&amp;gt; Aug [1] =&amp;gt; 0 ) 
        [8] =&amp;gt; Array ( [0] =&amp;gt; Sep [1] =&amp;gt; 0 ) 
        [9] =&amp;gt; Array ( [0] =&amp;gt; Oct [1] =&amp;gt; 0 ) 
        [10] =&amp;gt; Array ( [0] =&amp;gt; Nov [1] =&amp;gt; 0 ) 
        [11] =&amp;gt; Array ( [0] =&amp;gt; Dec [1] =&amp;gt; 0 ) 
    )
&lt;/code&gt;&lt;/pre&gt;</t>
  </si>
  <si>
    <t>2017-05-14 17:34:33.467000+00:00</t>
  </si>
  <si>
    <t>2017-05-14 18:19:05.190000+00:00</t>
  </si>
  <si>
    <t>2017-05-14 18:17:09.940000+00:00</t>
  </si>
  <si>
    <t>C string programming binary</t>
  </si>
  <si>
    <t>&lt;p&gt;I have a c program that takes in string inputs i want to check if these inputs are binary values how do I go about this?&lt;/p&gt;
&lt;p&gt;For example if the user inputs "1001" how can I can I check to see if its binary or not try not to use pointers Please do it in c as well Also do not use the math library&lt;/p&gt;
&lt;p&gt;@Mywork so far
I converted the string to an integer and used the atoi function
Here is the function I am checking the integer with&lt;/p&gt;
&lt;p&gt;@ Program Re-explained
I am using a scanf function to take in two inputs and I store them as a string THe user is supposed to enter two binary numbers. I then want to check and make sure each on of these numbers are binary. Below are some examples&lt;/p&gt;
&lt;pre&gt;&lt;code&gt;INput: 101001 100101
Both Stored As String.
Output:function checks and see thats they are both binary
     That is a correct way I want it to run. Here is another example
   Input:1001hshds101 100101
   Both stored as String
   Output: Checks both strings and knows that the first string is wrong
//SOme of my work (ignore this for the most part)
int binCheck(long long int input){
      int dv;
       while(input! = 0){
        dv = input%10;
       if(dv&amp;gt;1){
           return 0;
          }
       input = input/10;
    }
    return 1;
    }
&lt;/code&gt;&lt;/pre&gt;</t>
  </si>
  <si>
    <t>2017-01-20 15:36:40.220000+00:00</t>
  </si>
  <si>
    <t>2017-01-23 13:59:36.103000+00:00</t>
  </si>
  <si>
    <t>c|string|binary</t>
  </si>
  <si>
    <t>Entity framework Core Raw SQLQueries with custom model</t>
  </si>
  <si>
    <t>&lt;p&gt;Using Entity Framework 6, I was able to use execute a Raw SQL Query and use a custom model which was not defined in the DBContext in order to store the output of the query. A simple example is the following:&lt;/p&gt;
&lt;pre&gt;&lt;code&gt;List&amp;lt;MyModel&amp;gt; data = context.Database.SqlQuery&amp;lt;MyModel&amp;gt;("SELECT Orders.OrderID, Customers.CustomerName FROM Orders INNER JOIN Customers ON Orders.CustomerID=Customers.CustomerID;").ToList();
&lt;/code&gt;&lt;/pre&gt;
&lt;p&gt;I execute one SQL command and I expect a list of custom models.&lt;/p&gt;
&lt;p&gt;I try to do something similar with Entity Framework Core and the closest example that I found will force me to define a property from DBContext. This will not allow me to use a custom model to fill the data that SQL server will return.&lt;/p&gt;
&lt;pre&gt;&lt;code&gt;var books = context.Books.FromSql("SELECT * FROM Books").ToList();
&lt;/code&gt;&lt;/pre&gt;
&lt;p&gt;This query informs Entity Framework Core that the query will return a list of books. Is there a way to implement something like this in Entity Framework Core?&lt;/p&gt;</t>
  </si>
  <si>
    <t>2018-01-16 09:44:24.290000+00:00</t>
  </si>
  <si>
    <t>2018-07-12 06:39:26.727000+00:00</t>
  </si>
  <si>
    <t>asp.net-core|entity-framework-core|asp.net-core-2.0</t>
  </si>
  <si>
    <t>Trouble Understanding Signal Mapper PyQt</t>
  </si>
  <si>
    <t>&lt;p&gt;So I am generating a menu of options based on some files on my system. I have a list list of objects I need to dynamically generate an option in the menu for and need to be able to let the function that is doing the creation know which object to use. After some research I found the post below. I could not comment as my rep is not high yet: &lt;a href="https://stackoverflow.com/questions/8824311/how-to-pass-arguments-to-callback-functions-in-pyqt/8824811#8824811"&gt;How to pass arguments to callback functions in PyQt&lt;/a&gt;&lt;/p&gt;
&lt;p&gt;When I run this the signal mapper is not working right. It is not even calling the handleButton correctly. Any ideas as to how to use the signal mapper correctly? &lt;/p&gt;
&lt;pre&gt;&lt;code&gt;from PyQt4 import QtGui, QtCore
class Window(QtGui.QMainWindow):
    def __init__(self):
        QtGui.QMainWindow.__init__(self)
        self.mapper = QtCore.QSignalMapper(self)
        self.toolbar = self.addToolBar('Foo')
        self.toolbar.setToolButtonStyle(QtCore.Qt.ToolButtonTextOnly)
        for text in 'One Two Three'.split():
            action = QtGui.QAction(text, self)
            self.mapper.setMapping(action, text)
            action.triggered.connect(self.mapper.map)
            self.toolbar.addAction(action)
        self.mapper.mapped['QString'].connect(self.handleButton)
        self.edit = QtGui.QLineEdit(self)
        self.setCentralWidget(self.edit)
    def handleButton(self, identifier):
        print 'run'
        if identifier == 'One':
            text = 'Do This'
            print 'Do One'
        elif identifier == 'Two':
            text = 'Do That'
            print 'Do Two'
        elif identifier == 'Three':
            print 'Do Three'
            text = 'Do Other'
        self.edit.setText(text)
if __name__ == '__main__':
    import sys
    app = QtGui.QApplication(sys.argv)
    window = Window()
    window.resize(300, 60)
    window.show()
    sys.exit(app.exec_())
&lt;/code&gt;&lt;/pre&gt;
&lt;p&gt;&lt;strong&gt;EDIT:&lt;/strong&gt;&lt;/p&gt;
&lt;p&gt;I've found that by using old-style signal/slot connections this is fixed:&lt;/p&gt;
&lt;pre&gt;&lt;code&gt;#action.triggered.connect(self.mapper.map)
self.connect(action, QtCore.SIGNAL("triggered()"), self.mapper, QtCore.SLOT("map()"))
&lt;/code&gt;&lt;/pre&gt;
&lt;p&gt;and&lt;/p&gt;
&lt;pre&gt;&lt;code&gt;#self.mapper.mapped['QString'].connect(self.handleButton)
self.connect(self.mapper, QtCore.SIGNAL("mapped(const QString &amp;amp;)"), self.handleButton)
&lt;/code&gt;&lt;/pre&gt;
&lt;p&gt;Am I using the new-style connections incorrectly?&lt;/p&gt;
&lt;p&gt;Based on &lt;a href="http://www.riverbankcomputing.com/pipermail/pyqt/2010-March/026104.html" rel="nofollow"&gt;this post&lt;/a&gt; as well as the &lt;a href="https://stackoverflow.com/questions/8824311/how-to-pass-arguments-to-callback-functions-in-pyqt/8824811#8824811"&gt;original link&lt;/a&gt; I posted, I thought I was doing things correctly.&lt;/p&gt;</t>
  </si>
  <si>
    <t>2015-05-25 16:08:53.223000+00:00</t>
  </si>
  <si>
    <t>2015-05-25 19:45:46.870000+00:00</t>
  </si>
  <si>
    <t>2015-05-25 17:11:00.280000+00:00</t>
  </si>
  <si>
    <t>python|pyqt|qsignalmapper</t>
  </si>
  <si>
    <t>Win32 DLL / Reference storing</t>
  </si>
  <si>
    <t>&lt;p&gt;I've been given the task to create a DLL with a lot of functions. The specific implementation of the functions is actually quite easy but the general (or better: initial) setup gives me a headache and I wasn't able to make sense of it yet. So here are two (of the many) functions I am supposed to implement:&lt;/p&gt;
&lt;pre&gt;&lt;code&gt;long initClient(long* client, char* a = "", char* b = "");
long clientSet(int client, const char* a, const char* b);
&lt;/code&gt;&lt;/pre&gt;
&lt;p&gt;The first function will setup a client (there can be 0..n, each client has internal state data), so somehow it will need to keep track of the client related data internally. Now whenever I call clientSet (the second function) I need to pass the integer value (long* client) I get from initClient to the function so it can identify the correct client data structure and change that very data.&lt;/p&gt;
&lt;p&gt;The actual question now is: How do I do this correctly?&lt;/p&gt;
&lt;p&gt;My current solution would be to hold an internal list of clients with their associated data/ID and use malloc/free whenever a client is added or removed. Yet, I have the feeling that this is not a clean solution or that it could be solved in a better way.&lt;/p&gt;
&lt;p&gt;Your help is highly appreciated. &lt;/p&gt;
&lt;p&gt;EDIT: After re-thinking it, could it be that the first parameter of clientSet is actually the pointer I get from initClient (first parameter)? If this was the case, initClient would only need to malloc some memory and fill that with data. All other calls would then only reference that memory area. Yet, I find it highly troublesome to use different data types for the same pointer (I get a pointer to a long which I then need to interpret as int - i understand that both of them are 4 byte on Win32). Am I right here?&lt;/p&gt;
&lt;p&gt;EDIT #2: Unfortunately I am not allowed to change the interface in any way.&lt;/p&gt;
&lt;p&gt;EDIT #3: After more thinking about this problem, maybe this is what I am actually after:&lt;/p&gt;
&lt;pre&gt;&lt;code&gt;intptr_t my_ptr;
long initClient(intptr_t* client, char* a, char* b);
long clientSet(intptr_t client, char* a, char* b);
&lt;/code&gt;&lt;/pre&gt;
&lt;p&gt;initClient(&amp;amp;my_ptr, "A", "B") would basically (I will need to see how to do the de-referencing correctly) do a&lt;/p&gt;
&lt;pre&gt;&lt;code&gt;*client = (intptr_t)malloc(sizeof(myDataStructure));
&lt;/code&gt;&lt;/pre&gt;
&lt;p&gt;Now I could call&lt;/p&gt;
&lt;pre&gt;&lt;code&gt;clientSet(my_ptr, "X", "Y");
&lt;/code&gt;&lt;/pre&gt;
&lt;p&gt;Does this look like it could be what I am supposed to do?&lt;/p&gt;</t>
  </si>
  <si>
    <t>2016-06-30 18:31:46.040000+00:00</t>
  </si>
  <si>
    <t>2016-07-19 07:31:24.487000+00:00</t>
  </si>
  <si>
    <t>2016-06-30 19:52:44.277000+00:00</t>
  </si>
  <si>
    <t>c|memory-management|dll</t>
  </si>
  <si>
    <t>How to find the number of nodes at level k of a binary tree without using Breadth-first order traversal?</t>
  </si>
  <si>
    <t>&lt;p&gt;Given this binary tree (actually, the binary tree can be random and dynamic, this is just an example...):&lt;/p&gt;
&lt;p&gt;See link for the binary tree image: &lt;a href="http://postimage.org/image/1j4pf6d1g/" rel="nofollow"&gt;binary tree example&lt;/a&gt;&lt;/p&gt;
&lt;p&gt;This are the given facts:&lt;/p&gt;
&lt;ol&gt;
&lt;li&gt;All nodes are connected to their father so that we can traverse from bottom to top (and of course top to bottom too).&lt;/li&gt;
&lt;li&gt;All nodes hold information on how many descendants do they have in their left and right part.&lt;/li&gt;
&lt;/ol&gt;
&lt;p&gt;The problem is this: I need to find a way to calculate the total number of nodes in level 2 (actually, in any level but for now, let's concentrate on level two). Obviously, the answer is 3 if we know the structure of the binary tree beforehand, but assume that we do not have this image, only the given facts.&lt;/p&gt;
&lt;p&gt;Another catch here is we are going to start from a node that is in level 2 (our target level) and not the root. In this example, I've chosen NODE F.&lt;/p&gt;
&lt;p&gt;I know that using the Breadth-first order traversal is the straight forward solution but I find it too time consuming since every time that I read a node, I will query it from a database.&lt;/p&gt;
&lt;p&gt;I am looking for a more practical approach. But if it is "impossible" to solve this problem due to the insufficient given data, please let me know on what other data should be given in order for this to be solvable. I will assess it if it is feasible.&lt;/p&gt;
&lt;p&gt;I am creating a website by the way and using PHP and MySQL. But I only want the concept or the explanation of the solution, more like an algorithm rather than a programming snippet or code...&lt;/p&gt;
&lt;p&gt;I hope someone can answer me...Thank you very much!&lt;/p&gt;</t>
  </si>
  <si>
    <t>2011-09-17 16:54:07.530000+00:00</t>
  </si>
  <si>
    <t>2015-02-19 10:01:10.343000+00:00</t>
  </si>
  <si>
    <t>php|mysql|algorithm|binary-tree|tree-traversal</t>
  </si>
  <si>
    <t>UI design in wxPython freeze after pop-up closing</t>
  </si>
  <si>
    <t>&lt;p&gt;I'm designing a &lt;code&gt;SW&lt;/code&gt; using &lt;code&gt;wxPython&lt;/code&gt;. I have created a full interface with &lt;code&gt;Menu&lt;/code&gt; as baseline. Now I'm starting to associate an action with each menu. &lt;/p&gt;
&lt;p&gt;I have defined the interface as:&lt;/p&gt;
&lt;pre&gt;&lt;code&gt;class MySettingsDialog(x.Dialog):
    def __init__(self, Choices):
        super(MySettingsDialog, self).__init__(None)
        self.Choices = Choices
        self.SettingDlg(self.Choices)
        self.SetTitle("Settings")
    def SettingDlg(self, Choices):        
        self.Choices = Choices   
        panel = wx.Panel(self, -1)
        vbox = wx.BoxSizer(wx.VERTICAL)
        Adb_box = wx.BoxSizer(wx.HORIZONTAL)
        Adb_text = wx.StaticText(panel, label = str(self.Choices[0]))
        ....
        vbox.Add(panel,wx.ALIGN_CENTER|wx.TOP, border = 4) #&amp;lt;----add pan to main sizer
        opt_box = wx.BoxSizer(wx.HORIZONTAL)
        opt_close = wx.Button(self, wx.ID_CANCEL)
        opt_close.Bind(wx.EVT_BUTTON, self.OnCloseSettingsDlg)
        ....
        opt_box.Add(opt_close, flag =  wx.LEFT, border = 5)
        vbox.Add(opt_box, flag = wx.ALIGN_CENTER|wx.BOTTOM, border = 4)
        sizer = wx.FlexGridSizer(cols=2, hgap=6, vgap=6)
        sizer.AddMany([Adb_text, Adb_info, monkey_text, monkey_info,
                   logcat_text, logcat_info, res_text, res_info,
                   scripts_text, scripts_info])
        panel.SetSizer(sizer)
        self.SetSizer(vbox)
    def OnCloseSettingsDlg(self, e):
        self.Destroy()
    def OnOkSettingsDlg(self, e):
        pass
class UserInterface(wx.Frame):
    def __init__(self, parent, id, title):
        ....
        self.initialize()
    def initialize(self):
        menubar = wx.Menubar()
        ...
        SettingsMenu = wx.MenuItem(fileMenu, wx.ID_ANY,'&amp;amp;Settings\tCTRL+X')
        fileMenu.Append(SettingsMenu)
        self.Bind(x.EVT_MENU, self.OnSetting, SettingMenu)
        ....
        self.SetMenuBar(menubar)
        self.Show(True)
    ....
    def OnSetting(self, e):
        myd = MySettingsDialog(['Adb Path', 'Monkeyrunner path', 'logcat path', 'results path', 'scripts path']) 
        myd.ShowModal()
        myd.Destroy()
if __name__ == '__main__':
    app = wx.App()
    frame.UserInterface(None, -1, 'OneTouchAutomation')
    app.MainLoop()
&lt;/code&gt;&lt;/pre&gt;
&lt;p&gt;My issue appears when I want to leave the dialog box created by &lt;code&gt;MySettingsDialog&lt;/code&gt; class. I use &lt;code&gt;self.Destroy()&lt;/code&gt; &lt;code&gt;on OnCloseSettingsDlg&lt;/code&gt; to do it and it seems to impact the &lt;code&gt;Application&lt;/code&gt; menu, because all menus created become greyed.&lt;/p&gt;</t>
  </si>
  <si>
    <t>2014-06-19 17:13:07.527000+00:00</t>
  </si>
  <si>
    <t>2016-12-11 08:34:47.170000+00:00</t>
  </si>
  <si>
    <t>How to connect to Ceph cluster using librbd (Python)</t>
  </si>
  <si>
    <t>&lt;p&gt;I am trying to connect to my Ceph cluster using librbd and Python. If I try &lt;a href="http://docs.ceph.com/docs/master/rbd/librbdpy/" rel="nofollow noreferrer"&gt;this&lt;/a&gt; example from the Ceph documentation I get an error saying "error connecting to the cluster: error code 95". See code example below.&lt;/p&gt;
&lt;pre&gt;&lt;code&gt;Python 2.7.12 (default, Nov 19 2016, 06:48:10) 
[GCC 5.4.0 20160609] on linux2
Type "help", "copyright", "credits" or "license" for more information.    
&amp;gt;&amp;gt;&amp;gt; import rados
&amp;gt;&amp;gt;&amp;gt; cluster = rados.Rados(conffile='/etc/ceph/ceph.conf')
&amp;gt;&amp;gt;&amp;gt; cluster.connect()
Traceback (most recent call last):
  File "&amp;lt;stdin&amp;gt;", line 1, in &amp;lt;module&amp;gt;
  File "rados.pyx", line 785, in rados.Rados.connect (/build/ceph-10.2.6/src/build/rados.c:10073)
rados.Error: error connecting to the cluster: error code 95
&lt;/code&gt;&lt;/pre&gt;
&lt;p&gt;The Ceph cluster is up and healthy (HEALTH_OK). What does this error code mean and what can I do to solve it?&lt;/p&gt;</t>
  </si>
  <si>
    <t>2017-04-03 14:25:19.257000+00:00</t>
  </si>
  <si>
    <t>2017-04-11 12:37:31.997000+00:00</t>
  </si>
  <si>
    <t>python|ceph</t>
  </si>
  <si>
    <t>Confirming That Content Is Visible</t>
  </si>
  <si>
    <t>&lt;p&gt;&lt;strong&gt;Question&lt;/strong&gt;: Can I create a custom variable with JavaScript and pass it to Google Analytics that would function like a counter? Then I want to compare that value against the total number of page views. &lt;/p&gt;
&lt;p&gt;&lt;strong&gt;Goal&lt;/strong&gt;: I suspect that a custom script that is supposed to run every time the page loads is working intermittently and I think this is a good way to confirm or allay my suspicions. &lt;/p&gt;
&lt;p&gt;I hope that is enough of an explanation, but if not, please let me know and I can go into more detail. I feel it may also be necessary to mention that we're using Magento Enterprise v1.13.&lt;/p&gt;
&lt;p&gt;Thanks!&lt;/p&gt;</t>
  </si>
  <si>
    <t>2016-01-29 00:00:33.620000+00:00</t>
  </si>
  <si>
    <t>2016-01-29 08:24:41.147000+00:00</t>
  </si>
  <si>
    <t>javascript|magento|cookies|google-analytics|counter</t>
  </si>
  <si>
    <t>Component for mix text, links and clickable text</t>
  </si>
  <si>
    <t>&lt;p&gt;I have a problem. Need a component for mix text, links and clickable text.&lt;/p&gt;
&lt;p&gt;In Facebook App can see a example.
&lt;a href="http://img193.imageshack.us/img193/1355/example1t.jpg" rel="nofollow"&gt;http://img193.imageshack.us/img193/1355/example1t.jpg&lt;/a&gt;&lt;/p&gt;
&lt;p&gt;Someone know a than can do this. For example, UITextView can detect links in text, but can't insert clickable text.&lt;/p&gt;
&lt;p&gt;Thanks for your help.&lt;/p&gt;</t>
  </si>
  <si>
    <t>2010-10-26 21:21:15.630000+00:00</t>
  </si>
  <si>
    <t>2011-02-09 19:21:18.120000+00:00</t>
  </si>
  <si>
    <t>iphone|cocoa-touch|uikit|core-text</t>
  </si>
  <si>
    <t>Simple Java library for graphing mathematical functions/equations</t>
  </si>
  <si>
    <t>&lt;p&gt;I'm looking (have looked on Google, no luck) for a Java library that can produce graphs of &lt;em&gt;mathematical functions and equations&lt;/em&gt;. It would be great if I could us it as a JComponent for adding to frames, but I can do without. If there aren't any good ones I'll probably make one anyway.&lt;/p&gt;
&lt;p&gt;Thanks in advance&lt;/p&gt;</t>
  </si>
  <si>
    <t>2014-09-29 15:51:25.390000+00:00</t>
  </si>
  <si>
    <t>2014-09-29 16:09:53.207000+00:00</t>
  </si>
  <si>
    <t>java|math|graph</t>
  </si>
  <si>
    <t>FtpWebRequest ListDirectory does not return hidden files</t>
  </si>
  <si>
    <t>&lt;p&gt;Using &lt;code&gt;FtpWebRequest&lt;/code&gt; to list the contents of a directory; however, it's not showing the hidden files. &lt;/p&gt;
&lt;p&gt;How do I get it to show the hidden files?&lt;/p&gt;
&lt;pre&gt;&lt;code&gt;FtpWebRequest request = (FtpWebRequest)WebRequest.Create(ftp_root + path);
request.Method = WebRequestMethods.Ftp.ListDirectory;
&lt;/code&gt;&lt;/pre&gt;
&lt;p&gt;FileZilla lists the hidden files correctly so I know the FTP server is returning that data to it. I just need to replicate that with &lt;code&gt;FtpWebRequest&lt;/code&gt;. Or use a different library for it.&lt;/p&gt;</t>
  </si>
  <si>
    <t>2017-02-24 01:57:35.253000+00:00</t>
  </si>
  <si>
    <t>2018-03-13 08:12:20.143000+00:00</t>
  </si>
  <si>
    <t>2017-06-15 16:36:06.773000+00:00</t>
  </si>
  <si>
    <t>c#|.net|ftp|file-handling|ftpwebrequest</t>
  </si>
  <si>
    <t>Multiple Fields Where Keys In Document Vary Average Aggregation</t>
  </si>
  <si>
    <t>&lt;p&gt;I got dataset as follow : &lt;/p&gt;
&lt;pre&gt;&lt;code&gt;{
    "_id" : ObjectId("592d4f43d69b643ac0cb9148"),
    "timestamp" : ISODate("2017-03-01T16:58:00.000Z"),
    "Technique-Meteo_Direction moyenne du vent_Mean value wind direction[]" : 0.0,
   "Technique-Meteo_Pr��cipitations_Precipitation status[]" : 0.0,
    "Technique-Meteo_Direction du vent_Wind direction[]" : 0.0
}
/* 5 */
{
    "_id" : ObjectId("592d4f43d69b643ac0cb9149"),
    "timestamp" : ISODate("2017-03-01T17:09:00.000Z"),
    "Technique-Meteo_Direction moyenne du vent_Mean value wind direction[]" : 0.0,
    "Technique-Meteo_Pr��cipitations_Precipitation status[]" : 0.0,
   "Technique-Meteo_Direction du vent_Wind direction[]" : 0.0
}
/* 6 */
{
    "_id" : ObjectId("592d3a6cd69b643ac0cae395"),
    "timestamp" : ISODate("2017-01-30T09:31:00.000Z"),
    "Technique-Electrique_Prises de Courant_Power1[W]" : 14.0,
    "Technique-Electrique_Eclairage_Power2[W]" : 360.0,
    "Technique-Electrique_Electrom��nager_Power3[W]" : 0.0,
    "Technique-Electrique_VMC Aldes_Power4[W]" : 14.0,
    "Technique-Electrique_VMC Unelvent_Power5[W]" : 8.0
}
/* 7 */
{
    "_id" : ObjectId("592d3a6cd69b643ac0cae396"),
    "timestamp" : ISODate("2017-01-30T09:32:00.000Z"),
    "Technique-Electrique_Prises de Courant_Power1[W]" : 15.0,
    "Technique-Electrique_Eclairage_Power2[W]" : 365.0,
    "Technique-Electrique_Electrom��nager_Power3[W]" : 0.0,
    "Technique-Electrique_VMC Aldes_Power4[W]" : 14.0,
    "Technique-Electrique_VMC Unelvent_Power5[W]" : 8.0
}
&lt;/code&gt;&lt;/pre&gt;
&lt;p&gt;There are an "_id", a "timestamp" and multiple sensors fields. The number of sensor is not consistent. With an interface, I chose numerous sensors which I want to include in my query. This choice is stored in a list where each item is the name of the sensor. &lt;/p&gt;
&lt;p&gt;example : &lt;/p&gt;
&lt;pre&gt;&lt;code&gt;self.chosenSensors = ["Technique-Electrique_VMC Aldes_Power4[W]", "Technique-Electrique_VMC Unelvent_Power5[W]"]
&lt;/code&gt;&lt;/pre&gt;
&lt;p&gt;I would like to calculate the average of values of each chosen sensor. I already did it but I do a query for each sensor.&lt;/p&gt;
&lt;p&gt;In the following example, I show you that. (Don't consider the date aggregation, it is the next step)&lt;/p&gt;
&lt;pre&gt;&lt;code&gt;page2.currentColl].aggregate([{"$match":{chosenSensor:{"$exists": True}}}, {"$group":{"_id":{"year":{"$year":"$timestamp"}, "month":{"$month":"$timestamp"}}, "average":{"$avg": chosenSensorAverage}}}])
&lt;/code&gt;&lt;/pre&gt;
&lt;p&gt;Result (each average is in a new document):&lt;/p&gt;
&lt;pre&gt;&lt;code&gt;RDC-ChambreEnfants_CO2_GAS_CONCENTRATION[ppm]
{'_id': {'year': 2017, 'month': 4}, 'average': 1475.3685814315352}
{'_id': {'year': 2017, 'month': 3}, 'average': 1374.3771154414906}
RDC-ChambreEnfants_Humidit��_HUMIDITY[%]
{'_id': {'year': 2017, 'month': 4}, 'average': 37.55591753379364}
{'_id': {'year': 2017, 'month': 3}, 'average': 37.459350662153724}
&lt;/code&gt;&lt;/pre&gt;
&lt;p&gt;What I would like to get is the following :&lt;/p&gt;
&lt;pre&gt;&lt;code&gt;{
    "Avg_Technique-Meteo_Direction moyenne du vent_Mean value wind direction[]" : 0.0,
    "Avg_Technique-Meteo_Pr��cipitations_Precipitation status[]" : 0.0,
    "Avg_Technique-Meteo_Direction du vent_Wind direction[]" : 0.0
    "Avg_Technique-Electrique_Prises de Courant_Power1[W]" : 14.5,
    "Avg_Technique-Electrique_Eclairage_Power2[W]" : 362.5,
    "Avg_Technique-Electrique_Electrom��nager_Power3[W]" : 0.0,
    "Avg_Technique-Electrique_VMC Aldes_Power4[W]" : 14.0,
    "Avg_Technique-Electrique_VMC Unelvent_Power5[W]" : 8.0
}
&lt;/code&gt;&lt;/pre&gt;
&lt;p&gt;I've been given a hint which is (By Neil Lunn) :&lt;/p&gt;
&lt;blockquote&gt;
  &lt;p&gt;You could possibly make the statement longer and get the "counts" and
  "sums" for each using $ifNull to determine when to increment. Then you
  would $divide "after" the $group pipeline stage to get the final
  "average".&lt;/p&gt;
  &lt;p&gt;As noted, the "key names" seem the larger problem to me and would
  probably be better handled by moving them to "values" within elements
  of an array&lt;/p&gt;
&lt;/blockquote&gt;
&lt;p&gt;The first problem for me is that I don't know how to use my sensors list in the query. Other problems will probably come after this one is resolved.&lt;/p&gt;</t>
  </si>
  <si>
    <t>2017-06-23 09:02:50.877000+00:00</t>
  </si>
  <si>
    <t>2017-06-29 06:27:12.427000+00:00</t>
  </si>
  <si>
    <t>2017-06-23 09:31:33.473000+00:00</t>
  </si>
  <si>
    <t>mongodb|python-3.x|aggregation-framework|pymongo</t>
  </si>
  <si>
    <t>Have an alternate background if the background image doesnt load</t>
  </si>
  <si>
    <t>&lt;p&gt;I currently have an image that covers some screen resolutions, but if the screen resolution is bigger than the image, it will be white for each pixel its bigger, so instead of that ugly white, I want a color behind that background image so it wont look ugly. My current code is just an img tag for the background and the css scales it up to 100% but if the screen res is larger than the image res, it will create problems.&lt;/p&gt;</t>
  </si>
  <si>
    <t>2016-04-13 08:25:06.093000+00:00</t>
  </si>
  <si>
    <t>2016-04-13 08:45:46.593000+00:00</t>
  </si>
  <si>
    <t>Vaadin setting TextFIeld value in a Panel class</t>
  </si>
  <si>
    <t>&lt;p&gt;I have a problem in setting Textfield value in a class that extended Panel.
Heres my code.&lt;/p&gt;
&lt;pre&gt;&lt;code&gt;package com.example.examplejpa;
import com.vaadin.ui.ComboBox;
import com.vaadin.ui.FormLayout;
import com.vaadin.ui.HorizontalLayout;
import com.vaadin.ui.Panel;
import com.vaadin.ui.TextField;
public class PersonnalInfoPanel extends Panel
{
    /**
     * 
     */
    private static final long serialVersionUID = 680441095924886309L;
    private TextField claimantName;
    private TextField insuredName;
    private TextField dateofbirth;
    private TextField age;
    private TextField dateFrom;
    private TextField dateTo;
    private TextField noDays;
    private ComboBox cause;
    private SearchButton searchBtn = new SearchButton();
    public PersonnalInfoPanel ()
    {
        setCaption("PERSONAL DATA INFO");
        setWidth("500px");
        FormLayout form = new FormLayout();
        form.setSpacing(true);
        form.setMargin(true);
        form.addComponent(searchBtn);
        claimantName = new TextField();
        claimantName.setCaption("Claimant Name");
        claimantName.setWidth("70%");
        form.addComponent(claimantName);
        insuredName = new TextField();
        insuredName.setCaption("Insured Name");
        insuredName.setWidth("70%");
        form.addComponent(insuredName);
        HorizontalLayout dateAge = new HorizontalLayout();
        dateAge.setSpacing(true);
        dateAge.setWidth("70%");
        dateofbirth = new TextField();
        dateofbirth.setCaption("Date of Birth");
        dateofbirth.setWidth("100%");
        dateAge.addComponent(dateofbirth);
        age = new TextField();
        age.setCaption("Age");
        age.setWidth("100%");
        dateAge.addComponent(age);
        form.addComponent(dateAge);
        HorizontalLayout dateRange = new HorizontalLayout();
        dateRange.setSpacing(true);
        dateRange.setWidth("70%");
        dateFrom = new TextField();
        dateFrom.setCaption("Date From");
        dateFrom.setWidth("100%");
        dateRange.addComponent(dateFrom);
        dateTo = new TextField();
        dateTo.setCaption("Date To");
        dateTo.setWidth("100%");
        dateRange.addComponent(dateTo);
        form.addComponent(dateRange);
        noDays = new TextField();
        noDays.setCaption("No. of Days");
        noDays.setWidth("70%");
        form.addComponent(noDays);
        cause = new ComboBox();
        cause.setCaption("Cause");
        cause.setWidth("70%");
        form.addComponent(cause);
        setContent(form);
    }
    public void setInsuredName (String newInsureName) { this.insuredName.setValue(newInsureName); }
    public void setClaimantName (String newClaimantName) { this.claimantName.setValue("awd"); System.out.println(newClaimantName); }
    public void setDateofbirth (String newDateofbirth) { this.dateofbirth.setValue(newDateofbirth); }
    public void setAge (String newAge) { this.age.setValue(newAge); }
    public void setDateFrom (String newDateFrom) { this.dateFrom.setValue(newDateFrom); }
    public void setDateTo (String newDateTo) { this.dateTo.setValue(newDateTo); }
    public void setNoDay (String newNoDay) { this.noDays.setValue(newNoDay); }
    public TextField getClaimantName () { return this.claimantName; }
}
&lt;/code&gt;&lt;/pre&gt;
&lt;p&gt;But when I access its setter method to set value for specific Component, it does nothing, still the value is empty..&lt;/p&gt;</t>
  </si>
  <si>
    <t>2015-05-06 05:23:49.793000+00:00</t>
  </si>
  <si>
    <t>2015-05-13 05:06:37.627000+00:00</t>
  </si>
  <si>
    <t>vaadin</t>
  </si>
  <si>
    <t>php/mysql - using union, how to set variable based on selected table?</t>
  </si>
  <si>
    <t>&lt;p&gt;Using the code below, I display statuses and comments, it works as desired, although I don't completely understand my own code..&lt;/p&gt;
&lt;p&gt;I want to achieve the following: if result is from status, $link_type = status, if result is from comments, $link_type = comment&lt;/p&gt;
&lt;p&gt;this is my attempt ($link_type is always 'status' now)&lt;/p&gt;
&lt;pre&gt;&lt;code&gt;    $results = db_query("
    SELECT sid as ssid, created as screated, message as smessage, recipient as srecipient 
    FROM {statuses}
    WHERE created &amp;gt; :logout_stamp
    UNION
    SELECT sid as ssid, created as screated, comment as smessage, uid as srecipient 
    FROM {fbss_comments} fbss
    WHERE fbss.created &amp;gt; :logout_stamp
    ORDER BY screated DESC LIMIT 15", 
    array(':logout_stamp' =&amp;gt; $logout_stamp))-&amp;gt;fetchAll();
  // foreach the results
  foreach ($results as $result) {
      $user_status = user_load($result-&amp;gt;srecipient);
      $user_comment = user_load($result-&amp;gt;commentuid);
      $username_status = $user_status-&amp;gt;name;
      $username_comment = $user_comment-&amp;gt;name;
      $date_status = $result-&amp;gt;screated;
      $date_comment = $result-&amp;gt;commentcreated;
      if ($result-&amp;gt;ccreated != NULL) {
        $link_type = "comment";
      }
      else {
        $link_type = "status";
      }
print '&amp;lt;a href="statuses/' . ($result-&amp;gt;ssid) . '" class="notification_wrapper"&amp;gt;' . '&amp;lt;b&amp;gt;' . $username_status . '&amp;lt;/b&amp;gt;' . ' - ' . ($link_type) . ' - ' . strip_tags(substr($result-&amp;gt;smessage,0,30)) . ' - ' . elapsed_time($date_status) . '&amp;lt;/a&amp;gt;'; 
&lt;/code&gt;&lt;/pre&gt;
&lt;p&gt;advice is much appreciated&lt;/p&gt;</t>
  </si>
  <si>
    <t>2013-03-20 13:21:08.747000+00:00</t>
  </si>
  <si>
    <t>2013-03-20 13:31:17.787000+00:00</t>
  </si>
  <si>
    <t>Generating pdf report in C# but don't get Data</t>
  </si>
  <si>
    <t>&lt;p&gt;I have following code But don't get Data on PDF file. the pdf file have only line but no data in it please help me to generate report. what should i do to get data from table here table name is tbl_User_Master and in that ID, FirstName,LastName and ContactNo are fields and i need to print it on pdf file&lt;/p&gt;
&lt;pre&gt;&lt;code&gt;private DataTable GetData()
{
    try
    {
        conn.Open();
        String query = "Select ID,FirstName,LastName,ContactNo from tbl_User_Master";
        command = new SqlCommand(query, conn);
        SqlDataAdapter da = new SqlDataAdapter(command);
        DataTable dt = new DataTable();
        da.Fill(dt);
        return dt;
    }
    catch (Exception ex)
    {
    }
    finally {
        conn.Close();
    }
    return null;
}
protected void GenerateReport(object sender, EventArgs e)
{
    //Get the data from database into datatable
    DataTable dt = GetData();
    //Create a dummy GridView
    GridView GridView1 = new GridView();
    GridView1.AllowPaging = false;
    GridView1.DataSource = dt;
    GridView1.DataBind();
    String file = DateTime.Now.ToString() + "Report.pdf";
    Response.ContentType = "application/pdf";
    Response.AddHeader("content-disposition","attachment;filename="+file);
    Response.Cache.SetCacheability(HttpCacheability.NoCache);
    StringWriter sw = new StringWriter();
    HtmlTextWriter hw = new HtmlTextWriter(sw);
    GridView1.RenderControl(hw);
    StringReader sr = new StringReader(sw.ToString());
    Document pdfDoc = new Document(PageSize.A4, 10f, 10f, 10f, 0f);
    HTMLWorker htmlparser = new HTMLWorker(pdfDoc);
    PdfWriter.GetInstance(pdfDoc, Response.OutputStream);
    pdfDoc.Open();
    htmlparser.Parse(sr);
    pdfDoc.Close();
    Response.Write(pdfDoc);
    Response.End(); 
}
&lt;/code&gt;&lt;/pre&gt;</t>
  </si>
  <si>
    <t>2015-10-28 13:28:48.523000+00:00</t>
  </si>
  <si>
    <t>2015-10-28 14:53:28.973000+00:00</t>
  </si>
  <si>
    <t>What is reduced modulo 32 or 64?</t>
  </si>
  <si>
    <t>&lt;p&gt;In the Core Java Volume1 book there is a caution that say: &lt;/p&gt;
&lt;blockquote&gt;
  &lt;p&gt;CAUTION: The right-hand side argument of the shift operators is reduced modulo 32 
  (unless the left-hand side is a long, in which case the right-hand side is reduced modulo 64). 
  For example, the value of 1 &amp;lt;&amp;lt; 35 is the same as 1 &amp;lt;&amp;lt; 3 or 8.&lt;/p&gt;
&lt;/blockquote&gt;
&lt;p&gt;What exactly does this mean? also why 1 become 8, instead of being 0 after 35 left shifting?&lt;/p&gt;
&lt;p&gt;many thanks&lt;/p&gt;</t>
  </si>
  <si>
    <t>2012-02-01 21:53:57.553000+00:00</t>
  </si>
  <si>
    <t>2014-04-02 16:49:25.103000+00:00</t>
  </si>
  <si>
    <t>java|binary|bit-manipulation</t>
  </si>
  <si>
    <t>Press one button fires several</t>
  </si>
  <si>
    <t>&lt;p&gt;I have 15 buttons with deferent id:&lt;/p&gt;
&lt;pre&gt;&lt;code&gt; &amp;lt;Button
         android:id="@+id/button14"
         android:layout_width="150dp"
         android:layout_height="140dp"
         android:layout_alignParentTop="true"
         android:layout_marginLeft="955dp"
         android:layout_marginTop="300dp"
         android:onClick="myClickHandler"
         android:text="test"
         android:textSize="@dimen/NomenklaturaNameLong" 
           android:textStyle="bold|italic"/&amp;gt;
&lt;/code&gt;&lt;/pre&gt;
&lt;p&gt;One eventhadler for all:&lt;/p&gt;
&lt;pre&gt;&lt;code&gt;public void myClickHandler(View target)
    {
        Intent intent1;
        switch (target.getId())
        {
            case R.id.button1:
                ButtonOn (Asortiment.SmenaButName[0],Asortiment.SmenaButPrice[0]);
            break;
            case R.id.button10:
                ButtonOn (Asortiment.SmenaButName[9],Asortiment.SmenaButPrice[9]);
            break;
            case R.id.button11:
                ButtonOn (Asortiment.SmenaButName[10],Asortiment.SmenaButPrice[10]);
            break;
.................
&lt;/code&gt;&lt;/pre&gt;
&lt;p&gt;When I push the button, two string adding to list view row. Sometime I push one button, but see that added several different strings, like if I press several buttons in one moment.
What can it be?&lt;/p&gt;</t>
  </si>
  <si>
    <t>2013-04-22 12:52:11.437000+00:00</t>
  </si>
  <si>
    <t>2013-04-22 13:04:17.760000+00:00</t>
  </si>
  <si>
    <t>How to display monetary value in PostgreSQL</t>
  </si>
  <si>
    <t>&lt;p&gt;My database query is below, but I still can't display a monetary value properly. Please help me.&lt;/p&gt;
&lt;pre&gt;&lt;code&gt;SELECT  SUM (orders.quantity * products.price) as total,
to_char((orders.quantity * products.price), '$99,999,999.99') AS money
    FROM
       orders
       inner join products on products.id = orders.products_id
       inner join customers on customers.id = orders.customers_id
    WHERE order_date BETWEEN CURRENT_DATE - INTERVAL '30 days'
      AND CURRENT_DATE + INTERVAL '1 days';
&lt;/code&gt;&lt;/pre&gt;
&lt;p&gt;My problem is that I get this error:&lt;/p&gt;
&lt;pre&gt;&lt;code&gt;ERROR: column "orders.quantity" must appear in the GROUP BY clause or be used in an aggregate function
&lt;/code&gt;&lt;/pre&gt;</t>
  </si>
  <si>
    <t>2018-10-20 04:14:21.193000+00:00</t>
  </si>
  <si>
    <t>2018-10-20 04:46:18.707000+00:00</t>
  </si>
  <si>
    <t>database|postgresql|types|currency</t>
  </si>
  <si>
    <t>Redshift table update with join</t>
  </si>
  <si>
    <t>&lt;p&gt;I have 3 table t1, t2 and t3.&lt;br&gt;
t1 has 2 column-&gt; id1, val1  &lt;/p&gt;
&lt;pre&gt;&lt;code&gt;t2 -&amp;gt; id2, val2  
t3 -&amp;gt; id3, val3  
If id1=id2 and id2 = id3 
&lt;/code&gt;&lt;/pre&gt;
&lt;p&gt;then I need to update val1 ad val3.
But I have repeating id1 and each should have same val3&lt;/p&gt;
&lt;p&gt;I am using   &lt;/p&gt;
&lt;pre&gt;&lt;code&gt;update  t1
inner join  t2 on t1.id1 = t2.id2
inner join  t3 on t2.id2 = t3.id3
set t1.val1 =  t3.val3
;
&lt;/code&gt;&lt;/pre&gt;
&lt;p&gt;But not able to do this.&lt;/p&gt;</t>
  </si>
  <si>
    <t>2016-08-05 09:28:57.100000+00:00</t>
  </si>
  <si>
    <t>2017-05-05 01:54:48.240000+00:00</t>
  </si>
  <si>
    <t>2016-08-05 11:34:37.957000+00:00</t>
  </si>
  <si>
    <t>postgresql|join|amazon-redshift</t>
  </si>
  <si>
    <t>Windows Clipboard Read Notification</t>
  </si>
  <si>
    <t>&lt;p&gt;Is there any way for a Windows application to get notified when another application reads from the clipboard? I would like to emphasize -- not when the clipboard content changes, but when any another application reads it.&lt;/p&gt;</t>
  </si>
  <si>
    <t>2014-05-08 15:12:24.200000+00:00</t>
  </si>
  <si>
    <t>2014-05-12 15:20:21.767000+00:00</t>
  </si>
  <si>
    <t>windows|clipboard</t>
  </si>
  <si>
    <t>Calling .load() with selectors not working</t>
  </si>
  <si>
    <t>&lt;p&gt;I've done a fair bit of research on the subject and I just can't figure out why this isn't working the way it should. I have a form that a user fills out with an Amazon product ID (ASIN), and then I convert that product ID into a URL and then &lt;code&gt;.load()&lt;/code&gt; that URL on my page. The problem is that when I use a selector with &lt;code&gt;.load()&lt;/code&gt; to load just a portion of the page, the &lt;code&gt;.load()&lt;/code&gt; doesn't do anything.&lt;/p&gt;
&lt;p&gt;When I remove the selector and &lt;code&gt;.load()&lt;/code&gt; with just the URL, &lt;code&gt;.load()&lt;/code&gt; works. Here is my code:&lt;/p&gt;
&lt;pre&gt;&lt;code&gt;&amp;lt;div id = "html" style = "display: none;"&amp;gt;&amp;lt;/div&amp;gt;
&amp;lt;input id = "url" type = "text" size = "100"&amp;gt;&amp;lt;/input&amp;gt;
&amp;lt;button id = "load"&amp;gt;Load&amp;lt;/button&amp;gt;
&amp;lt;script type="text/javascript"&amp;gt;
var theURL;
$('#load').on('click', function() {
    if ($('#url').val().length &amp;lt; 14) 
        theURL = 'http://www.amazon.com/dp/' + $('#url').val() + ' #dp';
    else
        theURL = $('#url').val() + ' #dp';
    $('#html').load(theURL);
});
&amp;lt;/script&amp;gt;
&lt;/code&gt;&lt;/pre&gt;
&lt;p&gt;So for example, &lt;code&gt;theURL&lt;/code&gt; would be &lt;code&gt;http://www.amazon.com/dp/B00J4GIRH4 #dp&lt;/code&gt;, and when I have the  &lt;code&gt;#dp&lt;/code&gt; selector in the URL &lt;code&gt;.load()&lt;/code&gt; won't pull anything (verified by checking the &lt;code&gt;#html&lt;/code&gt; element after invoking &lt;code&gt;.load()&lt;/code&gt;). When the &lt;code&gt;#dp&lt;/code&gt; selector is removed and &lt;code&gt;theURL&lt;/code&gt; is &lt;code&gt;http://www.amazon.com/dp/B00J4GIRH4&lt;/code&gt;, &lt;code&gt;.load()&lt;/code&gt; works fine.&lt;/p&gt;</t>
  </si>
  <si>
    <t>2015-09-11 14:06:16.733000+00:00</t>
  </si>
  <si>
    <t>2015-09-11 14:25:00.450000+00:00</t>
  </si>
  <si>
    <t>2015-09-11 14:19:54.727000+00:00</t>
  </si>
  <si>
    <t>Pop-up based on location (Specifically the UK)</t>
  </si>
  <si>
    <t>&lt;p&gt;I have a very internationalised website, however I need to produce a pop-up specifically for our UK customers.&lt;/p&gt;
&lt;p&gt;What I require is:&lt;/p&gt;
&lt;p&gt;On page load: Is the user from the UK?&lt;/p&gt;
&lt;p&gt;If yes then show div.&lt;/p&gt;
&lt;p&gt;Else&lt;/p&gt;
&lt;p&gt;Div remains hidden.&lt;/p&gt;</t>
  </si>
  <si>
    <t>2014-02-19 15:47:01+00:00</t>
  </si>
  <si>
    <t>2016-07-10 12:25:33.327000+00:00</t>
  </si>
  <si>
    <t>javascript|popup|location</t>
  </si>
  <si>
    <t>QNetworkProxyFactory::systemProxyForQuery() is not reflecting changes to system proxy settings</t>
  </si>
  <si>
    <t>&lt;p&gt;In Qt, I'm trying to use the system proxy settings. This seems to work well, as long as I do not change them while the application is open.&lt;/p&gt;
&lt;p&gt;Once I change the system proxy settings, I've got to close and re-open my application to pick up the new proxy settings.&lt;/p&gt;
&lt;p&gt;This is documented in this bug here: &lt;a href="https://bugreports.qt.io/browse/QTBUG-3470" rel="nofollow noreferrer"&gt;https://bugreports.qt.io/browse/QTBUG-3470&lt;/a&gt;&lt;/p&gt;
&lt;p&gt;Is there any known work-around for this issue? Is this solved in newer versions of Qt (the listed bug was filed against Qt 4.5)?&lt;/p&gt;</t>
  </si>
  <si>
    <t>2010-11-11 22:36:48.703000+00:00</t>
  </si>
  <si>
    <t>2017-01-11 11:48:11.357000+00:00</t>
  </si>
  <si>
    <t>qt|proxy</t>
  </si>
  <si>
    <t>access data from a state with ui-router</t>
  </si>
  <si>
    <t>&lt;p&gt;I'll try to keep this as simple as possible without losing the context of the question.&lt;/p&gt;
&lt;p&gt;Suppose I have a state using ui-router&lt;/p&gt;
&lt;pre&gt;&lt;code&gt;$stateProvider.state("home", {
    abstract: true,
    templateUrl: "...",
    meta: {
        label: "...",
        ...
    }
});
&lt;/code&gt;&lt;/pre&gt;
&lt;p&gt;How can I access the properties and values of the &lt;code&gt;meta&lt;/code&gt; object of the current state so that I can apply those in a view, for example:&lt;/p&gt;
&lt;pre&gt;&lt;code&gt;&amp;lt;section class="content-header"&amp;gt;
    &amp;lt;h1&amp;gt;
        {{meta.label}}
    &amp;lt;/h1&amp;gt;
&amp;lt;/section&amp;gt;
&lt;/code&gt;&lt;/pre&gt;
&lt;p&gt;So the example above would display the value of &lt;code&gt;label&lt;/code&gt; from the &lt;code&gt;meta&lt;/code&gt; object of the current state.&lt;/p&gt;</t>
  </si>
  <si>
    <t>2015-11-08 02:33:43.320000+00:00</t>
  </si>
  <si>
    <t>2015-11-08 04:18:44.317000+00:00</t>
  </si>
  <si>
    <t>angularjs|angular-ui-router</t>
  </si>
  <si>
    <t>How to create vertically centered html link button in a html div</t>
  </si>
  <si>
    <t>&lt;p&gt;I went through so many things about this. But still could not find any solution.
In every solution some restrictions are there. Can anyone provide a generalized and easiet css code for my problem to put a html link button vertically center inside an div?&lt;/p&gt;
&lt;p&gt;As below in the image, the &lt;strong&gt;create an account&lt;/strong&gt; button is at the middle of the div google header-bar :)
&lt;img src="https://i.stack.imgur.com/n0C2p.png" alt="enter image description here"&gt;&lt;/p&gt;</t>
  </si>
  <si>
    <t>2013-03-01 16:35:22.700000+00:00</t>
  </si>
  <si>
    <t>2015-09-30 15:44:22.770000+00:00</t>
  </si>
  <si>
    <t>Regex to get string after a keyword</t>
  </si>
  <si>
    <t>&lt;p&gt;I need to search for a string in a string and get the part behind that (without spaces).&lt;/p&gt;
&lt;p&gt;&lt;strong&gt;Example:&lt;/strong&gt;&lt;/p&gt;
&lt;pre&gt;&lt;code&gt;This ABC-Code: 12 3 45
Another ABC-Code: 678 9
&lt;/code&gt;&lt;/pre&gt;
&lt;p&gt;Now I'm searching for the keyword &lt;code&gt;ABC-Code:&lt;/code&gt; and I want to get the numbers after that (deleting spaces), so the result would be:&lt;/p&gt;
&lt;pre&gt;&lt;code&gt;12345
6789
&lt;/code&gt;&lt;/pre&gt;
&lt;p&gt;I tried to solche that with substr(), but the problem is, that previous characters are variable. So I think I have to use a RegEx, like this:&lt;/p&gt;
&lt;pre&gt;&lt;code&gt;preg_match("#ABC-Code:(.*?)\n#", $line, $match);
trim($match); // + remove spaces in the middle of the result
&lt;/code&gt;&lt;/pre&gt;</t>
  </si>
  <si>
    <t>2015-03-11 17:55:04.563000+00:00</t>
  </si>
  <si>
    <t>2015-03-11 18:02:32.097000+00:00</t>
  </si>
  <si>
    <t>How to make search engines prefer updated content instead of archives?</t>
  </si>
  <si>
    <t>&lt;p&gt;We archive documentation for every release, but the top google result is often several years old instead of from the latest release. If we use robots.txt to disallow indexing the old stuff entirely, then a search including that version number would no longer be helpful. The old docs would still be accessible by navigating our site, but not in the google result.&lt;/p&gt;
&lt;p&gt;There are several unofficial mirrors that are typically not updated at all, so if we disallow the archives, I'm concerned that searches for deprecated APIs will land on those mirrors instead of more appropriate places like our changelog/deprecation notice/man page.&lt;/p&gt;
&lt;p&gt;Is there a way to say that a specific version is preferred without entirely de-indexing the old version? The &lt;a href="http://static.googleusercontent.com/external_content/untrusted_dlcp/www.google.com/en//webmasters/docs/search-engine-optimization-starter-guide.pd" rel="nofollow"&gt;SEO Starter Guide&lt;/a&gt; doesn't seem to have anything to say about this scenario.&lt;/p&gt;</t>
  </si>
  <si>
    <t>2011-06-05 19:20:40.967000+00:00</t>
  </si>
  <si>
    <t>2011-06-06 16:50:55.003000+00:00</t>
  </si>
  <si>
    <t>documentation|search-engine|google-index</t>
  </si>
  <si>
    <t>Make a .JAR file using classes, ERROR : invalid or corrupted file</t>
  </si>
  <si>
    <t>&lt;blockquote&gt;
  &lt;p&gt;&lt;strong&gt;Possible Duplicate:&lt;/strong&gt;&lt;br&gt;
  &lt;a href="https://stackoverflow.com/questions/7559072/corrupt-jar-file"&gt;Corrupt jar file&lt;/a&gt;  &lt;/p&gt;
&lt;/blockquote&gt;
&lt;p&gt;I made a game in Eclipse and packaged all the class files in &lt;code&gt;test.jar&lt;/code&gt;. When I attempt to run it, it gives me the error:&lt;/p&gt;
&lt;blockquote&gt;
&lt;pre&gt;&lt;code&gt;Error: invalid or corrupted jar file.
&lt;/code&gt;&lt;/pre&gt;
&lt;/blockquote&gt;
&lt;p&gt;I opened the &lt;code&gt;.jar&lt;/code&gt; file using Winrar, and everything is in there.&lt;/p&gt;
&lt;p&gt;I have looked for a similar question on Stack OverFlow, but didn't find any. Can you explain to me how I can solve this error?&lt;/p&gt;
&lt;p&gt;&lt;strong&gt;&lt;em&gt;FOR EVERYONE WITH THIS PROBLEM ,SOLUTION:&lt;/em&gt;&lt;/strong&gt;
Go to file, export, export as a Runnable Jar, Select your main class, finish.
If you want to run your program in cmd, create a new textfile, and type java -jar project.jar with project = name of your program.
Save this as Run.bat
then open the Run.bat, it will automatically open project.jar
Thats it, it worked for me!&lt;/p&gt;</t>
  </si>
  <si>
    <t>2012-08-11 02:45:57.913000+00:00</t>
  </si>
  <si>
    <t>2012-08-19 13:15:03.353000+00:00</t>
  </si>
  <si>
    <t>2017-05-23 12:14:45.540000+00:00</t>
  </si>
  <si>
    <t>java|jar</t>
  </si>
  <si>
    <t>Pull sys data from multiple DBs</t>
  </si>
  <si>
    <t>&lt;p&gt;I have a large number of extended properties that house where our stored procedures pull data from. 
Example: Stored Procedure 1 uses 6 source tables. &lt;/p&gt;
&lt;p&gt;I have a few thousand of these. I would like to see if there is a way I can pull some statistics from the source tables for some general health DB reporting. Simple things like row counts, table size, last updated, etc... &lt;/p&gt;
&lt;p&gt;I can get these things easily enough if I string the results and use sp_executesql commands. Does anyone have a way to get this in code without using string SQL?&lt;/p&gt;
&lt;p&gt;This is my current output&lt;/p&gt;
&lt;pre&gt;&lt;code&gt;ObjectID    Name       TableName    Schema    DB
123456      Procedure1 Table1       dbo       Database1 
123456      Procedure1 Table2       Schema1   Database2
123456      Procedure1 Table3       dbo       Database3
123456      Procedure1 Table4       dbo       Database4
&lt;/code&gt;&lt;/pre&gt;</t>
  </si>
  <si>
    <t>2018-04-03 16:34:08.393000+00:00</t>
  </si>
  <si>
    <t>2018-04-04 00:28:09.050000+00:00</t>
  </si>
  <si>
    <t>How to plot recursive function in matplotlib.pyplot?</t>
  </si>
  <si>
    <t>&lt;p&gt;I'm trying to plot a recursive function I had made that measures growth over time. Here is the function:&lt;/p&gt;
&lt;pre&gt;&lt;code&gt;def pop(start_pop, years, percentage_change, max_pop):
    if years == 0:
         return start_pop
    else:
         changes = pop(start_pop,years-1,percentage_change,max_pop)
         return changes + (1-changes/max_pop)*percentage_change*changes
print(pop(600,85,0.1,20000))
&lt;/code&gt;&lt;/pre&gt;
&lt;p&gt;Which gives me the output of:&lt;/p&gt;
&lt;pre&gt;&lt;code&gt;19879.4425
&lt;/code&gt;&lt;/pre&gt;
&lt;p&gt;How can I plot this function of the graph, where "years" is on the x-axis and "max_pop" is on the y-axis?&lt;/p&gt;
&lt;p&gt;Thanks for your help!&lt;/p&gt;
&lt;p&gt;&lt;strong&gt;Note:&lt;/strong&gt; If it helps, I'm wanting/ expecting once plotted that the curve will look something similar to a learning curve.&lt;/p&gt;</t>
  </si>
  <si>
    <t>2018-11-07 17:20:51.420000+00:00</t>
  </si>
  <si>
    <t>2018-11-07 17:56:24.833000+00:00</t>
  </si>
  <si>
    <t>python|matplotlib|recursion</t>
  </si>
  <si>
    <t>Parsing range values to comma separated array of values in insert trigger</t>
  </si>
  <si>
    <t>&lt;p&gt;I need some help parsing values in before insert trigger on SQL2008 server.&lt;/p&gt;
&lt;p&gt;I have a table that contains a text field (lets call it source).
The field value may look like this &lt;/p&gt;
&lt;blockquote&gt;
  &lt;p&gt;10-15,20-22,25-26,&lt;/p&gt;
&lt;/blockquote&gt;
&lt;p&gt;And I want comma separated values in another field (lets say target):&lt;/p&gt;
&lt;blockquote&gt;
  &lt;p&gt;10,11,12,13,14,15,20,21,22,25,26,&lt;/p&gt;
&lt;/blockquote&gt;
&lt;p&gt;Can this be done in before insert trigger or do i need an external app of some sort?&lt;/p&gt;
&lt;p&gt;Thank you.&lt;/p&gt;</t>
  </si>
  <si>
    <t>2013-03-25 12:31:39.183000+00:00</t>
  </si>
  <si>
    <t>2013-03-26 07:46:32.960000+00:00</t>
  </si>
  <si>
    <t>sql|sql-server|sql-server-2008|parsing|triggers</t>
  </si>
  <si>
    <t>Unreliable drag-n-drop in Firefox?</t>
  </si>
  <si>
    <t>&lt;p&gt;We are experiencing significant problems with javascript drag-n-drop in Firefox 56. The symptom is that drag-n-drop stops working across all tabs/pages - not just our tab. &lt;/p&gt;
&lt;p&gt;Commenting out the call to &lt;code&gt;setData()&lt;/code&gt; in this jsfiddle makes the problem occur reliably. Our code is calling &lt;code&gt;setData&lt;/code&gt;; however, after a few drags it stops working.&lt;/p&gt;
&lt;p&gt;&lt;a href="https://jsfiddle.net/5jobd9tw/27/" rel="nofollow noreferrer"&gt;https://jsfiddle.net/5jobd9tw/27/&lt;/a&gt;&lt;/p&gt;
&lt;pre&gt;&lt;code&gt;function createLi (number) {
let li = document.createElement('li');
li.draggable = true;
let span = document.createElement('span')
span.appendChild(
    document.createTextNode('element ' + number)
)
li.appendChild(span);
li.addEventListener('dragstart', function (event) {
    log('element', number, 'dragstart event');
    event.dataTransfer.setData('text/plain', 'foobar');
    // event.dataTransfer.setData('text/json',
    //  JSON.stringify({ foo: 'bar' })
    // )
    event.dataTransfer.setDragImage(noisyCanvas(), 50, 50);
});
li.addEventListener('dragenter', function (event) {
    log('element', number, 'dragenter event');
});
li.addEventListener('dragleave', function (event) {
    log('element', number, 'dragleave event');
});
li.addEventListener('dragend', function (event) {
    log('element', number, 'dragend event');
});
return li;
}
&lt;/code&gt;&lt;/pre&gt;</t>
  </si>
  <si>
    <t>2017-11-07 22:29:40.710000+00:00</t>
  </si>
  <si>
    <t>2017-11-07 22:43:37.973000+00:00</t>
  </si>
  <si>
    <t>javascript|firefox|draggable|html5-draggable</t>
  </si>
  <si>
    <t>Can I "break when an exception is thrown" in Windows Powershell ISE?</t>
  </si>
  <si>
    <t>&lt;p&gt;Can I do this in the Powershell ISE like I can in Visual Studio:&lt;/p&gt;
&lt;p&gt;&lt;img src="https://i.stack.imgur.com/V9ZCj.png" alt="Visual Studio Break On Exception Options"&gt;&lt;/p&gt;
&lt;p&gt;Obviously I am not expecting the same dialogue and I'd hazard a guess I can wrap a try/catch around the part which calls out to the offending (nested) scripts - the bit of stuff I am interested in is nested deep.  Id also assume that I can either go and open the existing file and slap a breakpoint in there.&lt;/p&gt;
&lt;p&gt;However in the absence of doing that and as a nice convenience I would just like to be able to "break on any exception" because I am lazy.   &lt;/p&gt;</t>
  </si>
  <si>
    <t>2015-04-16 17:20:42.500000+00:00</t>
  </si>
  <si>
    <t>2015-06-02 09:58:24.003000+00:00</t>
  </si>
  <si>
    <t>powershell|powershell-ise</t>
  </si>
  <si>
    <t>jquery datePicker: oracle won't accept other than dateFormat:'yy-mm-dd'</t>
  </si>
  <si>
    <t>&lt;p&gt;When i save a date using jquery datepicker into oracle with format other than 'yy-mm-dd' always return today date.
Does anyone know why? is there something  in oracle or jquery that i must know?
many thank...&lt;/p&gt;</t>
  </si>
  <si>
    <t>2011-07-12 06:42:37.917000+00:00</t>
  </si>
  <si>
    <t>2016-02-24 04:20:02.197000+00:00</t>
  </si>
  <si>
    <t>jquery|oracle|datepicker</t>
  </si>
  <si>
    <t>sox fails to split files</t>
  </si>
  <si>
    <t>&lt;p&gt;According to the manpage (where it had been listed as an example) the following command should split input file to multiple audio files at points with 2 seconds of silence. Instead of that it creates only one file which is reported to be about 0.2 second long.&lt;/p&gt;
&lt;pre&gt;&lt;code&gt;$ sox -V3 infile.wav  outfile.ogg  silence 1 0.50 0.1% 1 3.0 0.1% : newfile : restart
sox: SoX v14.3.1
sox INFO formats: detected file format type `wav'
Input File     : 'infile.wav'
Channels       : 2
Sample Rate    : 32000
Precision      : 16-bit
Sample Encoding: 16-bit Signed Integer PCM
Endian Type    : little
Reverse Nibbles: no
Reverse Bits   : no
Output File    : 'outfile001.ogg'
Channels       : 2
Sample Rate    : 32000
Precision      : 16-bit
Sample Encoding: Vorbis
Comment        : 'Processed by SoX'
sox INFO sox: effects chain: input      32000Hz 2 channels
sox INFO sox: effects chain: silence    32000Hz 2 channels
sox INFO sox: effects chain: output     32000Hz 2 channels
&lt;/code&gt;&lt;/pre&gt;
&lt;p&gt;Simpler examples using only trim gave me the same result.&lt;/p&gt;</t>
  </si>
  <si>
    <t>2011-03-06 12:52:59.317000+00:00</t>
  </si>
  <si>
    <t>2011-07-09 15:09:55.870000+00:00</t>
  </si>
  <si>
    <t>sox</t>
  </si>
  <si>
    <t>Why error: Google_Client.php on line 106 Use of undefined constant</t>
  </si>
  <si>
    <t>&lt;p&gt;I am using the Google Drive Quick Start:&lt;/p&gt;
&lt;p&gt;&lt;code&gt;Run a Drive App in PHP&lt;/code&gt;  &lt;a href="https://developers.google.com/drive/quickstart-php#step_3_set_up_the_sample" rel="nofollow"&gt;Code I'm using&lt;/a&gt;&lt;/p&gt;
&lt;p&gt;I have PHP installed, and can run php commands from the operating system command line.  I'm using Windows 7.  I can start the quickstart.php code running from the command line, but I'm getting the error:&lt;/p&gt;
&lt;blockquote&gt;
  &lt;p&gt;PHP Notice:  Use of undefined constant CURLOPT_RETURNTRANSFER -
  assumed 'CURLOPT_RETURNTRANSFER' in
  C:\google-api-php-client\src\Google_Client.php on line 106&lt;/p&gt;
&lt;/blockquote&gt;
&lt;p&gt;So, this is a php file in the Google PHP API code provided by Google.  How can I fix this so I can get this code to run?&lt;/p&gt;</t>
  </si>
  <si>
    <t>2014-01-15 06:19:08.437000+00:00</t>
  </si>
  <si>
    <t>2014-10-19 12:28:54.213000+00:00</t>
  </si>
  <si>
    <t>2014-01-15 07:54:05.103000+00:00</t>
  </si>
  <si>
    <t>php|curl|google-drive-sdk</t>
  </si>
  <si>
    <t>Why GPS tracker extends Service</t>
  </si>
  <si>
    <t>&lt;p&gt;For using the android location based services we use the GPS tracker class which extends Service and implements LocationListener interface. What is the use of Service class here ? Is it only for getting the location updates in the background or something more ?&lt;/p&gt;
&lt;p&gt;Example code below :&lt;/p&gt;
&lt;pre&gt;&lt;code&gt;public class GPSTracker extends Service implements LocationListener {
   private final Context mContext;
   // flag for GPS status
   boolean isGPSEnabled = false;
   // flag for network status
   boolean isNetworkEnabled = false;
   // flag for GPS status
   boolean canGetLocation = false;
   Location location; // location
   double latitude; // latitude
   double longitude; // longitude
   // The minimum distance to change Updates in meters
   private static final long MIN_DISTANCE_CHANGE_FOR_UPDATES = 10; // 10 meters
   // The minimum time between updates in milliseconds
   private static final long MIN_TIME_BW_UPDATES = 1000 * 60 * 1; // 1 minute
   // Declaring a Location Manager
   protected LocationManager locationManager;
   public GPSTracker(Context context) {
      this.mContext = context;
      getLocation();
   }
   public Location getLocation() {
      try {
         locationManager = (LocationManager) mContext.getSystemService(LOCATION_SERVICE);
         // getting GPS status
         isGPSEnabled = locationManager.isProviderEnabled(LocationManager.GPS_PROVIDER);
         // getting network status
         isNetworkEnabled = locationManager
            .isProviderEnabled(LocationManager.NETWORK_PROVIDER);
         if (!isGPSEnabled &amp;amp;&amp;amp; !isNetworkEnabled) {
            // no network provider is enabled
         } else {
            this.canGetLocation = true;
            // First get location from Network Provider
            if (isNetworkEnabled) {
               locationManager.requestLocationUpdates(
                  LocationManager.NETWORK_PROVIDER,
                  MIN_TIME_BW_UPDATES,
                  MIN_DISTANCE_CHANGE_FOR_UPDATES, this);
               Log.d("Network", "Network");
               if (locationManager != null) {
                  location = locationManager
                     .getLastKnownLocation(LocationManager.NETWORK_PROVIDER);
                  if (location != null) {
                     latitude = location.getLatitude();
                     longitude = location.getLongitude();
                  }
               }
            }
            // if GPS Enabled get lat/long using GPS Services
            if (isGPSEnabled) {
               if (location == null) {
                  locationManager.requestLocationUpdates(
                     LocationManager.GPS_PROVIDER,
                     MIN_TIME_BW_UPDATES,
                     MIN_DISTANCE_CHANGE_FOR_UPDATES, this);
                  Log.d("GPS Enabled", "GPS Enabled");
                  if (locationManager != null) {
                     location = locationManager
                        .getLastKnownLocation(LocationManager.GPS_PROVIDER);
                     if (location != null) {
                        latitude = location.getLatitude();
                        longitude = location.getLongitude();
                     }
                  }
               }
            }
         }
      } catch (Exception e) {
         e.printStackTrace();
      }
      return location;
   }
   /**
      * Stop using GPS listener
      * Calling this function will stop using GPS in your app
   * */
   public void stopUsingGPS(){
      if(locationManager != null){
         locationManager.removeUpdates(GPSTracker.this);
      }
   }
   /**
      * Function to get latitude
   * */
   public double getLatitude(){
      if(location != null){
         latitude = location.getLatitude();
      }
      // return latitude
      return latitude;
   }
   /**
      * Function to get longitude
   * */
   public double getLongitude(){
      if(location != null){
         longitude = location.getLongitude();
      }
      // return longitude
      return longitude;
   }
   /**
      * Function to check GPS/wifi enabled
      * @return boolean
   * */
   public boolean canGetLocation() {
      return this.canGetLocation;
   }
   /**
      * Function to show settings alert dialog
      * On pressing Settings button will lauch Settings Options
   * */
   public void showSettingsAlert(){
      AlertDialog.Builder alertDialog = new AlertDialog.Builder(mContext);
      // Setting Dialog Title
      alertDialog.setTitle("GPS is settings");
      // Setting Dialog Message
      alertDialog.setMessage("GPS is not enabled. Do you want to go to settings menu?");
      // On pressing Settings button
      alertDialog.setPositiveButton("Settings", new DialogInterface.OnClickListener() {
         public void onClick(DialogInterface dialog,int which) {
            Intent intent = new Intent(Settings.ACTION_LOCATION_SOURCE_SETTINGS);
            mContext.startActivity(intent);
         }
      });
      // on pressing cancel button
      alertDialog.setNegativeButton("Cancel", new DialogInterface.OnClickListener() {
         public void onClick(DialogInterface dialog, int which) {
            dialog.cancel();
         }
      });
      // Showing Alert Message
      alertDialog.show();
   }
   @Override
   public void onLocationChanged(Location location) {
   }
   @Override
   public void onProviderDisabled(String provider) {
   }
   @Override
   public void onProviderEnabled(String provider) {
   }
   @Override
   public void onStatusChanged(String provider, int status, Bundle extras) {
   }
   @Override
   public IBinder onBind(Intent arg0) {
      return null;
   }
}
&lt;/code&gt;&lt;/pre&gt;</t>
  </si>
  <si>
    <t>2017-04-06 16:58:49.267000+00:00</t>
  </si>
  <si>
    <t>2017-04-06 17:06:13.533000+00:00</t>
  </si>
  <si>
    <t>android|android-location|android-gps</t>
  </si>
  <si>
    <t>Mongo aggregate() infinite scroll with items remaining</t>
  </si>
  <si>
    <t>&lt;p&gt;I'm not really familiar with the mongo aggregation pipeline but here's what I wanted to do and what I've tried,&lt;/p&gt;
&lt;p&gt;I have &lt;code&gt;user&lt;/code&gt;, &lt;code&gt;participant&lt;/code&gt;, and &lt;code&gt;conversation&lt;/code&gt; collections.&lt;/p&gt;
&lt;ul&gt;
&lt;li&gt;Users have an &lt;code&gt;externalUserId&lt;/code&gt;.&lt;/li&gt;
&lt;li&gt;Conversations have an &lt;code&gt;_id&lt;/code&gt;.&lt;/li&gt;
&lt;li&gt;Participants have &lt;code&gt;conversationId&lt;/code&gt; and &lt;code&gt;externalUserId&lt;/code&gt;.&lt;/li&gt;
&lt;/ul&gt;
&lt;p&gt;I'm trying to fetch conversations of a user, with the idea of an infinite scroll pagination.&lt;/p&gt;
&lt;p&gt;Given an &lt;code&gt;externalUserId&lt;/code&gt;, and a &lt;code&gt;before&lt;/code&gt; time, I'm doing,&lt;/p&gt;
&lt;pre&gt;&lt;code&gt;db.participant.aggregate([
  {
    $match : {
      externalUserId:'some-external-user-id',
      /*Potentially other participant-related conditions*/
      archived : false
    }
  },
  {
    $lookup : {
      localField:"conversationId",
      from:"conversation",
      foreignField:"_id",
      as:"conversation"
    }
  },
  {
    $match : {
      "conversation.createdOrLastMessageAt" : {
        $lt:ISODate("some-before-date")
      },
      /*Potentially other conversation-related conditions*/
      "conversation.creationSuccessful":true,
    }
  },
  {
    $sort : {
      "conversation.createdOrLastMessageAt" : -1
    }
  },
  { $limit:5 }, //The limit; arbitrary
  { $unwind : "$conversation" },
  {
    $project : {
      _id:"$conversation._id",
      createdOrLastMessageAt:"$conversation.createdOrLastMessageAt",
      creationSuccessful:"$conversation.creationSuccessful",
      /*Potentially other conversation-related data*/
      data:"$conversation.data", 
    }
  }
]).pretty()
&lt;/code&gt;&lt;/pre&gt;
&lt;p&gt;This works pretty well, giving me documents like,&lt;/p&gt;
&lt;pre&gt;&lt;code&gt;[
  {
    _id : ObjectId("some-id"),
    createdOrLastMessageAt : ISODate("some-date"),
    creationSuccessful : true,
    data : {}
  },
  /*snip, other items*/
]
&lt;/code&gt;&lt;/pre&gt;
&lt;p&gt;However, I find myself having to make a second query to get the &lt;em&gt;amount&lt;/em&gt; of remaining items,&lt;/p&gt;
&lt;pre&gt;&lt;code&gt;db.participant.aggregate([
  {
    $match : {
      externalUserId:'some-external-user-id',
      /*Potentially other participant-related conditions*/
      archived : false
    }
  },
  {
    $lookup : {
      localField:"conversationId",
      from:"conversation",
      foreignField:"_id",
      as:"conversation"
    }
  },
  {
    $match : {
      "conversation.createdOrLastMessageAt" : {
        $lt:ISODate("some-before-date")
      },
      /*Potentially other conversation-related conditions*/
      "conversation.creationSuccessful":true,
    }
  },
  { $count : "items-before-some-date" }
]).pretty()
&lt;/code&gt;&lt;/pre&gt;
&lt;p&gt;Which gives me,&lt;/p&gt;
&lt;pre&gt;&lt;code&gt;{ "items-before-some-date" : 9001 }
&lt;/code&gt;&lt;/pre&gt;
&lt;p&gt;And then I just take &lt;code&gt;items-before-some-date&lt;/code&gt; - &lt;code&gt;items-retrieved-in-step-1&lt;/code&gt; to get the items remaining.&lt;/p&gt;
&lt;hr&gt;
&lt;p&gt;It works and all but I was just wondering if there was a way to structure my aggregation query such that I get, in one query,&lt;/p&gt;
&lt;pre&gt;&lt;code&gt;{
  //items-before-some-date - items-retrieved-in-step-1, hopefully?
  //I don't mind if I get just "items-before-some-date",
  //I can do the subtraction on the server/client side
  itemsLeft : 8996,
  items : [
    {
      _id : ObjectId("some-id"),
      createdOrLastMessageAt : ISODate("some-date"),
      creationSuccessful : true,
      data : {}
    },
    /*snip, other items*/
  ]
}
&lt;/code&gt;&lt;/pre&gt;</t>
  </si>
  <si>
    <t>2018-02-23 20:20:41.637000+00:00</t>
  </si>
  <si>
    <t>2018-02-25 11:59:58.663000+00:00</t>
  </si>
  <si>
    <t>mongodb-query</t>
  </si>
  <si>
    <t>HTML5 video problems - captivate 6. Browser and Device compatibility?</t>
  </si>
  <si>
    <t>&lt;p&gt;I am doing some help videos, they are required to work on all browsers and devices - ipod/pad/phone android etc.&lt;/p&gt;
&lt;p&gt;My understanding was you can do this with HTML5 and have fallbacks for each device/browser?&lt;/p&gt;
&lt;p&gt;However i have had to add javascript to detect the browser then go off accordingly to different html pages where the video will play on that browser or device.&lt;/p&gt;
&lt;p&gt;Surely there must be a simpler way to do this in ONE html page? What formats are used for each browser?&lt;/p&gt;
&lt;p&gt;I am using ChromeFrame to get around the IE issues too.&lt;/p&gt;
&lt;p&gt;Thanks&lt;/p&gt;</t>
  </si>
  <si>
    <t>2012-07-19 08:36:29.890000+00:00</t>
  </si>
  <si>
    <t>2012-07-19 08:40:40.787000+00:00</t>
  </si>
  <si>
    <t>html5|video|adobe-captivate</t>
  </si>
  <si>
    <t>Send a large array with a webservice</t>
  </si>
  <si>
    <t>&lt;p&gt;i've looked to a lot of solutions to resolve my problem but i didn't found anything good for me.&lt;/p&gt;
&lt;p&gt;my problem is simple: i can't send a long array of bytes through the webservice. I can send an array that represents an image of 4 Kbytes but nothing bigger.&lt;/p&gt;
&lt;p&gt;this is the client configuration&lt;/p&gt;
&lt;pre&gt;&lt;code&gt;    &amp;lt;configuration&amp;gt;
        &amp;lt;system.serviceModel&amp;gt;
            &amp;lt;bindings&amp;gt;
                &amp;lt;basicHttpBinding&amp;gt;
                    &amp;lt;binding name="BasicHttpBinding_ICespitiAVService"                              closeTimeout="02:00:00"
                openTimeout="02:00:00" receiveTimeout="02:00:00" sendTimeout="02:00:00"         maxReceivedMessageSize="2147483647" maxBufferSize="2147483647" &amp;gt;
                        &amp;lt;security mode="None" /&amp;gt;
                    &amp;lt;/binding&amp;gt;
                &amp;lt;/basicHttpBinding&amp;gt;
            &amp;lt;/bindings&amp;gt;
            &amp;lt;client&amp;gt;
                &amp;lt;endpoint address="http://localhost:51366/CespitiAVService.svc"
            binding="basicHttpBinding" bindingConfiguration="BasicHttpBinding_ICespitiAVService"
            contract="CespitiAVService.ICespitiAVService" name="BasicHttpBinding_ICespitiAVService"/&amp;gt;
            &amp;lt;/client&amp;gt;
        &amp;lt;/system.serviceModel&amp;gt;
    &amp;lt;/configuration&amp;gt;
&lt;/code&gt;&lt;/pre&gt;
&lt;p&gt;this is the server configuration&lt;/p&gt;
&lt;pre&gt;&lt;code&gt;      &amp;lt;system.serviceModel&amp;gt;
        &amp;lt;bindings&amp;gt;
          &amp;lt;basicHttpBinding&amp;gt;
            &amp;lt;binding name="BasicHttpBinding" maxBufferSize="2147483647"
           maxReceivedMessageSize="2147483647"&amp;gt;
              &amp;lt;readerQuotas maxDepth="2147483647" maxStringContentLength="2147483647"
           maxArrayLength="2147483647" maxBytesPerRead="2147483647"
           maxNameTableCharCount="2147483647" /&amp;gt;
            &amp;lt;/binding&amp;gt;
          &amp;lt;/basicHttpBinding&amp;gt;
        &amp;lt;/bindings&amp;gt;
          &amp;lt;client /&amp;gt;
          &amp;lt;behaviors&amp;gt;
            &amp;lt;serviceBehaviors&amp;gt;
              &amp;lt;behavior name=""&amp;gt;
                &amp;lt;serviceMetadata httpGetEnabled="true" /&amp;gt;
                &amp;lt;serviceDebug includeExceptionDetailInFaults="false" /&amp;gt;
                &amp;lt;dataContractSerializer maxItemsInObjectGraph="655360"/&amp;gt;
             &amp;lt;/behavior&amp;gt;
            &amp;lt;/serviceBehaviors&amp;gt;
          &amp;lt;/behaviors&amp;gt;
        &amp;lt;serviceHostingEnvironment multipleSiteBindingsEnabled="true" aspNetCompatibilityEnabled="true"/&amp;gt;
      &amp;lt;/system.serviceModel&amp;gt;
&lt;/code&gt;&lt;/pre&gt;
&lt;p&gt;I've read solutions where somebody said to put the readerquotas also in the client config but the xml won't accept it, saying that it accepts only security nodes.&lt;/p&gt;
&lt;p&gt;Somebody says that changing the transfermode in the client config will resolve the problem, but i can use only the buffered mode it doesn't accept anything else.&lt;/p&gt;
&lt;p&gt;I've used fiddler and it says that the program exceeds the maxarraylength, as you can see I've changed this value in the web.config but i can't change in the client config because it says that the binding node doesn't have the readerquotas property.&lt;/p&gt;</t>
  </si>
  <si>
    <t>2012-03-08 08:54:00.890000+00:00</t>
  </si>
  <si>
    <t>2012-11-14 20:18:03.193000+00:00</t>
  </si>
  <si>
    <t>2012-03-14 00:22:12.790000+00:00</t>
  </si>
  <si>
    <t>.net|arrays|web-services|configuration</t>
  </si>
  <si>
    <t>Is Saxon susceptible to XXE attacks?</t>
  </si>
  <si>
    <t>&lt;p&gt;When we load an XML file to then make XPath 2.0 queries on it, &lt;a href="https://www.acunetix.com/blog/articles/band-xml-external-entity-oob-xxe/" rel="nofollow noreferrer"&gt;will an XXE file in the XML be processed?&lt;/a&gt;&lt;/p&gt;
&lt;p&gt;And if so, is there any way to turn that off?&lt;/p&gt;
&lt;p&gt;thanks - dave&lt;/p&gt;</t>
  </si>
  <si>
    <t>2018-08-15 14:29:59.153000+00:00</t>
  </si>
  <si>
    <t>2018-08-15 18:15:51.147000+00:00</t>
  </si>
  <si>
    <t>saxon</t>
  </si>
  <si>
    <t>how to use grep to search for 2 or more parentheses and words capitalization</t>
  </si>
  <si>
    <t>&lt;p&gt;I'm trying to search for a couple of strings in a path that includes about 80 txt files.&lt;/p&gt;
&lt;p&gt;I'm trying to search for !!, ??, ;, capitalization, and parentheses.
I'm also trying to search for if there are more than 4 words capitalized, but I just didn't know how to do that&lt;/p&gt;
&lt;p&gt;Here is what I did:&lt;/p&gt;
&lt;pre&gt;&lt;code&gt;grep -lr '!!\|??\|;\|(.*(' path
&lt;/code&gt;&lt;/pre&gt;
&lt;p&gt;Can someone help me with it?&lt;/p&gt;
&lt;p&gt;Here is a sample input:&lt;/p&gt;
&lt;p&gt;file1.txt:&lt;/p&gt;
&lt;pre&gt;&lt;code&gt;ryan went over there !!
&lt;/code&gt;&lt;/pre&gt;
&lt;p&gt;file2.txt:&lt;/p&gt;
&lt;pre&gt;&lt;code&gt;am I going there??
&lt;/code&gt;&lt;/pre&gt;
&lt;p&gt;file3.txt:&lt;/p&gt;
&lt;pre&gt;&lt;code&gt;how about I GO TO THE PARK TODAY and not TOMORROW
&lt;/code&gt;&lt;/pre&gt;
&lt;p&gt;file4.txt:&lt;/p&gt;
&lt;pre&gt;&lt;code&gt;This is (not) (valid)
&lt;/code&gt;&lt;/pre&gt;
&lt;p&gt;file5.txt:&lt;/p&gt;
&lt;pre&gt;&lt;code&gt;to go; or not to go
&lt;/code&gt;&lt;/pre&gt;
&lt;p&gt;the output should be something like this:&lt;/p&gt;
&lt;pre&gt;&lt;code&gt;path/file1.txt
path/file2.txt
path/file3.txt
path/file5.txt
&lt;/code&gt;&lt;/pre&gt;</t>
  </si>
  <si>
    <t>2015-10-26 16:29:57.100000+00:00</t>
  </si>
  <si>
    <t>2015-10-26 19:12:20.093000+00:00</t>
  </si>
  <si>
    <t>2015-10-26 16:55:48.417000+00:00</t>
  </si>
  <si>
    <t>bash|grep</t>
  </si>
  <si>
    <t>Python: Handle Missing Files from a Sequence</t>
  </si>
  <si>
    <t>&lt;p&gt;I have a program that's basically as follows:&lt;/p&gt;
&lt;pre&gt;&lt;code&gt;for l in range(0,100):  
 file = open("C:/Twitter/json/user_" + str(l) + ".json", "r")
 #do some stuff
 file.close()
&lt;/code&gt;&lt;/pre&gt;
&lt;p&gt;I am trying to figure out a way to handle the exception that will be thrown if say file 20 is missing, and tell it to &lt;code&gt;continue&lt;/code&gt;. I attempted to use the &lt;code&gt;continue&lt;/code&gt; with a &lt;code&gt;try&lt;/code&gt; statement however, it kept complaining that I wasn't putting it in the loop properly. Any advice would be appreciated.&lt;/p&gt;
&lt;p&gt;Basically I tried:&lt;/p&gt;
&lt;pre&gt;&lt;code&gt;try:
 for:
except:
 continue
&lt;/code&gt;&lt;/pre&gt;
&lt;p&gt;Thanks,&lt;/p&gt;</t>
  </si>
  <si>
    <t>2011-01-09 12:35:31.183000+00:00</t>
  </si>
  <si>
    <t>2011-01-09 12:42:54.993000+00:00</t>
  </si>
  <si>
    <t>python|file|exception|sequence|continue</t>
  </si>
  <si>
    <t>javascript checkbox checked all items and all pages</t>
  </si>
  <si>
    <t>&lt;p&gt;I need for help!!! I want to check the checkbox of table header only the first page but for my coding it works all the pages I have. Is there any way for javascript to check only my current page? I use some function for checking items and other for pagination.&lt;/p&gt;
&lt;p&gt;&lt;div class="snippet" data-lang="js" data-hide="false" data-console="true" data-babel="false"&gt;_x000D_
&lt;div class="snippet-code"&gt;_x000D_
&lt;pre class="snippet-code-js lang-js prettyprint-override"&gt;&lt;code&gt;function checkItems(checkHeader) {_x000D_
            var checker = document.getElementsByName('check-body');_x000D_
            if (checkHeader.checked)_x000D_
            {_x000D_
                for (var i = 0; i &amp;lt; checker.length; i++)_x000D_
                {_x000D_
                    checker[i].checked = true;_x000D_
                }_x000D_
            }_x000D_
            else_x000D_
            {_x000D_
                for (var i = 0; i &amp;lt; checker.length; i++)_x000D_
                {_x000D_
                    checker[i].checked = false;_x000D_
                }_x000D_
            }_x000D_
        }_x000D_
        _x000D_
        &lt;/code&gt;&lt;/pre&gt;_x000D_
&lt;pre class="snippet-code-css lang-css prettyprint-override"&gt;&lt;code&gt;th{_x000D_
  padding-right:20px;_x000D_
}_x000D_
.table-bordered {_x000D_
        border: 1px solid #357ebd;_x000D_
    }_x000D_
    .table thead &amp;gt; tr &amp;gt; th {_x000D_
        vertical-align: middle!important;_x000D_
    }_x000D_
    .table thead &amp;gt; tr &amp;gt; th,_x000D_
    .table tbody &amp;gt; tr &amp;gt; th,_x000D_
    .table tfoot &amp;gt; tr &amp;gt; th,_x000D_
    .table thead &amp;gt; tr &amp;gt; td,_x000D_
    .table tbody &amp;gt; tr &amp;gt; td,_x000D_
    .table tfoot &amp;gt; tr &amp;gt; td {_x000D_
        padding: 0 5px !important;_x000D_
        vertical-align: middle;_x000D_
    }_x000D_
    .table-bordered &amp;gt; thead &amp;gt; tr &amp;gt; th,_x000D_
    .table-bordered &amp;gt; tbody &amp;gt; tr &amp;gt; th,_x000D_
    .table-bordered &amp;gt; tfoot &amp;gt; tr &amp;gt; th,_x000D_
    .table-bordered &amp;gt; thead &amp;gt; tr &amp;gt; td,_x000D_
    .table-bordered &amp;gt; tbody &amp;gt; tr &amp;gt; td,_x000D_
    .table-bordered &amp;gt; tfoot &amp;gt; tr &amp;gt; td td:last-child {_x000D_
        border: 1px solid #357ebd;_x000D_
    }_x000D_
    .table {_x000D_
        margin-bottom: 0!important; _x000D_
    }_x000D_
    th {_x000D_
        color: #ffffff;_x000D_
        background-color: #428bca;_x000D_
        border-color: #357ebd;_x000D_
    }_x000D_
    td:last-child {_x000D_
        text-align: center!important;_x000D_
    }_x000D_
    .form-control{_x000D_
        padding: 0 20px!important;_x000D_
    }_x000D_
    .text-employee-list {_x000D_
        padding-left: 0 !important;_x000D_
    }_x000D_
    th:hover {_x000D_
        cursor: pointer;_x000D_
        text-decoration: underline;_x000D_
    }_x000D_
    .div-employee-list &amp;gt; form {_x000D_
        padding-left: 0 !important;_x000D_
        margin-bottom: 15px;_x000D_
    }_x000D_
    .pg-normal {_x000D_
        color: black;_x000D_
        font-weight: normal;_x000D_
        text-decoration: none;_x000D_
        cursor: pointer;_x000D_
        padding: 6px 12px;_x000D_
        border: 1px solid #ddd;_x000D_
        line-height: 1.42857143;_x000D_
    }_x000D_
    .pg-selected {_x000D_
        color: white;_x000D_
        font-weight: bold;_x000D_
        text-decoration: underline;_x000D_
        cursor: pointer;_x000D_
        background-color: #337ab7;_x000D_
        border-color: #337ab7;_x000D_
        padding: 7px 12px;_x000D_
        line-height: 1.42857143;_x000D_
    }_x000D_
    .pg-first {_x000D_
        margin-left: 0;_x000D_
        border-top-left-radius: 4px;_x000D_
        border-bottom-left-radius: 4px;_x000D_
    }_x000D_
    .pg-last {_x000D_
        border-top-right-radius: 4px;_x000D_
        border-bottom-right-radius: 4px;_x000D_
    }_x000D_
    #pageNavPosition {_x000D_
        line-height: 2.5;_x000D_
    }_x000D_
    select.selectpicker {_x000D_
        border: 1px solid #cccccc;_x000D_
        padding: 0 10px;_x000D_
        height: 34px;_x000D_
        border-radius: 4px;_x000D_
    }_x000D_
    .checkbox {_x000D_
        margin-top: 5px;_x000D_
    }_x000D_
    #employee-list {_x000D_
        height: 36px;_x000D_
        margin-bottom: 5px;_x000D_
    }_x000D_
    #search-form {_x000D_
        padding-right: 0;_x000D_
        padding-left: 5px;_x000D_
        margin: 0;_x000D_
    }_x000D_
    .caret {_x000D_
        border-top: 4px solid white;_x000D_
    }_x000D_
    ul{_x000D_
      list-style: none;_x000D_
      display: inline-block;_x000D_
      float: right;_x000D_
      margin: 0;_x000D_
      padding-left: 0;_x000D_
    }_x000D_
    ul li.left{_x000D_
      float: left;_x000D_
      padding: 0 10px;_x000D_
      border: 1px solid grey;_x000D_
      border-radius: 3px;_x000D_
      padding-bottom: 5px;_x000D_
    }_x000D_
    ul li.right{_x000D_
      float: right;_x000D_
      padding: 0 10px;_x000D_
      border: 1px solid grey;_x000D_
      border-radius: 3px;_x000D_
      padding-bottom: 5px;_x000D_
    }_x000D_
    #list{_x000D_
      height: 25px;_x000D_
      width: 150px;_x000D_
      float: right;_x000D_
    }_x000D_
    #show-number{_x000D_
      width: 80px;_x000D_
      float: left;_x000D_
      line-height: 1.5;_x000D_
    }&lt;/code&gt;&lt;/pre&gt;_x000D_
&lt;pre class="snippet-code-html lang-html prettyprint-override"&gt;&lt;code&gt;&amp;lt;script src="https://ajax.googleapis.com/ajax/libs/jquery/1.10.1/jquery.min.js"&amp;gt;&amp;lt;/script&amp;gt;_x000D_
&amp;lt;table&amp;gt;_x000D_
  &amp;lt;thead&amp;gt;_x000D_
    &amp;lt;tr&amp;gt;_x000D_
      &amp;lt;th&amp;gt;_x000D_
        &amp;lt;label&amp;gt;_x000D_
          &amp;lt;input type="checkbox" class="checkbox" name="head-check" onclick="checkItems(this);"&amp;gt;_x000D_
        &amp;lt;/label&amp;gt;_x000D_
      &amp;lt;/th&amp;gt;_x000D_
      &amp;lt;th id="ln"&amp;gt;LNamae&amp;lt;span class="caret"&amp;gt;&amp;lt;/span&amp;gt;&amp;lt;/th&amp;gt;_x000D_
      &amp;lt;th id="fn"&amp;gt;FName&amp;lt;span class="caret"&amp;gt;&amp;lt;/span&amp;gt;&amp;lt;/th&amp;gt;_x000D_
      &amp;lt;th id="ag"&amp;gt;Age&amp;lt;span class="caret"&amp;gt;&amp;lt;/span&amp;gt;&amp;lt;/th&amp;gt;_x000D_
      &amp;lt;th&amp;gt;Address&amp;lt;/th&amp;gt;_x000D_
    &amp;lt;/tr&amp;gt;_x000D_
  &amp;lt;/thead&amp;gt;_x000D_
  &amp;lt;tbody id="employee"&amp;gt;_x000D_
    &amp;lt;tr class="content"&amp;gt;_x000D_
      &amp;lt;td&amp;gt;_x000D_
        &amp;lt;label&amp;gt;_x000D_
          &amp;lt;input type="checkbox" class="checkbox" name="check-body"&amp;gt;_x000D_
        &amp;lt;/label&amp;gt;_x000D_
      &amp;lt;/td&amp;gt;_x000D_
      &amp;lt;td&amp;gt;A&amp;lt;/td&amp;gt;_x000D_
      &amp;lt;td&amp;gt;A1&amp;lt;/td&amp;gt;_x000D_
      &amp;lt;td&amp;gt;A2&amp;lt;/td&amp;gt;_x000D_
      &amp;lt;td&amp;gt;A3&amp;lt;/td&amp;gt;_x000D_
    &amp;lt;/tr&amp;gt;_x000D_
    &amp;lt;tr class="content"&amp;gt;_x000D_
      &amp;lt;td&amp;gt;_x000D_
        &amp;lt;label&amp;gt;_x000D_
          &amp;lt;input type="checkbox" class="checkbox" name="check-body"&amp;gt;_x000D_
        &amp;lt;/label&amp;gt;_x000D_
      &amp;lt;/td&amp;gt;_x000D_
      &amp;lt;td&amp;gt;B&amp;lt;/td&amp;gt;_x000D_
      &amp;lt;td&amp;gt;B1&amp;lt;/td&amp;gt;_x000D_
      &amp;lt;td&amp;gt;B2&amp;lt;/td&amp;gt;_x000D_
      &amp;lt;td&amp;gt;B3&amp;lt;/td&amp;gt;_x000D_
    &amp;lt;/tr&amp;gt;_x000D_
    &amp;lt;tr class="content"&amp;gt;_x000D_
      &amp;lt;td&amp;gt;_x000D_
        &amp;lt;label&amp;gt;_x000D_
          &amp;lt;input type="checkbox" class="checkbox" name="check-body"&amp;gt;_x000D_
        &amp;lt;/label&amp;gt;_x000D_
      &amp;lt;/td&amp;gt;_x000D_
      &amp;lt;td&amp;gt;C&amp;lt;/td&amp;gt;_x000D_
      &amp;lt;td&amp;gt;C1&amp;lt;/td&amp;gt;_x000D_
      &amp;lt;td&amp;gt;C2&amp;lt;/td&amp;gt;_x000D_
      &amp;lt;td&amp;gt;C3&amp;lt;/td&amp;gt;_x000D_
    &amp;lt;/tr&amp;gt;_x000D_
    &amp;lt;tr class="content"&amp;gt;_x000D_
      &amp;lt;td&amp;gt;_x000D_
        &amp;lt;label&amp;gt;_x000D_
          &amp;lt;input type="checkbox" class="checkbox" name="check-body"&amp;gt;_x000D_
        &amp;lt;/label&amp;gt;_x000D_
      &amp;lt;/td&amp;gt;_x000D_
      &amp;lt;td&amp;gt;D&amp;lt;/td&amp;gt;_x000D_
      &amp;lt;td&amp;gt;D1&amp;lt;/td&amp;gt;_x000D_
      &amp;lt;td&amp;gt;D2&amp;lt;/td&amp;gt;_x000D_
      &amp;lt;td&amp;gt;D3&amp;lt;/td&amp;gt;_x000D_
    &amp;lt;/tr&amp;gt;_x000D_
    &amp;lt;tr class="content"&amp;gt;_x000D_
      &amp;lt;td&amp;gt;_x000D_
        &amp;lt;label&amp;gt;_x000D_
          &amp;lt;input type="checkbox" class="checkbox" name="check-body"&amp;gt;_x000D_
        &amp;lt;/label&amp;gt;_x000D_
      &amp;lt;/td&amp;gt;_x000D_
      &amp;lt;td&amp;gt;E&amp;lt;/td&amp;gt;_x000D_
      &amp;lt;td&amp;gt;E1&amp;lt;/td&amp;gt;_x000D_
      &amp;lt;td&amp;gt;E2&amp;lt;/td&amp;gt;_x000D_
      &amp;lt;td&amp;gt;E3&amp;lt;/td&amp;gt;_x000D_
    &amp;lt;/tr&amp;gt;_x000D_
  &amp;lt;/tbody&amp;gt;_x000D_
&amp;lt;/table&amp;gt;_x000D_
&amp;lt;div id="list"&amp;gt;_x000D_
  &amp;lt;div id="show-number"&amp;gt;&amp;lt;/div&amp;gt;_x000D_
  &amp;lt;ul id="pager" class="pagination"&amp;gt;_x000D_
    &amp;lt;li class="left"&amp;gt;_x000D_
      &amp;lt;a id='previous' class="current" href="javascript:void(0);" aria-label="Previous"&amp;gt;_x000D_
        &amp;lt;span aria-hidden="true"&amp;gt;��&amp;lt;/span&amp;gt;_x000D_
      &amp;lt;/a&amp;gt;_x000D_
    &amp;lt;/li&amp;gt;_x000D_
    &amp;lt;li class="right"&amp;gt;_x000D_
      &amp;lt;a id='next' href="javascript:void(0);" aria-label="Next"&amp;gt;_x000D_
        &amp;lt;span aria-hidden="true"&amp;gt;��&amp;lt;/span&amp;gt;_x000D_
      &amp;lt;/a&amp;gt;_x000D_
    &amp;lt;/li&amp;gt;_x000D_
  &amp;lt;/ul&amp;gt;_x000D_
&amp;lt;/div&amp;gt;_x000D_
_x000D_
&amp;lt;script&amp;gt;_x000D_
  pageSize = 3;_x000D_
  var i = 1;_x000D_
  var pages = Math.ceil($('.content').length / pageSize);_x000D_
  var totalItems = Math.ceil($('.content').length);_x000D_
_x000D_
  this.showPage = function (page) {_x000D_
    this.currentPage = page;_x000D_
    var from = (page - 1) * pageSize + 1;_x000D_
    var to = from + pageSize - 1;_x000D_
    var pagerHtml;_x000D_
    $(".content").hide();_x000D_
    $(".content").each(function (n) {_x000D_
        if (n &amp;gt;= pageSize * (page - 1) &amp;amp;&amp;amp; n &amp;lt; pageSize * page)_x000D_
            $(this).show();_x000D_
    });_x000D_
    var element = document.getElementById("show-number");_x000D_
    if (pageSize &amp;lt; totalItems) {_x000D_
        to = pageSize * page_x000D_
        if (to &amp;gt; totalItems) {_x000D_
            pagerHtml = from + " - " + totalItems + " of " + totalItems;_x000D_
        }_x000D_
        else {_x000D_
            pagerHtml = from + " - " + to + " of " + totalItems;_x000D_
        }_x000D_
        element.innerHTML = pagerHtml;_x000D_
    }_x000D_
    else {_x000D_
        pagerHtml = totalItems + " - " + totalItems + " of " + totalItems;_x000D_
        element.innerHTML = pagerHtml;_x000D_
    }_x000D_
  }_x000D_
  showPage(i);_x000D_
  $("#previous").click(function () {_x000D_
      $("#next").removeClass("current");_x000D_
      $(this).addClass("current");_x000D_
      if (i != 1) {_x000D_
          showPage(--i);_x000D_
      }_x000D_
_x000D_
  });_x000D_
  $("#next").click(function () {_x000D_
      $("#previous").removeClass("current");_x000D_
      $(this).addClass("current");_x000D_
      if (i &amp;lt; ($('.content').length) / 3) {_x000D_
          showPage(++i);_x000D_
      }_x000D_
_x000D_
  });_x000D_
&amp;lt;/script&amp;gt;&lt;/code&gt;&lt;/pre&gt;_x000D_
&lt;/div&gt;_x000D_
&lt;/div&gt;_x000D_
&lt;/p&gt;</t>
  </si>
  <si>
    <t>2017-06-10 18:01:02.370000+00:00</t>
  </si>
  <si>
    <t>2017-06-10 18:50:34.053000+00:00</t>
  </si>
  <si>
    <t>Running Google Dataflow job on startup</t>
  </si>
  <si>
    <t>&lt;p&gt;Our Google Cloud Dataflow pipeline program calls some library which dynamically links to *.so files, so to run it I need to set linux environment variable LD_LIBRARY_PATH. There is a hack to do that: &lt;a href="https://groups.google.com/forum/#!topic/comp.lang.java.programmer/LOu18-OWAVM" rel="nofollow noreferrer"&gt;https://groups.google.com/forum/#!topic/comp.lang.java.programmer/LOu18-OWAVM&lt;/a&gt;, but I wonder is there a way to do that using some job that will run shell script before executing pipeline?&lt;/p&gt;</t>
  </si>
  <si>
    <t>2017-07-27 10:38:03.703000+00:00</t>
  </si>
  <si>
    <t>2017-08-04 21:54:41.980000+00:00</t>
  </si>
  <si>
    <t>2017-07-28 11:20:57.997000+00:00</t>
  </si>
  <si>
    <t>java|google-app-engine|cron|google-cloud-platform|google-cloud-dataflow</t>
  </si>
  <si>
    <t>SpringData - MongoDB fetch objects by IDs in the given order</t>
  </si>
  <si>
    <t>&lt;p&gt;I have a usecase like this. I have questions in my Mongo DB and have a CRUD micro service. There I have exposed an API method to fetch questions by list of IDs given via query params. Let say for the simplicity sake, user gives &lt;code&gt;/api/questions?id=2, id=7, id=4, id = 5&lt;/code&gt;&lt;/p&gt;
&lt;p&gt;then I need to return list of questions in that exact same order, like so&lt;/p&gt;
&lt;pre&gt;&lt;code&gt;questions: [
    {
       id: 2,
       prompt: "prompt one",
       ...
    },
    {
        id: 7,
        prompt: "prompt two",
        ...
    },
    {
        id: 4,
        ...
    },
    {
        id: 5
        ...
    }
]
&lt;/code&gt;&lt;/pre&gt;
&lt;p&gt;But notice that this is neither ASC nor DESC, rather can be any arbitrary order like &lt;code&gt;/api/questions?id=2, id=7, id=4, id=5&lt;/code&gt;&lt;/p&gt;
&lt;p&gt;I am using &lt;code&gt;org.springframework.data.mongodb.repository.MongoRepository&lt;/code&gt; as my &lt;code&gt;DAO&lt;/code&gt; class. Currently I am doing ordering inside my service layer after fetching the data through the repository which is based on spring-data. That solution works. But I would rather prefer to get this ordering done at the DAO repository level itself, since it costs less and does not add unnecessary complexity to my business logic at the service layer. Rather I can delegate the responsibility merely to the DB, assuming it is more capable of doing such things with more optimizations. &lt;/p&gt;
&lt;p&gt;The Mongo document structure looks like this.
&lt;a href="https://i.stack.imgur.com/XZo9E.png" rel="nofollow noreferrer"&gt;&lt;img src="https://i.stack.imgur.com/XZo9E.png" alt="enter image description here"&gt;&lt;/a&gt;&lt;/p&gt;
&lt;p&gt;Can I achieve this using spring data?
If so how to get that thing done?&lt;/p&gt;</t>
  </si>
  <si>
    <t>2017-11-17 16:51:50.367000+00:00</t>
  </si>
  <si>
    <t>2017-11-18 16:38:59.797000+00:00</t>
  </si>
  <si>
    <t>2017-11-18 02:36:31.010000+00:00</t>
  </si>
  <si>
    <t>java|spring|mongodb|spring-boot|spring-data</t>
  </si>
  <si>
    <t>Laravel: one to one relationship becomes one to many relationship</t>
  </si>
  <si>
    <t>&lt;p&gt;When I create a one-to-one relationship migration, laravel creates a one-to-many relationship.&lt;/p&gt;
&lt;p&gt;PHP 7.1 &amp;amp; MySQL 5.7&lt;/p&gt;
&lt;p&gt;The models are: Persona &amp;amp; User.&lt;/p&gt;
&lt;p&gt;Persona:&lt;/p&gt;
&lt;pre&gt;&lt;code&gt;public function user()
{
    return $this-&amp;gt;hasOne('App\User', 'persona_id', 'id');
}
&lt;/code&gt;&lt;/pre&gt;
&lt;p&gt;User:&lt;/p&gt;
&lt;pre&gt;&lt;code&gt;public function persona()
{
    return $this-&amp;gt;belongsTo('App\Persona', 'persona_id', 'id');
}
&lt;/code&gt;&lt;/pre&gt;
&lt;p&gt;Migrations:&lt;/p&gt;
&lt;pre&gt;&lt;code&gt;Schema::create('users', function (Blueprint $table) {
    $table-&amp;gt;increments('id');
    $table-&amp;gt;integer('persona_id')-&amp;gt;unsigned();
    $table-&amp;gt;foreign('persona_id')-&amp;gt;references('id')-&amp;gt;on('personas')-&amp;gt;onDelete('cascade');
    $table-&amp;gt;unique(['persona_id', 'id']);
    $table-&amp;gt;string('email')-&amp;gt;nullable()-&amp;gt;unique();
    $table-&amp;gt;string('password')-&amp;gt;nullable();
    $table-&amp;gt;rememberToken();
    $table-&amp;gt;timestamps();
});
Schema::create('personas', function (Blueprint $table) {
    $table-&amp;gt;increments('id');
    $table-&amp;gt;string('tipo');
    $table-&amp;gt;integer('cedula')-&amp;gt;unsigned()-&amp;gt;unique();
    $table-&amp;gt;string('primer_nombre');
    $table-&amp;gt;string('segundo_nombre')-&amp;gt;nullable();
    $table-&amp;gt;string('primer_apellido');
    $table-&amp;gt;string('segundo_apellido')-&amp;gt;nullable();
    /* Agregar demas campos que se requieran */
    $table-&amp;gt;timestamps();
});
&lt;/code&gt;&lt;/pre&gt;
&lt;p&gt;How can I make the relationship created in the database one by one and not one to many?
Currently this is allowing me to save more than one user per person.&lt;/p&gt;
&lt;p&gt;Thanks.&lt;/p&gt;</t>
  </si>
  <si>
    <t>2018-04-23 16:48:16.110000+00:00</t>
  </si>
  <si>
    <t>2018-04-23 17:08:06.117000+00:00</t>
  </si>
  <si>
    <t>php|mysql|laravel-5|migration|entity-relationship</t>
  </si>
  <si>
    <t>ActiveX control need to be signed</t>
  </si>
  <si>
    <t>&lt;p&gt;i have developed an activeX dll using visual studio 2005.when i run in ie browser it displays "activeX is unsafe to run" warning. to overcome this i have to sign the activeX dll.
can you tell what is the procedure to sign a activeX dll?&lt;/p&gt;
&lt;p&gt;i have tried signing using Self signed certificate using openssl and signtool.exe tool, and made the dll signed during the compilation and packaged with the signed dll. After Signing also i'm getting the same warning. Please can anyone give a correct method to sign an dll and use it properly ?&lt;/p&gt;</t>
  </si>
  <si>
    <t>2012-06-14 05:59:14.443000+00:00</t>
  </si>
  <si>
    <t>2012-06-14 06:14:42.173000+00:00</t>
  </si>
  <si>
    <t>c++|internet-explorer|dll|activex</t>
  </si>
  <si>
    <t>Setting AppWidget's title using data encoded as JSON</t>
  </si>
  <si>
    <t>&lt;p&gt;I'm working with json. I parsed the JSON and I can show my JSON (images and text) on ListView. Now I want to show JSON's first item's title in my widget. &lt;/p&gt;
&lt;p&gt;I successfully created the widget but I have a problem with the JSON's first item's title.&lt;/p&gt;
&lt;p&gt;This is a my code:&lt;/p&gt;
&lt;pre&gt;&lt;code&gt;public class AppWidget extends AppWidgetProvider {
public static String CLOCK_WIDGET_UPDATE = "CLOCK_WIDGET_UPDATE";
RemoteViews views;
int appWidgetId;
@Override
public void onReceive(Context context, Intent intent) {
    super.onReceive(context, intent);
    if (CLOCK_WIDGET_UPDATE.equals(intent.getAction())) {
        Toast.makeText(context, "onReceiver()", Toast.LENGTH_LONG).show();
    }
}
public void onUpdate(Context context, AppWidgetManager appWidgetManager,
        int[] appWidgetIds) {
    final int N = appWidgetIds.length;
    for (int i = 0; i &amp;lt; N; i++) {
        appWidgetId = appWidgetIds[i];
        Intent intent = new Intent(context, MainActivity.class);
        PendingIntent pendingIntent = PendingIntent.getActivity(context, 0,
                intent, 0);
        views = new RemoteViews(context.getPackageName(),
                R.layout.widget_demo);
        String aa = (MainActivity.itemList.get(0)
                .get(MainActivity.KEY_title)).toString();
        views.setOnClickPendingIntent(R.id.widgetPic, pendingIntent);
        views.setOnClickPendingIntent(R.id.widgetTitle, pendingIntent);
        views.setOnClickPendingIntent(R.id.widgetDesc, pendingIntent);
        views.setTextViewText(R.id.widgetDesc, aa);
        views.setImageViewBitmap(
                R.id.widgetPic,
                ((BitmapDrawable) context.getResources().getDrawable(
                        R.drawable.background)).getBitmap());
        appWidgetManager.updateAppWidget(appWidgetId, views);
    }
}
public void updateAppWidget(Context context,
        AppWidgetManager appWidgetManager, int appWidgetId) {
    RemoteViews updateViews = new RemoteViews(context.getPackageName(),
            R.layout.widget_demo);
    try {
    } catch (Exception e) {
    }
    appWidgetManager.updateAppWidget(appWidgetId, updateViews);
}
}
&lt;/code&gt;&lt;/pre&gt;
&lt;p&gt;BaseAdapter.java code:&lt;/p&gt;
&lt;pre&gt;&lt;code&gt;public class MyAdapter extends BaseAdapter {
Context mContext;
private ArrayList&amp;lt;HashMap&amp;lt;String, String&amp;gt;&amp;gt; data;
private static LayoutInflater inflater = null;
public ImageLoader imageLoader;
private int screenSize;
public MyAdapter(Context context, ArrayList&amp;lt;HashMap&amp;lt;String, String&amp;gt;&amp;gt; d,
        int screenSize) {
    this.mContext = context;
    this.data = d;
    this.screenSize = screenSize;
    inflater = (LayoutInflater) mContext
            .getSystemService(Context.LAYOUT_INFLATER_SERVICE);
    imageLoader = new ImageLoader(context.getApplicationContext());
}
public int getCount() {
    return data.size();
}
public Object getItem(int position) {
    return position;
}
public long getItemId(int position) {
    return position;
}
public View getView(int position, View convertView, ViewGroup parent) {
    View vi = convertView;
    if (convertView == null)
        vi = inflater.inflate(R.layout.list_row, null);
    TextView journal = (TextView) vi.findViewById(R.id.smalljournal);
    TextView title = (TextView) vi.findViewById(R.id.smalltitle);
    TextView description = (TextView) vi
            .findViewById(R.id.smallDescription);
    ImageView thumb_image = (ImageView) vi.findViewById(R.id.smallthumb);
    TextView statId = (TextView) vi.findViewById(R.id.smallstatID);
    TextView DateTime = (TextView) vi.findViewById(R.id.smallDateTime);
    HashMap&amp;lt;String, String&amp;gt; itemList = new HashMap&amp;lt;String, String&amp;gt;();
    itemList = data.get(position);
    journal.setText(itemList.get(MainActivity.KEY_journal));
    statId.setText(itemList.get(MainActivity.KEY_statID));
    journal.setTypeface(MainActivity.tf2);
    String titleString = itemList.get(MainActivity.KEY_title);
    SimpleDateFormat df = new SimpleDateFormat("yyyy-MM-dd");
    // coming date : 2014-02-03T18:45:00
    String DateTimeTxt = itemList.get(MainActivity.KEY_pubDate).replace(
            "T", " ");
    // DateTimeTxt = date;
    try {
        Date _d = df.parse(DateTimeTxt);
        SimpleDateFormat new_df = new SimpleDateFormat("dd.MM.yyyy");
        String _s = new_df.format(_d);
        DateTime.setText(_s);
    } catch (ParseException e) {
        // TODO Auto-generated catch block
        e.printStackTrace();
    }
    if (screenSize == Configuration.SCREENLAYOUT_SIZE_NORMAL)
        description.setVisibility(View.INVISIBLE);
    else
        description.setVisibility(View.VISIBLE);
    title.setText(titleString);
    title.setTypeface(MainActivity.tf2);
    description.setText(itemList.get(MainActivity.KEY_description));
    description.setTypeface(MainActivity.tf2);
    String url = itemList.get(MainActivity.KEY_image);
    // url = url.replace("-c.jpg", ".jpg");
    imageLoader.DisplayImage(url, thumb_image);
    return vi;
}
}
&lt;/code&gt;&lt;/pre&gt;
&lt;p&gt;MainActivity.java code&lt;/p&gt;
&lt;pre&gt;&lt;code&gt;public class MainActivity extends Activity {
public String URL = "********************";
public static String KEY_title = "title";
public static String KEY_description = "description";
public static String KEY_image = "image";
public static String KEY_journal = "journal";
public static String KEY_JournalID = "JournalID";
public static String KEY_pubDate = "pubDate";
public static String KEY_statID = "statID";
public JSONArray jsonarray;
public ListView list;
public JSONParser jsonparser;
static MyAdapter adapter;
ProgressDialog pDialog, pDialog1;
static String fontPath2 = "font.ttf";
public static Typeface tf2;
public static ArrayList&amp;lt;HashMap&amp;lt;String, String&amp;gt;&amp;gt; itemList = new ArrayList&amp;lt;HashMap&amp;lt;String, String&amp;gt;&amp;gt;();
public ImageLoader imageLoader;
static final int DIALOG_ERROR_CONNECTION = 1;
public static String dateTime;
private ArrayList&amp;lt;Content&amp;gt; contents = new ArrayList&amp;lt;Content&amp;gt;();
public ImageView image;
public EditText searchInput;
public LinearLayout mainLayout, SlideLayout;
public TransparentProgressDialog pd;
public Tools tools;
public static boolean CheckListview = true;
private int screenSize;
int windowWidth;
public LoadDataAllChanelsToServer loadData;
public TextView journal, tittle, description, smalllink, DateTime,
        smallstatID;
private ConnectionDetector cd;
AlertDialogManager alert = new AlertDialogManager();
Writer writer;
public File yourFile;
View menu_Slide;
@SuppressLint("CutPasteId")
@Override
public void onCreate(Bundle savedInstanceState) {
    super.onCreate(savedInstanceState);
    requestWindowFeature(Window.FEATURE_NO_TITLE);
    setContentView(R.layout.main);
    screenSize = getResources().getConfiguration().screenLayout
            &amp;amp; Configuration.SCREENLAYOUT_SIZE_MASK;
    SlideLayout = (LinearLayout) findViewById(R.id.SlideLayout);
    list = (ListView) findViewById(R.id.listView1);
    cd = new ConnectionDetector(getApplicationContext());
    adapter = new MyAdapter(MainActivity.this, itemList, screenSize);
    Thread.setDefaultUncaughtExceptionHandler(new UnCaughtException(this,
            this));
    loadData = new LoadDataAllChanelsToServer();
    menu_Slide = (findViewById(R.id.menu_button));
    image = (ImageView) findViewById(R.id.imageView1);
    searchInput = (EditText) findViewById(R.id.input_search_query);
    tf2 = Typeface.createFromAsset(getAssets(), fontPath2);
    pd = new TransparentProgressDialog(this, R.drawable.loader);
    list.setOnItemClickListener(new OnItemClickListener() {
        @Override
        public void onItemClick(AdapterView&amp;lt;?&amp;gt; parent, View view,
                int position, long id) {
            journal = (TextView) view.findViewById(R.id.smalljournal);
            tittle = (TextView) view.findViewById(R.id.smalltitle);
            description = (TextView) view
                    .findViewById(R.id.smallDescription);
            smalllink = (TextView) view.findViewById(R.id.smalllink);
            DateTime = (TextView) view.findViewById(R.id.smallDateTime);
            smallstatID = (TextView) view.findViewById(R.id.smallstatID);
            String Stringjournal = journal.getText().toString();
            String Stringtittle = tittle.getText().toString();
            String Stringdescription = description.getText().toString();
            String Stringlink = smalllink.getText().toString();
            String StringdateTime = DateTime.getText().toString();
            String StringstatID = smallstatID.getText().toString();
            HideKeyBoadr();
            Intent in = new Intent(MainActivity.this, Result.class);
            in.putExtra("KEY_journal", Stringjournal);
            in.putExtra("KEY_title", Stringtittle);
            in.putExtra("KEY_description", Stringdescription);
            in.putExtra("KEY_link", Stringlink);
            in.putExtra("KEY_pubDate", StringdateTime);
            in.putExtra("KEY_statID", StringstatID);
            String url = itemList.get(position).get(MainActivity.KEY_image);
            if (!cd.isConnectingToInternet()) {
                in.putExtra("Bitmap", url);
            }
            else {
                if (url.endsWith("-c.jpg"))
                    url = url.replace("-c.jpg", ".jpg");
                in.putExtra("Bitmap", url);
            }
            in.putExtra("Bitmap", url);
            startActivity(in);
            overridePendingTransition(R.anim.trans_left_in,
                    R.anim.trans_left_out);
        }
    });
    if (!cd.isConnectingToInternet()) {
        return;
    } else {
        loadData.execute();
    }
}
public void HideKeyBoadr() {
    InputMethodManager imm = (InputMethodManager) getSystemService(Context.INPUT_METHOD_SERVICE);
    imm.hideSoftInputFromWindow(searchInput.getWindowToken(), 0);
}
private class LoadDataAllChanelsToServer extends
        AsyncTask&amp;lt;String, Integer, String&amp;gt; {
    @Override
    protected void onPreExecute() {
        pd.show();
    }
    @Override
    protected String doInBackground(String... urls) {
        jsonparser = new JSONParser();
        JSONObject jsonobject = jsonparser.getJSONfromURL(URL);
        try {
            jsonarray = jsonobject.getJSONArray("data");
            for (int i = 0; i &amp;lt; jsonarray.length(); i++) {
                jsonobject = jsonarray.getJSONObject(i);
                HashMap&amp;lt;String, String&amp;gt; map = new HashMap&amp;lt;String, String&amp;gt;();
                map.put("journal", jsonobject.getString(KEY_journal));
                map.put("image", jsonobject.getString(KEY_image));
                map.put("title", jsonobject.getString(KEY_title));
                map.put("description",
                        jsonobject.getString(KEY_description));
                map.put("JournalID", jsonobject.getString(KEY_JournalID));
                map.put("pubDate", jsonobject.getString(KEY_pubDate));
                map.put("statID", jsonobject.getString(KEY_statID));
                Content cont = new Content(jsonobject.getString("journal"),
                        jsonobject.getString("image"),
                        jsonobject.getString("title"),
                        jsonobject.getString("pubDate"),
                        jsonobject.getString("description"),
                        jsonobject.getString("JournalID"),
                        jsonobject.getString("statID"));
                contents.add(cont);
                itemList.add(map);
                dateTime = itemList.get(itemList.size() - 1).get(
                        KEY_pubDate);
            }
        } catch (JSONException e) {
            Log.e("Error", e.getMessage());
            e.printStackTrace();
        }
        return itemList.toString();
    }
    @Override
    protected void onPostExecute(String result) {
        try {
            if (pd != null) {
                pd.dismiss();
            }
        } catch (Exception e) {
        }
        try {
            adapter = new MyAdapter(MainActivity.this, itemList, screenSize);
            list.setAdapter(adapter);
        } catch (NullPointerException e) {
            e.printStackTrace();
        }
    }
}
@Override
public void onBackPressed() {
    createDialog();
}
private void createDialog() {
    AlertDialog.Builder alertDlg = new AlertDialog.Builder(this);
    alertDlg.setMessage("Are you sure you want to exit?");
    alertDlg.setCancelable(false);
    alertDlg.setPositiveButton("Yes",
            new DialogInterface.OnClickListener() {
                public void onClick(DialogInterface dialog, int id) {
                    MainActivity.super.onBackPressed();
                }
            }
    );
    alertDlg.setNegativeButton("No", new DialogInterface.OnClickListener() {
        @Override
        public void onClick(DialogInterface dialog, int which) {
        }
    });
    alertDlg.create().show();
}
}
&lt;/code&gt;&lt;/pre&gt;
&lt;p&gt;My problem is: When I click the widget I get&lt;/p&gt;
&lt;blockquote&gt;
  &lt;p&gt;indexofboundexception (invalid index 0,size 1) &lt;/p&gt;
&lt;/blockquote&gt;
&lt;p&gt;What is the problem?&lt;/p&gt;</t>
  </si>
  <si>
    <t>2014-02-10 19:58:40.130000+00:00</t>
  </si>
  <si>
    <t>2014-02-11 17:14:25.243000+00:00</t>
  </si>
  <si>
    <t>2014-02-10 20:17:52.727000+00:00</t>
  </si>
  <si>
    <t>android|json|widget</t>
  </si>
  <si>
    <t>How to get all triangles (or points) in a mesh affected by light?</t>
  </si>
  <si>
    <t>&lt;p&gt;I��m working in an aerial mapping application which tries to determine what part of the terrain is viewed from an aerial camera. First I have rendered DEM (Digital Elevation Model) from existing .tif file, generating all the triangles of the mesh by .tif positions and values. I found a solution using RayMeshGeometry3DHitTestResult, and sending different rays from the camera. The problem is that performance is very low because the hit test needs to be repeated thousands of times and it becomes too slow:    &lt;a href="https://i.stack.imgur.com/G6mBd.png" rel="nofollow noreferrer"&gt;Camera footprints&lt;/a&gt;&lt;/p&gt;
&lt;pre&gt;&lt;code&gt;private static RayMeshGeometry3DHitTestResult rayHit;
   public static RayMeshGeometry3DHitTestResult SurfaceRayHit(Point3D p, Vector3D v)
   {
       RayHitTestParameters hitParams = new RayHitTestParameters(p,v);
       VisualTreeHelper.HitTest(App.AppDemModel, null, new HitTestResultCallback(MainDemHitPoint), hitParams);
       return rayHit;
   }
   public static HitTestResultBehavior MainDemHitPoint(HitTestResult result)
   {
       if (result.VisualHit == App.AppDemModel)
       {
           rayHit = (RayMeshGeometry3DHitTestResult)result;
           return HitTestResultBehavior.Stop;
       }
       return HitTestResultBehavior.Continue;
   }
&lt;/code&gt;&lt;/pre&gt;
&lt;p&gt;I think it must be internally implemented by ViewPort3D (HelixViewport in my case) since lights are hitting only certain triangles in a Geometry3D, but I couldn��t find a way to obtain the list of triangles(or Points) affected by light. &lt;/p&gt;</t>
  </si>
  <si>
    <t>2018-02-09 17:08:17.653000+00:00</t>
  </si>
  <si>
    <t>2018-02-09 17:09:52.837000+00:00</t>
  </si>
  <si>
    <t>c#|3d|helix-3d-toolkit|viewport3d</t>
  </si>
  <si>
    <t>Java canvas, blinking stripes</t>
  </si>
  <si>
    <t>&lt;p&gt;I have problem with canvas. I was trying to make simple animated program, code here:&lt;/p&gt;
&lt;pre&gt;&lt;code&gt;import java.awt.Canvas;
import java.awt.Color;
import java.awt.Graphics;
import java.awt.image.BufferStrategy;
import javax.swing.JFrame;
public class Game extends JFrame {
    private Canvas canvas = new Canvas();
    public Game() {
        super();
        this.setDefaultCloseOperation(JFrame.EXIT_ON_CLOSE);
        this.setBounds(0, 0, 800, 400);
        this.setLocationRelativeTo(null);
        this.add(canvas);
        this.setVisible(true);
        canvas.createBufferStrategy(3);
        BufferStrategy bufferStrategy = canvas.getBufferStrategy();
        int i = 0;
        int x = 0;
        while (true) {
            i++;
            if (i == 10) {
                i = 0;
                x++;
            }
            bufferStrategy = canvas.getBufferStrategy();
            Graphics graphics = bufferStrategy.getDrawGraphics();
            super.paint(graphics);
            graphics.setColor(Color.RED);
            graphics.fillOval(x, 200, 50, 100);
            graphics.dispose();
            bufferStrategy.show();
        }
    }
    public static void main(String[] args) {
        new Game();
    }
}
&lt;/code&gt;&lt;/pre&gt;
&lt;p&gt;And after execution I got this, where the black stripes blink (white/black)...&lt;/p&gt;
&lt;p&gt;&lt;a href="https://i.stack.imgur.com/uRFwC.png" rel="nofollow noreferrer"&gt;&lt;img src="https://i.stack.imgur.com/uRFwC.png" alt="screenshot"&gt;&lt;/a&gt;&lt;/p&gt;
&lt;p&gt;I thought that it can be becouse of super.paint method, but it gave me nothing... anyone knows why it happens?&lt;/p&gt;</t>
  </si>
  <si>
    <t>2018-04-02 14:17:34.593000+00:00</t>
  </si>
  <si>
    <t>2018-04-03 08:46:30.717000+00:00</t>
  </si>
  <si>
    <t>java|canvas|jframe</t>
  </si>
  <si>
    <t>jQuery best way to make sure one function is run before all others</t>
  </si>
  <si>
    <t>&lt;p&gt;I would like to read a text file and get its content to a variable and use that variable everywhere.&lt;/p&gt;
&lt;pre&gt;&lt;code&gt;var latest_date = "";
$.get('/data/latest_data.txt', function(data) {
  latest_date = data; // eg "20180102"
}, 'text');
// and lots of similar functions like this
$(function() {
  $.getJSON('../data/' + latest_date + '/overview.json', function(data){
    $('#overview').DataTable(data);
  });
});
&lt;/code&gt;&lt;/pre&gt;
&lt;p&gt;However, other functions will run before &lt;code&gt;latest_date&lt;/code&gt; variable gets its correct value. How can I make sure the &lt;code&gt;$.get&lt;/code&gt; function runs before anything else?&lt;/p&gt;
&lt;p&gt;It's similar to this question &lt;a href="https://stackoverflow.com/a/5188020/1568919"&gt;How should I call 3 functions in order to execute them one after the other?
&lt;/a&gt; But I have loads of functions. I can't put all of them as the callback of the initial function. I'm also reluctant to add timeOut to all my functions. Is there a better way?&lt;/p&gt;</t>
  </si>
  <si>
    <t>2018-03-03 12:49:32.427000+00:00</t>
  </si>
  <si>
    <t>2018-03-03 14:24:06.317000+00:00</t>
  </si>
  <si>
    <t>How to call a function inside same function and outside in javascript</t>
  </si>
  <si>
    <t>&lt;p&gt;I want to call a function inside that same function and outside also. How does it in javascript?&lt;/p&gt;
&lt;p&gt;&lt;strong&gt;Js:&lt;/strong&gt;&lt;/p&gt;
&lt;pre&gt;&lt;code&gt;someFunction(function repeat(result) {
    document.body.innerHTML += '&amp;lt;br&amp;gt;' + result.winner;
    if (result.winner) {
        someFunction(repeat);
    }
});
someFunction.repeat();
&lt;/code&gt;&lt;/pre&gt;</t>
  </si>
  <si>
    <t>2018-09-20 11:49:35.923000+00:00</t>
  </si>
  <si>
    <t>2018-09-20 13:50:15.153000+00:00</t>
  </si>
  <si>
    <t>cordova with visual studio build fails</t>
  </si>
  <si>
    <t>&lt;p&gt;Am building my corodova app with visual studio but keep on getting this error&lt;/p&gt;
&lt;pre&gt;&lt;code&gt;code: 0MSB3073
Description
The command "node "path to project\platforms\windows\\\cordova\\prebuild-phone-81.js"" 
 exited with code 1. 
[path to project\platforms\windows\CordovaApp.Phone.jsproj]
&lt;/code&gt;&lt;/pre&gt;
&lt;p&gt;What could be wrong as am new to visual studio 2015&lt;/p&gt;</t>
  </si>
  <si>
    <t>2017-02-06 08:00:00.687000+00:00</t>
  </si>
  <si>
    <t>2018-01-23 05:17:43.387000+00:00</t>
  </si>
  <si>
    <t>2017-02-06 09:58:20.937000+00:00</t>
  </si>
  <si>
    <t>visual-studio|cordova|visual-studio-2015|visual-studio-cordova</t>
  </si>
  <si>
    <t>igcombo doesn't work with dynamic DIV element</t>
  </si>
  <si>
    <t>&lt;p&gt;&lt;code&gt;igcombo&lt;/code&gt; works fine when using a static div element, however if I added the div element dynamically to the page the &lt;code&gt;igcombo&lt;/code&gt; box data won't be populated. Is there any thing I can try to make this work?&lt;/p&gt;
&lt;pre&gt;&lt;code&gt; $("#combo").igCombo({
            dataSource: data, //JSON Array 
            valueKey: "ID",
            textKey: "Name"
        });
&amp;lt;div id="combo"&amp;gt;&amp;lt;/div&amp;gt;
&lt;/code&gt;&lt;/pre&gt;</t>
  </si>
  <si>
    <t>2015-09-22 20:00:54.730000+00:00</t>
  </si>
  <si>
    <t>2015-10-05 08:27:22.433000+00:00</t>
  </si>
  <si>
    <t>2015-09-26 13:44:43.617000+00:00</t>
  </si>
  <si>
    <t>javascript|infragistics|ignite-ui|igcombo</t>
  </si>
  <si>
    <t>Social Framework for WatchKit</t>
  </si>
  <si>
    <t>&lt;p&gt;I want to create an Apple Watch app that allows users to share things right from their wrist.&lt;/p&gt;
&lt;p&gt;Is there a built-in Social framework for Apple Watch comparable to the Social framework on iOS?&lt;/p&gt;</t>
  </si>
  <si>
    <t>2015-04-02 09:05:46.760000+00:00</t>
  </si>
  <si>
    <t>2018-03-11 16:01:03.093000+00:00</t>
  </si>
  <si>
    <t>objective-c|watchkit|apple-watch</t>
  </si>
  <si>
    <t>acceptance testing with selenium and codeception, browser shows blank page</t>
  </si>
  <si>
    <t>&lt;p&gt;I'm using codeception with Yii2 and my configuration is as follows:&lt;/p&gt;
&lt;pre&gt;&lt;code&gt;class_name: AcceptanceTester
modules:
enabled:
    - WebDriver:
        url: 'http://ucms.ac.ir/admin/index-test.php/'
        browser: chrome
    - tests\codeception\common\_support\FixtureHelper
    - Yii2
config:
    Yii2:
        configFile: '../config/backend/acceptance.php'
&lt;/code&gt;&lt;/pre&gt;
&lt;p&gt;tests run, and they finish successfully, but nothing appears on the new browser tab opened by selenium. I've seen some tutorials and in those tutorials browser actually shows process of testing. also, when an error occurs and a screenshot is taken by codeception for later reference, it's only a white empty page too. 
I'm on ubuntu 14.10, selenium 2.47.1 and chrome 45. it also happens when I use firefox instead of chrome.&lt;/p&gt;</t>
  </si>
  <si>
    <t>2015-10-11 12:18:34.890000+00:00</t>
  </si>
  <si>
    <t>2015-10-13 08:19:43.650000+00:00</t>
  </si>
  <si>
    <t>selenium|yii2|codeception|acceptance-testing</t>
  </si>
  <si>
    <t>Stripe Token is not created in the stripe server</t>
  </si>
  <si>
    <t>&lt;p&gt;I am creating a rails app with Stripe. I can only use the &lt;a href="https://stripe.com/docs/connect/connecting-to-accounts#standalone-accounts" rel="nofollow noreferrer"&gt;standalone accounts&lt;/a&gt; because Managed Accounts are not available in France. I use &lt;a href="https://stripe.com/docs/connect/shared-customers" rel="nofollow noreferrer"&gt;shared customers&lt;/a&gt; because people earning money on my app are sharing their customers.&lt;/p&gt;
&lt;p&gt;&lt;a href="https://stripe.com/docs/api#create_card_token" rel="nofollow noreferrer"&gt;Create Card Token doc&lt;/a&gt;&lt;/p&gt;
&lt;p&gt;Of course, What I am showing to you uses my Test Stripe environment.&lt;/p&gt;
&lt;p&gt;To charge a customer to a user, I create a token :&lt;/p&gt;
&lt;pre&gt;&lt;code&gt;tok = Stripe::Token.create(
  {:customer =&amp;gt; customer.id, :card =&amp;gt; customer.cards.last.stripe_id},
  {:stripe_account =&amp;gt; user.stripe_user_id}
)
=&amp;gt; #&amp;lt;Stripe::Token:0x3fd9c3830900 id=tok_19fYblIUbyeToO5BfgwmLR9Y&amp;gt; JSON: {
  "id": "tok_19fYblIUbyeToO5BfgwmLR9Y",
  "object": "token",
  "card":     {"id":"card_19fYblIUbyeToO5BwRTTlJ1x","object":"card","address_city":null,"address_country":null,"address_line1":null,"address_line1_check":null,"address_line2":null,"address_state":null,"address_zip":null,"address_zip_check":null,"brand":"Visa","country":"US","cvc_check":"pass","dynamic_last4":null,"exp_month":12,"exp_year":2020,"fingerprint":"xxsPLKbXK7swE7It","funding":"credit","last4":"4242","metadata":{},"name":null,"tokenization_method":null},
  "client_ip": "31.33.230.61",
  "created": 1485280889,
  "livemode": false,
  "type": "card",
  "used": false
}
&lt;/code&gt;&lt;/pre&gt;
&lt;p&gt;After that, I want to charge the customer using that token but unfortunately, the token doesn't exist on Stripe Servers: &lt;/p&gt;
&lt;pre&gt;&lt;code&gt;Stripe::Token.retrieve(tok.id)
Stripe::InvalidRequestError: No such token: tok_19fYk2IUbyeToO5Bo4thhjn7
 from /usr/local/var/rbenv/versions/2.3.1/lib/ruby/gems/2.3.0/gems/stripe-1.58.0/lib/stripe.rb:326:in `handle_api_error'
&lt;/code&gt;&lt;/pre&gt;
&lt;p&gt;When I try to charge the customer or save the token as a customer source, it gives me the same error.
I tried to create a basic charge to see if it was an error from a larger scale:&lt;/p&gt;
&lt;pre&gt;&lt;code&gt;tok = Stripe::Token.create(
  :card =&amp;gt; {
    :number =&amp;gt; "4242424242424242",
    :exp_month =&amp;gt; 1,
    :exp_year =&amp;gt; 2018,
    :cvc =&amp;gt; "314"
  },
)
=&amp;gt; #&amp;lt;Stripe::Token:0x3fd9c71b002c id=tok_19fYWGLTk1qRIoGhSApzxo8u&amp;gt; JSON: {
  "id": "tok_19fYWGLTk1qRIoGhSApzxo8u",
  "object": "token",
  "card": {"id":"card_19fYWGLTk1qRIoGhBpLf7sFp","object":"card","address_city":null,"address_country":null,"address_line1":null,"address_line1_check":null,"address_line2":null,"address_state":null,"address_zip":null,"address_zip_check":null,"brand":"Visa","country":"US","cvc_check":"unchecked","dynamic_last4":null,"exp_month":1,"exp_year":2018,"fingerprint":"D6Dfg1vPHxjxX2XI","funding":"credit","last4":"4242","metadata":{},"name":null,"tokenization_method":null},
  "client_ip": "31.33.230.61",
  "created": 1485280548,
  "livemode": false,
  "type": "card",
  "used": false
}
&lt;/code&gt;&lt;/pre&gt;
&lt;p&gt;but then I'm able to retrieve the token :&lt;/p&gt;
&lt;pre&gt;&lt;code&gt;Stripe::Token.retrieve(tok.id)
=&amp;gt; #&amp;lt;Stripe::Token:0x3fd9c2726b3c id=tok_19fYWGLTk1qRIoGhSApzxo8u&amp;gt; JSON: {
  "id": "tok_19fYWGLTk1qRIoGhSApzxo8u",
  "object": "token",
  "card": {"id":"card_19fYWGLTk1qRIoGhBpLf7sFp","object":"card","address_city":null,"address_country":null,"address_line1":null,"address_line1_check":null,"address_line2":null,"address_state":null,"address_zip":null,"address_zip_check":null,"brand":"Visa","country":"US","cvc_check":"unchecked","dynamic_last4":null,"exp_month":1,"exp_year":2018,"fingerprint":"D6Dfg1vPHxjxX2XI","funding":"credit","last4":"4242","metadata":{},"name":null,"tokenization_method":null},
  "client_ip": "31.33.230.61",
  "created": 1485280548,
  "livemode": false,
  "type": "card",
  "used": false
}
&lt;/code&gt;&lt;/pre&gt;
&lt;p&gt;It simply doesn't work when I pass a customer as a parameter, why? I don't know since I did it because the documentation told me to.&lt;/p&gt;</t>
  </si>
  <si>
    <t>2017-01-24 23:25:07.683000+00:00</t>
  </si>
  <si>
    <t>2017-01-25 15:54:18.107000+00:00</t>
  </si>
  <si>
    <t>ruby-on-rails|stripe-payments|stripe-connect</t>
  </si>
  <si>
    <t>How to pass IDs of the selected Kendo grid rows to the controller?</t>
  </si>
  <si>
    <t>&lt;p&gt;I have an MVC 4 project with a Kendo grid. The grid is multi-selectable. How can I pass IDs of the selected rows to the controller on button click? &lt;/p&gt;
&lt;p&gt;Thanks.&lt;/p&gt;
&lt;p&gt;Here is my grid:&lt;/p&gt;
&lt;pre&gt;&lt;code&gt;    @(Html.Kendo().Grid(Model.Manifest)
      .Name("PackageGrid")
      .Columns(columns =&amp;gt;
      {
          columns.Bound(p=&amp;gt;p.PackageId).Hidden();
          columns.Bound(p =&amp;gt; p.PackageName)
              .Template(@&amp;lt;text&amp;gt;@Html.ActionLink(@item.PackageName,"PackageDetails","ExternalIntegration", new {id=@item.PackageId}, null)&amp;lt;/text&amp;gt;);
          columns.Bound(p =&amp;gt; p.NumberOfDaysAgo);
          columns.Bound(p =&amp;gt; p.LastEvent);
          columns.Bound(p=&amp;gt;p.ProcessDate);
          columns.Bound(p=&amp;gt;p.ProcessTime).Title("Process Time(ms)");
          columns.Bound(p=&amp;gt;p.DomainMessageCount);
          columns.Bound(p =&amp;gt; p.FailureParseEventCount).Title("Items of Concern");
      })
                            .Sortable()
                            .Filterable(filterConfig =&amp;gt; filterConfig
                                .Messages(messageConfig =&amp;gt; messageConfig
                                    .Filter("Apply")
                                    .Info("Set Filter")))
      .Selectable(selectable =&amp;gt; selectable.Mode(GridSelectionMode.Multiple))
      .DataSource(dataSource =&amp;gt; dataSource
                                .Server()
                                .Model(model =&amp;gt; model.Id(p =&amp;gt; p.PackageId))
                          )
&lt;/code&gt;&lt;/pre&gt;</t>
  </si>
  <si>
    <t>2014-07-11 11:42:07.357000+00:00</t>
  </si>
  <si>
    <t>2014-07-11 12:20:58.193000+00:00</t>
  </si>
  <si>
    <t>asp.net-mvc|kendo-grid</t>
  </si>
  <si>
    <t>Determine if file is still in transfer</t>
  </si>
  <si>
    <t>&lt;p&gt;Im looking to use powershell to handle several file transfers via SFTP, but I want to ensure the files set to transfer are complete in the original location. However, using something like&lt;/p&gt;
&lt;p&gt;&lt;code&gt;$file.Length&lt;/code&gt;&lt;/p&gt;
&lt;p&gt;or &lt;/p&gt;
&lt;pre&gt;&lt;code&gt;Get-ItemProperty -Path $file | Format-list -Property * -Force
&lt;/code&gt;&lt;/pre&gt;
&lt;p&gt;Seems to return the complete file size that gets transferred with the header, and not the current file size in the location. IE, if a file of size 4gb is transfering in, with only 2gb transfered, both methods will return saying the file size is 4gb.&lt;/p&gt;
&lt;p&gt;How do I check the actual file size at the time of the check, or are there other methods of checking file stability prior to using files in other methods?&lt;/p&gt;</t>
  </si>
  <si>
    <t>2016-06-13 14:48:49.793000+00:00</t>
  </si>
  <si>
    <t>2016-06-13 15:16:30.300000+00:00</t>
  </si>
  <si>
    <t>powershell|powershell-v2.0</t>
  </si>
  <si>
    <t>How to target a specific column in database with php?</t>
  </si>
  <si>
    <t>&lt;p&gt;I'm trying to select a specific column in my mysql database which is in 3 different tables. First I target a table which the specific column is in. Then select all from that column. I only know how to target the table that the specific column is in. How can I target the specific column from the table?&lt;/p&gt;
&lt;pre&gt;&lt;code&gt;$query = query("SELECT product_title, product_price, product_image, product_description, product_id, short_desc FROM products1 WHERE cat_id=" . escape_string($_GET['id']). " UNION SELECT product_title, product_price, product_image, product_description, product_id, short_desc FROM products2 WHERE cat_id=" . escape_string($_GET['id']). " UNION SELECT product_title, product_price, product_image, product_description, product_id, short_desc FROM products3 WHERE cat_id=" . escape_string($_GET['id']). ""
);
&lt;/code&gt;&lt;/pre&gt;
&lt;p&gt;The code above targets a table, now I need to display all the info of the specific column that is in the table. &lt;/p&gt;
&lt;p&gt;&lt;strong&gt;How can I target the specific column from the table?&lt;/strong&gt;&lt;/p&gt;</t>
  </si>
  <si>
    <t>2016-03-21 02:38:33.073000+00:00</t>
  </si>
  <si>
    <t>2016-03-21 02:53:51.800000+00:00</t>
  </si>
  <si>
    <t>JSON Normalize On Extremely Nested JSON Data Structure</t>
  </si>
  <si>
    <t>&lt;p&gt;I have the following JSON data structure.  I am trying to get it into a Pandas DataFrame.  &lt;/p&gt;
&lt;p&gt;The pandas.io.json json_normalize works OK, except for the 'tunnels-in' and 'tunnels-out' sections.  These are lists with some nested dictionaries inside of them.  I have tried almost every format of the json_normalize examples I have seen, without success.  About all I can get working is the following.  &lt;/p&gt;
&lt;p&gt;json_normalize(json_dict['data']['viptela-oper-vpn']['dpi']['flows'])&lt;/p&gt;
&lt;p&gt;As soon as I add the variables to define additional structure, I just can't get past the errors.  I looked into alternative ways to do this - documented here - which do seem to work, but it doesn't seem to deal with any concept of vertical structure.  Here, we have a list of flows - and i want to flatten each flow out into separate columns - where each flow's value is in a different row of the same column&lt;/p&gt;
&lt;p&gt;&lt;a href="https://towardsdatascience.com/flattening-json-objects-in-python-f5343c794b10" rel="nofollow noreferrer"&gt;https://towardsdatascience.com/flattening-json-objects-in-python-f5343c794b10&lt;/a&gt;&lt;/p&gt;
&lt;p&gt;Does anyone know of a way to use the normalize function, while preserving the nested list of dictionaries?  And as you can see, not every flow has the tunnels-in/tunnels-out.  That was another complicating factor to my trying to flatten it out myself.&lt;/p&gt;
&lt;p&gt;Any thoughts are greatly appreciated.&lt;/p&gt;
&lt;p&gt;Thanks very much,&lt;/p&gt;
&lt;p&gt;&lt;strong&gt;Data Structure&lt;/strong&gt;&lt;/p&gt;
&lt;pre&gt;&lt;code&gt;{
  "data": {
    "viptela-oper-vpn": {
      "dpi": {
        "flows": [
          {
            "vpn-id": 1,
            "src-ip": "1.1.0.200",
            "dst-ip": "1.3.0.200",
            "src-port": 65369,
            "dst-port": 1967,
            "proto": "udp",
            "application": "udp",
            "family": "Network Service",
            "active-since": "2018-02-28T22:51:54+00:00",
            "packets": 2,
            "octets": 132,
            "tunnels-in": [
              {
                "index_me": 1,
                "local-tloc": {
                  "ip": "1.1.1.104",
                  "color": "private2",
                  "encap": "ipsec"
                },
                "remote-tloc": {
                  "ip": "1.1.1.103",
                  "color": "private2",
                  "encap": "ipsec"
                },
                "packets": 1,
                "octets": 80,
                "start-time": "2018-02-28T22:51:54+00:00"
              }
            ],
            "tunnels-out": [
              {
                "index_me": 1,
                "local-tloc": {
                  "ip": "1.1.1.104",
                  "color": "private2",
                  "encap": "ipsec"
                },
                "remote-tloc": {
                  "ip": "1.1.1.103",
                  "color": "mpls",
                  "encap": "ipsec"
                },
                "packets": 1,
                "octets": 52,
                "start-time": "2018-02-28T22:51:54+00:00"
              }
            ]
          },
          {
            "vpn-id": 1,
            "src-ip": "1.1.0.200",
            "dst-ip": "1.3.0.200",
            "src-port": 65529,
            "dst-port": 1967,
            "proto": "udp",
            "application": "udp",
            "family": "Network Service",
            "active-since": "2018-02-28T22:52:03+00:00",
            "packets": 2,
            "octets": 132,
            "tunnels-in": [
              {
                "index_me": 1,
                "local-tloc": {
                  "ip": "1.1.1.104",
                  "color": "private2",
                  "encap": "ipsec"
                },
                "remote-tloc": {
                  "ip": "1.1.1.103",
                  "color": "private2",
                  "encap": "ipsec"
                },
                "packets": 1,
                "octets": 80,
                "start-time": "2018-02-28T22:52:03+00:00"
              }
            ],
            "tunnels-out": [
              {
                "index_me": 1,
                "local-tloc": {
                  "ip": "1.1.1.104",
                  "color": "private2",
                  "encap": "ipsec"
                },
                "remote-tloc": {
                  "ip": "1.1.1.103",
                  "color": "mpls",
                  "encap": "ipsec"
                },
                "packets": 1,
                "octets": 52,
                "start-time": "2018-02-28T22:52:03+00:00"
              }
            ]
          },
          {
            "vpn-id": 512,
            "src-ip": "69.26.45.133",
            "dst-ip": "198.19.200.2",
            "src-port": 11895,
            "dst-port": 22,
            "proto": "tcp",
            "application": "ssh",
            "family": "Encrypted",
            "active-since": "2018-02-28T22:42:15+00:00",
            "packets": 1498,
            "octets": 797954
          },
          {
            "vpn-id": 512,
            "src-ip": "198.19.200.2",
            "dst-ip": "69.26.45.139",
            "src-port": 514,
            "dst-port": 514,
            "proto": "udp",
            "application": "syslog",
            "family": "Application Service",
            "active-since": "2018-02-28T22:50:59+00:00",
            "packets": 8,
            "octets": 2820
          }
        ]
      }
    }
  }
}
&lt;/code&gt;&lt;/pre&gt;
&lt;p&gt;&lt;strong&gt;Function So Far&lt;/strong&gt;&lt;/p&gt;
&lt;pre&gt;&lt;code&gt;def myprint(file):
    file_var = ''
    with open(file) as f:
        file_var = f.read()
    extract_json_dict = re.compile('(\\n{\\n)(.*)(\\n}\\n)', re.DOTALL)
    json_string = extract_json_dict.search(file_var).group(0)
    json_dict = json.loads(json_string)
    df = json_normalize(json_dict['data']['viptela-oper-vpn']['dpi']['flows'])
&lt;/code&gt;&lt;/pre&gt;
&lt;p&gt;&lt;strong&gt;Columns That Show Up Now&lt;/strong&gt;&lt;/p&gt;
&lt;p&gt;['active-since', 'application', 'dst-ip', 'dst-port', 'family', 'octets',
'packets', 'proto', 'src-ip', 'src-port', 'tunnels-in', 'tunnels-out',
'vpn-id']&lt;/p&gt;
&lt;p&gt;&lt;strong&gt;Columns I'd Like To Add In Addition To The Ones Displayed Above&lt;/strong&gt;&lt;/p&gt;
&lt;p&gt;In essence, 'flattening' those two columns that have lists as values into additional columns, and have each flow's values in a unique row.&lt;/p&gt;
&lt;p&gt;['tunnels-in_index_me',
'tunnels-in_remote-tloc_ip',
'tunnels-in_remote-tloc_color',
'tunnels-in_remote-tloc_encap',
'tunnels-out_remote-tloc_ip']&lt;/p&gt;
&lt;p&gt;&lt;strong&gt;Update 3/8/2018&lt;/strong&gt;&lt;/p&gt;
&lt;p&gt;This seems to do what i want, for the columns that have lists of dictionaries in them.  But it needs the [0] identifier for the flow number.  Not sure if anyone knows of a way to get this to work for all flows - not one at a time.  If that can be done, i should be able to concatenate or merge based on the index number.  It would be even better to do the whole thing with a single json_normalize line - but beyond the issue with the [0], that seems to also have the added problem that not all flow numbers have the nested list of dictionaries.  i'll keep trying with this one, but any thoughts are appreciated.&lt;/p&gt;
&lt;pre&gt;&lt;code&gt;json_normalize(json_dict['data']['viptela-oper-vpn']['dpi']['flows'][0]['tunnels-in'])
&lt;/code&gt;&lt;/pre&gt;</t>
  </si>
  <si>
    <t>2018-03-06 23:30:16.057000+00:00</t>
  </si>
  <si>
    <t>2018-09-10 05:15:42.117000+00:00</t>
  </si>
  <si>
    <t>2018-03-08 22:53:30.283000+00:00</t>
  </si>
  <si>
    <t>python|json|pandas</t>
  </si>
  <si>
    <t>Trusting unknown certificates in windows store app</t>
  </si>
  <si>
    <t>&lt;p&gt;In a windows store app I am trying to connect to a api using this code&lt;/p&gt;
&lt;pre&gt;&lt;code&gt;try {
using(var httpClient = new HttpClient {
    BaseAddress = Constants.baseAddress
}) {
        using(var content = new StringContent(DataToSend, System.Text.Encoding.UTF8, "application/json")) {
           using(var response = await httpClient.PostAsync("oauth2/token", content)) {...
        }...
    }
}
} catch (Exception e) {...
}
&lt;/code&gt;&lt;/pre&gt;
&lt;p&gt;but I am getting this exception:&lt;/p&gt;
&lt;blockquote&gt;
  &lt;p&gt;The underlying connection was closed: Could not establish trust relationship for the SSL/TLS secure channel.&lt;/p&gt;
&lt;/blockquote&gt;
&lt;p&gt;and in the InnerException&lt;/p&gt;
&lt;blockquote&gt;
  &lt;p&gt;The remote certificate is invalid according to the validation procedure.&lt;/p&gt;
&lt;/blockquote&gt;
&lt;p&gt;I've been told I need to trust unknown certificates.
How can I do that on windows store app ?&lt;/p&gt;</t>
  </si>
  <si>
    <t>2015-12-14 09:21:29.250000+00:00</t>
  </si>
  <si>
    <t>2015-12-14 10:25:26.583000+00:00</t>
  </si>
  <si>
    <t>c#|ssl|windows-runtime|windows-store-apps</t>
  </si>
  <si>
    <t>Unable to get proper response upon inserting values to mysql from php and android</t>
  </si>
  <si>
    <t>&lt;p&gt;I am working on a android registration and login application. Login code is working perfectly, but while in registration I'm always getting "Exists" as response from php.&lt;/p&gt;
&lt;p&gt;It works if I remove the sql insert query (i.e., /* MySQL insert query */)&lt;/p&gt;
&lt;p&gt;My register.php code :&lt;/p&gt;
&lt;pre&gt;&lt;code&gt;    &amp;lt;?php
    $dbhost = "localhost";
    $dbname = "test";
    $dbuser = "root";
    $dbpass = "";
    $conn = mysql_connect($dbhost,$dbuser,$dbpass)
    or
    trigger_error(mysql_error(),E_USER_ERROR);
    mysql_select_db($dbname, $conn);
    $username = mysqli_real_escape_string($conn, $_POST['username']);
    $email = mysqli_real_escape_string($conn, $_POST['email']);
    $password = mysqli_real_escape_string($conn, $_POST['password']);
    $query_search = "SELECT count(*) FROM aw_poc WHERE email = '$email'";
    $query_exec1 = mysql_fetch_array($query_search);
    $rows = $query_exec1[0];
    /*$query_search = "SELECT * FROM aw_poc WHERE email = '$email'";
    $query_exec1 = mysql_query($query_search) or die(mysql_error());
    $rows = mysql_num_rows($query_exec1);*/
    if ( $rows == 0) {
        $query_insert = "INSERT INTO aw_poc (username, email, password) VALUES ('$username', '$email', '$password')";
        /* MySQL insert query */
        $query_exec2 = mysql_query($query_insert) or die(mysql_error());
        if ($query_exec2) {
            echo "Success";
        }
    } else {
        echo "Exists";
    }
    mysql_close($conn);
?&amp;gt;
&lt;/code&gt;&lt;/pre&gt;
&lt;p&gt;The above code is inserting same values 3 times regardless of email existence. I've attached snapshot of my DB table&lt;/p&gt;
&lt;p&gt;&lt;img src="https://i.stack.imgur.com/kkqN1.png" alt=""&gt;&lt;/p&gt;
&lt;p&gt;And here goes my android java code for Registration_activity:&lt;/p&gt;
&lt;pre&gt;&lt;code&gt;public class Registration_activity extends Activity{
    HttpPost httppost;
    StringBuffer buffer;
    HttpResponse response;
    HttpClient httpclient;
    List&amp;lt;NameValuePair&amp;gt; nameValuePairs;
    ProgressDialog dialog = null;
    Button ok_btn;
    EditText username,password,re_password,email;
    @Override
    protected void onCreate(Bundle savedInstanceState) {
        super.onCreate(savedInstanceState);
        setContentView(R.layout.activity_register);
        ok_btn = (Button)findViewById(R.id.signup_btn);
        username = (EditText)findViewById(R.id.rusername_txtbox);
        password = (EditText)findViewById(R.id.rpassword_txtbox);
        re_password = (EditText)findViewById(R.id.re_password_txtbox);
        email = (EditText)findViewById(R.id.email_txtbox);
        ok_btn.setOnClickListener(new OnClickListener() {
            @Override
            public void onClick(View v) {
                if(!username.getText().toString().trim().equals("") &amp;amp;&amp;amp; !password.getText().toString().trim().equals("") &amp;amp;&amp;amp; !re_password.getText().toString().trim().equals("") &amp;amp;&amp;amp; !email.getText().toString().trim().equals("")){
                    if(password.getText().toString().trim().equals(re_password.getText().toString().trim())){
                        if(android.util.Patterns.EMAIL_ADDRESS.matcher(email.getText().toString().trim()).matches()){
                            dialog = ProgressDialog.show(Registration_activity.this, "","Creating user...", true);
                             new Thread(new Runnable() {
                                    public void run() {
                                        login();                          
                                    }
                                    private void login() {
                                        try{            
                                            httpclient=new DefaultHttpClient();
                                            httppost= new HttpPost("http://localhost/register.php"); 
                                            nameValuePairs = new ArrayList&amp;lt;NameValuePair&amp;gt;(2);
                                            nameValuePairs.add(new BasicNameValuePair("username",username.getText().toString().trim()));  
                                            nameValuePairs.add(new BasicNameValuePair("password",password.getText().toString().trim())); 
                                            nameValuePairs.add(new BasicNameValuePair("email",email.getText().toString().trim()));  
                                            httppost.setEntity(new UrlEncodedFormEntity(nameValuePairs));
                                            response=httpclient.execute(httppost);
                                            ResponseHandler&amp;lt;String&amp;gt; responseHandler = new BasicResponseHandler();
                                            final String response = httpclient.execute(httppost, responseHandler);
                                            System.out.println("Response : " + httpclient.execute(httppost, responseHandler)); 
                                            runOnUiThread(new Runnable() {
                                                public void run() {
                                                    dialog.dismiss();
                                                }
                                            });
                                            if(httpclient.execute(httppost, responseHandler).contains("Success")){
                                                runOnUiThread(new Runnable() {
                                                    public void run() {
                                                        Toast.makeText(Registration_activity.this,"Registration Success", Toast.LENGTH_SHORT).show();
                                                    }
                                                });
                                                Intent intent = new Intent(Registration_activity.this,Login_activity.class);
                                                startActivity(intent);
                                            }
                                            else if(httpclient.execute(httppost, responseHandler).contains("Exists")){
                                                showAlert("Email-id already used");     
                                            }
                                            else if (httpclient.execute(httppost, responseHandler).contains("Error")){
                                                showAlert("Error!!!");  
                                            }
                                        }catch(Exception e){
                                            dialog.dismiss();
                                            System.out.println("Exception : " + e.getMessage());
                                        }
                                    }
                                    private void showAlert(final String s) {
                                        Registration_activity.this.runOnUiThread(new Runnable() {
                                            public void run() {
                                                AlertDialog.Builder builder = new AlertDialog.Builder(Registration_activity.this);
                                                builder.setTitle("Alert");
                                                builder.setMessage(s)  
                                                       .setCancelable(false)
                                                       .setPositiveButton("OK", new DialogInterface.OnClickListener() {
                                                           public void onClick(DialogInterface dialog, int id) {
                                                           }
                                                       });                     
                                                AlertDialog alert = builder.create();
                                                alert.show();               
                                            }
                                        });
                                    }
                                  }).start();
                        }
                        else{
                            Toast.makeText(getApplicationContext(), "Email address format error!!!", Toast.LENGTH_LONG).show();
                            email.setText("");
                            email.requestFocus();
                        }
                    }
                    else{
                        Toast.makeText(getApplicationContext(), "Password does not match!!!", Toast.LENGTH_LONG).show();
                        password.setText("");
                        re_password.setText("");
                        password.requestFocus();
                    }
                }
                else{
                    Toast.makeText(getApplicationContext(), "Some details Missing!!!", Toast.LENGTH_LONG).show();
                    username.requestFocus();
                }
            }
        });
    }
}
&lt;/code&gt;&lt;/pre&gt;</t>
  </si>
  <si>
    <t>2015-03-27 07:49:50.960000+00:00</t>
  </si>
  <si>
    <t>2015-04-04 15:30:03.740000+00:00</t>
  </si>
  <si>
    <t>php|android|mysql</t>
  </si>
  <si>
    <t>Different output when saving Excel worksheet as tab delimited text via macro</t>
  </si>
  <si>
    <t>&lt;p&gt;If I have an Excel worksheet with a single cell populated with &lt;code&gt;09:00:00&lt;/code&gt; and export it manually as 'Text (tab delimited)' it outputs a text file containing &lt;code&gt;09:00:00&lt;/code&gt;.&lt;/p&gt;
&lt;p&gt;However, if I write the following macro:&lt;/p&gt;
&lt;pre&gt;&lt;code&gt;Sub SaveAsTextTabSeparated()
    Dim Filename As String
    Filename = CreateObject("WScript.Shell").specialfolders("Desktop") &amp;amp; "\" &amp;amp; "test-macro.txt"
    ActiveWorkbook.SaveAs Filename, xlText
End Sub
&lt;/code&gt;&lt;/pre&gt;
&lt;p&gt;The output is then &lt;code&gt;9:00:00&lt;/code&gt; without the leading &lt;code&gt;0&lt;/code&gt;.&lt;/p&gt;
&lt;p&gt;I've tried several of the XlFileFormat options as show &lt;a href="http://msdn.microsoft.com/en-us/library/office/ff198017%28v=office.15%29.aspx" rel="nofollow"&gt;here&lt;/a&gt; but they all exhibit this behaviour.&lt;/p&gt;
&lt;p&gt;Have I missed some additional argument for the &lt;code&gt;SaveAs&lt;/code&gt; method or is it not possible to replicate the behaviour of the manual export?&lt;/p&gt;</t>
  </si>
  <si>
    <t>2014-04-16 07:55:38.870000+00:00</t>
  </si>
  <si>
    <t>2015-02-23 20:13:14.807000+00:00</t>
  </si>
  <si>
    <t>excel|vba|excel-vba|excel-2013</t>
  </si>
  <si>
    <t>How to know all the conditional defines in a project</t>
  </si>
  <si>
    <t>&lt;p&gt;How it is possible to see all the conditional defines for a Delphi project?&lt;/p&gt;
&lt;p&gt;I can define something in project options, but there are some "defaults" and I don't know where to look for. Can you help?&lt;/p&gt;</t>
  </si>
  <si>
    <t>2012-02-03 14:35:22.480000+00:00</t>
  </si>
  <si>
    <t>2015-11-29 12:12:26.130000+00:00</t>
  </si>
  <si>
    <t>delphi|delphi-xe2</t>
  </si>
  <si>
    <t>HikariCP throws access denied for user despite the exact same settings as with DBCP and JDBC</t>
  </si>
  <si>
    <t>&lt;p&gt;I am trying to use HikariCP for connection pooling but am getting access denied despite using all the same settings (which I verified) that i used with DBCP and that work with a straight JDBC connection. I cannot figure out why it is denied.&lt;/p&gt;
&lt;p&gt;The exception:&lt;/p&gt;
&lt;pre&gt;&lt;code&gt;Caused by: java.sql.SQLException: Access denied for user 'TestUser'@'localhost' (using password: YES)
        at com.mysql.jdbc.SQLError.createSQLException(SQLError.java:998)
        at com.mysql.jdbc.MysqlIO.checkErrorPacket(MysqlIO.java:3835)
        at com.mysql.jdbc.MysqlIO.checkErrorPacket(MysqlIO.java:3771)
        at com.mysql.jdbc.MysqlIO.checkErrorPacket(MysqlIO.java:870)
        at com.mysql.jdbc.MysqlIO.proceedHandshakeWithPluggableAuthentication(MysqlIO.java:1659)
        at com.mysql.jdbc.MysqlIO.doHandshake(MysqlIO.java:1206)
        at com.mysql.jdbc.ConnectionImpl.coreConnect(ConnectionImpl.java:2239)
        at com.mysql.jdbc.ConnectionImpl.connectOneTryOnly(ConnectionImpl.java:2270)
        at com.mysql.jdbc.ConnectionImpl.createNewIO(ConnectionImpl.java:2069)
        at com.mysql.jdbc.ConnectionImpl.&amp;lt;init&amp;gt;(ConnectionImpl.java:794)
        at com.mysql.jdbc.JDBC4Connection.&amp;lt;init&amp;gt;(JDBC4Connection.java:44)
        at sun.reflect.NativeConstructorAccessorImpl.newInstance0(Native Method)
        at sun.reflect.NativeConstructorAccessorImpl.newInstance(NativeConstructorAccessorImpl.java:39)
        at sun.reflect.DelegatingConstructorAccessorImpl.newInstance(DelegatingConstructorAccessorImpl.java:27)
        at java.lang.reflect.Constructor.newInstance(Constructor.java:513)
        at com.mysql.jdbc.Util.handleNewInstance(Util.java:389)
        at com.mysql.jdbc.ConnectionImpl.getInstance(ConnectionImpl.java:399)
        at com.mysql.jdbc.NonRegisteringDriver.connect(NonRegisteringDriver.java:325)
        at com.mysql.jdbc.jdbc2.optional.MysqlDataSource.getConnection(MysqlDataSource.java:422)
        at com.mysql.jdbc.jdbc2.optional.MysqlDataSource.getConnection(MysqlDataSource.java:134)
        at com.zaxxer.hikari.pool.BaseHikariPool.addConnection(BaseHikariPool.java:444)
        at com.zaxxer.hikari.pool.BaseHikariPool.initializeConnections(BaseHikariPool.java:548)
        ... 13 more
&lt;/code&gt;&lt;/pre&gt;
&lt;p&gt;My JDBC URL is: &lt;code&gt;jdbc:mysql://localhost:3307/Test&lt;/code&gt; which is 100% correct (including the port).&lt;/p&gt;
&lt;p&gt;The only things I set were:&lt;/p&gt;
&lt;pre&gt;&lt;code&gt;    //Start our configuration
    HikariConfig config = new HikariConfig();
    //Set the connection settings
    config.setJdbcUrl( "jdbc:mysql://localhost:3307/Test" );
    config.setUsername( "TestUser" );
    config.setPassword( "test" );
    //Data source class
    config.setDataSourceClassName( "com.mysql.jdbc.jdbc2.optional.MysqlDataSource" );
    //Set our settings
    config.addDataSourceProperty( "cachePrepStmts", "true") );
    config.addDataSourceProperty( "prepStmtCacheSize", "250" );
    config.addDataSourceProperty( "prepStmtCacheSqlLimit", "2048" );
    //Create the datasource
    dataSource = new HikariDataSource(config);
&lt;/code&gt;&lt;/pre&gt;
&lt;p&gt;I'm using Java 6.&lt;/p&gt;</t>
  </si>
  <si>
    <t>2016-05-04 16:58:05.123000+00:00</t>
  </si>
  <si>
    <t>2017-08-08 19:13:51.733000+00:00</t>
  </si>
  <si>
    <t>java|mysql|jdbc|connection-pooling|hikaricp</t>
  </si>
  <si>
    <t>How to list TLS 1.2 ciphersuites im openssl 1.0.2g</t>
  </si>
  <si>
    <t>&lt;p&gt;In openssl man page for openssl 1.0.2g, the command for listing the ciphersuites:&lt;/p&gt;
&lt;pre&gt;&lt;code&gt;openssl ciphers [-v] [-V] [-ssl2] [-ssl3] [-tls1] [cipherlist]
&lt;/code&gt;&lt;/pre&gt;
&lt;p&gt;Although the server that is running openssl 1.0.2g is TLS 1.2, this version of openssl does not provide TLS 1.2 in the command (unlike openssl 1.10). &lt;/p&gt;
&lt;p&gt;My question is how can I list TLS 1.2 ciphersuites in openssl 1.0.2g?&lt;/p&gt;</t>
  </si>
  <si>
    <t>2018-06-12 12:53:15.863000+00:00</t>
  </si>
  <si>
    <t>2018-06-12 14:22:11.143000+00:00</t>
  </si>
  <si>
    <t>ssl|encryption|openssl|tls1.2</t>
  </si>
  <si>
    <t>Is it reasonable to codify lazy loading as a template class?</t>
  </si>
  <si>
    <t>&lt;p&gt;I'm wondering if something like &lt;/p&gt;
&lt;pre&gt;&lt;code&gt;template &amp;lt;typename T&amp;gt;
class LazyLoaded
{
    mutable char mem[sizeof T]; //First item in the class to keep alignment issues at bay
    const std::function&amp;lt;void (T&amp;amp;)&amp;gt; initializer;
    mutable bool loaded;
public:
    LazyLoaded() : loaded(false)
    {
        initializer = [] (T&amp;amp;) {};
    }
    LazyLoaded(const std::function&amp;lt;void (T&amp;amp;)&amp;gt;&amp;amp; init) : initializer(init), loaded(false)
    {
    }
    T&amp;amp; Get()
    {
        if (!loaded)
        {
            new (static_cast&amp;lt;void *&amp;gt;(&amp;amp;mem)) T();
            initializer(*static_cast&amp;lt;T*&amp;gt;(&amp;amp;mem));
            loaded = true;
        }
        return *static_cast&amp;lt;T*&amp;gt;(&amp;amp;mem);
    }
    ~LazyLoaded()
    {
        if (loaded)
        {
            static_cast&amp;lt;T*&amp;gt;(&amp;amp;mem)-&amp;gt;~T();
        }
    }
};
&lt;/code&gt;&lt;/pre&gt;
&lt;p&gt;is possible or makes sense to do. (I think there are issues with this code, but hey, I threw it together in 10 minutes, so....)&lt;/p&gt;</t>
  </si>
  <si>
    <t>2011-07-21 20:49:13.930000+00:00</t>
  </si>
  <si>
    <t>2011-07-21 22:17:41.573000+00:00</t>
  </si>
  <si>
    <t>c++|c++11|lazy-loading</t>
  </si>
  <si>
    <t>Delete cache image in phonegap</t>
  </si>
  <si>
    <t>&lt;p&gt;I'm currently developing app for android using Phonegap technology, for your information, my app concept as below&lt;/p&gt;
&lt;ol&gt;
&lt;li&gt;&lt;p&gt;Capture image (by default Phonegap will store cache image locally: i.e the image path is (file://androidappnames/cache/21323213.jpg)&lt;/p&gt;&lt;/li&gt;
&lt;li&gt;&lt;p&gt;Retrieve the image &lt;/p&gt;&lt;/li&gt;
&lt;li&gt;Do some work with the image.&lt;/li&gt;
&lt;/ol&gt;
&lt;p&gt;The question is, how to delete the cache image?&lt;/p&gt;</t>
  </si>
  <si>
    <t>2013-07-16 07:38:11.887000+00:00</t>
  </si>
  <si>
    <t>2016-05-18 08:09:30.793000+00:00</t>
  </si>
  <si>
    <t>2015-07-12 19:52:05.710000+00:00</t>
  </si>
  <si>
    <t>android|cordova|caching|camera|delete-file</t>
  </si>
  <si>
    <t>variable path in console python for linux and windows</t>
  </si>
  <si>
    <t>&lt;p&gt;I think there is a simple solution of my problem, but I can't execute my python script in console: I mean I have my script in subdirectory of my project - 'lib' folder and I want to run it with path matched to both linux and windows:&lt;/p&gt;
&lt;pre&gt;&lt;code&gt;path_to_mb_util = join('lib', 'my_script')
os.system(r'python path_to_mb_util %s %s' % (input_folder_path, output_folder))
&lt;/code&gt;&lt;/pre&gt;
&lt;p&gt;It works fine if I write absolute/relative path (/home/evgenia/Documents/projects/Maps/lib/my_script or lib/my_script) but if I define path as variable I get 'No such file or directory' &lt;/p&gt;
&lt;p&gt;I tried using &lt;a href="https://stackoverflow.com/a/43506852/8129993"&gt;this recommendation&lt;/a&gt; and &lt;a href="https://askubuntu.com/a/773582"&gt;this&lt;/a&gt; but subprocess module doesn't working. &lt;/p&gt;
&lt;p&gt;Where I am wrong?&lt;/p&gt;
&lt;p&gt;my code for linux:&lt;/p&gt;
&lt;pre&gt;&lt;code&gt;regions_dir = '/media/evgenia/var/regions'
reverse = {v: k for k, v in func.dict_regions(maps_type).items()}
list_folders = os.listdir(regions_dir)
for input_folder in list_folders:
    folder_path = join(regions_dir, input_folder)
    if reverse.get(input_folder[4:]):
        output_folder = join(out, maps_type, reverse.get(input_folder[4:]) + '.mbtiles')
        # path_to_mb_util = join('lib', 'my_script')
        os.system(r'python lib/my_script %s %s' % (folder_path, output_folder))
&lt;/code&gt;&lt;/pre&gt;</t>
  </si>
  <si>
    <t>2018-08-28 14:50:52.057000+00:00</t>
  </si>
  <si>
    <t>2018-08-29 08:54:24.057000+00:00</t>
  </si>
  <si>
    <t>python-3.x|console|subprocess</t>
  </si>
  <si>
    <t>How to pass dictionary from ajax to controller</t>
  </si>
  <si>
    <t>&lt;p&gt;I would like to pass dictionary from AJAX to the controller
so where I go trough the all input element I would like to create &lt;code&gt;dictionary&amp;lt;element.name as TKey, element.value as TValue&amp;gt;&lt;/code&gt;&lt;/p&gt;
&lt;p&gt;How its that possible?&lt;/p&gt;
&lt;p&gt;controller&lt;/p&gt;
&lt;pre&gt;&lt;code&gt;[HttpPost]
public ActionResult SearchResult(int reportId, Dictionary&amp;lt;string, object&amp;gt; elementValue)
&lt;/code&gt;&lt;/pre&gt;
&lt;p&gt;js&lt;/p&gt;
&lt;pre class="lang-js prettyprint-override"&gt;&lt;code&gt;$("#btnSearch").click(function() {
  var reportId = $(this).data("id");
  var elementValues = {};
  $("#pnlFilter :input").each(function() {
    if ($(this).attr("type") === "checkbox") {
      elementValues = {
        "key": this.name,
        "value": $(this).is(":checked")
      };
      //elementValues.push(this.name + "-" + $(this).is(":checked"));
    } else {
      elementValues = {
        "key": this.name,
        "value": this.value
      };
      //elementValues.push(this.name + "-" + this.value);
    }
  });
  alert(elementValues);
  $.ajaxSetup({
    cache: false
  });
  $.ajax({
    type: "POST",
    url: "/Report/SearchResult",
    contentType: "application/json; charset=utf-8",
    data: JSON.stringify({
      reportId,
      elementValues
    }),
    dataType: "json",
    success: function() {
      var url = "/Report/EditFilters?reportId=" + reportId;
      $("#pageContent").load(url);
    }
  });
});
&lt;/code&gt;&lt;/pre&gt;</t>
  </si>
  <si>
    <t>2018-01-23 11:29:12.733000+00:00</t>
  </si>
  <si>
    <t>2018-01-23 11:41:39.457000+00:00</t>
  </si>
  <si>
    <t>javascript|jquery|ajax|asp.net-mvc|dictionary</t>
  </si>
  <si>
    <t>Hibernate's multi tenancy using separate schema</t>
  </si>
  <si>
    <t>&lt;h2&gt;The problem&lt;/h2&gt;
&lt;p&gt;I have an application build on Spring 4, Hibernate 5 and Spring Data JPA 1.7. I use PostgresSQL as database. I'd like to use Hibernate's support for multi tenancy, but have problem with correctly implementing &lt;code&gt;MultiTenantConnectionProvider&lt;/code&gt;. I'd like to use SCHEMA stratagey for separating tenants and I'd prefer to use single &lt;code&gt;DataSource&lt;/code&gt;.&lt;/p&gt;
&lt;p&gt;My current implementation of &lt;code&gt;MultiTenantConnectionProvider&lt;/code&gt;'s method &lt;code&gt;getConnection()&lt;/code&gt; looks like this:&lt;/p&gt;
&lt;pre class="lang-java prettyprint-override"&gt;&lt;code&gt;@Override
public Connection getConnection(String tenantIdentifier) throws SQLException {
    final Connection connection = getAnyConnection();
    try {
        connection.createStatement().execute("SET SCHEMA '" + tenantIdentifier + "'");
    }
    catch (SQLException e) {
        throw new HibernateException("Could not alter JDBC connection to specified schema [" + tenantIdentifier + "]", e);
    }
    return connection;
}
&lt;/code&gt;&lt;/pre&gt;
&lt;p&gt;I take the &lt;code&gt;connection&lt;/code&gt; from my &lt;code&gt;DataSource&lt;/code&gt;, which I inject by implementing interface &lt;code&gt;ServiceRegistryAwareService&lt;/code&gt;, but I'm not sure that this is a right way.&lt;/p&gt;
&lt;p&gt;Method gets called when it should with correct &lt;code&gt;tenantIdentifier&lt;/code&gt; (comming from my implementation of &lt;code&gt;CurrentTenantIdentifierResolver&lt;/code&gt;), statement is executed, but in practise, it is useless. Problem is, that queries generated by Hibernate contain fully qualified names of tables including default schema. Can I tell hibernate to omit default schema from queries? Or should I use completely different approach?&lt;/p&gt;
&lt;h2&gt;My configuration&lt;/h2&gt;
&lt;p&gt;I don't wanna clutter my question with too much configuration, I'll paste here what I believe is relevant. If I missed something important, please let me know.&lt;/p&gt;
&lt;p&gt;This is part of my application context xml&lt;/p&gt;
&lt;pre class="lang-xml prettyprint-override"&gt;&lt;code&gt;&amp;lt;bean id="dataSource" class="org.springframework.jdbc.datasource.DriverManagerDataSource"&amp;gt;
    &amp;lt;property name="driverClassName" value="org.postgresql.Driver"/&amp;gt;
    &amp;lt;property name="url" value="${database.url}"/&amp;gt;
    &amp;lt;property name="username" value="${database.username}"/&amp;gt;
    &amp;lt;property name="password" value="${database.password}"/&amp;gt;
&amp;lt;/bean&amp;gt;
&amp;lt;bean id="entityManagerFactory" class="org.springframework.orm.jpa.LocalContainerEntityManagerFactoryBean"&amp;gt;
    &amp;lt;property name="dataSource" ref="dataSource" /&amp;gt;
    &amp;lt;property name="persistenceUnitName" value="pu" /&amp;gt;
    &amp;lt;property name="jpaVendorAdapter"&amp;gt;
        &amp;lt;bean class="org.springframework.orm.jpa.vendor.HibernateJpaVendorAdapter"&amp;gt;
            &amp;lt;property name="showSql" value="false" /&amp;gt;
            &amp;lt;property name="databasePlatform" value="org.hibernate.dialect.PostgreSQL9Dialect" /&amp;gt;
        &amp;lt;/bean&amp;gt;
    &amp;lt;/property&amp;gt;
&amp;lt;/bean&amp;gt;
&amp;lt;bean id="transactionManager" class="org.springframework.orm.jpa.JpaTransactionManager"&amp;gt;
    &amp;lt;property name="entityManagerFactory" ref="entityManagerFactory" /&amp;gt;
    &amp;lt;property name="dataSource" ref="dataSource" /&amp;gt;
&amp;lt;/bean&amp;gt;
&lt;/code&gt;&lt;/pre&gt;
&lt;h2&gt;Side question&lt;/h2&gt;
&lt;p&gt;Is there any difference between &lt;code&gt;hibernate.multiTenancy&lt;/code&gt; values &lt;code&gt;SCHEMA&lt;/code&gt; and &lt;code&gt;DATABASE&lt;/code&gt;, from Hibernate's point of view? I understand the conceptual difference between these two, but from looking at the source code, it seems to me like these two are completely interchangeable and all the logic is hidden in the implementation of &lt;code&gt;MultiTenantConnectionProvider&lt;/code&gt;. Am I missing something?&lt;/p&gt;</t>
  </si>
  <si>
    <t>2015-09-17 21:06:41.707000+00:00</t>
  </si>
  <si>
    <t>2015-09-17 21:12:07.847000+00:00</t>
  </si>
  <si>
    <t>java|hibernate|spring-data|spring-data-jpa|multi-tenant</t>
  </si>
  <si>
    <t>Etymology of linux commands</t>
  </si>
  <si>
    <t>&lt;p&gt;Just for fun ... I tend to keep myself alert by looking for serendipitous puzzles throughout the day.  One of the things I love about linux is the never-ending amount of cleverness it embodies, from its elegant simplicity all the way to the comments in its manual pages.&lt;/p&gt;
&lt;p&gt;&lt;em&gt;Can you articulate the unwritten rules that dictate how new commands are named, or provide some history behind common commands?  What essential command is missing from stock linux distros--what would it do, and what would you name it?&lt;/em&gt;&lt;/p&gt;
&lt;p&gt;&lt;strong&gt;Examples:&lt;/strong&gt;&lt;/p&gt;
&lt;ul&gt;
&lt;li&gt;&lt;code&gt;cat&lt;/code&gt; is used to &lt;em&gt;catenate&lt;/em&gt; files.  It has been superseded by &lt;code&gt;dog&lt;/code&gt; in some distros.  &lt;/li&gt;
&lt;li&gt;&lt;code&gt;ssh&lt;/code&gt; provides a &lt;em&gt;secure shell&lt;/em&gt;, but it can't be a coincidence that it just &lt;em&gt;begs&lt;/em&gt; to be pronounced "ssssshhhhh!"&lt;/li&gt;
&lt;/ul&gt;
&lt;p&gt;&lt;em&gt;Bonus Puzzle:&lt;/em&gt;  One of our long-time customers was MCI, and their shipping address was 1101 Summit Ave.  Now, MCI was a large company and probably could have chosen any address ... so why 1101?  Amazingly, I've &lt;em&gt;never&lt;/em&gt; come across an MCI employee who knew this answer ... but they didn't have SO back then!&lt;/p&gt;
&lt;p&gt;&lt;strong&gt;EDIT: Before this gets out of hand:  please do &lt;em&gt;not&lt;/em&gt; simply list commands!  I'm looking for answers to the questions in &lt;em&gt;italics&lt;/em&gt; above.  Thanks!&lt;/strong&gt;&lt;/p&gt;</t>
  </si>
  <si>
    <t>2008-11-03 12:39:52.343000+00:00</t>
  </si>
  <si>
    <t>2012-08-08 01:45:43.747000+00:00</t>
  </si>
  <si>
    <t>hop</t>
  </si>
  <si>
    <t>Adam Liss</t>
  </si>
  <si>
    <t>missing exec:SQLitePlugin.open in Apache Cordova with Visual Studio 2015</t>
  </si>
  <si>
    <t>&lt;p&gt;I am new in mobile app for the database using sqlite after searching on goolge I configure my project in visual studio but I am getting two error &lt;a href="https://i.stack.imgur.com/3p5Ia.png" rel="nofollow noreferrer"&gt;&lt;img src="https://i.stack.imgur.com/3p5Ia.png" alt="enter image description here"&gt;&lt;/a&gt;&lt;/p&gt;
&lt;p&gt;after click on success get 2nd error&lt;/p&gt;
&lt;p&gt;&lt;a href="https://i.stack.imgur.com/TRfFl.png" rel="nofollow noreferrer"&gt;&lt;img src="https://i.stack.imgur.com/TRfFl.png" alt="enter image description here"&gt;&lt;/a&gt;&lt;/p&gt;
&lt;p&gt;I am not getting any solution after searching.&lt;/p&gt;
&lt;p&gt;I include SQLitePlugin.js in my html page and code for sqlite is &lt;/p&gt;
&lt;pre&gt;&lt;code&gt;(function () {
"use strict";
document.addEventListener('deviceready', onDeviceReady.bind(this), false);
function onDeviceReady() {
    var db = window.sqlitePlugin.openDatabase({ name: 'my.db', location: 'default' }, function (db) {
        // Here, you might create or open the table.
        db.executeSql('CREATE TABLE customerAccounts (firstname, lastname, acctNo)');
    }, function (error) {
        console.log('Open database ERROR: ' + JSON.stringify(error));
    });
    // Handle the Cordova pause and resume events
    document.addEventListener('pause', onPause.bind(this), false);
    document.addEventListener('resume', onResume.bind(this), false);
    // TODO: Cordova has been loaded. Perform any initialization that requires Cordova here.
    var element = document.getElementById("deviceready");
    element.innerHTML = 'Device Ready';
    element.className += ' ready';
};
function onPause() {
    // TODO: This application has been suspended. Save application state here.
};
function onResume() {
    // TODO: This application has been reactivated. Restore application state here.
};
&lt;/code&gt;&lt;/pre&gt;
&lt;p&gt;})();&lt;/p&gt;
&lt;p&gt;What the mistake here?&lt;/p&gt;</t>
  </si>
  <si>
    <t>2016-05-31 12:23:56.920000+00:00</t>
  </si>
  <si>
    <t>2016-06-02 01:27:48.750000+00:00</t>
  </si>
  <si>
    <t>javascript|sqlite|cordova|visual-studio-2015</t>
  </si>
  <si>
    <t>Scrabble word finder in C#</t>
  </si>
  <si>
    <t>&lt;p&gt;What I'm trying to do right now is take a user input, and check a text file to see if you can make any of the words in the text file out of the input entered. &lt;/p&gt;
&lt;p&gt;For example, if I entered "noqmopu", the output would be:
moo
moon
mop
muon
pun
quo
upon&lt;/p&gt;
&lt;p&gt;My code is below. I've omitted the rest of the program since it's finished and would use up space. What I've tried to do is, if the inputted string is larger than the word that is being checked in the text file, it'll convert both to a char then compare each letter of the input to the word. If the characters match, a counter adds 1 to itself and the for loop breaks to prevent a letter being matched twice. Then, if the counter is equal to the length of the word, that would mean you could make out the word from the inputted string and it gets printed on the screen.&lt;/p&gt;
&lt;p&gt;At the moment, if I type "noqmopu", all that gets printed out is 'n' (which is one of the words in the text file). I realize I'll have to limit the printed words to words with 3 characters or higher, but I'd like to know how to resolve this first. If there's another way of doing this, that'd be great, but I'd also like to know why this isn't working. I can't use any Systems.Collections. Thanks.&lt;/p&gt;</t>
  </si>
  <si>
    <t>2015-09-09 08:52:35.640000+00:00</t>
  </si>
  <si>
    <t>2015-09-11 23:30:00.737000+00:00</t>
  </si>
  <si>
    <t>c#|wordsearch</t>
  </si>
  <si>
    <t>template function which takes objects of type and objects of all derived types</t>
  </si>
  <si>
    <t>&lt;p&gt;I want a template function which takes all objects which are instances of Base or any derived classes ( only one derived class here ) from Base. My following example did not work, see comments for what comes out and what I want to achieve:&lt;/p&gt;
&lt;pre&gt;&lt;code&gt;#include &amp;lt;iostream&amp;gt;
template &amp;lt;typename T&amp;gt;
class Base { };
template&amp;lt; typename T&amp;gt;
class Derived: public Base&amp;lt;T&amp;gt; { };
//FIRST
template &amp;lt; typename T&amp;gt;
void Do( const T&amp;amp; )
{
    std::cout &amp;lt;&amp;lt; "FIRST " &amp;lt;&amp;lt; __PRETTY_FUNCTION__ &amp;lt;&amp;lt; std::endl;
}
// SECOND Should eat all types which derives from Base&amp;lt;T&amp;gt;
template &amp;lt; typename T&amp;gt;
void Do( Base&amp;lt;T&amp;gt;&amp;amp; base)
{
    std::cout &amp;lt;&amp;lt; "SECOND " &amp;lt;&amp;lt; __PRETTY_FUNCTION__ &amp;lt;&amp;lt; std::endl;
}
int main()
{
    Derived&amp;lt;int&amp;gt; derived;
    Base&amp;lt;int&amp;gt; base;
    Do(base);       // SECOND void Do(Base&amp;lt;T&amp;gt;&amp;amp;) [with T = int]           OK
    Do(derived);    // FIRST void Do(const T&amp;amp;) [with T = Derived&amp;lt;int&amp;gt;]   Fail -&amp;gt; should go to SECOND!
    Do(1);          // FIRST void Do(const T&amp;amp;) [with T = int]            OK
}
&lt;/code&gt;&lt;/pre&gt;
&lt;p&gt;The original code has &lt;code&gt;Base&lt;/code&gt; as a template class. I simplified this but should be kept in mind. &lt;/p&gt;
&lt;p&gt;I though about disabling the FIRST function with enable_if for base and derived types, but I could not find a idea for the correct trick. And also enabling the SECOND one only for the base and derived classes is a option, but I can't get the trick here.&lt;/p&gt;
&lt;p&gt;I saw &lt;a href="https://stackoverflow.com/questions/25803679/enable-if-type-is-not-of-a-certain-template-class"&gt;enable_if type is not of a certain template class&lt;/a&gt; but this is not helping with the derived ones.&lt;/p&gt;
&lt;p&gt;EDIT:
Sorry, my given example was to much simplified. As given in the headline I need some template stuff to find out if the type of the template function is a instance of the template or derived from this template type. I modified the example code.&lt;/p&gt;</t>
  </si>
  <si>
    <t>2016-01-21 21:53:00.597000+00:00</t>
  </si>
  <si>
    <t>2016-01-21 22:09:37.340000+00:00</t>
  </si>
  <si>
    <t>2017-05-23 12:15:16.853000+00:00</t>
  </si>
  <si>
    <t>c++|c++14|template-meta-programming</t>
  </si>
  <si>
    <t>Python - Copying Columns between CSVs, but combined string/integer values copy as blank?</t>
  </si>
  <si>
    <t>&lt;p&gt;I have a master.txt file that I converted to master.csv, using comma as delimiter. I'm trying to copy only columns I want from master.csv to aircraft.csv. My first column contains such values as A1234 and CB34555, and these show up as a blank in aircraft.csv. The column header, "N-NUMBER", does show up, as does all data in other columns. How do I fix this to get my complete data?&lt;/p&gt;
&lt;pre&gt;&lt;code&gt;import arcpy
import csv
import time
time.sleep(7)
arcpy.env.workspace = r"C:\GIS\final"
master = r"C:\GIS\final\MASTER.txt"
table = r"C:\GIS\final\MASTER.csv"
result = r"C:\GIS\final\aircraft.csv"
need = ["N-NUMBER", "NAME", "STREET", "STREET2", "CITY", "STATE", "ZIP CODE", "REGION", "TYPE AIRCRAFT"]
StartTime = time.clock()
in_txt = csv.reader(open(master, "rb"), delimiter = ',')
out_csv = csv.writer(open(table, 'wb'))
out_csv.writerows(in_txt)
del in_txt
del out_csv
EndTime = time.clock()
TotalTime = str(EndTime - StartTime)
print "Conversion Operation Complete in " + TotalTime + " seconds."
StartTime = time.clock()
with open(table) as infile, open(result, "wb") as outfile:
    r = csv.DictReader(infile)
    w = csv.DictWriter(outfile, need, extrasaction="ignore")
    w.writeheader()
    for row in r:
        w.writerow(row)
EndTime = time.clock()
TotalTime2 = str(EndTime - StartTime)
print "Cleaning Operation Complete in " + TotalTime2 + " seconds."
&lt;/code&gt;&lt;/pre&gt;</t>
  </si>
  <si>
    <t>2015-08-10 17:59:51.707000+00:00</t>
  </si>
  <si>
    <t>2015-08-10 18:35:02.533000+00:00</t>
  </si>
  <si>
    <t>python|csv|arcpy</t>
  </si>
  <si>
    <t>best practice for making a maven parent project</t>
  </si>
  <si>
    <t>&lt;p&gt;I developped a multi-module project which is a kind of java web framework.
One of the submodules is a parent pom that I provide for the users of my framework. This parent configures plugins and dependencies for them.
My problem is that this parent pom must refers the sibling modules with their version, which is ${project.version}, and because of the maven project inheritance, the ${project.version} is not the one I want.&lt;/p&gt;
&lt;p&gt;To illustrate, my framework projects structure looks like :&lt;/p&gt;
&lt;pre&gt;&lt;code&gt;my-framework/
|_pom.xml
|_parent/
  |_pom.xml
|_server/
  |_pom.xml
|_ui/
  |_pom.xml
&lt;/code&gt;&lt;/pre&gt;
&lt;p&gt;and my parent pom looks like :&lt;/p&gt;
&lt;pre&gt;&lt;code&gt;&amp;lt;project
    ....
&amp;lt;!-- General information --&amp;gt;
&amp;lt;modelVersion&amp;gt;4.0.0&amp;lt;/modelVersion&amp;gt;
&amp;lt;artifactId&amp;gt;my-framework-parent&amp;lt;/artifactId&amp;gt;
&amp;lt;packaging&amp;gt;pom&amp;lt;/packaging&amp;gt;
&amp;lt;parent&amp;gt;
    &amp;lt;groupId&amp;gt;my.framework&amp;lt;/groupId&amp;gt;
    &amp;lt;artifactId&amp;gt;my-framework&amp;lt;/artifactId&amp;gt;
    &amp;lt;version&amp;gt;1.0.0-SNAPSHOT&amp;lt;/version&amp;gt;
&amp;lt;/parent&amp;gt;
&amp;lt;properties&amp;gt;
    &amp;lt;my.framework.version&amp;gt;${project.version}&amp;lt;/my.framework.version&amp;gt;
&amp;lt;/properties&amp;gt;
&amp;lt;dependencyManagement&amp;gt;
    &amp;lt;dependencies&amp;gt;
        &amp;lt;dependency&amp;gt;
            &amp;lt;groupId&amp;gt;my.framework&amp;lt;/groupId&amp;gt;
            &amp;lt;artifactId&amp;gt;my-framework-server&amp;lt;/artifactId&amp;gt;
            &amp;lt;version&amp;gt;${my.framework.version}&amp;lt;/version&amp;gt;
        &amp;lt;/dependency&amp;gt;
       &amp;lt;dependency&amp;gt;
            &amp;lt;groupId&amp;gt;my.framework&amp;lt;/groupId&amp;gt;
            &amp;lt;artifactId&amp;gt;my-framework-ui&amp;lt;/artifactId&amp;gt;
            &amp;lt;version&amp;gt;${my.framework.version}&amp;lt;/version&amp;gt;
        &amp;lt;/dependency&amp;gt;
    &amp;lt;/dependencyManagement&amp;gt;
    ...
&amp;lt;/project&amp;gt;
&lt;/code&gt;&lt;/pre&gt;
&lt;p&gt;Then, if a user uses this parent, as maven resolves ${project.version} in the context of the user's project, ${my.framework.version} will be the user's project version instead my framework's version.&lt;/p&gt;
&lt;p&gt;To solve this I generated the parent pom I want thanks to the maven-resources-plugin and I overrided the maven-install-plugin behaviour to install the generated pom.
My solution looks tricky and I would like if someone who faced the same problem has a better solution?&lt;/p&gt;</t>
  </si>
  <si>
    <t>2015-10-07 20:17:13.270000+00:00</t>
  </si>
  <si>
    <t>2015-10-08 15:52:08.740000+00:00</t>
  </si>
  <si>
    <t>2015-10-07 21:12:50.347000+00:00</t>
  </si>
  <si>
    <t>UIPickerView shows up but does not load data</t>
  </si>
  <si>
    <t>&lt;p&gt;I am pretty new to objective c. I have looked through a ton of questions on stack overflow to try to find an answer but nothing has helped, so I appreciate any help anyone can offer. &lt;/p&gt;
&lt;p&gt;I am trying to make an app that will have the picker view load from my array of 51 numbers. a random object will be generated from the array and if the user selects that object from the picker, an alert will show. I'm going to make a simple little guessing game, but for now I just have the picker that loads but is blank with no text. The alerts do work tho.&lt;/p&gt;
&lt;p&gt;I have already assigned datasource and delegate to picker view on the view controller.&lt;/p&gt;
&lt;p&gt;I need help figuring out why my picker view is not loading my array and what I can do to fix it. Thank you&lt;/p&gt;
&lt;p&gt;here is my h file: &lt;/p&gt;
&lt;pre&gt;&lt;code&gt;#import &amp;lt;UIKit/UIKit.h&amp;gt;
@interface ViewController : UIViewController &amp;lt;UIPickerViewDataSource, UIPickerViewDelegate&amp;gt;
@property (strong, nonatomic) IBOutlet UIPickerView *picker;
@end
&lt;/code&gt;&lt;/pre&gt;
&lt;p&gt;here is m file: &lt;/p&gt;
&lt;pre&gt;&lt;code&gt;#import "ViewController.h"
@interface ViewController ()
@property NSArray *numbers;
@property NSString * selection;
@property NSString *randomObject;
@property NSInteger rnd;
@end
@implementation ViewController
- (void)viewDidLoad {
    [super viewDidLoad];
    self.view.backgroundColor = [UIColor darkGrayColor];
     [_numbers arrayByAddingObjectsFromArray:_numbers];
}
-(NSInteger)numberOfComponentsInPickerView:(UIPickerView *)pickerView{
    return 1;
}
-(NSInteger)pickerView:(UIPickerView *)pickerView numberOfRowsInComponent:      (NSInteger)component{
    return _numbers.count;
}
 -(void)pickerView:(UIPickerView *)pickerView didSelectRow:(NSInteger)row    inComponent:(NSInteger)component{
    _numbers = @[@0,@1,@2,@3,@4,@5,@6,@7,@8,@9,@10,@11,@12,@13,@14,@15,@16,@17,@18,@19,@20,@21,@22,@23,@24,@25,@26,@27,@28,@29,@30,@31,@32,@33,@34,@35,@36,@37,@38,@39,@40,@41,@42,@43,@44,@45,@46,@47,@48,@49,@50];
    //create random object from array
_rnd = arc4random() % ([_numbers count]);
_selection = [NSString stringWithFormat:@"%ld",(long)row];
_randomObject = [_numbers objectAtIndex:self.rnd];
NSLog(@"%@",self.randomObject);
    //strings for alerts
NSString *right = [[NSString alloc]initWithFormat:@"You Guessed Right! Congratulations you've earned 3 points!"];
NSString *oneOff = [[NSString alloc]initWithFormat:@"You were so close! Only 1 off! The number was %lu. Congratulations you've earned 2 points!",(unsigned long)self.rnd];
NSString *twoOff = [[NSString alloc]initWithFormat:@"You were so close! Only 2 off! The number was %lu. Congratulations you've earned 1 point!",(unsigned long)self.rnd];
NSString *threeOff = [[NSString alloc]initWithFormat:@"Nice try! You were 3 off. The number was %lu. You earned -1 point.",(unsigned long)self.rnd];
NSString *fourOff = [[NSString alloc]initWithFormat:@"Good try! You were 2 off. The number was %lu. You earned -2 points.",(unsigned long)self.rnd];
NSString *fiveOff = [[NSString alloc]initWithFormat:@"You were no where close! The number was %lu. You earned -3 points!",(unsigned long)self.rnd];
    //alerts for guesses
UIAlertView *rightAlert = [[UIAlertView alloc]initWithTitle:@"Spot On!" message:right delegate:nil cancelButtonTitle:@"Sweet!" otherButtonTitles:nil, nil];
UIAlertView *oneOffAlert = [[UIAlertView alloc]initWithTitle:@"Only one off!" message:oneOff delegate:nil cancelButtonTitle:@"Ok!" otherButtonTitles:nil, nil];
UIAlertView *twoOffAlert = [[UIAlertView alloc]initWithTitle:@"Only Two Off!" message:twoOff delegate:nil cancelButtonTitle:@"Ok!" otherButtonTitles:nil, nil];
UIAlertView *threeOffAlert = [[UIAlertView alloc]initWithTitle:@"Three Off" message:threeOff delegate:nil cancelButtonTitle:@"Ok" otherButtonTitles:nil, nil];
UIAlertView *fourOffAlert = [[UIAlertView alloc]initWithTitle:@"Four Off" message:fourOff delegate:nil cancelButtonTitle:@"Ok" otherButtonTitles:nil, nil];
UIAlertView *fiveOffAlert = [[UIAlertView alloc]initWithTitle:@"No Where Close!" message:fiveOff delegate:nil cancelButtonTitle:@"Ok!" otherButtonTitles:nil, nil];
NSInteger a = [_selection integerValue];
    //guessed right
if (_selection == _randomObject)
{
    [rightAlert show];
}
    //one off
if (a == (_rnd + 1) || (a == (_rnd - 1)))
{
    [oneOffAlert show];
}
    //two off
if (a == (_rnd + 2) || (a == (_rnd - 2)))
{
    [twoOffAlert show];
}
    //three off
if (a == (_rnd + 3) || (a == (_rnd - 3)))
{
    [threeOffAlert show];
}
    //four off
if (a == (_rnd + 4) || (a == (_rnd - 4)))
{
    [fourOffAlert show];
}
    //five or more off
if ((_rnd + 5) &amp;gt;= a || (_rnd - 5) &amp;lt;= a ||(_rnd - 5) &amp;gt;= a || (_rnd + 5) &amp;lt;= a)
{
    [fiveOffAlert show];
}
}
-(NSString *)pickerView:(UIPickerView *)pickerView titleForRow:(NSInteger)row forComponent:(NSInteger)component{
return _numbers[row];
}
- (void)didReceiveMemoryWarning {
[super didReceiveMemoryWarning];
// Dispose of any resources that can be recreated.
}
@end
&lt;/code&gt;&lt;/pre&gt;</t>
  </si>
  <si>
    <t>2015-08-26 21:26:50.290000+00:00</t>
  </si>
  <si>
    <t>2015-08-26 21:34:09.950000+00:00</t>
  </si>
  <si>
    <t>ios|objective-c|uipickerview</t>
  </si>
  <si>
    <t>Solr : How to create new document</t>
  </si>
  <si>
    <t>&lt;p&gt;Well I am writing a custom request handler and  want to create solr document. I have few fields and their values, I want to create a new document with these field and put in doclist and then stuffing doclist(or SolrDocumentList) in response object to send back to client.&lt;/p&gt;
&lt;p&gt;how can I do it ?? &lt;/p&gt;
&lt;p&gt;thanks&lt;/p&gt;</t>
  </si>
  <si>
    <t>2013-05-14 04:48:57.407000+00:00</t>
  </si>
  <si>
    <t>2014-11-05 13:05:27.633000+00:00</t>
  </si>
  <si>
    <t>2013-05-14 04:54:50.783000+00:00</t>
  </si>
  <si>
    <t>How to scale object dynamically up to canvas size in Fabric.js</t>
  </si>
  <si>
    <t>&lt;p&gt;I want to increase height and width of my svg image same as canvas height and width so that it look like background image of canvas. When I press Set Background button, one svg image will be set to canvas from my directory. I want to scale this image up to canvas height and width dynamically.&lt;/p&gt;
&lt;p&gt;Expected Output: &lt;a href="http://cutting-edge.bluecoresys.com/test/after.PNG"&gt;I want this&lt;/a&gt;&lt;/p&gt;
&lt;h2&gt;Html&lt;/h2&gt;
&lt;pre&gt;&lt;code&gt;&amp;lt;h1&amp;gt;canvas&amp;lt;/h1&amp;gt;
&amp;lt;canvas style="left: -300px; border: 1px dotted;" height="385" width="400" id="c"&amp;gt;&amp;lt;/canvas&amp;gt;
&amp;lt;input type="button" id="svg3" value="set background" /&amp;gt;
&lt;/code&gt;&lt;/pre&gt;
&lt;h2&gt;Script&lt;/h2&gt;
&lt;pre&gt;&lt;code&gt;$(document).ready(function(){
    var canvas = new fabric.Canvas('c');
    var colorSet="red";
    $("#svg3").click(function(){
        fabric.loadSVGFromURL('http://upload.wikimedia.org/wikipedia/en/c/cd/-Islandshreyfingin.svg', function (objects, options) { 
            var shape = fabric.util.groupSVGElements(objects, options);
            shape.set({
                left: 150,
                top:200,
                //height: 700,
                //width: 700,
                scaleX: .35,
                scaleY:.35
            });
            if (shape.isSameColor &amp;amp;&amp;amp; shape.isSameColor() || !shape.paths) {
                shape.setFill(colorSet);
            } else if (shape.paths) {
                for (var i = 0; i &amp;lt; shape.paths.length; i++) {
                    shape.paths[i].setFill(colorSet);
                }
            }
            canvas.add(shape);
            canvas.renderAll();
        });
    });
});
&lt;/code&gt;&lt;/pre&gt;
&lt;p&gt;Here is my &lt;a href="http://jsfiddle.net/hxjZa/4/"&gt;FIDDLE Demo&lt;/a&gt;.&lt;/p&gt;
&lt;p&gt;Does anybody have an idea how to do this?&lt;/p&gt;</t>
  </si>
  <si>
    <t>2013-09-23 08:19:27.623000+00:00</t>
  </si>
  <si>
    <t>2015-08-31 10:21:32.710000+00:00</t>
  </si>
  <si>
    <t>2014-03-13 08:58:41.857000+00:00</t>
  </si>
  <si>
    <t>javascript|css|canvas|svg|fabricjs</t>
  </si>
  <si>
    <t>Implementing delegate methods for modal view controller data transfer</t>
  </si>
  <si>
    <t>&lt;p&gt;I have a simple project to present a modal view controller and transfer back a string based on which button in the modal VC that gets pressed.  I based it all on watching the Stanford class on iTunes U.  It looks like I have everything correct, but I get a couple of compiler warnings.&lt;/p&gt;
&lt;p&gt;First I get one called &lt;code&gt;passing argument 1 of 'setDelegate:' from incompatible pointer type&lt;/code&gt; in &lt;code&gt;TransferViewController.m&lt;/code&gt;&lt;/p&gt;
&lt;p&gt;Second I get four warnings called &lt;code&gt;Invalid receiver type 'id &amp;lt;MyModalViewControllerDelegate&amp;gt;*'&lt;/code&gt; but these aren't displayed in the build results area, rather next to the offending lines in &lt;code&gt;MyModalViewController.m&lt;/code&gt;, both lines in each of the button actions.&lt;/p&gt;
&lt;p&gt;Here's the code...&lt;/p&gt;
&lt;pre&gt;&lt;code&gt;//  TransferViewController.h
#import &amp;lt;UIKit/UIKit.h&amp;gt;
#import "MyModalViewController.h";
@interface TransferViewController : UIViewController &amp;lt;MyModalViewControllerDelegate&amp;gt; {
    UILabel *label;
    UIButton *button;
}
@property (nonatomic, retain) IBOutlet UILabel *label;
@property (nonatomic, retain) UIButton *button;
- (IBAction)updateText;
@end
&lt;/code&gt;&lt;/pre&gt;
&lt;hr&gt;
&lt;pre&gt;&lt;code&gt;//  TransferViewController.m
#import "TransferViewController.h"
@implementation TransferViewController
@synthesize label;
@synthesize button;
- (IBAction)updateText {
    MyModalViewController *myModalViewController = [[MyModalViewController alloc] init];
    myModalViewController.delegate = self; // I get the warning here.
    [self presentModalViewController:myModalViewController animated:YES];
    [myModalViewController release];
}
- (void)myModalViewController:(MyModalViewController *)controller didFinishSelecting:(NSString *)selectedDog {
    label.text = selectedDog;
    [self dismissModalViewControllerAnimated:YES];
}
@end
&lt;/code&gt;&lt;/pre&gt;
&lt;hr&gt;
&lt;pre&gt;&lt;code&gt;//  MyModalViewController.h
#import &amp;lt;UIKit/UIKit.h&amp;gt;
@protocol MyModalViewControllerDelegate;
@interface MyModalViewController : UIViewController {
    UIButton *abby;
    UIButton *zion;
    id &amp;lt;MyModalViewControllerDelegate&amp;gt; delegate;
}
@property (assign) id &amp;lt;MyModalViewControllerDelegate&amp;gt; delegate;
- (IBAction)selectedAbby;
- (IBAction)selectedZion;
@end
@protocol MyModalViewControllerDelegate &amp;lt;NSObject&amp;gt;
@optional
- (void)myModalViewController:(MyModalViewController *)controller didFinishSelecting:(NSString *)selectedDog;
@end
&lt;/code&gt;&lt;/pre&gt;
&lt;hr&gt;
&lt;pre&gt;&lt;code&gt;//  MyModalViewController.m
#import "MyModalViewController.h"
@implementation MyModalViewController
@synthesize delegate;
- (IBAction)selectedAbby {
    if ([self.delegate respondsToSelector:@selector (myModalViewController:didFinishSelecting:)]) {
        [self.delegate myModalViewController:self didFinishSelecting:@"Abby"];
    }
}
- (IBAction)selectedZion {
    if ([self.delegate respondsToSelector:@selector (myModalViewController:didFinishSelecting:)]) {
        [self.delegate myModalViewController:self didFinishSelecting:@"Zion"];
    }
}
&lt;/code&gt;&lt;/pre&gt;</t>
  </si>
  <si>
    <t>2010-07-16 16:32:47.330000+00:00</t>
  </si>
  <si>
    <t>2010-07-17 00:34:44.913000+00:00</t>
  </si>
  <si>
    <t>iphone|xcode|delegates|modal-dialog</t>
  </si>
  <si>
    <t>Repeatively restructure a table excel vba</t>
  </si>
  <si>
    <t>&lt;p&gt;I have been trying to create a vba code to rebuild a table with the information fed into it. What the code should do is the following:                        &lt;/p&gt;
&lt;p&gt;Look in column G for the first none empty and non 0 cell and copy that value to the first #N/A in column C. Finally recalculate row for the first cell found in column C.This is the code I have. 
   &lt;img src="https://i.stack.imgur.com/uOXXD.png" alt="enter image description here"&gt;&lt;/p&gt;
&lt;pre&gt;&lt;code&gt; i = 3
    For i = 3 To 79
        If Cells(i, 7).Value &amp;gt; 0 And Cells(i, 7).Value &amp;lt;&amp;gt; "" Then
        MovingValue = Cells(i, 7).Value
        Cells(i, 7).Copy
j = 3
For j = 3 To 4
    If Cells(j, 3).Text = "#N/A" Then Exit For
    Cells(j, 3).Select
    Selection.PasteSpecial Paste:=xlPasteValues, Operation:=xlNone, SkipBlanks _
        :=False, Transpose:=True
    Cells(i, 3).FormulaLocal = "=VLOOKUP(B" &amp;amp; (i) &amp;amp; ";'Cleaning step 2'!B:C;2;0)-" &amp;amp; MovingValue
Next j
End If
Next i
&lt;/code&gt;&lt;/pre&gt;
&lt;p&gt;What I can't get it to do is, jump out of the code after it has completed this cylce an redo it for a new run. Recheck column G for first non empty and non 0. etc.
Can anyone help me?&lt;/p&gt;</t>
  </si>
  <si>
    <t>2015-05-25 08:45:12.810000+00:00</t>
  </si>
  <si>
    <t>2015-05-25 10:19:34.147000+00:00</t>
  </si>
  <si>
    <t>Pass a tensor returned from keras.backend.argmax as indices to keras.backend,gather which expects 'An integer tensor of indices.'</t>
  </si>
  <si>
    <t>&lt;p&gt;I am trying to implement a custom loss function&lt;/p&gt;
&lt;pre&gt;&lt;code&gt;def lossFunction(self,y_true,y_pred):
     maxi=K.argmax(y_true)
     return K.mean((K.max(y_true) -(K.gather(y_pred,maxi)))**2)
&lt;/code&gt;&lt;/pre&gt;
&lt;p&gt;which give following error when training&lt;/p&gt;
&lt;hr&gt;
&lt;blockquote&gt;
  &lt;p&gt;InvalidArgumentError (see above for traceback): indices[5] = 51 is not in [0, 32)
       [[Node: loss/dense_3_loss/Gather = Gather[Tindices=DT_INT64, Tparams=DT_FLOAT, validate_indices=true, _device="/job:localhost/replica:0/task:0/device:CPU:0"](dense_3/BiasAdd, metrics/acc/ArgMax)]]&lt;/p&gt;
&lt;/blockquote&gt;
&lt;hr&gt;
&lt;p&gt;model summary&lt;/p&gt;
&lt;hr&gt;
&lt;pre&gt;&lt;code&gt;_________________________________________________________________________________________
Layer (type)                     Output Shape          Param #     Connected to                     
====================================================================================================
input_1 (InputLayer)             (None, 64, 50, 1)     0                                            
____________________________________________________________________________________________________
input_2 (InputLayer)             (None, 64, 50, 1)     0                                            
____________________________________________________________________________________________________
conv2d_1 (Conv2D)                (None, 32, 25, 16)    272         input_1[0][0]                    
____________________________________________________________________________________________________
conv2d_2 (Conv2D)                (None, 32, 25, 16)    272         input_2[0][0]                    
____________________________________________________________________________________________________
max_pooling2d_1 (MaxPooling2D)   (None, 16, 12, 16)    0           conv2d_1[0][0]                   
____________________________________________________________________________________________________
max_pooling2d_2 (MaxPooling2D)   (None, 16, 12, 16)    0           conv2d_2[0][0]                   
____________________________________________________________________________________________________
conv2d_3 (Conv2D)                (None, 15, 11, 32)    2080        max_pooling2d_1[0][0]            
____________________________________________________________________________________________________
conv2d_4 (Conv2D)                (None, 15, 11, 32)    2080        max_pooling2d_2[0][0]            
____________________________________________________________________________________________________
max_pooling2d_3 (MaxPooling2D)   (None, 8, 6, 32)      0           conv2d_3[0][0]                   
____________________________________________________________________________________________________
max_pooling2d_4 (MaxPooling2D)   (None, 8, 6, 32)      0           conv2d_4[0][0]                   
____________________________________________________________________________________________________
flatten_1 (Flatten)              (None, 1536)          0           max_pooling2d_3[0][0]            
____________________________________________________________________________________________________
flatten_2 (Flatten)              (None, 1536)          0           max_pooling2d_4[0][0]            
____________________________________________________________________________________________________
concatenate_1 (Concatenate)      (None, 3072)          0           flatten_1[0][0]                  
                                                                   flatten_2[0][0]                  
____________________________________________________________________________________________________
input_3 (InputLayer)             (None, 256)           0                                            
____________________________________________________________________________________________________
concatenate_2 (Concatenate)      (None, 3328)          0           concatenate_1[0][0]              
                                                                   input_3[0][0]                    
____________________________________________________________________________________________________
dense_1 (Dense)                  (None, 512)           1704448     concatenate_2[0][0]              
____________________________________________________________________________________________________
dense_2 (Dense)                  (None, 256)           131328      dense_1[0][0]                    
____________________________________________________________________________________________________
dense_3 (Dense)                  (None, 256)           65792       dense_2[0][0]                    
====================================================================================================
Total params: 1,906,272
Trainable params: 1,906,272
Non-trainable params: 0
&lt;/code&gt;&lt;/pre&gt;</t>
  </si>
  <si>
    <t>2018-04-17 18:40:44.317000+00:00</t>
  </si>
  <si>
    <t>2018-04-17 19:27:02.337000+00:00</t>
  </si>
  <si>
    <t>2018-04-17 19:10:16.133000+00:00</t>
  </si>
  <si>
    <t>python|tensorflow|machine-learning|keras</t>
  </si>
  <si>
    <t>How do I use REPLACE in Asterisk to escape input</t>
  </si>
  <si>
    <t>&lt;p&gt;I want to escape \ to \\ and " to \" in Asterisk. I've tried to use REPLACE but I can't get it to work. My current approach is as follows&lt;/p&gt;
&lt;pre&gt;&lt;code&gt;exten =&amp;gt; sms,1,Set(UNSAFESMSTXT=${REPLACE(SMSTXT,\\,\\\\)})
exten =&amp;gt; sms,2,Set(SAFESMSTXT=${REPLACE(UNSAFESMSTXT,",\\")})
; Echo escaped input to terminal safely
exten =&amp;gt; sms,n,System(echo "${SAFESMSTXT}")
&lt;/code&gt;&lt;/pre&gt;
&lt;p&gt;When I send echo hi"echo hi, I get the error&lt;/p&gt;
&lt;pre&gt;&lt;code&gt;ERROR[8239]: func_strings.c:804 replace: The characters to search for and the variable name must not be empty.
&lt;/code&gt;&lt;/pre&gt;
&lt;p&gt;I use chan_mobile if that helps.&lt;/p&gt;</t>
  </si>
  <si>
    <t>2015-02-08 13:51:49.157000+00:00</t>
  </si>
  <si>
    <t>2015-02-10 17:12:37.777000+00:00</t>
  </si>
  <si>
    <t>asterisk</t>
  </si>
  <si>
    <t>What might cause this "blank" area?</t>
  </si>
  <si>
    <t>&lt;p&gt;I'm working on a bug that when accessing a specific page, the bottom of the page is blank:&lt;/p&gt;
&lt;p&gt;&lt;img src="https://i.stack.imgur.com/7d74Z.jpg" alt=""&gt;&lt;/p&gt;
&lt;p&gt;I checked with FireBug and the blank area is just empty, no HTML code at all.&lt;/p&gt;
&lt;p&gt;My question is: what might cause this kind of problem? It occurs on Firefox, Chrome, IE latest version. Thank you.&lt;/p&gt;
&lt;p&gt;EDIT: as my answer mentioned, this caused when applying a background image to a form, instead to the body&lt;/p&gt;</t>
  </si>
  <si>
    <t>2012-06-27 10:44:35.143000+00:00</t>
  </si>
  <si>
    <t>2012-06-27 11:18:15.470000+00:00</t>
  </si>
  <si>
    <t>how can I use networkx to find a node with a distance of 2 from the source node?</t>
  </si>
  <si>
    <t>&lt;p&gt;Is there an efficient function/method(because the graph is large) in networkx to identify all node which is 2 from the source node. thanks a lot!&lt;/p&gt;</t>
  </si>
  <si>
    <t>2017-08-10 01:06:10.257000+00:00</t>
  </si>
  <si>
    <t>2017-08-10 09:33:17.573000+00:00</t>
  </si>
  <si>
    <t>2017-08-10 09:31:56.257000+00:00</t>
  </si>
  <si>
    <t>python|python-3.x|networkx</t>
  </si>
  <si>
    <t>Ansible apt module showing "item changed" when I don't think it did</t>
  </si>
  <si>
    <t>&lt;p&gt;I am trying to install Apache2 with Ansible. I have a role and handler for Apache.&lt;/p&gt;
&lt;p&gt;My playbook (&lt;code&gt;site.yml&lt;/code&gt;) contains:&lt;/p&gt;
&lt;pre&gt;&lt;code&gt;---
- hosts: webservers
  remote_user: ansrun
  become: true
  become_method: sudo
&lt;/code&gt;&lt;/pre&gt;
&lt;p&gt;The Ansible role file contains:&lt;/p&gt;
&lt;pre&gt;&lt;code&gt;---
- name: Install Apache 2
  apt: name={{ item }} update_cache=yes state=present
  with_items:
    - apache2
  when: ansible_distribution == "Ubuntu"
- name: Enable mod_rewrite
  apache2_module: name=rewrite state=present
  notify:
    - reload apache2
&lt;/code&gt;&lt;/pre&gt;
&lt;p&gt;Whenever I run the playbook, I get this message, but nothing has changed.&lt;/p&gt;
&lt;pre&gt;&lt;code&gt;changed: [10.0.1.200] =&amp;gt; (item=[u'apache2'])
&lt;/code&gt;&lt;/pre&gt;
&lt;p&gt;I think this has something to do with the conditional.&lt;/p&gt;</t>
  </si>
  <si>
    <t>2017-01-04 21:09:32.027000+00:00</t>
  </si>
  <si>
    <t>2017-01-18 08:47:17.047000+00:00</t>
  </si>
  <si>
    <t>2017-01-04 22:36:31.023000+00:00</t>
  </si>
  <si>
    <t>ansible|ansible-playbook|ansible-2.x</t>
  </si>
  <si>
    <t>insert ads between mysql results blog posts in wordpress</t>
  </si>
  <si>
    <t>&lt;p&gt;i have the code:&lt;/p&gt;
&lt;pre&gt;&lt;code&gt;&amp;lt;?php
global $post;
$args = array( 'numberposts' =&amp;gt; 24, 'order' =&amp;gt; 'ASC', 'category' =&amp;gt; 9 );
$myposts = get_posts( $args );
foreach( $myposts as $post ) :  setup_postdata($post); ?&amp;gt;
&amp;lt;div id="lajme-bllok-item-vogel"&amp;gt;
&amp;lt;a href="&amp;lt;?php the_permalink(); ?&amp;gt;"&amp;gt;&amp;lt;?php the_post_thumbnail('lajmet-thumb'); ?&amp;gt;&amp;lt;/a&amp;gt;
&amp;lt;div id="lajme-bllok-item-title-vogel"&amp;gt;&amp;lt;a href="&amp;lt;?php the_permalink(); ?&amp;gt;"&amp;gt;&amp;lt;?php the_title(); ?&amp;gt;&amp;lt;/a&amp;gt;
&amp;lt;div id="top-news-title-linku-posht"&amp;gt;&amp;lt;?php for( $i=1; $i&amp;lt;=4; $i++){ $prop_det_url = get_field('link'.$i); if( $prop_det_url != '' ){ ?&amp;gt;
&amp;lt;li&amp;gt;&amp;lt;a href="&amp;lt;?php echo $prop_det_url; ?&amp;gt;" target="_blank"&amp;gt;&amp;lt;?php the_field('link_titull'.$i); ?&amp;gt;&amp;lt;/a&amp;gt;&amp;lt;/li&amp;gt; &amp;lt;?php } } ?&amp;gt;&amp;lt;/div&amp;gt;&amp;lt;/div&amp;gt;&amp;lt;/div&amp;gt;
&amp;lt;div id="social-media-vogel"&amp;gt;&amp;lt;?php if ( function_exists( 'ADDTOANY_SHARE_SAVE_KIT' ) ) { ADDTOANY_SHARE_SAVE_KIT(); } ?&amp;gt;&amp;lt;/div&amp;gt;
&amp;lt;?php endforeach; ?&amp;gt;
&lt;/code&gt;&lt;/pre&gt;
&lt;p&gt;How can i add exmpel: iframe code after the first result from database and then continue with second post third etc like a blog?&lt;/p&gt;
&lt;p&gt;Thank you. in advance&lt;/p&gt;</t>
  </si>
  <si>
    <t>2014-04-16 18:49:18.613000+00:00</t>
  </si>
  <si>
    <t>2014-04-16 18:51:16.253000+00:00</t>
  </si>
  <si>
    <t>php|mysql|wordpress</t>
  </si>
  <si>
    <t>Lazy loading angular app doesn't load a directive</t>
  </si>
  <si>
    <t>&lt;p&gt;I'm trying to lazy load a directive in my angular app, using ui.router and oc.lazyLoad. Here is my code : &lt;/p&gt;
&lt;p&gt;menu : &lt;/p&gt;
&lt;pre&gt;&lt;code&gt;&amp;lt;ul&amp;gt;
      &amp;lt;li&amp;gt;&amp;lt;a ui-sref="home"&amp;gt;Home&amp;lt;/a&amp;gt;&amp;lt;/li&amp;gt;
      &amp;lt;li&amp;gt;&amp;lt;a ui-sref="demo"&amp;gt;Demo&amp;lt;/a&amp;gt;&amp;lt;/li&amp;gt;
      &amp;lt;li&amp;gt;&amp;lt;a ui-sref="test"&amp;gt;Test&amp;lt;/a&amp;gt;&amp;lt;/li&amp;gt;
    &amp;lt;/ul&amp;gt;
    &amp;lt;ui-view&amp;gt;&amp;lt;/ui-view&amp;gt;
&lt;/code&gt;&lt;/pre&gt;
&lt;p&gt;route config :&lt;/p&gt;
&lt;pre&gt;&lt;code&gt;angular.module('app', ['ui.router', 'oc.lazyLoad'])
.config(['$stateProvider', '$urlRouterProvider', function($stateProvider, $urlRouterProvider) {
        $stateProvider
          .state("demo", {
            url:'/demo',
            views: {
              'lazyLoadView' : {
                template: '&amp;lt;demo-directive&amp;gt;&amp;lt;/demo-directive&amp;gt;'
              }
            },
            resolve : {
              loadDemoModule : ['$ocLazyLoad', function($ocLazyLoad) {
                console.log('resolving demo lazy load');
                return $ocLazyLoad.load('demo.js');
              }]
            }
          })
          .state("home", {
            templateUrl : 'core/home.html',
            url : '/home'
          })
}])
&lt;/code&gt;&lt;/pre&gt;
&lt;p&gt;and the directive :&lt;/p&gt;
&lt;pre&gt;&lt;code&gt;angular.module('app').
directive('demoDirective', function() {
  return {
    restrict: 'E',
    scope: {},
    template: require('./demo-directive.html'),
    // templateUrl: 'demo-directive.html', 
    controllerAs: 'demo',
    controller : ['$timeout', function($timeout) {
      console.log('in directive controller');
    }]
  };
});
&lt;/code&gt;&lt;/pre&gt;
&lt;p&gt;I have no errors, the &lt;code&gt;console.log&lt;/code&gt; in resolve function is displayed, the demo.js file is loaded but then noting is happening, console form directive controller is not displayed. I'm trying to follow the first example from &lt;a href="https://oclazyload.readme.io/docs/with-your-router." rel="nofollow"&gt;ocLazyLoad example&lt;/a&gt;&lt;/p&gt;
&lt;p&gt;Thanks&lt;/p&gt;</t>
  </si>
  <si>
    <t>2016-03-01 09:44:12.937000+00:00</t>
  </si>
  <si>
    <t>2016-03-01 12:44:30.017000+00:00</t>
  </si>
  <si>
    <t>javascript|angularjs|angular-ui-router|oclazyload</t>
  </si>
  <si>
    <t>Show data from json object to android listview</t>
  </si>
  <si>
    <t>&lt;p&gt;I am developing an android app which sends simple data as NAME to a webserver and  can retreive NAMES from server. Using php and mysql for webservices. currently i am done with sending and recieving data from web to android. Now i want to show names that i get from my website database to my android listview. Following is my code&lt;/p&gt;
&lt;pre&gt;&lt;code&gt;public class allProducts extends ListActivity {
// Progress Dialog
private ProgressDialog pDialog;
// Creating JSON Parser object
JSONParser jParser = new JSONParser();
ArrayList&amp;lt;HashMap&amp;lt;String, String&amp;gt;&amp;gt; productsList;
// url to get all products list
private static String url_all_products = "http://10.0.2.2/dinein/Model/getName.php";
// JSON Node names
private static final String TAG_NAME = "name";
//private static final String TAG_SUCCESS = "success";
//private static final String TAG_PRODUCTS = "products";
//private static final String TAG_PID = "pid";
// products JSONArray
JSONArray products = null;
static ArrayList&amp;lt;String&amp;gt; listItems=new ArrayList&amp;lt;String&amp;gt;();
//DEFINING STRING ADAPTER WHICH WILL HANDLE DATA OF LISTVIEW
ArrayAdapter&amp;lt;String&amp;gt; adapter;
@Override
public void onCreate(Bundle savedInstanceState) {
    super.onCreate(savedInstanceState);
    setContentView(R.layout.products);
    // Hashmap for ListView
    productsList = new ArrayList&amp;lt;HashMap&amp;lt;String, String&amp;gt;&amp;gt;();
    // Loading products in Background Thread
    new LoadAllProducts().execute();
    // Get listview
    ListView lv = getListView();
    // on seleting single product
    // launching Edit Product Screen
   /* lv.setOnItemClickListener(new OnItemClickListener() {
        @Override
        public void onItemClick(AdapterView&amp;lt;?&amp;gt; parent, View view,
                int position, long id) {
            // getting values from selected ListItem
            String pid = ((TextView) view.findViewById(R.id.pid)).getText()
                    .toString();
            // Starting new intent
            Intent in = new Intent(getApplicationContext(),
                    EditProductActivity.class);
            // sending pid to next activity
            in.putExtra(TAG_PID, pid);
            // starting new activity and expecting some response back
            startActivityForResult(in, 100);
        }
    });*/
}
// Response from Edit Product Activity
@Override
protected void onActivityResult(int requestCode, int resultCode, Intent data) {
    super.onActivityResult(requestCode, resultCode, data);
    // if result code 100
    if (resultCode == 100) {
        // if result code 100 is received
        // means user edited/deleted product
        // reload this screen again
        Intent intent = getIntent();
        finish();
        startActivity(intent);
    }
}
 class LoadAllProducts extends AsyncTask&amp;lt;String, String, String&amp;gt; {
    /**
     * Before starting background thread Show Progress Dialog
     * */
    @Override
    protected void onPreExecute() {
        super.onPreExecute();
        pDialog = new ProgressDialog(allProducts.this);
        pDialog.setMessage("Loading products. Please wait...");
        pDialog.setIndeterminate(false);
        pDialog.setCancelable(false);
        pDialog.show();
    }
    /**
     * getting All products from url
     * */
    protected String doInBackground(String... args) {
        // Building Parameters
        List&amp;lt;NameValuePair&amp;gt; params = new ArrayList&amp;lt;NameValuePair&amp;gt;();
        // getting JSON string from URL
        JSONObject json =jParser.makeHttpRequest(url_all_products, "POST", params);
        // Check your log cat for JSON reponse
            // Checking for SUCCESS TAG
            int success = 1;
            if (success == 1) {
                Iterator&amp;lt;String&amp;gt; iter = json.keys();
                Object value=null;
                while (iter.hasNext()) {
                    String key = iter.next();
                    try {
                         value = json.get(key);
                    } catch (JSONException e) {
                        // Something went wrong!
                    }
                }
              }
        return null;
    }
    /**
     * After completing background task Dismiss the progress dialog
     * **/
    protected void onPostExecute(String file_url) {
        // dismiss the dialog after getting all products
        pDialog.dismiss();
        // updating UI from Background Thread
        runOnUiThread(new Runnable() {
            public void run() {
                /**
                 * Updating parsed JSON data into ListView
                 * */
                ListAdapter adapter = new SimpleAdapter(
                        allProducts.this, productsList,
                        R.layout.name_list, new String[] {TAG_NAME},
                        new int[] { R.id.pid, R.id.name });
                // updating listview
                setListAdapter(adapter);
            }
        });
    }
}
&lt;/code&gt;&lt;/pre&gt;
&lt;p&gt;I want to show my data in my activity with list view. Here is how my xml files look like&lt;/p&gt;
&lt;pre&gt;&lt;code&gt;&amp;lt;?xml version="1.0" encoding="utf-8"?&amp;gt;
&amp;lt;RelativeLayout xmlns:android="http://schemas.android.com/apk/res/android"
android:layout_width="match_parent"
android:layout_height="match_parent" &amp;gt;
&amp;lt;ListView
    android:id="@+id/list"
    android:layout_width="fill_parent"
    android:layout_height="wrap_content"/&amp;gt;
&lt;/code&gt;&lt;/pre&gt;
&lt;p&gt;
&lt;p&gt;and the other one&lt;/p&gt;
&lt;pre&gt;&lt;code&gt;&amp;lt;?xml version="1.0" encoding="utf-8"?&amp;gt;
&amp;lt;RelativeLayout xmlns:android="http://schemas.android.com/apk/res/android"
android:layout_width="match_parent"
android:layout_height="match_parent" &amp;gt;
&amp;lt;TextView
    android:id="@+id/pid"
    android:layout_width="fill_parent"
    android:layout_height="wrap_content"
    android:visibility="gone" /&amp;gt;
&amp;lt;/RelativeLayout&amp;gt;
&lt;/code&gt;&lt;/pre&gt;</t>
  </si>
  <si>
    <t>2013-03-07 12:05:11.657000+00:00</t>
  </si>
  <si>
    <t>2013-03-07 13:35:02.693000+00:00</t>
  </si>
  <si>
    <t>2013-03-07 12:51:15.457000+00:00</t>
  </si>
  <si>
    <t>android|json</t>
  </si>
  <si>
    <t>Porting C++ Application From XP to Vista/7</t>
  </si>
  <si>
    <t>&lt;p&gt;I have a C++ application that I have written for Windows XP, and I would like to port it for use on Windows Vista/7.  It uses some MFC (for serial I/O) and ATL (for WMI), but it primarily uses the good ol' fashioned Windows API.  What are some of the got-yas I should keep in mind when porting my application?  Thanks.&lt;/p&gt;</t>
  </si>
  <si>
    <t>2010-12-10 22:04:21.290000+00:00</t>
  </si>
  <si>
    <t>2015-03-03 15:48:17.263000+00:00</t>
  </si>
  <si>
    <t>c++|windows-7|windows-vista|windows-xp|porting</t>
  </si>
  <si>
    <t>Symfony 2.3 submit FormType on eventListener error</t>
  </si>
  <si>
    <t>&lt;p&gt;I want to setup buttons inside a FormType event listener but when I do that I get that error:&lt;/p&gt;
&lt;p&gt;The option &lt;code&gt;auto_initialize&lt;/code&gt; does not exist. Known options are: &lt;code&gt;attr&lt;/code&gt;, &lt;code&gt;block_name&lt;/code&gt;, &lt;code&gt;disabled&lt;/code&gt;, &lt;code&gt;label&lt;/code&gt;, &lt;code&gt;translation_domain&lt;/code&gt;&lt;/p&gt;
&lt;p&gt;If I setup out of the event listener it works. Can someone help me?&lt;/p&gt;
&lt;pre&gt;&lt;code&gt;class ClientType extends AbstractType
{
    public function buildForm(FormBuilderInterface $builder, array $options)
    {
        $builder
            -&amp;gt;add('enquirer', new ContactType(), array(
                "by_reference" =&amp;gt; true,
                "required" =&amp;gt; true,
                'validation_groups' =&amp;gt; array('required'),
                'details_field' =&amp;gt; true,
            ))
            [...]
        ;
        $builder-&amp;gt;addEventListener(FormEvents::POST_SET_DATA, function (FormEvent $event) {
            $client=$event-&amp;gt;getData();
            $form=$event-&amp;gt;getForm();
            if($client &amp;amp;&amp;amp; !$client-&amp;gt;getId()){
                $form-&amp;gt;add("createBtn", "submit", array("label"=&amp;gt;"Create", "attr"=&amp;gt;array("class"=&amp;gt; "btn btn-primary")));
            } else {
                $form-&amp;gt;add("saveBtn", "submit", array("label"=&amp;gt;"Save", "attr"=&amp;gt;array("class"=&amp;gt; "btn btn-primary")));
            }
        });
    }
    public function setDefaultOptions(OptionsResolverInterface $resolver)
    {
        $resolver-&amp;gt;setDefaults(array(
            'data_class' =&amp;gt; 'Sme\ClientBundle\Entity\Client',
        ));
    }
    public function getName()
    {
        return 'client_form';
    }
}
&lt;/code&gt;&lt;/pre&gt;
&lt;p&gt;Stack trace:
I haven't setup "auto_initialize" but inside FormFactory it is. Any ideas?&lt;/p&gt;
&lt;pre&gt;&lt;code&gt;  in C:\Users\albert\Dropbox\smeprojects\brightcare\brightcare-dev\vendor\symfony\symfony\src\Symfony\Component\Form\FormFactory.php at line 47   + 
    at FormFactory -&amp;gt;createNamed ('createBtn', 'submit', null, array('label' =&amp;gt; 'Create', 'attr' =&amp;gt; array('class' =&amp;gt; 'btn btn-primary'), 'auto_initialize' =&amp;gt; false)) 
    in C:\Users\albert\Dropbox\smeprojects\brightcare\brightcare-dev\vendor\symfony\symfony\src\Symfony\Component\Form\Form.php at line 819   + 
    at Form -&amp;gt;add ('createBtn', 'submit', array('label' =&amp;gt; 'Create', 'attr' =&amp;gt; array('class' =&amp;gt; 'btn btn-primary'))) 
    in C:\Users\albert\Dropbox\smeprojects\brightcare\brightcare-dev\src\Sme\ClientBundle\Form\ClientType.php at line 117
&lt;/code&gt;&lt;/pre&gt;
&lt;p&gt;Full stack trace&lt;/p&gt;
&lt;pre&gt;&lt;code&gt;at OptionsResolver -&amp;gt;validateOptionsExistence (array('label' =&amp;gt; 'Create', 'attr' =&amp;gt; array('class' =&amp;gt; 'btn btn-primary'), 'auto_initialize' =&amp;gt; false)) 
in C:\Users\albert\Dropbox\smeprojects\brightcare\brightcare-dev\vendor\symfony\symfony\src\Symfony\Component\OptionsResolver\OptionsResolver.php at line 219   + 
at OptionsResolver -&amp;gt;resolve (array('label' =&amp;gt; 'Create', 'attr' =&amp;gt; array('class' =&amp;gt; 'btn btn-primary'), 'auto_initialize' =&amp;gt; false)) 
in C:\Users\albert\Dropbox\smeprojects\brightcare\brightcare-dev\vendor\symfony\symfony\src\Symfony\Component\Form\ResolvedFormType.php at line 109   + 
at ResolvedFormType -&amp;gt;createBuilder (object(FormFactory), 'createBtn', array('label' =&amp;gt; 'Create', 'attr' =&amp;gt; array('class' =&amp;gt; 'btn btn-primary'), 'auto_initialize' =&amp;gt; false)) 
in C:\Users\albert\Dropbox\smeprojects\brightcare\brightcare-dev\vendor\symfony\symfony\src\Symfony\Component\Form\FormFactory.php at line 87   + 
at FormFactory -&amp;gt;createNamedBuilder ('createBtn', 'submit', null, array('label' =&amp;gt; 'Create', 'attr' =&amp;gt; array('class' =&amp;gt; 'btn btn-primary'), 'auto_initialize' =&amp;gt; false)) 
in C:\Users\albert\Dropbox\smeprojects\brightcare\brightcare-dev\vendor\symfony\symfony\src\Symfony\Component\Form\FormFactory.php at line 47   + 
at FormFactory -&amp;gt;createNamed ('createBtn', 'submit', null, array('label' =&amp;gt; 'Create', 'attr' =&amp;gt; array('class' =&amp;gt; 'btn btn-primary'), 'auto_initialize' =&amp;gt; false)) 
in C:\Users\albert\Dropbox\smeprojects\brightcare\brightcare-dev\vendor\symfony\symfony\src\Symfony\Component\Form\Form.php at line 819   + 
at Form -&amp;gt;add ('createBtn', 'submit', array('label' =&amp;gt; 'Create', 'attr' =&amp;gt; array('class' =&amp;gt; 'btn btn-primary'))) 
in C:\Users\albert\Dropbox\smeprojects\brightcare\brightcare-dev\src\Sme\ClientBundle\Form\ClientType.php at line 117
&lt;/code&gt;&lt;/pre&gt;
&lt;p&gt;Looking at \vendor\symfony\symfony\src\Symfony\Component\Form\Form.php I found that code:&lt;/p&gt;
&lt;pre&gt;&lt;code&gt;public function add($child, $type = null, array $options = array())
{
[...]
if (!$child instanceof FormInterface) {
            if (!is_string($child) &amp;amp;&amp;amp; !is_int($child)) {
                throw new UnexpectedTypeException($child, 'string, integer or Symfony\Component\Form\FormInterface');
            }
            if (null !== $type &amp;amp;&amp;amp; !is_string($type) &amp;amp;&amp;amp; !$type instanceof FormTypeInterface) {
                throw new UnexpectedTypeException($type, 'string or Symfony\Component\Form\FormTypeInterface');
            }
            // Never initialize child forms automatically
            $options['auto_initialize'] = false;
            if (null === $type) {
                $child = $this-&amp;gt;config-&amp;gt;getFormFactory()-&amp;gt;createForProperty($this-&amp;gt;config-&amp;gt;getDataClass(), $child, null, $options);
            } else {
                $child = $this-&amp;gt;config-&amp;gt;getFormFactory()-&amp;gt;createNamed($child, $type, null, $options);
            }
        } elseif ($child-&amp;gt;getConfig()-&amp;gt;getAutoInitialize()) {
            throw new RuntimeException(sprintf(
                'Automatic initialization is only supported on root forms. You '.
                'should set the "auto_initialize" option to false on the field "%s".',
                $child-&amp;gt;getName()
            ));
        }
[...]
}
&lt;/code&gt;&lt;/pre&gt;
&lt;p&gt;Now I'am more confused.&lt;/p&gt;
&lt;p&gt;Thanks you&lt;/p&gt;</t>
  </si>
  <si>
    <t>2013-10-21 09:09:11.137000+00:00</t>
  </si>
  <si>
    <t>2013-10-23 09:08:25.833000+00:00</t>
  </si>
  <si>
    <t>2013-10-22 11:21:18.017000+00:00</t>
  </si>
  <si>
    <t>symfony|symfony-forms|symfony-2.3</t>
  </si>
  <si>
    <t>NSTableView loads data, but cannot reload</t>
  </si>
  <si>
    <t>&lt;p&gt;I've got two NSTableViews set up, being populated by one nstableviewdatasource and delegate. Both tableviews receive data when first loaded without issue, however they refuse to reload data. Both tableview datasource and delegates are connected to my tableviewcontroller class object in the xib. &lt;/p&gt;
&lt;p&gt;I've confirmed that my method, which sets new data to the array I use to populate the tableviews, actually receives the changed data. This method is the only way I populate the array that the datasource delegate methods use. It is being reloaded from the main thread: &lt;/p&gt;
&lt;pre&gt;&lt;code&gt;myArray = [classThatHoldsNewVariables.array mutableCopy]; 
[self.myTableView reloadData];
&lt;/code&gt;&lt;/pre&gt;
&lt;p&gt;-numberOfRowsInTableView does not get called with reloadData. It only gets called on app launch. &lt;/p&gt;
&lt;p&gt;I've tried manually setting the datasource and delegate methods in code, without any success. I've tried so many different ways of getting reloadData to work, and nothing happens.&lt;/p&gt;
&lt;p&gt;Help  :(&lt;/p&gt;
&lt;p&gt;&lt;strong&gt;EDIT:&lt;/strong&gt;&lt;/p&gt;
&lt;p&gt;I fixed the problem. It was an instance issue, where I was alloc init-ing my nstableviewdatasource from another class to reload the data. Init does not load the instance used by the nib, so it's reloading another instance of my tableview, which isn't shown to the user. I solved this by implementing nsnotifications in my tableviewcontroller class instead. &lt;/p&gt;</t>
  </si>
  <si>
    <t>2014-03-21 03:12:03.550000+00:00</t>
  </si>
  <si>
    <t>2014-03-24 02:35:04.510000+00:00</t>
  </si>
  <si>
    <t>2014-03-24 02:34:09.803000+00:00</t>
  </si>
  <si>
    <t>macos|cocoa|nstableview|reloaddata</t>
  </si>
  <si>
    <t>Animate Transition of CollectionView in TableViewCell</t>
  </si>
  <si>
    <t>&lt;p&gt;I'm trying to figure out a way to animate the layout of a UICollectionView which is embedded in a UITableviewCell.&lt;/p&gt;
&lt;p&gt;The reason why I did it is simple, I needed to have different UICollectionView in different section of my UITableview to be able to scroll horizontally through each UICollectionViews. It was easy, but now I'd like to animate the transition when I touch a cell in the UICollectionView and the entire collection grow and became a page view (full screen) where I can display more information in each cell of my UICollectionView.&lt;/p&gt;
&lt;p&gt;As I don't use as parent a UICollectionViewController, I can't properly use the UICollectionViewLayoutTransition.&lt;/p&gt;
&lt;p&gt;My first try was to expand the height of the cell where my UICollectionView was embedded in with:&lt;/p&gt;
&lt;pre&gt;&lt;code&gt;    [self.tableView beginUpdates];
    self.expandedIndexPath = tableViewIndexPath;
    [collectionView setCollectionViewLayout:_largeLayout animated:YES completion:nil];
    [collectionView.collectionViewLayout invalidateLayout];
    [self.tableView endUpdates];
&lt;/code&gt;&lt;/pre&gt;
&lt;p&gt;Bad guess because the heigh of the cell did indeed grow but I forgot that the other section of the UITableView was still in the view so I was able to continue to scroll in the tableview which I do not want.&lt;/p&gt;
&lt;p&gt;So my second thought is to do a navigation controller transitioning but how can I animate the entire UICollectionView of just one section of my UITableView to grow as the PhotoApp do ? &lt;/p&gt;
&lt;p&gt;Thanks everyone for you help.&lt;/p&gt;</t>
  </si>
  <si>
    <t>2016-01-07 15:24:06.183000+00:00</t>
  </si>
  <si>
    <t>Offer discount if user shares my app</t>
  </si>
  <si>
    <t>&lt;p&gt;I have an app on the play store, and it has an in app purchase for premium features.
I would like to offer a discount for my users if they share my app on G+ publicly.&lt;/p&gt;
&lt;p&gt;So a user would share the play store link of my app, and he'd have to paste the post link inside my app.
Ideally i would like to have a share button inside my app, and get the link automatically to it after it gets shared.&lt;/p&gt;
&lt;p&gt;How can i check what content the user shared (if it's the play store link) if it's a post shared by him, and if it's shared publicly?&lt;/p&gt;</t>
  </si>
  <si>
    <t>2013-06-18 13:36:28.453000+00:00</t>
  </si>
  <si>
    <t>2013-06-18 17:06:37.213000+00:00</t>
  </si>
  <si>
    <t>android|google-plus</t>
  </si>
  <si>
    <t>Table-cell with width in %</t>
  </si>
  <si>
    <t>&lt;p&gt;I've got three different &lt;code&gt;table-cell&lt;/code&gt; divs which have different widths: &lt;code&gt;30%&lt;/code&gt;, &lt;code&gt;40%&lt;/code&gt; and &lt;code&gt;30%&lt;/code&gt;.&lt;/p&gt;
&lt;p&gt;My outer div is &lt;code&gt;100%&lt;/code&gt;, but my inner divs doesn't displayed as they should be. If I am using &lt;code&gt;px&lt;/code&gt; it works fine (Example: outer div:&lt;code&gt;300px&lt;/code&gt;, inner:&lt;code&gt;100px&lt;/code&gt; each).&lt;/p&gt;
&lt;p&gt;So how can I make it work with width also? &lt;a href="http://jsfiddle.net/LWBQ3/" rel="nofollow"&gt;Here is my code&lt;/a&gt;&lt;/p&gt;
&lt;pre class="lang-css prettyprint-override"&gt;&lt;code&gt;#container { width:100%; background:#ccc; }
#left { background:red; width:30%; display:table-cell; }
#center { background:green; width:40%; display:table-cell;  }
#right { background:red; width:30%; display:table-cell;  }
&lt;/code&gt;&lt;/pre&gt;
&lt;pre class="lang-html prettyprint-override"&gt;&lt;code&gt;&amp;lt;div id="container"&amp;gt;
    &amp;lt;div id="left"&amp;gt;asdasdas  &amp;lt;/div&amp;gt;
    &amp;lt;div id="center"&amp;gt;as das da &amp;lt;p&amp;gt; asdas &amp;lt;/p&amp;gt; &amp;lt;/div&amp;gt;
    &amp;lt;div id="left"&amp;gt; asd as das&amp;lt;/div&amp;gt;
&amp;lt;/div&amp;gt;
&lt;/code&gt;&lt;/pre&gt;</t>
  </si>
  <si>
    <t>2014-03-16 14:53:40.717000+00:00</t>
  </si>
  <si>
    <t>2014-03-16 15:12:29.203000+00:00</t>
  </si>
  <si>
    <t>2014-03-16 14:58:45.253000+00:00</t>
  </si>
  <si>
    <t>PHP - $_SERVER['HTTP_REFERER'] - how to store once, not again when a form submission occurs</t>
  </si>
  <si>
    <t>&lt;p&gt;In PHP, how would I go about storing the variable "backurl"? (retrieved as shown below at the bottom - when the following constraints need to apply)&lt;/p&gt;
&lt;ul&gt;
&lt;li&gt;The variable "backurl" is storing the last php script viewed.&lt;/li&gt;
&lt;li&gt;On first execute the variable "backurl" is stored and works correctly&lt;/li&gt;
&lt;li&gt;When a form is submitted through $_GET or $_POST within that script, the variable will update as the previous URL has changed. (I don't want this to happen)&lt;/li&gt;
&lt;/ul&gt;
&lt;p&gt;i.e.
FROM -&gt; TO (actual outcome - desired outcome)&lt;br&gt;
page1.php -&gt; page2.php (link goes to page1.php - as intended)
&lt;br&gt;page2.php -&gt; page2.php?test=yes (link goes to page2.php - I want it to go back to page1.php)&lt;/p&gt;
&lt;p&gt;If anyone has any suggestions of how to do this, thank you very much!&lt;/p&gt;
&lt;pre&gt;&lt;code&gt;$backurl =  $_SERVER['HTTP_REFERER'];
&lt;/code&gt;&lt;/pre&gt;</t>
  </si>
  <si>
    <t>2013-07-12 12:34:28.540000+00:00</t>
  </si>
  <si>
    <t>2013-07-12 20:01:41.450000+00:00</t>
  </si>
  <si>
    <t>php|referer</t>
  </si>
  <si>
    <t>Return to viewpager state from a new fragment</t>
  </si>
  <si>
    <t>&lt;p&gt;I have a layout that has a viewpager. The viewpager has 2 fragments inside it. When I click on the second page I want a new fragment to pop up and fill the entire screen. I did this so far by using the following in the fragment B :&lt;/p&gt;
&lt;pre&gt;&lt;code&gt;FragmentTransaction fragmentTransaction = getActivity().getSupportFragmentManager().beginTransaction();
fragmentTransaction.add(R.id.container, new FragmentA(),"current"); 
fragmentTransaction.commit();
&lt;/code&gt;&lt;/pre&gt;
&lt;p&gt;Now when I press the back button I cant get to the previous viewpager page and cannot retain its previous state. I am thrown out of the activity on back press. 
This is my implementation of OnBackPress in the main activity:&lt;/p&gt;
&lt;pre&gt;&lt;code&gt;Fragment fragment = getSupportFragmentManager().findFragmentByTag("current");
    if(fragment != null)
        getSupportFragmentManager().beginTransaction().remove(fragment).commit();
    if(vp.getCurrentItem() == 0)
    {
        super.onBackPressed();
    }
    else
    vp.setCurrentItem(0);
&lt;/code&gt;&lt;/pre&gt;</t>
  </si>
  <si>
    <t>2015-07-28 08:30:34.703000+00:00</t>
  </si>
  <si>
    <t>2015-07-28 08:37:11.387000+00:00</t>
  </si>
  <si>
    <t>android|android-viewpager|fragmentmanager</t>
  </si>
  <si>
    <t>I want To take registration Fee in Opencart</t>
  </si>
  <si>
    <t>&lt;p&gt;I am developing e-commerce website using opencart framework , now i want to take registration fee $25 while registering user , so how i can implement it or any one have extension for that. please help me . thanks in advance.&lt;/p&gt;</t>
  </si>
  <si>
    <t>2013-05-14 11:19:25.413000+00:00</t>
  </si>
  <si>
    <t>2013-05-14 11:28:39.780000+00:00</t>
  </si>
  <si>
    <t>Form Submit through JavaScript function</t>
  </si>
  <si>
    <t>&lt;p&gt;I'm using a Javascript function to submit a form. This function get all data from textbox, set the form action with this data and submit. The problem is that the url of the next page doesn't include faldone&lt;/p&gt;
&lt;pre&gt;&lt;code&gt;&amp;lt;script type="text/javascript"&amp;gt;
function update()
{
 var scatola=document.form2.scatola.value;
 var faldone=document.getElementById("faldone").innerText;
 var fascicolo=document.form2.fascicolo.value;
 var desc=document.form2.descrizione.value;
 var tipo=document.form2.tipodocumento.value;
 var annic=document.form2.annicon.value;
 var dal=document.form2.dal.value;
 var al="document.form2.al.value;
 var esd="document.form2.estremidal.value; 
 var esa="document.form2.estremial.value;
 var vec="document.form2.vecchiasegn.value;
 document.form2.action="aggiorna.php?scatola="+scatola+"&amp;amp;faldone="+faldone+"&amp;amp;fascicolo="+fascicolo+"&amp;amp;descrizione="+desc+"&amp;amp;tipod="+tipo+"&amp;amp;annicon="+annic+"&amp;amp;dal="+dal+"&amp;amp;al="+al+"&amp;amp;estremidal="+esd+"&amp;amp;estremial="+esa+"&amp;amp;vecchiasegn="+vec;
 document.form2.submit();
}
&amp;lt;/script&amp;gt;
&amp;lt;body&amp;gt;
&amp;lt;?php 
 $conn=mysqli_connect("localhost","root","","barcode");
 $barcode=$_GET["codice"];
 $s="SELECT * from faldoni where faldone like '%$barcode%'";
 $q=mysqli_Query($conn,$s);?&amp;gt;
&amp;lt;form name="form2" action="" onSubmit="update()"&amp;gt;
&amp;lt;table&amp;gt;
&amp;lt;?php
$r=mysqli_fetch_array($q);
echo"&amp;lt;tr&amp;gt;&amp;lt;td&amp;gt;&amp;lt;input type='text' name='scatola' value='$r[0]'&amp;gt;&amp;lt;/td&amp;gt;
&amp;lt;td id='faldone'&amp;gt;$r[1]&amp;gt;&amp;lt;/td&amp;gt;
&amp;lt;td&amp;gt;&amp;lt;input type='text' name='fascicolo' value='$r[2]'&amp;gt;&amp;lt;/td&amp;gt;
&amp;lt;td&amp;gt;&amp;lt;input type='text' name='descrizione' value='$r[3]'&amp;gt;&amp;lt;/td&amp;gt;
&amp;lt;td&amp;gt;&amp;lt;input type='text' name='tipodocumento' value='$r[4]'&amp;gt;&amp;lt;/td&amp;gt;
&amp;lt;td&amp;gt;&amp;lt;input type='text' name='annicon' value='$r[5]'&amp;gt;&amp;lt;/td&amp;gt;
&amp;lt;td&amp;gt;&amp;lt;input type='text' name='dal' value='$r[6]'&amp;gt;&amp;lt;/td&amp;gt;
&amp;lt;td&amp;gt;&amp;lt;input type='text' name='al' value='$r[7]'&amp;gt;&amp;lt;/td&amp;gt;
&amp;lt;td&amp;gt;&amp;lt;input type='text' name='estremidal' value='$r[8]'&amp;gt;&amp;lt;/td&amp;gt;
&amp;lt;td&amp;gt;&amp;lt;input type='text' name='estremial' value='$r[9]'&amp;gt;&amp;lt;/td&amp;gt;
&amp;lt;td&amp;gt;&amp;lt;input type='text' name='vecchiasegn' value='$r[10]'&amp;gt;&amp;lt;/td&amp;gt;&amp;lt;/tr&amp;gt;
&amp;lt;/table&amp;gt;";
&amp;lt;input type="reset" value="reset"&amp;gt;&amp;lt;input type="submit" value="conferma"&amp;gt;
 &amp;lt;/form&amp;gt;
&lt;/code&gt;&lt;/pre&gt;</t>
  </si>
  <si>
    <t>2018-02-09 09:33:20.990000+00:00</t>
  </si>
  <si>
    <t>2018-02-09 10:44:40.780000+00:00</t>
  </si>
  <si>
    <t>2018-02-09 09:43:38.300000+00:00</t>
  </si>
  <si>
    <t>How to include a PHP file in webpage.(keep clicked links inside div)</t>
  </si>
  <si>
    <t>&lt;p&gt;Im trying to include php(html) file in my website. All pages are loaded with jquery/ajax into a div. Im trying to load another website on my server into the div using php include, For my clients to transfer files to my administrative team. My code isnt working. and How do I keep the website inside the div when the users start clicking around inside of the client portal (web site on my server) without forwarding them out of the window. I dont want to use an iframe so can this be done with jquery or javascript? &lt;/p&gt;
&lt;p&gt;Visit my website for a live view &lt;a href="https://trillumonopoly.com" rel="nofollow noreferrer"&gt;https://trillumonopoly.com&lt;/a&gt;&lt;/p&gt;
&lt;p&gt;Heres the code:&lt;/p&gt;
&lt;pre&gt;&lt;code&gt;&amp;lt;div id="page1"&amp;gt;&amp;lt;/div&amp;gt;
&amp;lt;script&amp;gt;$("#page1").load("https://trillumonopoly.com/clients/index.php body");&amp;lt;/script&amp;gt;
&amp;lt;/div&amp;gt;
&lt;/code&gt;&lt;/pre&gt;</t>
  </si>
  <si>
    <t>2017-11-06 02:36:31.790000+00:00</t>
  </si>
  <si>
    <t>2017-11-21 15:26:33.500000+00:00</t>
  </si>
  <si>
    <t>Replace the last bit of jQuery with d3.js - a selection with css-attribute change</t>
  </si>
  <si>
    <t>&lt;p&gt;Here is the last bit of jQuery in the code - like this everything works:&lt;/p&gt;
&lt;pre&gt;&lt;code&gt;var colourchange = function () {
  var my_selection = d3.select(this);
  var selection_class = my_selection.attr("class");
  $("." + selection_class)
    .css("fill", "yellow");
};
&lt;/code&gt;&lt;/pre&gt;
&lt;p&gt;To avoid the jQuery library (just for this line!) I am trying to replace it by &lt;code&gt;d3.js&lt;/code&gt; code - which is the mainpart of the code anyway. Here is what I've got:&lt;/p&gt;
&lt;pre&gt;&lt;code&gt;var colourchange = function () {
  var my_selection = d3.select(this);
  var selection_class = my_selection.attr("class");
  d3.selectAll("." + selection_class)
    .attr("fill", "yellow");
};
&lt;/code&gt;&lt;/pre&gt;
&lt;p&gt;But it just doesn't work. I am pretty sure I am missing something very obvious.&lt;/p&gt;
&lt;p&gt;edit: Maybe I should mention how I am calling this function...&lt;/p&gt;
&lt;pre&gt;&lt;code&gt;&amp;lt;d3 - selection&amp;gt;
    .data(my_data)
    .enter().append("rect")
    .attr(...) etc.
    .on("mouseover", colourchange)
&lt;/code&gt;&lt;/pre&gt;
&lt;p&gt;The effect of the function should be applied to the element on which the mouse hovers AND to some other elements with the same class.&lt;/p&gt;</t>
  </si>
  <si>
    <t>2013-03-10 17:19:16.120000+00:00</t>
  </si>
  <si>
    <t>2013-03-10 18:02:23.190000+00:00</t>
  </si>
  <si>
    <t>2013-03-10 17:30:44.780000+00:00</t>
  </si>
  <si>
    <t>javascript|jquery|d3.js</t>
  </si>
  <si>
    <t>Show tooltips of multiple node by hovering on a node in D3.js</t>
  </si>
  <si>
    <t>&lt;p&gt;Using D3 examples &lt;a href="https://bl.ocks.org/mbostock/4339083" rel="nofollow noreferrer"&gt;(1)&lt;/a&gt; and &lt;a href="http://bl.ocks.org/anotherjavadude/2952964" rel="nofollow noreferrer"&gt;(2)&lt;/a&gt;, I created a collapsible tree view in D3 where each node of tree has some information in its tooltip. &lt;/p&gt;
&lt;p&gt;Please see my work &lt;a href="https://bl.ocks.org/sushilverma208016/7c0270671203def38eb9c329136bc2a2" rel="nofollow noreferrer"&gt;here&lt;/a&gt;. In the tree, &lt;code&gt;node1&lt;/code&gt; and &lt;code&gt;node2&lt;/code&gt; are collapsible/expandable. Expanding &lt;code&gt;node2&lt;/code&gt; will create &lt;code&gt;node4&lt;/code&gt; and &lt;code&gt;node5&lt;/code&gt;. &lt;/p&gt;
&lt;p&gt;Each node is showing its tooltip on hovering (using &lt;code&gt;mouseover,mousemove,mouseout&lt;/code&gt; events). Every node knows its parent and its children.&lt;/p&gt;
&lt;p&gt;Now, my requirement is: when a node X is hovered, tooltips of all nodes in path from root to X, should be visible simultaneously.&lt;/p&gt;
&lt;p&gt;For example: when I should hover &lt;code&gt;node4&lt;/code&gt;, tooltips of three nodes: &lt;code&gt;node1&lt;/code&gt;, &lt;code&gt;node2&lt;/code&gt; and &lt;code&gt;node4&lt;/code&gt; should be visible.&lt;/p&gt;
&lt;p&gt;How can I achieve it in my example?&lt;/p&gt;</t>
  </si>
  <si>
    <t>2017-08-02 12:55:00.890000+00:00</t>
  </si>
  <si>
    <t>2017-08-02 18:53:56.257000+00:00</t>
  </si>
  <si>
    <t>javascript|d3.js|treeview|mousemove|mousehover</t>
  </si>
  <si>
    <t>Can't start Android Studio Layout Inspector: "Unexpected error: empty view hierarchy"</t>
  </si>
  <si>
    <t>&lt;p&gt;Can't seem to launch Layout Inspector on Android Studio 3.0 (Canary 3)&lt;/p&gt;
&lt;p&gt;When connected to my device and app running, choosing Tools &gt; Android &gt; Layout Inspector comes up with the following error dialog:&lt;/p&gt;
&lt;p&gt;&lt;strong&gt;"Error obtaining view hierarchy: Unexpected error: empty view hierarchy"&lt;/strong&gt;&lt;/p&gt;
&lt;p&gt;&lt;a href="https://i.stack.imgur.com/bYMC8.png" rel="noreferrer"&gt;&lt;img src="https://i.stack.imgur.com/bYMC8.png" alt="enter image description here"&gt;&lt;/a&gt;&lt;/p&gt;
&lt;p&gt;Any setup I'm missing? I have Developer Options enabled on the device.&lt;/p&gt;</t>
  </si>
  <si>
    <t>2017-06-07 13:57:28.700000+00:00</t>
  </si>
  <si>
    <t>2018-06-18 13:02:16.557000+00:00</t>
  </si>
  <si>
    <t>android|android-studio-3.0|layout-inspector</t>
  </si>
  <si>
    <t>Validate input in a text field with javascript (needs to be one of two values)</t>
  </si>
  <si>
    <t>&lt;p&gt;long time reader, first time poster. I'm relatively new to Javascript, but I've been tinkering with HTML, PHP and SQL for a while now. Anyways, long story short my instructor at college gave us an assignment for some pseudocode, and I decided to see if I could make it into a working form with Javascript. I've already submitted my assignment, don't worry, you aren't helping me cheat. I just want to see if this can be done in Javascript, as impractical as it might be: &lt;/p&gt;
&lt;p&gt;There's 3 classic movies on sale this week: 
1. Star Wars
2. E.T.
3. Raiders of the Lost Ark. &lt;/p&gt;
&lt;p&gt;The user has to enter the number of the movie they want to see. If the value entered is &amp;lt;1 or &gt;3, the page should return an error. &lt;/p&gt;
&lt;p&gt;The user has the option to stream or download the movie, and needs to enter in a textbox S for streaming or D for downloading. &lt;/p&gt;
&lt;p&gt;So far, what I need help with is validating the input from the streaming/downloading textbox. This is what I have for my code so far: &lt;/p&gt;
&lt;pre&gt;&lt;code&gt;&amp;lt;p id="welcome"&amp;gt;Welcome to MovieStream! Would you like to Stream or Download   
your movies? Type S for stream, D for download&amp;lt;/p&amp;gt;
&amp;lt;form&amp;gt;
&amp;lt;input type="text" id="purchaseType"&amp;gt;
&amp;lt;input type="submit" action="validateForm()"&amp;gt;
&amp;lt;/form&amp;gt;
&amp;lt;script type="text/javascript"&amp;gt;
function validateForm() {
if (document.getElementById("purchaseType").value != S || D) {
    alert("Please type S to stream the movie, or D to download");
}
}
&amp;lt;/script&amp;gt;
&lt;/code&gt;&lt;/pre&gt;
&lt;p&gt;So far this is as far as I've gotten. When I click submit, nothing happens (I've even tried &lt;/p&gt;
&lt;pre&gt;&lt;code&gt;document.getElementById("welcome").innerHTML += "Please type S to stream the movie, or D to Download");
&lt;/code&gt;&lt;/pre&gt;
&lt;p&gt;but it still doesn't work. I think it's something with the ".value != S || D" area but I can't seem to find any information anywhere. Is this operation even possible in Javascript alone? I really hope this makes sense, and someone will hopefully have an answer for me. Thanks :) &lt;/p&gt;</t>
  </si>
  <si>
    <t>2015-10-11 22:51:39.417000+00:00</t>
  </si>
  <si>
    <t>2015-10-16 21:17:37.590000+00:00</t>
  </si>
  <si>
    <t>javascript|forms|validation</t>
  </si>
  <si>
    <t>How to use Last() of SQL server in Vb.net</t>
  </si>
  <si>
    <t>&lt;p&gt;Last() is used to retrieve the last record of a column in a table in SQL. And the query "select Last(id) from project", id=column name and project is the table name, is working fine. But when i used this query in VB.net while trying to fetch the last record of a column in a table from the database, it is not recognised. it is Is there any alternative to perform this action?? Its a huge code. this is the part of the code where i get the error:&lt;/p&gt;
&lt;pre&gt;&lt;code&gt;str = "select Last(id) from details"
 cmd = New SqlCommand(str, con)  //con is the connection which works fine
 adapt = New SqlDataAdapter(cmd) // error here "Last() is not inbuilt function"
 adapt.Fill(ds) 
 i = ds.Tables(0).Rows(0)(1)
 i = i + 1
&lt;/code&gt;&lt;/pre&gt;</t>
  </si>
  <si>
    <t>2014-10-26 09:33:18.343000+00:00</t>
  </si>
  <si>
    <t>2014-10-26 09:44:33.477000+00:00</t>
  </si>
  <si>
    <t>mysql|sql-server|vb.net</t>
  </si>
  <si>
    <t>How do i get the id of a submitted "new product" through my form, so i can rename an image submitted with it?</t>
  </si>
  <si>
    <t>&lt;p&gt;This is my code, and the image is uploaded where i want it to, but its named 0."file extension" everytime, but i want the image to have the same name as the id of the object im submitting with this form.
id: 3
img name: 3."file extension"
&lt;br&gt;My php:&lt;/p&gt;
&lt;pre&gt;&lt;code&gt;&amp;lt;?php
if (isset($_POST['submit_newProduct'])) { // Form has been submitted.
    $errors = array();
    // perform validations on the form data and avoid sql injection
    $product_name = trim(mysqli_real_escape_string($connection, $_POST['product_name']));
    $product_price = trim(mysqli_real_escape_string($connection, $_POST['product_price']));
    $product_desc = trim(mysqli_real_escape_string($connection, $_POST['product_desc']));
    $product_category = trim(mysqli_real_escape_string($connection, $_POST['product_category']));
    $product_attribute = trim(mysqli_real_escape_string($connection, $_POST['product_attribute']));
    $query = "INSERT INTO products
              (product_name, product_price, product_desc, 
               product_category, product_attribute)
             VALUES ('{$product_name}', '{$product_price}', 
                     '{$product_desc}', '{$product_category}', 
                     '{$product_attribute}')";
    $filename = $_FILES["product_img"]["name"];
    $file_basename = substr($filename, 0, strripos($filename, '.')); // get file extention
    $file_ext = substr($filename, strripos($filename, '.')); // get file name
    $filesize = $_FILES["product_img"]["size"];
    $allowed_file_types = array('.png','.jpg','.jpeg','.gif');
    if (in_array($file_ext,$allowed_file_types) &amp;amp;&amp;amp; ($filesize &amp;lt; 200000)) {
        // Rename file
        $pid = mysqli_insert_id($connection);
        $newfilename = $pid . $file_ext;
        if (file_exists("img/product_img/" . $newfilename))
        {
            // file already exists error
            echo "You have already uploaded this file.";
        }
        else
        {
            move_uploaded_file($_FILES["product_img"]["tmp_name"], "img/product_img/" . $newfilename);
            echo "File uploaded successfully.";
        }
    }
    elseif (empty($file_basename))
    {
        // file selection error
        echo "Please select a file to upload.";
    }
    elseif ($filesize &amp;gt; 200000)
    {
        // file size error
        echo "The file you are trying to upload is too large.";
    }
    else
    {
        // file type error
        echo "Only these file typs are allowed for upload: " . implode(', ',$allowed_file_types);
        unlink($_FILES["file"]["tmp_name"]);
    }
    header("location:product_list.php"); //maskes sure item is not recreated on refresh
    $result = mysqli_query($connection, $query);
    if ($result) {
        $message = "Produkt oprettet.";
    } else {
        $message = "Der skete en fejl";
        $message .= "&amp;lt;br /&amp;gt;" . mysqli_error($connection);
    }
}
?&amp;gt;
&lt;/code&gt;&lt;/pre&gt;
&lt;p&gt;&lt;br&gt;My html form:&lt;/p&gt;
&lt;pre&gt;&lt;code&gt;&amp;lt;form action="" method="post" enctype="multipart/form-data"&amp;gt;
        &amp;lt;div class="col-md-6"&amp;gt;
          &amp;lt;h4&amp;gt;Produkt navn&amp;lt;/h4&amp;gt;
          &amp;lt;input type="text" name="product_name" class="form-control"&amp;gt; &amp;lt;br&amp;gt;
          &amp;lt;h4&amp;gt;Produkt pris&amp;lt;/h4&amp;gt;
          &amp;lt;input type="text" placeholder="DKK" name="product_price" class="form-control" style="width:30%;"&amp;gt;&amp;lt;br&amp;gt;
          &amp;lt;h4&amp;gt;Produkt beskrivelse&amp;lt;/h4&amp;gt;
          &amp;lt;textarea type="text" name="product_desc" rows="3" class="form-control"&amp;gt;&amp;lt;/textarea&amp;gt; &amp;lt;br&amp;gt;
          &amp;lt;h4&amp;gt;Produkt kategori&amp;lt;/h4&amp;gt;
            &amp;lt;select name="product_category" class="form-control"&amp;gt;
                &amp;lt;option&amp;gt;&amp;lt;/option&amp;gt;
                &amp;lt;option&amp;gt;Gummi ��nder&amp;lt;/option&amp;gt;
                &amp;lt;option&amp;gt;P��kl��dning&amp;lt;/option&amp;gt;
                &amp;lt;option&amp;gt;Accessories&amp;lt;/option&amp;gt;
            &amp;lt;/select&amp;gt; &amp;lt;br&amp;gt;
            &amp;lt;h4&amp;gt;Produkt attribut&amp;lt;/h4&amp;gt;
            &amp;lt;input type="text" name="product_attribute" class="form-control" value=""&amp;gt; &amp;lt;br&amp;gt;
          &amp;lt;input type="file" name="product_img"&amp;gt;&amp;lt;br&amp;gt;
          &amp;lt;input type="submit" name="submit_newProduct" class="btn btn-warning pull-right" value="Tilf��j produkt"&amp;gt;
        &amp;lt;/div&amp;gt;
      &amp;lt;/form&amp;gt;
&lt;/code&gt;&lt;/pre&gt;</t>
  </si>
  <si>
    <t>2015-11-07 13:39:55.023000+00:00</t>
  </si>
  <si>
    <t>2015-11-07 15:32:19.103000+00:00</t>
  </si>
  <si>
    <t>2015-11-07 13:47:14.313000+00:00</t>
  </si>
  <si>
    <t>php|html|forms|post</t>
  </si>
  <si>
    <t>youtube subscription button doesn't work</t>
  </si>
  <si>
    <t>&lt;p&gt;I have added this code &lt;/p&gt;
&lt;pre&gt;&lt;code&gt;&amp;lt;div class="g-ytsubscribe" data-channelid="UClaHcVK3_3vgPZHzYuaLPdQ" data-layout="default" data-count="default"&amp;gt;&amp;lt;/div&amp;gt;
&lt;/code&gt;&lt;/pre&gt;
&lt;p&gt;to my website to embed a subscribe button there. I have also added &lt;/p&gt;
&lt;pre&gt;&lt;code&gt;&amp;lt;script src="https://apis.google.com/js/platform.js"&amp;gt;&amp;lt;/script&amp;gt;
&lt;/code&gt;&lt;/pre&gt;
&lt;p&gt;to the header. but when user clicks on the button he gets a Network Error like the following&lt;/p&gt;
&lt;blockquote&gt;
  &lt;p&gt;&lt;code&gt;"NetworkError: 400 Bad Request - https://www.youtube.com/subscription_ajax?action_create_subscription_to_channel=1&amp;amp;c=UClaHcVK3_3vgPZHzYuaLPdQ&amp;amp;eurl=http%3A%2F%2Fexclusivesurgery.com%2F"&lt;/code&gt;&lt;/p&gt;
&lt;/blockquote&gt;
&lt;p&gt;could you please tell me how i can fix this? &lt;/p&gt;
&lt;p&gt;Thanks&lt;/p&gt;</t>
  </si>
  <si>
    <t>2014-05-12 18:47:21.793000+00:00</t>
  </si>
  <si>
    <t>2014-05-14 14:21:15.833000+00:00</t>
  </si>
  <si>
    <t>2014-05-12 18:49:20.350000+00:00</t>
  </si>
  <si>
    <t>javascript|youtube</t>
  </si>
  <si>
    <t>Javascript Confirm showing twice in Safari, Works okay in Firefox but doesnt show in Chrome</t>
  </si>
  <si>
    <t>&lt;p&gt;Using a javascript confirm on my page but it is being odd. &lt;/p&gt;
&lt;p&gt;As per the title, it shows twice in safari, works fine in firefox but doesnt show at all in chrome.&lt;/p&gt;
&lt;p&gt;If i put my code into a jsfiddle it has no issues. No im not sure where to go from here. No errors in my console etc.&lt;/p&gt;
&lt;p&gt;The code is below, but im not sure its actually related to it. Its the only place where the confirm is called / any actions for the button are. No duplicate ids etc.&lt;/p&gt;
&lt;p&gt;Any help? Where to check next possibly? thanks for any help!&lt;/p&gt;
&lt;p&gt;Here is a fiddle: &lt;a href="http://jsfiddle.net/EEw9P/1/" rel="nofollow"&gt;http://jsfiddle.net/EEw9P/1/&lt;/a&gt;&lt;/p&gt;
&lt;p&gt;NOTE: This works on all browsers for some reason.&lt;/p&gt;
&lt;p&gt;The code i am using is this:&lt;/p&gt;
&lt;pre&gt;&lt;code&gt;// if the save button is clicked, add a class to it
$(document).on('click','.saveupdatebutton',function(){
$(this).addClass('activeBtn');
});
// check the form for submit
$(document).ready(function () {
$(document).on('submit','.updatepost',function(){
    // this var checks if the save button has been clicked and had the class added to it
    var isSave = $(this).find('.saveupdatebutton').is('.activeBtn');
    if (isSave) {
        var $targetForm = $(this);
        $targetForm.find(".error").remove();
        $targetForm.find(".success").remove();
        // ... goes after Validation
        if (check) {
            $("#loaderEditPost").show();
            $.ajax({
                type: "POST",
                url: "process/updatepost.php",
                data: $targetForm.serialize(),
                dataType: "json",
                success: function (response) {
                    if (response.databaseSuccess) {
                disableComments();
            } else {
                        $ckEditor.after('&amp;lt;div class="error"&amp;gt;Something went wrong!&amp;lt;/div&amp;gt;');
        }
                }
            });
        }
        return false;
    } else {
        // check if the user REALLY wants to delete the post
        if (confirm('Confirm deletion of your builds update?')) {
        // DELETE POST!
        var $targetForm = $(this);
        $targetForm.find(".error").remove();
        $targetForm.find(".success").remove();
        // If there is anything wrong with 
        // validation we set the check to false
        var check = true;
        // Get the value of the blog update post
        var $ckEditor = $targetForm.find('.ckeditor'),
            blogpost = $ckEditor.val();
        // ... goes after Validation
        if (check) {
            $.ajax({
                type: "POST",
                url: "process/deletepost.php",
                data: $targetForm.serialize(),
                dataType: "json",
                success: function (response) {
                    if (response.deleteSuccess)
                    $("#container").load("#container");
                    else
                    $ckEditor.after('&amp;lt;div class="error"&amp;gt;Something went wrong!&amp;lt;/div&amp;gt;');
                }
            });
        }
        return false;
    }
    // if the user doesnt wish to delete their post
    else 
        return false;
    }
});
});
&lt;/code&gt;&lt;/pre&gt;</t>
  </si>
  <si>
    <t>2014-02-23 15:43:17.423000+00:00</t>
  </si>
  <si>
    <t>2014-02-23 15:53:25.883000+00:00</t>
  </si>
  <si>
    <t>javascript|jquery|forms|google-chrome|confirm</t>
  </si>
  <si>
    <t>Looking for a script/method of playing mp4s in an old TV on a website</t>
  </si>
  <si>
    <t>&lt;p&gt;I'd like to have mp4s playing on a webpage inside an old TV, and I am wondering if there is a script, or a combination of scripts that would give me this effect.  The ability to have buttons on the TV that actually start the movie/control the volume etc. would be a bonus, as would the odd old-time visual effect (poor signal, lines in image, etc., but without having to alter the actual MP4), as well as the ability to warp the video image so that it fits the curved screen.  I'd also like the option to go fullscreen, as with flowplayer.&lt;/p&gt;
&lt;p&gt;I think I saw a method of doing something like this a while back, but from googling about today, I haven't turned up much.&lt;/p&gt;
&lt;p&gt;So far I just have flowplayer installed on the webpage, and an image of an old TV with a cut out where the movie would show.  But I can't work out how to get the image showing above the flowplayer block.  I have tried using z-index, but to no avail.&lt;/p&gt;
&lt;p&gt;Any advice to get me further down the road would be gratefully received.&lt;/p&gt;
&lt;p&gt;Thanks,&lt;/p&gt;
&lt;p&gt;Nick&lt;/p&gt;</t>
  </si>
  <si>
    <t>2011-04-22 19:08:34.050000+00:00</t>
  </si>
  <si>
    <t>2011-05-14 15:09:45.420000+00:00</t>
  </si>
  <si>
    <t>video|video-streaming|flowplayer|tv</t>
  </si>
  <si>
    <t>python thread only prints to stdout after join</t>
  </si>
  <si>
    <t>&lt;p&gt;I have a python program which I am trying to add a progress bar to.  My thread class is:&lt;/p&gt;
&lt;pre&gt;&lt;code&gt;class ProgressThread(threading.Thread):
    def __init__(self):
        super(ProgressThread, self).__init__()
        self.stoprequest = threading.Event()
    def run(self):
        while not self.stoprequest.is_set():
            print ".",
            time.sleep(5)
    def join(self, timeout=None):
        self.stoprequest.set()
        super(ProgressThread, self).join(timeout)
&lt;/code&gt;&lt;/pre&gt;
&lt;p&gt;Then in my main thread I am using the thread class above like this:&lt;/p&gt;
&lt;pre&gt;&lt;code&gt;progress_thread = ProgressThread()
progress_thread.start()
ret = long_running_method()
progress_thread.join()
&lt;/code&gt;&lt;/pre&gt;
&lt;p&gt;The issue I am having is that the dots do not get printed until I call join().  The correct number of dots are there corresponding to the time it takes for long_running_method to complete but I want them to show up one by one just to show the user that the program is not hung.&lt;/p&gt;</t>
  </si>
  <si>
    <t>2014-07-17 16:58:12.927000+00:00</t>
  </si>
  <si>
    <t>2014-07-17 17:03:52.003000+00:00</t>
  </si>
  <si>
    <t>python|multithreading|python-multithreading</t>
  </si>
  <si>
    <t>Magento get chosen shipping and billing method address fields</t>
  </si>
  <si>
    <t>&lt;p&gt;How can I get the choosen shipping and billing fields during checkout? (I want to show them in sidebars)&lt;/p&gt;
&lt;p&gt;I use this in shipping.phtml but ofcourse that's just for the current 'address' (and I want to use it in methods.phtml and other pages)&lt;/p&gt;
&lt;pre&gt;&lt;code&gt;$this-&amp;gt;getAddress()-&amp;gt;getFirstname()
&lt;/code&gt;&lt;/pre&gt;
&lt;p&gt;So I assumed that this would work out...&lt;/p&gt;
&lt;pre&gt;&lt;code&gt;Mage::getSingleton('checkout/session')-&amp;gt;getShippingAddress()-&amp;gt;getFirstname()
&lt;/code&gt;&lt;/pre&gt;
&lt;p&gt;But it didn't, anybody has a tip?&lt;/p&gt;
&lt;p&gt;Addition:
This one was helping me a lot, but I'm stuck :-S
&lt;a href="https://stackoverflow.com/questions/6032936/how-do-i-get-the-shipping-method-the-user-has-chosen-during-checkout"&gt;How do I get the shipping method the user has chosen during checkout?&lt;/a&gt;&lt;/p&gt;</t>
  </si>
  <si>
    <t>2012-11-26 13:40:23.570000+00:00</t>
  </si>
  <si>
    <t>2012-11-26 13:53:17.583000+00:00</t>
  </si>
  <si>
    <t>2017-05-23 10:28:31.010000+00:00</t>
  </si>
  <si>
    <t>magento|checkout</t>
  </si>
  <si>
    <t>Is there any SQL improvements that can be made to this SQL Table-valued Function WITH Common Table Expression?</t>
  </si>
  <si>
    <t>&lt;p&gt;This function is a bit of a bottleneck but is only a small part of a larger query. Are there any changes that can be made to get it to perform better? The UNION is unavoidable, but is the WITH clause the only way? (this is not my original code, I can do pretty basic CRUD operations and am trying to improve performance)&lt;/p&gt;
&lt;pre&gt;&lt;code&gt;USE [DB]
GO
SET ANSI_NULLS ON
GO
SET QUOTED_IDENTIFIER ON
GO
ALTER FUNCTION [dbo].[ufnWidgetWithChildren] (@RootWidget INT)
RETURNS @WidgetList TABLE (
    WidgetID INT
    ,WidgetName VARCHAR(50)
    ,ParentWidgetID INT
    )
AS
BEGIN
    WITH [CTE]
    AS (
        SELECT WidgetID
            ,WidgetName
            ,ParentWidgetID
        FROM Widgets c
        WHERE c.WidgetID = @RootWidget
        UNION ALL
        SELECT c.WidgetID
            ,c.WidgetName
            ,c.ParentWidgetID
        FROM [CTE] p
            ,Widgets c
        WHERE c.[ParentWidgetID] = p.[WidgetID]
        )
    INSERT INTO @WidgetList
    SELECT WidgetID
        ,WidgetName
        ,ParentWidgetID
    FROM [CTE]
    ORDER BY WidgetID
    RETURN
END
&lt;/code&gt;&lt;/pre&gt;</t>
  </si>
  <si>
    <t>2014-07-07 16:26:00.327000+00:00</t>
  </si>
  <si>
    <t>2014-07-07 16:45:27.823000+00:00</t>
  </si>
  <si>
    <t>sql-server-2008</t>
  </si>
  <si>
    <t>Embedding one WPF app into another - Resource file not working</t>
  </si>
  <si>
    <t>&lt;p&gt;I have a requirement to embed one of our existing applications in our new one. I figured it would be quite easy, so I set made all the content of the origional application inside a UserControl "EmbeddedApp", with the theme applied in it's resources:&lt;/p&gt;
&lt;pre&gt;&lt;code&gt;&amp;lt;UserControl x:Class="App.GUI.Window.EmbeddedApp"
             ...&amp;gt;
    &amp;lt;UserControl.Resources&amp;gt;
        &amp;lt;ResourceDictionary Source="/App;component/GUI/Themes/Theme.xaml" /&amp;gt;
    &amp;lt;/UserControl.Resources&amp;gt;
    ...all the app stuff...
&amp;lt;/UserControl&amp;gt;
&lt;/code&gt;&lt;/pre&gt;
&lt;p&gt;And the window for this as a stand alone app then just looked like this:&lt;/p&gt;
&lt;pre&gt;&lt;code&gt;&amp;lt;Controls:MetroWindow x:Class="App.MainWindow"
                      ...&amp;gt;
    &amp;lt;Window:EmbeddedApp/&amp;gt;
&amp;lt;/Controls:MetroWindow&amp;gt;
&lt;/code&gt;&lt;/pre&gt;
&lt;p&gt;Nice and easy. I tested the "embedding" function in a test application in that project and it works fine.&lt;/p&gt;
&lt;p&gt;However, I'm getting resource issues when I embed it into a "full" application like this. There's an exception "Exception: Cannot find resource named 'AccentSelectedColorBrush'. Resource names are case sensitive." on line:&lt;/p&gt;
&lt;pre&gt;&lt;code&gt;&amp;lt;Rectangle Name ="container" Grid.Row="0"  Height="50"  Fill="Black" Stroke="{StaticResource AccentSelectedColorBrush}"/&amp;gt;
&lt;/code&gt;&lt;/pre&gt;
&lt;p&gt;in the depths of the embedded App. How could this be happening if this is defined in a static resource in Theme.xaml? Why would it work fine in an "empty" application?&lt;/p&gt;
&lt;p&gt;I tried adding the theme manually:&lt;/p&gt;
&lt;p&gt;
&lt;/p&gt;
&lt;p&gt;Now, Here AccentSelectedColorBrush is found for the rectangle. However, I'm still getting the error AccentSelectedColorBrush not found within EmbeddedApp, it's also White - which isn't as it's defined in Theme.xaml.I  can inspect it and the rectangle is resolving it fine:&lt;/p&gt;
&lt;p&gt;&lt;a href="https://i.stack.imgur.com/s4kqC.png" rel="nofollow noreferrer"&gt;&lt;img src="https://i.stack.imgur.com/s4kqC.png" alt="enter image description here"&gt;&lt;/a&gt;&lt;/p&gt;
&lt;p&gt;If I remove the Theme.xaml, AccentSelectedColorBrush is not found.&lt;/p&gt;
&lt;p&gt;&lt;strong&gt;Edit:&lt;/strong&gt; I now have this:&lt;/p&gt;
&lt;pre&gt;&lt;code&gt;&amp;lt;UserControl x:Class="MyNewApp.Pages.Views.EmbeddedAppView"
             InheritanceBehavior="SkipAllNow"
             ...&amp;gt;
    &amp;lt;UserControl.Resources&amp;gt;
        &amp;lt;ResourceDictionary&amp;gt;
            &amp;lt;ResourceDictionary.MergedDictionaries&amp;gt;
                &amp;lt;ResourceDictionary Source="pack://application:,,,/App;component/GUI/Themes/Theme.xaml" /&amp;gt;
                &amp;lt;!--&amp;lt;ResourceDictionary Source="pack://application:,,,/App;component/GUI/Themes/Theme2.xaml" /&amp;gt;--&amp;gt;
            &amp;lt;/ResourceDictionary.MergedDictionaries&amp;gt;
        &amp;lt;/ResourceDictionary&amp;gt;
    &amp;lt;/UserControl.Resources&amp;gt;
    &amp;lt;StackPanel Height="447" Width="539"&amp;gt;
        &amp;lt;Rectangle Width="100"  Height="100" Fill="{StaticResource AccentSelectedColorBrush}"/&amp;gt;
        &amp;lt;!--&amp;lt;App:EmbeddedApp Width="300"  Height="300"/&amp;gt;--&amp;gt;
        &amp;lt;Label Content="Texty Text"/&amp;gt;
        &amp;lt;TextBox Text="Some Text"/&amp;gt;
        &amp;lt;CheckBox IsChecked="True" Content="Test"/&amp;gt;
    &amp;lt;/StackPanel&amp;gt;
&amp;lt;/UserControl&amp;gt;
&lt;/code&gt;&lt;/pre&gt;
&lt;p&gt;Now, I'd expect the label and TextBox to be styled acording to Theme.xaml, but it's not doing that it's just using the default themes:&lt;/p&gt;
&lt;p&gt;&lt;a href="https://i.stack.imgur.com/Uzx05.png" rel="nofollow noreferrer"&gt;&lt;img src="https://i.stack.imgur.com/Uzx05.png" alt="enter image description here"&gt;&lt;/a&gt;&lt;/p&gt;
&lt;p&gt;Yet in my "test" project, the Theme.xaml is applied fine:&lt;/p&gt;
&lt;p&gt;&lt;a href="https://i.stack.imgur.com/nuqc3.png" rel="nofollow noreferrer"&gt;&lt;img src="https://i.stack.imgur.com/nuqc3.png" alt="enter image description here"&gt;&lt;/a&gt;&lt;/p&gt;
&lt;p&gt;So my conclusion is that:&lt;/p&gt;
&lt;pre&gt;&lt;code&gt;&amp;lt;ResourceDictionary Source="/App;component/GUI/Themes/Theme.xaml" /&amp;gt;
&lt;/code&gt;&lt;/pre&gt;
&lt;p&gt;is not correct for an externally referenced project. I tried:&lt;/p&gt;
&lt;pre&gt;&lt;code&gt;&amp;lt;ResourceDictionary Source="pack://application:,,,/App;component/GUI/Themes/Theme.xaml" /&amp;gt;
&lt;/code&gt;&lt;/pre&gt;
&lt;p&gt;but that has similar failure. It's definately finding it though, if I misspell and say put "Theme2.xaml" it comes up with an error. But for some reason it's not being applied properly.&lt;/p&gt;
&lt;p&gt;&lt;strong&gt;Edit2&lt;/strong&gt; I've tracked down the problem to how resources are referenced between user controls. I've decided to create a new question that focuses on the actual problem at hand:&lt;/p&gt;
&lt;p&gt;&lt;a href="https://stackoverflow.com/questions/39488553/sub-usercontrol-cannot-find-resource-how-to-get-resources-to-flow-down-the"&gt;&amp;quot;Sub&amp;quot; UserControl cannot find resource - how to get resources to &amp;quot;flow&amp;quot; down the visual tree (without placing it in App resources)&lt;/a&gt;&lt;/p&gt;</t>
  </si>
  <si>
    <t>2016-09-08 11:20:54.197000+00:00</t>
  </si>
  <si>
    <t>2016-09-14 10:51:02.687000+00:00</t>
  </si>
  <si>
    <t>2017-05-23 11:51:41.350000+00:00</t>
  </si>
  <si>
    <t>Abstract method with variable list of arguments</t>
  </si>
  <si>
    <t>&lt;p&gt;I haven't quite found an elegant way to solve this issue. I have an abstract class that several other classes are inheriting with an abstract method that can contain anywhere from zero to 4-5 arguments of varying types.&lt;/p&gt;
&lt;pre&gt;&lt;code&gt;public abstract class Item {
public abstract void use();
}
&lt;/code&gt;&lt;/pre&gt;
&lt;p&gt;For instance, I have a Book class that inherits this and takes no arguments when overriding use(), I have a Key class that inherits and takes a String and a Queue as arguments when overriding, etc...&lt;/p&gt;
&lt;p&gt;I've tried using generics but I have to input the number used, such as Item, when it actually depends on the class.&lt;/p&gt;
&lt;pre&gt;&lt;code&gt;public abstract class Item&amp;lt;T,U&amp;gt; {
public abstract void use(T arg1, U arg2); //Number of arguments/types could be more or less
}
&lt;/code&gt;&lt;/pre&gt;
&lt;p&gt;I've tried sending a variable list of Objects but the object types are always variable and I've unsure as to the syntax to receive in the inheriting classes.&lt;/p&gt;
&lt;pre&gt;&lt;code&gt;public abstract class Item&amp;lt;T&amp;gt; {
public abstract void use(T... arguments);
}
public class Book extends Item&amp;lt;?&amp;gt; {
public void use(?);
}
public class Book extends Item&amp;lt;String, Queue&amp;gt; { //Wrong number of arguments since I can't use Item&amp;lt;T...&amp;gt;
public void use(String str, Queue q); //fails
}
&lt;/code&gt;&lt;/pre&gt;
&lt;p&gt;I may just be doing something wrong - can anyone offer any assistance or insight?&lt;/p&gt;</t>
  </si>
  <si>
    <t>2013-07-30 01:39:10.713000+00:00</t>
  </si>
  <si>
    <t>2017-01-21 18:24:00.557000+00:00</t>
  </si>
  <si>
    <t>2013-07-30 01:59:36.207000+00:00</t>
  </si>
  <si>
    <t>java|inheritance|variadic-functions</t>
  </si>
  <si>
    <t>Setting up MySQL database for stand-alone Spring Boot application to be used in another device</t>
  </si>
  <si>
    <t>&lt;p&gt;I'm developing an application using:&lt;/p&gt;
&lt;ul&gt;
&lt;li&gt;Spring boot&lt;/li&gt;
&lt;li&gt;MySQL&lt;/li&gt;
&lt;/ul&gt;
&lt;p&gt;I'm new to these, and my question is how I can run my application in another device. I'm asking about: &lt;/p&gt;
&lt;ul&gt;
&lt;li&gt;If I set up a MySQL on localhost, how can I take it to another device, so that the built jar file works perfectly fine with it? &lt;/li&gt;
&lt;li&gt;I'm looking for a solution like, establishing connection with a locally saved database file.&lt;/li&gt;
&lt;/ul&gt;
&lt;p&gt;Thanks in advance&lt;/p&gt;</t>
  </si>
  <si>
    <t>2017-11-07 23:35:24.250000+00:00</t>
  </si>
  <si>
    <t>2017-11-08 04:16:20.673000+00:00</t>
  </si>
  <si>
    <t>mysql|database|spring|spring-boot|production-environment</t>
  </si>
  <si>
    <t>How to use the functions:glRenderMode(GLenum mode),glSelectBuffer(GLsizei size, GLuint* buffer) in Opengl ES With Android NDK?</t>
  </si>
  <si>
    <t>&lt;p&gt;I am writing an Android App that transplanted from Pc,in the App i used the Opengl ES with common functions Pc,but now have two methods:&lt;/p&gt;
&lt;pre&gt;&lt;code&gt;int glRenderMode(GLenum mode);
void glSelectBuffer(GLsizei size, GLuint* buffer);
&lt;/code&gt;&lt;/pre&gt;
&lt;p&gt;Those methods are unavailable in ES,I want those methos can usable in Android NDK's ES instead of made to order ES same as &lt;a href="https://github.com/EXL/Gish" rel="nofollow noreferrer"&gt;Gish&lt;/a&gt; or &lt;a href="https://github.com/ptitSeb/gl4es" rel="nofollow noreferrer"&gt;gl4es&lt;/a&gt;,that will make my project be serious invaded. &lt;/p&gt;
&lt;p&gt;So,i hope you can provide me a feasible solution only is based on primary Opengl ES.
&lt;br/&gt;
I await your Help!&lt;/p&gt;
&lt;hr&gt;
&lt;p&gt;I want use the  glRenderMode and glSelectBuffer to select 3D model.
&lt;br/&gt;
My English is poor!&lt;/p&gt;</t>
  </si>
  <si>
    <t>2017-11-03 06:04:57.427000+00:00</t>
  </si>
  <si>
    <t>2017-11-03 11:44:02.817000+00:00</t>
  </si>
  <si>
    <t>c++|opengl-es|android-ndk</t>
  </si>
  <si>
    <t>Woocommerce View all Products in Pagination</t>
  </si>
  <si>
    <t>&lt;p&gt;My client has asked me to add a 'View All' products button to the pagination section of their WordPress / Woocommerce site as well as having the page numbers &lt;a href="http://www.nicholasjohninteriors.co.uk/product-category/lighting/" rel="nofollow"&gt;http://www.nicholasjohninteriors.co.uk/product-category/lighting/&lt;/a&gt;. &lt;/p&gt;
&lt;p&gt;I have found a couple of sites offering the code to do this but none seem to work if someone could provide me with some working code that would be great please?&lt;/p&gt;
&lt;p&gt;Thanks,&lt;/p&gt;
&lt;p&gt;James Isles&lt;/p&gt;</t>
  </si>
  <si>
    <t>2016-01-26 13:50:38.817000+00:00</t>
  </si>
  <si>
    <t>2017-02-05 09:20:00.320000+00:00</t>
  </si>
  <si>
    <t>"x range is invalid" when using values with $</t>
  </si>
  <si>
    <t>&lt;p&gt;I'm on linux, learning gnuplot. My data.tsv looks like this:&lt;/p&gt;
&lt;pre&gt;&lt;code&gt;1480420804  2016-11-29 04:00:04 -0800   foo1    $123.00 bar1
1480507205  2016-11-30 04:00:05 -0800   foo2    $124.25 bar2
1480593604  2016-12-01 04:00:04 -0800   foo3    $122.75 bar3
&lt;/code&gt;&lt;/pre&gt;
&lt;p&gt;I'm using column #1 (seconds since epoch) as X, and column 4 (price) as Y.&lt;/p&gt;
&lt;p&gt;This is my gnuplot script:&lt;/p&gt;
&lt;pre&gt;&lt;code&gt;#!/usr/bin/gnuplot
set terminal png notransparent interlace size 640,480
set output "output.png"
set datafile separator tab
set xdata time
set timefmt "%s"
set format x "%4Y-%02m-%02d"
plot "data.tsv" using 1:4 title "Blah"
&lt;/code&gt;&lt;/pre&gt;
&lt;p&gt;When I try to run this, I get the following error:&lt;/p&gt;
&lt;pre&gt;&lt;code&gt;"./test.gp", line 9: warning: Skipping data file with no valid points
plot "data.tsv" using 1:4 title "Blah"
                                      ^
"./test.gp", line 9: x range is invalid
&lt;/code&gt;&lt;/pre&gt;
&lt;p&gt;But if I remove all the dollar signs from the start of column 4 in my data.tsv file, then everything works.&lt;/p&gt;
&lt;p&gt;My question:  &lt;strong&gt;Is there a way to get gnuplot to accept or skip over the "$" in the prices in column #4?&lt;/strong&gt;&lt;/p&gt;</t>
  </si>
  <si>
    <t>2016-12-10 11:15:06.720000+00:00</t>
  </si>
  <si>
    <t>2016-12-10 11:49:01.130000+00:00</t>
  </si>
  <si>
    <t>gnuplot</t>
  </si>
  <si>
    <t>AngularJS - Different template in directive</t>
  </si>
  <si>
    <t>&lt;p&gt;I have a form based on twitter bootstrap, each field have it's own configuration&lt;/p&gt;
&lt;pre class="lang-js prettyprint-override"&gt;&lt;code&gt;// controller (the template shows this in ng-repeat
$scope.fields = [{name:"f1", label:"Field 1", with_button: false},
                 {name:"f2", label:"Field 2", with_button: true}]
&lt;/code&gt;&lt;/pre&gt;
&lt;p&gt;I'm trying to make a "conditional directive" that customize the template according to "field.with_button"&lt;/p&gt;
&lt;pre class="lang-html prettyprint-override"&gt;&lt;code&gt;// Without button
&amp;lt;div class="controls"&amp;gt;
    &amp;lt;input type="text" id="i_{{field.name}}"&amp;gt;
&amp;lt;/div&amp;gt;
// With button
&amp;lt;div class="controls"&amp;gt;
    &amp;lt;div class="input-append"&amp;gt;
        &amp;lt;input type="text" id="i_{{field.name}}"&amp;gt;
        &amp;lt;span class="add-on"&amp;gt;bt&amp;lt;/span&amp;gt;
    &amp;lt;/div&amp;gt;
&amp;lt;/div&amp;gt;
&lt;/code&gt;&lt;/pre&gt;
&lt;p&gt;I searched a lot and didn't find any solution, I tried to create only one div and put contents inside with a compiler function but it didn't parse, and if I call &lt;code&gt;$apply&lt;/code&gt; it crashes.&lt;/p&gt;
&lt;h2&gt;How could I make this directive?&lt;/h2&gt;
&lt;p&gt;&lt;strong&gt;wrong&lt;/strong&gt; My last try:&lt;/p&gt;
&lt;pre class="lang-js prettyprint-override"&gt;&lt;code&gt;angular.module('mymodule',[]).directive('ssField', function() {
    return {
        transclude:false,
        scope: {
            field: '='
        },
        restrict: 'E',
        replace:true,
        template: '&amp;lt;div class="controls"&amp;gt;{{innerContent}}&amp;lt;/div&amp;gt;',
        controller: ['$scope', '$element', '$attrs', function($scope, $element, $attrs) {
            $scope.$eval('$scope.innerContent = \'&amp;lt;input type="text" id="input_{{field.name}}" placeholder="{{field.name}}" class="input-xlarge"&amp;gt;\'');
        }]
    };
});
//&amp;lt;ss-field field="{{field}}"&amp;gt;&amp;lt;/ss-field&amp;gt;
&lt;/code&gt;&lt;/pre&gt;</t>
  </si>
  <si>
    <t>2013-07-04 15:14:42.337000+00:00</t>
  </si>
  <si>
    <t>2014-03-21 12:23:31.390000+00:00</t>
  </si>
  <si>
    <t>2013-07-04 15:25:25.123000+00:00</t>
  </si>
  <si>
    <t>angularjs|angularjs-directive|angularjs-ng-repeat</t>
  </si>
  <si>
    <t>Change port and host using .htaccess</t>
  </si>
  <si>
    <t>&lt;p&gt;I am trying to use &lt;code&gt;mod_rewrite&lt;/code&gt; to basically port forward a port on a subdomain to another port on another IP.&lt;/p&gt;
&lt;p&gt;Like this:&lt;/p&gt;
&lt;pre&gt;&lt;code&gt;sub.website.com:2000 --&amp;gt; 123.45.67.891:3000 
&lt;/code&gt;&lt;/pre&gt;
&lt;p&gt;How could this be accomplished using a &lt;code&gt;.htaccess&lt;/code&gt; file with  &lt;code&gt;mod_rewrite&lt;/code&gt;?&lt;/p&gt;
&lt;p&gt;I have tried the following but to no avail:&lt;/p&gt;
&lt;pre&gt;&lt;code&gt;RewriteCond %{HTTP_HOST} ^sub.website.com$ [NC]
RewriteCond %{SERVER_PORT} ^2000$
RewriteRule ^(.*)$ https://123.45.67.891:3000/$1 [L,R=302]
&lt;/code&gt;&lt;/pre&gt;</t>
  </si>
  <si>
    <t>2013-04-04 20:50:07.113000+00:00</t>
  </si>
  <si>
    <t>2013-04-04 22:17:35.333000+00:00</t>
  </si>
  <si>
    <t>.htaccess|mod-rewrite|apache2|subdomain|portforwarding</t>
  </si>
  <si>
    <t>search form closes after clicking in form field</t>
  </si>
  <si>
    <t>&lt;p&gt;Hi dear programming and PHP geniuses,&lt;/p&gt;
&lt;p&gt;I'm new to php and effed up a search form on my Wordpress shop page (wich isn't public yet). After searching for the error for days I still have no clue where the error might be. I installed SublimeText + SublimeLinter to find a syntax error, but apparently there is none ... &lt;/p&gt;
&lt;p&gt;The search form closes as soon as I try to type something in (as soon as I click in it). &lt;/p&gt;
&lt;p&gt;I use the Mr. Tailor Theme: &lt;a href="http://themeforest.net/item/mr-tailor-responsive-woocommerce-theme/full_screen_preview/7292110" rel="nofollow"&gt;http://themeforest.net/item/mr-tailor-responsive-woocommerce-theme/full_screen_preview/7292110&lt;/a&gt;&lt;/p&gt;
&lt;p&gt;So, here is the code (it's quite long and I'm not sure if this alone helps, so please let me know if I have to add anything):&lt;/p&gt;
&lt;pre&gt;&lt;code&gt;&amp;lt;?php global $woocommerce, $mr_tailor_theme_options; ?&amp;gt;
                    &amp;lt;footer id="site-footer" role="contentinfo"&amp;gt;
&amp;lt;div id="own_footer"&amp;gt;
            &amp;lt;img src="../../image_assets/logo_footer.png" alt="Logo"&amp;gt;
            &amp;lt;br&amp;gt;&amp;lt;br&amp;gt;&amp;lt;br&amp;gt;
            &amp;lt;p&amp;gt;Folgen Sie uns auf: &amp;lt;/p&amp;gt;
            &amp;lt;a href="https://www.instagram.com/fuchsundfeder/" target="_blank"&amp;gt;&amp;lt;img                 src="../../image_assets/instagram_footer.png" alt="Logo" &amp;gt; &amp;lt;/a&amp;gt;
            &amp;lt;img src="../../image_assets/facebook_footer.png" alt="Logo" &amp;gt;
            &amp;lt;a href="https://de.pinterest.com/fuchsundfeder/" target="_blank"&amp;gt;&amp;lt;img src="../../image_assets/pinterest_footer.png" alt="Logo" &amp;gt; &amp;lt;/a&amp;gt;
            &amp;lt;br&amp;gt;&amp;lt;br&amp;gt;&amp;lt;br&amp;gt;
            &amp;lt;/div&amp;gt;
            &amp;lt;br&amp;gt;&amp;lt;br&amp;gt;
            &amp;lt;p id="newsletter_copy"&amp;gt;
                NEWSLETTER
                &amp;lt;br&amp;gt;&amp;lt;br&amp;gt;
                Sie haben Interesse an unserem Newsletter und m��chten regelm����ig ��ber neue  Produkte, 
                Sonderangebote und andere tolle Sachen informiert werden? Dann registrieren Sie sich f��r unseren                    
                Newsletter.
            &amp;lt;/p&amp;gt;
                    &amp;lt;div id="footer_eingabefeld"&amp;gt; 
                    &amp;lt;?php if ( is_active_sidebar( 'footer-widget-area' ) ) : ?&amp;gt;
                        &amp;lt;div class="trigger-footer-widget-area"&amp;gt;
                                &amp;lt;span class="trigger-footer-widget-icon"&amp;gt;&amp;lt;/span&amp;gt;
                            &amp;lt;/div&amp;gt;
                        &amp;lt;div class="site-footer-widget-area"&amp;gt;
                            &amp;lt;div class="row"&amp;gt;
                                &amp;lt;?php dynamic_sidebar( 'footer-widget-area' ); ?&amp;gt;
                            &amp;lt;/div&amp;gt;&amp;lt;!-- .row --&amp;gt;
                    &amp;lt;/div&amp;gt;&amp;lt;!-- .site-footer-widget-area --&amp;gt;
&amp;lt;?php endif; ?&amp;gt;
&amp;lt;div id="footer_links"&amp;gt;
&amp;lt;li&amp;gt;&amp;lt;a href="http://fuchsundfeder.com/pages/about-us"&amp;gt;��ber Fuchs und Feder&amp;lt;/a&amp;gt;&amp;lt;/li&amp;gt;
&amp;lt;li&amp;gt;&amp;lt;a href="http://fuchsundfeder.com/contact"&amp;gt;Kontakt&amp;lt;/a&amp;gt;&amp;lt;/li&amp;gt;
&amp;lt;li&amp;gt;&amp;lt;a href="http://fuchsundfeder.com/pages/faqs"&amp;gt;FAQ&amp;lt;/a&amp;gt;&amp;lt;/li&amp;gt;
&amp;lt;li&amp;gt;&amp;lt;a href="http://fuchsundfeder.com/impressum"&amp;gt;Impressum&amp;lt;/a&amp;gt;&amp;lt;/li&amp;gt;
&amp;lt;li&amp;gt;&amp;lt;a href="http://fuchsundfeder.com/mein-konto"&amp;gt;Mein Konto&amp;lt;/a&amp;gt;&amp;lt;/li&amp;gt;
&amp;lt;/div&amp;gt;             
&amp;lt;div class="site-footer-copyright-area"&amp;gt;
                            &amp;lt;div class="row"&amp;gt;
                                &amp;lt;div class="medium-4 columns"&amp;gt;  
                                    &amp;lt;div class="payment_methods"&amp;gt;
                                        &amp;lt;?php
                                        if ( (isset($mr_tailor_theme_options['credit_card_icons']['url'])) &amp;amp;&amp;amp; (trim($mr_tailor_theme_options['credit_card_icons']['url']) != "" ) ) {
                                            if (is_ssl()) {
                                                $credit_card_icons = str_replace("http://", "https://", $mr_tailor_theme_options['credit_card_icons']['url']);      
                                            } else {
                                                $credit_card_icons = $mr_tailor_theme_options['credit_card_icons']['url'];
                                            }
                                        ?&amp;gt;
                                        &amp;lt;img src="&amp;lt;?php echo $credit_card_icons; ?&amp;gt;" alt="&amp;lt;?php _e( 'Payment methods', 'mr_tailor' )?&amp;gt;" /&amp;gt;
                                        &amp;lt;?php } ?&amp;gt;  
                                    &amp;lt;/div&amp;gt;&amp;lt;!-- .payment_methods --&amp;gt;
                                &amp;lt;/div&amp;gt;&amp;lt;!-- .large-4 .columns --&amp;gt;
                                &amp;lt;div class="medium-8 columns"&amp;gt;
                                    &amp;lt;div class="copyright_text"&amp;gt;
                                        &amp;lt;?php if ( (isset($mr_tailor_theme_options['footer_copyright_text'])) &amp;amp;&amp;amp; (trim($mr_tailor_theme_options['footer_copyright_text']) != "" ) ) { ?&amp;gt;
                                            &amp;lt;?php _e( $mr_tailor_theme_options['footer_copyright_text'], 'mr_tailor' ); ?&amp;gt;
                                        &amp;lt;?php } ?&amp;gt;
                                    &amp;lt;/div&amp;gt;&amp;lt;!-- .copyright_text --&amp;gt;  
                                &amp;lt;/div&amp;gt;&amp;lt;!-- .large-8 .columns --&amp;gt;            
                            &amp;lt;/div&amp;gt;&amp;lt;!-- .row --&amp;gt; 
                        &amp;lt;/div&amp;gt;&amp;lt;!-- .site-footer-copyright-area --&amp;gt;
                    &amp;lt;/footer&amp;gt;
                &amp;lt;/div&amp;gt;&amp;lt;!-- #page --&amp;gt;
            &amp;lt;/div&amp;gt;&amp;lt;!-- /st-content --&amp;gt;
        &amp;lt;/div&amp;gt;&amp;lt;!-- /st-pusher --&amp;gt;
        &amp;lt;nav class="st-menu slide-from-left"&amp;gt;
            &amp;lt;div class="nano"&amp;gt;
                &amp;lt;div class="nano-content"&amp;gt;
                    &amp;lt;div id="mobiles-menu-offcanvas" class="offcanvas-left-content"&amp;gt;
                        &amp;lt;nav id="mobile-main-navigation" class="mobile-navigation" role="navigation"&amp;gt;
                        &amp;lt;?php 
                            wp_nav_menu(array(
                                'theme_location'  =&amp;gt; 'main-navigation',
                                'fallback_cb'     =&amp;gt; false,
                                'container'       =&amp;gt; false,
                                'items_wrap'      =&amp;gt; '&amp;lt;ul id="%1$s"&amp;gt;%3$s&amp;lt;/ul&amp;gt;',
                            ));
                        ?&amp;gt;
                        &amp;lt;/nav&amp;gt;
                        &amp;lt;?php 
                        $theme_locations  = get_nav_menu_locations();
                        if (isset($theme_locations['top-bar-navigation'])) {
                            $menu_obj = get_term($theme_locations['top-bar-navigation'], 'nav_menu');
                        }
                        if ( (isset($menu_obj-&amp;gt;count) &amp;amp;&amp;amp; ($menu_obj-&amp;gt;count &amp;gt; 0)) || (is_user_logged_in()) ) {
                        ?&amp;gt;
                            &amp;lt;nav id="mobile-top-bar-navigation" class="mobile-navigation" role="navigation"&amp;gt;
                            &amp;lt;?php 
                                wp_nav_menu(array(
                                    'theme_location'  =&amp;gt; 'top-bar-navigation',
                                    'fallback_cb'     =&amp;gt; false,
                                    'container'       =&amp;gt; false,
                                    'items_wrap'      =&amp;gt; '&amp;lt;ul id="%1$s"&amp;gt;%3$s&amp;lt;/ul&amp;gt;',
                                ));
                            ?&amp;gt;
                            &amp;lt;?php if ( is_user_logged_in() ) { ?&amp;gt;
                                &amp;lt;ul&amp;gt;&amp;lt;li&amp;gt;&amp;lt;a href="&amp;lt;?php echo get_site_url(); ?&amp;gt;/?&amp;lt;?php echo get_option('woocommerce_logout_endpoint'); ?&amp;gt;=true" class="logout_link"&amp;gt;&amp;lt;?php _e('Logout', 'mr_tailor'); ?&amp;gt;&amp;lt;/a&amp;gt;&amp;lt;/li&amp;gt;&amp;lt;/ul&amp;gt;
                            &amp;lt;?php } ?&amp;gt;
                            &amp;lt;/nav&amp;gt;
                        &amp;lt;?php } ?&amp;gt;
                        &amp;lt;div class="language-and-currency-offcanvas hide-for-large-up"&amp;gt;
                            &amp;lt;?php if (function_exists('icl_get_languages')) { ?&amp;gt;
                                &amp;lt;?php $additional_languages = icl_get_languages('skip_missing=N&amp;amp;orderby=KEY&amp;amp;order=DIR&amp;amp;link_empty_to=str'); ?&amp;gt;
                                &amp;lt;select class="topbar-language-switcher"&amp;gt;
                                    &amp;lt;option&amp;gt;&amp;lt;?php echo ICL_LANGUAGE_NAME; ?&amp;gt;&amp;lt;/option&amp;gt;
                                    &amp;lt;?php
                                    if (count($additional_languages) &amp;gt; 1) {
                                        foreach($additional_languages as $additional_language){
                                          if(!$additional_language['active']) $langs[] = '&amp;lt;option value="'.$additional_language['url'].'"&amp;gt;'.$additional_language['native_name'].'&amp;lt;/option&amp;gt;';
                                        }
                                        echo join(', ', $langs);
                                    }
                                    ?&amp;gt;
                                &amp;lt;/select&amp;gt;
                            &amp;lt;?php } ?&amp;gt;
                            &amp;lt;?php if (class_exists('woocommerce_wpml')) { ?&amp;gt;
                                &amp;lt;?php echo(do_shortcode('[currency_switcher]')); ?&amp;gt;
                            &amp;lt;?php } ?&amp;gt;
                        &amp;lt;/div&amp;gt;
                        &amp;lt;div class="mobile-socials"&amp;gt;
                            &amp;lt;div class="site-social-icons"&amp;gt;
                                &amp;lt;ul class="//animated //flipY"&amp;gt;
                                    &amp;lt;?php if ( (isset($mr_tailor_theme_options['facebook_link'])) &amp;amp;&amp;amp; (trim($mr_tailor_theme_options['facebook_link']) != "" ) ) { ?&amp;gt;&amp;lt;li class="site-social-icons-facebook"&amp;gt;&amp;lt;a target="_blank" href="&amp;lt;?php echo $mr_tailor_theme_options['facebook_link']; ?&amp;gt;"&amp;gt;&amp;lt;i class="fa fa-facebook"&amp;gt;&amp;lt;/i&amp;gt;&amp;lt;span&amp;gt;Facebook&amp;lt;/span&amp;gt;&amp;lt;/a&amp;gt;&amp;lt;/li&amp;gt;&amp;lt;?php } ?&amp;gt;
                                    &amp;lt;?php if ( (isset($mr_tailor_theme_options['twitter_link'])) &amp;amp;&amp;amp; (trim($mr_tailor_theme_options['twitter_link']) != "" ) ) { ?&amp;gt;&amp;lt;li class="site-social-icons-twitter"&amp;gt;&amp;lt;a target="_blank" href="&amp;lt;?php echo $mr_tailor_theme_options['twitter_link']; ?&amp;gt;"&amp;gt;&amp;lt;i class="fa fa-twitter"&amp;gt;&amp;lt;/i&amp;gt;&amp;lt;span&amp;gt;Twitter&amp;lt;/span&amp;gt;&amp;lt;/a&amp;gt;&amp;lt;/li&amp;gt;&amp;lt;?php } ?&amp;gt;
                                    &amp;lt;?php if ( (isset($mr_tailor_theme_options['pinterest_link'])) &amp;amp;&amp;amp; (trim($mr_tailor_theme_options['pinterest_link']) != "" ) ) { ?&amp;gt;&amp;lt;li class="site-social-icons-pinterest"&amp;gt;&amp;lt;a target="_blank" href="&amp;lt;?php echo $mr_tailor_theme_options['pinterest_link']; ?&amp;gt;"&amp;gt;&amp;lt;i class="fa fa-pinterest"&amp;gt;&amp;lt;/i&amp;gt;&amp;lt;span&amp;gt;Pinterest&amp;lt;/span&amp;gt;&amp;lt;/a&amp;gt;&amp;lt;/li&amp;gt;&amp;lt;?php } ?&amp;gt;
                                    &amp;lt;?php if ( (isset($mr_tailor_theme_options['linkedin_link'])) &amp;amp;&amp;amp; (trim($mr_tailor_theme_options['linkedin_link']) != "" ) ) { ?&amp;gt;&amp;lt;li class="site-social-icons-linkedin"&amp;gt;&amp;lt;a target="_blank" href="&amp;lt;?php echo $mr_tailor_theme_options['linkedin_link']; ?&amp;gt;"&amp;gt;&amp;lt;i class="fa fa-linkedin"&amp;gt;&amp;lt;/i&amp;gt;&amp;lt;span&amp;gt;LinkedIn&amp;lt;/span&amp;gt;&amp;lt;/a&amp;gt;&amp;lt;/li&amp;gt;&amp;lt;?php } ?&amp;gt;
                                    &amp;lt;?php if ( (isset($mr_tailor_theme_options['googleplus_link'])) &amp;amp;&amp;amp; (trim($mr_tailor_theme_options['googleplus_link']) != "" ) ) { ?&amp;gt;&amp;lt;li class="site-social-icons-googleplus"&amp;gt;&amp;lt;a target="_blank" href="&amp;lt;?php echo $mr_tailor_theme_options['googleplus_link']; ?&amp;gt;"&amp;gt;&amp;lt;i class="fa fa-google-plus"&amp;gt;&amp;lt;/i&amp;gt;&amp;lt;span&amp;gt;Google+&amp;lt;/span&amp;gt;&amp;lt;/a&amp;gt;&amp;lt;/li&amp;gt;&amp;lt;?php } ?&amp;gt;
                                    &amp;lt;?php if ( (isset($mr_tailor_theme_options['rss_link'])) &amp;amp;&amp;amp; (trim($mr_tailor_theme_options['rss_link']) != "" ) ) { ?&amp;gt;&amp;lt;li class="site-social-icons-rss"&amp;gt;&amp;lt;a target="_blank" href="&amp;lt;?php echo $mr_tailor_theme_options['rss_link']; ?&amp;gt;"&amp;gt;&amp;lt;i class="fa fa-rss"&amp;gt;&amp;lt;/i&amp;gt;&amp;lt;span&amp;gt;RSS&amp;lt;/span&amp;gt;&amp;lt;/a&amp;gt;&amp;lt;/li&amp;gt;&amp;lt;?php } ?&amp;gt;
                                    &amp;lt;?php if ( (isset($mr_tailor_theme_options['tumblr_link'])) &amp;amp;&amp;amp; (trim($mr_tailor_theme_options['tumblr_link']) != "" ) ) { ?&amp;gt;&amp;lt;li class="site-social-icons-tumblr"&amp;gt;&amp;lt;a target="_blank" href="&amp;lt;?php echo $mr_tailor_theme_options['tumblr_link']; ?&amp;gt;"&amp;gt;&amp;lt;i class="fa fa-tumblr"&amp;gt;&amp;lt;/i&amp;gt;&amp;lt;span&amp;gt;Tumblr&amp;lt;/span&amp;gt;&amp;lt;/a&amp;gt;&amp;lt;/li&amp;gt;&amp;lt;?php } ?&amp;gt;
                                    &amp;lt;?php if ( (isset($mr_tailor_theme_options['instagram_link'])) &amp;amp;&amp;amp; (trim($mr_tailor_theme_options['instagram_link']) != "" ) ) { ?&amp;gt;&amp;lt;li class="site-social-icons-instagram"&amp;gt;&amp;lt;a target="_blank" href="&amp;lt;?php echo $mr_tailor_theme_options['instagram_link']; ?&amp;gt;"&amp;gt;&amp;lt;i class="fa fa-instagram"&amp;gt;&amp;lt;/i&amp;gt;&amp;lt;span&amp;gt;Instagram&amp;lt;/span&amp;gt;&amp;lt;/a&amp;gt;&amp;lt;/li&amp;gt;&amp;lt;?php } ?&amp;gt;
                                    &amp;lt;?php if ( (isset($mr_tailor_theme_options['youtube_link'])) &amp;amp;&amp;amp; (trim($mr_tailor_theme_options['youtube_link']) != "" ) ) { ?&amp;gt;&amp;lt;li class="site-social-icons-youtube"&amp;gt;&amp;lt;a target="_blank" href="&amp;lt;?php echo $mr_tailor_theme_options['youtube_link']; ?&amp;gt;"&amp;gt;&amp;lt;i class="fa fa-youtube-play"&amp;gt;&amp;lt;/i&amp;gt;&amp;lt;span&amp;gt;Youtube&amp;lt;/span&amp;gt;&amp;lt;/a&amp;gt;&amp;lt;/li&amp;gt;&amp;lt;?php } ?&amp;gt;
                                    &amp;lt;?php if ( (isset($mr_tailor_theme_options['vimeo_link'])) &amp;amp;&amp;amp; (trim($mr_tailor_theme_options['vimeo_link']) != "" ) ) { ?&amp;gt;&amp;lt;li class="site-social-icons-vimeo"&amp;gt;&amp;lt;a target="_blank" href="&amp;lt;?php echo $mr_tailor_theme_options['vimeo_link']; ?&amp;gt;"&amp;gt;&amp;lt;i class="fa fa-vimeo-square"&amp;gt;&amp;lt;/i&amp;gt;&amp;lt;span&amp;gt;Vimeo&amp;lt;/span&amp;gt;&amp;lt;/a&amp;gt;&amp;lt;/li&amp;gt;&amp;lt;?php } ?&amp;gt;
                                &amp;lt;/ul&amp;gt;
                            &amp;lt;/div&amp;gt;
                        &amp;lt;/div&amp;gt;
                    &amp;lt;/div&amp;gt;
                    &amp;lt;div id="filters-offcanvas" class="offcanvas-left-content wpb_widgetised_column"&amp;gt;
                        &amp;lt;?php if ( is_active_sidebar( 'catalog-widget-area' ) ) : ?&amp;gt;
                            &amp;lt;?php dynamic_sidebar( 'catalog-widget-area' ); ?&amp;gt;
                        &amp;lt;?php endif; ?&amp;gt;
                    &amp;lt;/div&amp;gt;
                &amp;lt;/div&amp;gt;
            &amp;lt;/div&amp;gt;
        &amp;lt;/nav&amp;gt;
        &amp;lt;nav class="st-menu slide-from-right"&amp;gt;
            &amp;lt;div class="nano"&amp;gt;
                &amp;lt;div class="nano-content"&amp;gt;
                    &amp;lt;div id="minicart-offcanvas" class="offcanvas-right-content"&amp;gt;&amp;lt;?php if ( class_exists( 'WC_Widget_Cart' ) ) { the_widget( 'mr_tailor_WC_Widget_Cart' ); } ?&amp;gt;&amp;lt;/div&amp;gt;
                    &amp;lt;div id="wishlist-offcanvas" class="offcanvas-right-content"&amp;gt;&amp;lt;div class="widget"&amp;gt;&amp;lt;/div&amp;gt;&amp;lt;/div&amp;gt;
                &amp;lt;/div&amp;gt;
            &amp;lt;/div&amp;gt;
        &amp;lt;/nav&amp;gt;
    &amp;lt;/div&amp;gt;&amp;lt;!-- /st-container --&amp;gt;
    &amp;lt;!-- ******************************************************************** --&amp;gt;
    &amp;lt;!-- * Custom Footer JavaScript Code ************************************ --&amp;gt;
    &amp;lt;!-- ******************************************************************** --&amp;gt;
    &amp;lt;?php if ( (isset($mr_tailor_theme_options['footer_js'])) &amp;amp;&amp;amp; ($mr_tailor_theme_options['footer_js'] != "") ) : ?&amp;gt;
        &amp;lt;script type="text/javascript"&amp;gt;
            &amp;lt;?php echo $mr_tailor_theme_options['footer_js']; ?&amp;gt;
        &amp;lt;/script&amp;gt;
    &amp;lt;?php endif; ?&amp;gt;
    &amp;lt;?php if ( (isset($mr_tailor_theme_options['sticky_header'])) &amp;amp;&amp;amp; (trim($mr_tailor_theme_options['sticky_header']) == "1" ) ) : ?&amp;gt;
    &amp;lt;!-- ******************************************************************** --&amp;gt;
    &amp;lt;!-- * Sticky Header **************************************************** --&amp;gt;
    &amp;lt;!-- ******************************************************************** --&amp;gt;
    &amp;lt;div class="site-header-sticky"&amp;gt;
        &amp;lt;div class="row"&amp;gt;       
        &amp;lt;div class="large-12 columns"&amp;gt;
            &amp;lt;div class="site-header-sticky-inner"&amp;gt;
                &amp;lt;div class="site-branding"&amp;gt;
                    &amp;lt;?php
                    if ( (isset($mr_tailor_theme_options['site_logo']['url'])) &amp;amp;&amp;amp; (trim($mr_tailor_theme_options['site_logo']['url']) != "" ) ) {
                        if (is_ssl()) {
                            $site_logo = str_replace("http://", "https://", $mr_tailor_theme_options['site_logo']['url']);      
                        } else {
                            $site_logo = $mr_tailor_theme_options['site_logo']['url'];
                        }
                    ?&amp;gt;
                        &amp;lt;a href="&amp;lt;?php echo esc_url( home_url( '/' ) ); ?&amp;gt;" rel="home"&amp;gt;&amp;lt;img class="site-logo" src="&amp;lt;?php echo $site_logo; ?&amp;gt;" title="&amp;lt;?php bloginfo( 'description' ); ?&amp;gt;" alt="&amp;lt;?php bloginfo( 'name' ); ?&amp;gt;" /&amp;gt;&amp;lt;/a&amp;gt;
                    &amp;lt;?php } else { ?&amp;gt;
                        &amp;lt;div class="site-title"&amp;gt;&amp;lt;a href="&amp;lt;?php echo esc_url( home_url( '/' ) ); ?&amp;gt;" rel="home"&amp;gt;&amp;lt;?php bloginfo( 'name' ); ?&amp;gt;&amp;lt;/a&amp;gt;&amp;lt;/div&amp;gt;
                    &amp;lt;?php } ?&amp;gt;
                &amp;lt;/div&amp;gt;&amp;lt;!-- .site-branding --&amp;gt;
                &amp;lt;?php
                if ( (isset($mr_tailor_theme_options['site_logo_retina']['url'])) &amp;amp;&amp;amp; (trim($mr_tailor_theme_options['site_logo_retina']['url']) != "" ) ) {
                ?&amp;gt;
                &amp;lt;script&amp;gt;
                //&amp;lt;![CDATA[
                    // Set pixelRatio to 1 if the browser doesn't offer it up.
                    var pixelRatio = !!window.devicePixelRatio ? window.devicePixelRatio : 1;
                    logo_image = new Image();
                    jQuery(window).load(function(){
                        if (pixelRatio &amp;gt; 1) {
                            jQuery('.site-logo').each(function() {
                                var logo_image_width = jQuery(this).width();
                                var logo_image_height = jQuery(this).height();
                                jQuery(this).css("width", logo_image_width);
                                jQuery(this).css("height", logo_image_height);
                                jQuery(this).attr('src', '&amp;lt;?php echo $mr_tailor_theme_options['site_logo_retina']['url'] ?&amp;gt;');
                            });
                        };
                    });
                //]]&amp;gt;
                &amp;lt;/script&amp;gt;
                &amp;lt;?php } ?&amp;gt;
                &amp;lt;div id="site-menu"&amp;gt;
                    &amp;lt;nav id="site-navigation" class="main-navigation" role="navigation"&amp;gt;                    
                        &amp;lt;?php 
                            wp_nav_menu(array(
                                'theme_location'  =&amp;gt; 'main-navigation',
                                'fallback_cb'     =&amp;gt; false,
                                'container'       =&amp;gt; false,
                                'items_wrap'      =&amp;gt; '&amp;lt;ul id="%1$s"&amp;gt;%3$s&amp;lt;/ul&amp;gt;',
                            ));
                        ?&amp;gt;           
                    &amp;lt;/nav&amp;gt;&amp;lt;!-- #site-navigation --&amp;gt;                  
                    &amp;lt;div class="site-tools"&amp;gt;
                        &amp;lt;ul&amp;gt;
                            &amp;lt;li class="mobile-menu-button"&amp;gt;&amp;lt;a&amp;gt;&amp;lt;i class="getbowtied-icon-menu"&amp;gt;&amp;lt;/i&amp;gt;&amp;lt;/a&amp;gt;&amp;lt;/li&amp;gt;
                            &amp;lt;?php if (class_exists('YITH_WCWL')) : ?&amp;gt;
                            &amp;lt;?php if ( (isset($mr_tailor_theme_options['main_header_wishlist'])) &amp;amp;&amp;amp; (trim($mr_tailor_theme_options['main_header_wishlist']) == "1" ) ) : ?&amp;gt;
                            &amp;lt;li class="wishlist-button"&amp;gt;&amp;lt;a&amp;gt;&amp;lt;i class="getbowtied-icon-heart"&amp;gt;&amp;lt;/i&amp;gt;&amp;lt;/a&amp;gt;&amp;lt;span class="wishlist_items_number"&amp;gt;&amp;lt;?php echo yith_wcwl_count_products(); ?&amp;gt;&amp;lt;/span&amp;gt;&amp;lt;/li&amp;gt;                           
                            &amp;lt;?php endif; ?&amp;gt;
                            &amp;lt;?php endif; ?&amp;gt;
                            &amp;lt;?php if (class_exists('WooCommerce')) : ?&amp;gt;
                            &amp;lt;?php if ( (isset($mr_tailor_theme_options['main_header_shopping_bag'])) &amp;amp;&amp;amp; (trim($mr_tailor_theme_options['main_header_shopping_bag']) == "1" ) ) : ?&amp;gt;
                            &amp;lt;?php if ( (isset($mr_tailor_theme_options['catalog_mode'])) &amp;amp;&amp;amp; ($mr_tailor_theme_options['catalog_mode'] == 1) ) : ?&amp;gt;
                            &amp;lt;?php else : ?&amp;gt;
                            &amp;lt;li class="shopping-bag-button" class="right-off-canvas-toggle"&amp;gt;&amp;lt;a&amp;gt;&amp;lt;i class="getbowtied-icon-shop"&amp;gt;&amp;lt;/i&amp;gt;&amp;lt;/a&amp;gt;&amp;lt;span class="shopping_bag_items_number"&amp;gt;&amp;lt;?php echo $woocommerce-&amp;gt;cart-&amp;gt;cart_contents_count; ?&amp;gt;&amp;lt;/span&amp;gt;&amp;lt;/li&amp;gt;
                            &amp;lt;?php endif; ?&amp;gt;
                            &amp;lt;?php endif; ?&amp;gt;
                            &amp;lt;?php endif; ?&amp;gt;
                            &amp;lt;?php if ( (isset($mr_tailor_theme_options['main_header_search_bar'])) &amp;amp;&amp;amp; (trim($mr_tailor_theme_options['main_header_search_bar']) == "1" ) ) : ?&amp;gt;
                            &amp;lt;li class="search-button"&amp;gt;&amp;lt;a&amp;gt;&amp;lt;i class="getbowtied-icon-search"&amp;gt;&amp;lt;/i&amp;gt;&amp;lt;/a&amp;gt;&amp;lt;/li&amp;gt;
                            &amp;lt;?php endif; ?&amp;gt;
                        &amp;lt;/ul&amp;gt;   
                    &amp;lt;/div&amp;gt;
                    &amp;lt;div class="site-search"&amp;gt;
                        &amp;lt;?php
                        if (class_exists('WooCommerce')) {
                            the_widget( 'WC_Widget_Product_Search', 'title=' );
                        } else {
                            the_widget( 'WP_Widget_Search', 'title=' );
                        }
                        ?&amp;gt;             
                    &amp;lt;/div&amp;gt;&amp;lt;!-- .site-search --&amp;gt;
                &amp;lt;/div&amp;gt;&amp;lt;!-- #site-menu --&amp;gt;
                &amp;lt;div class="clearfix"&amp;gt;&amp;lt;/div&amp;gt;
            &amp;lt;/div&amp;gt;&amp;lt;!--.site-header-sticky-inner--&amp;gt;  
        &amp;lt;/div&amp;gt;&amp;lt;!-- .large-12--&amp;gt;
        &amp;lt;/div&amp;gt;&amp;lt;!--.row--&amp;gt; 
    &amp;lt;/div&amp;gt;&amp;lt;!-- .site-header-sticky --&amp;gt;
    &amp;lt;?php endif; ?&amp;gt;
    &amp;lt;!-- ******************************************************************** --&amp;gt;
    &amp;lt;!-- * WP Footer() ****************************************************** --&amp;gt;
    &amp;lt;!-- ******************************************************************** --&amp;gt;
    &amp;lt;div class="login_header"&amp;gt;
        &amp;lt;a class="go_home" href="&amp;lt;?php echo home_url(); ?&amp;gt;" title="&amp;lt;?php bloginfo('name'); ?&amp;gt;"&amp;gt;&amp;lt;?php bloginfo('name'); ?&amp;gt;&amp;lt;/a&amp;gt;
    &amp;lt;/div&amp;gt;
&amp;lt;?php wp_footer(); ?&amp;gt;
&amp;lt;/body&amp;gt;
&amp;lt;/html&amp;gt;
&lt;/code&gt;&lt;/pre&gt;
&lt;p&gt;Weird thing is also, that this code is from the footer.php, but still it apparently influences the search bar....&lt;/p&gt;
&lt;p&gt;I know it's kinda like dynamite fishing, but I just ran out of ideas. So thank you all in advance!&lt;/p&gt;</t>
  </si>
  <si>
    <t>2016-03-28 10:29:37.230000+00:00</t>
  </si>
  <si>
    <t>2016-03-28 17:22:55.470000+00:00</t>
  </si>
  <si>
    <t>php|wordpress|search-form</t>
  </si>
  <si>
    <t>Regex to replace string with quotes</t>
  </si>
  <si>
    <t>&lt;p&gt;I need to replace quotes in following string. &lt;/p&gt;
&lt;pre&gt;&lt;code&gt;String str = "This is 'test()ing' and test()ing'";
&lt;/code&gt;&lt;/pre&gt;
&lt;p&gt;Final output should be "This is test()ing and test()ing'";&lt;/p&gt;
&lt;p&gt;i.e replace only if it starts with 'test() and ends with '. Text in between remains the same.&lt;/p&gt;
&lt;p&gt;This one is not working.&lt;/p&gt;
&lt;pre&gt;&lt;code&gt;str = str.replaceAll("^('test())(.*)(')$", "test()$2");
&lt;/code&gt;&lt;/pre&gt;
&lt;p&gt;Please suggest suitable regex for the same.&lt;/p&gt;</t>
  </si>
  <si>
    <t>2015-02-20 20:08:09.030000+00:00</t>
  </si>
  <si>
    <t>2015-02-20 20:30:00.400000+00:00</t>
  </si>
  <si>
    <t>2015-02-20 20:13:48.127000+00:00</t>
  </si>
  <si>
    <t>Using OR along with join query results causing NullPointerException</t>
  </si>
  <si>
    <t>&lt;p&gt;Following are the sample documents and fields configured in my solr 4.7.2&lt;/p&gt;
&lt;pre&gt;&lt;code&gt;brands {id, brand_name}
products {id, product_name, brand_id}
&lt;/code&gt;&lt;/pre&gt;
&lt;p&gt;Following are the data indexed&lt;/p&gt;
&lt;pre&gt;&lt;code&gt;BRANDS: {1, Apple}, {2, Samsung}, {3, HTC}
PRODUCTS: {10, iPhone, 1}, {11, iPad, 1}, {12, Galaxy S3, 2}, {13, Galaxy Note, 2}, {14, Desire, 3}
&lt;/code&gt;&lt;/pre&gt;
&lt;p&gt;I am trying to get all the products with brand_name is "Samsung" or product_name is "Desire"&lt;/p&gt;
&lt;pre&gt;&lt;code&gt;brand_name:Samsung OR {!join from=brand_id to=id} product_name:Desire
&lt;/code&gt;&lt;/pre&gt;
&lt;p&gt;But i am getting error saying &lt;/p&gt;
&lt;pre&gt;&lt;code&gt;ERROR [SolrDispatchFilter] null:java.lang.NullPointerException: while trying to invoke the method org.apache.lucene.search.Query.hashCode() of a null object loaded from field org.apache.solr.search.JoinQuery.q of an object loaded from local variable 'this'
        at org.apache.solr.search.JoinQuery.hashCode(JoinQParserPlugin.java:594)
        at org.apache.lucene.search.BooleanClause.hashCode(BooleanClause.java:99)
        at java.util.AbstractList.hashCode(AbstractList.java:541)
        at org.apache.lucene.search.BooleanQuery.hashCode(BooleanQuery.java:520)
        at org.apache.solr.search.QueryResultKey.&amp;lt;init&amp;gt;(QueryResultKey.java:47)
        at org.apache.solr.search.SolrIndexSearcher.getDocListC(SolrIndexSearcher.java:1305)
        at org.apache.solr.search.SolrIndexSearcher.search(SolrIndexSearcher.java:476)
        at org.apache.solr.handler.component.QueryComponent.process(QueryComponent.java:461)
        at org.apache.solr.handler.component.SearchHandler.handleRequestBody(SearchHandler.java:217)
        at org.apache.solr.handler.RequestHandlerBase.handleRequest(RequestHandlerBase.java:135)
        at org.apache.solr.core.SolrCore.execute(SolrCore.java:1916)
        at org.apache.solr.servlet.SolrDispatchFilter.execute(SolrDispatchFilter.java:768)
        at org.apache.solr.servlet.SolrDispatchFilter.doFilter(SolrDispatchFilter.java:415)
        at org.apache.solr.servlet.SolrDispatchFilter.doFilter(SolrDispatchFilter.java:205)
        at org.apache.catalina.core.ApplicationFilterChain.internalDoFilter(ApplicationFilterChain.java:235)
        at org.apache.catalina.core.ApplicationFilterChain.doFilter(ApplicationFilterChain.java:206)
        at org.jboss.web.tomcat.filters.ReplyHeaderFilter.doFilter(ReplyHeaderFilter.java:96)
        at org.apache.catalina.core.ApplicationFilterChain.internalDoFilter(ApplicationFilterChain.java:235)
        at org.apache.catalina.core.ApplicationFilterChain.doFilter(ApplicationFilterChain.java:206)
        at org.apache.catalina.core.StandardWrapperValve.invoke(StandardWrapperValve.java:230)
        at org.apache.catalina.core.StandardContextValve.invoke(StandardContextValve.java:173)
        at org.jboss.web.tomcat.security.SecurityAssociationValve.invoke(SecurityAssociationValve.java:182)
        at org.jboss.web.tomcat.security.JaccContextValve.invoke(JaccContextValve.java:84)
        at org.apache.catalina.core.StandardHostValve.invoke(StandardHostValve.java:128)
        at org.apache.catalina.valves.ErrorReportValve.invoke(ErrorReportValve.java:104)
        at org.jboss.web.tomcat.service.jca.CachedConnectionValve.invoke(CachedConnectionValve.java:157)
        at org.apache.catalina.core.StandardEngineValve.invoke(StandardEngineValve.java:109)
        at org.apache.catalina.connector.CoyoteAdapter.service(CoyoteAdapter.java:241)
        at org.apache.coyote.http11.Http11Processor.process(Http11Processor.java:844)
        at org.apache.coyote.http11.Http11Protocol$Http11ConnectionHandler.process(Http11Protocol.java:583)
        at org.apache.tomcat.util.net.JIoEndpoint$Worker.run(JIoEndpoint.java:447)
        at java.lang.Thread.run(Thread.java:812)
&lt;/code&gt;&lt;/pre&gt;
&lt;p&gt;What is right way to use OR along with join query results? I also wanted to group multiple join results using OR.&lt;/p&gt;
&lt;p&gt;Something like following query&lt;/p&gt;
&lt;p&gt;( field1:value1  OR  field2:value2  OR  field3:value3  OR {!join from=some_id to=some_other_id} field4:value4 OR  {!join from=some_field_is to=some_other_field_id} field5:value5)
AND field7:value7 AND datefield1:{* TO 2015-11-30T14:28:11Z } AND datefield2:{2015-11-30T14:28:11Z TO *}&lt;/p&gt;
&lt;p&gt;Please suggest if any other way is there to do this.&lt;/p&gt;</t>
  </si>
  <si>
    <t>2015-11-30 10:36:54.450000+00:00</t>
  </si>
  <si>
    <t>2015-11-30 11:46:15.087000+00:00</t>
  </si>
  <si>
    <t>2015-11-30 10:55:36.233000+00:00</t>
  </si>
  <si>
    <t>solr|lucene|solr4|solrcloud</t>
  </si>
  <si>
    <t>Options for dealing with errors in QuickFix/J while processing FIX incoming messages</t>
  </si>
  <si>
    <t>&lt;p&gt;I am using QuickFIX/J to implement a very simple application that keeps track of &lt;code&gt;TradeCaptureReport&lt;/code&gt; messages. Basically the application only stores all messages received through &lt;code&gt;public void fromApp(Message message, SessionID session)&lt;/code&gt; into a database.&lt;/p&gt;
&lt;p&gt;Suppose that for some reason the database is temporarily down. What would be the best way to address such a situation?&lt;/p&gt;
&lt;ol&gt;
&lt;li&gt;&lt;p&gt;Simply throw a &lt;code&gt;RuntimeException&lt;/code&gt; from &lt;code&gt;public void fromApp(Message message, SessionID session)&lt;/code&gt;. This will prevent the message from being removed from the queue and &lt;code&gt;fromApp&lt;/code&gt; will be called again and again with this message until the database is up again. Other messages arriving at my FIX engine will be piled up on our end.&lt;/p&gt;&lt;/li&gt;
&lt;li&gt;&lt;p&gt;As soon as we detect a database connection problem, we log out and throw a RuntimeException from &lt;code&gt;fromApp&lt;/code&gt;. This makes sure the last message is not removed from the queue and any further messages will be piled up on the other side of the FIX session (at the counterparty). We continue polling the database until it comes up again. Once up again, we log on and continue from where we have left.&lt;/p&gt;&lt;/li&gt;
&lt;/ol&gt;
&lt;p&gt;Are there any other options?&lt;/p&gt;</t>
  </si>
  <si>
    <t>2016-01-31 23:38:56.313000+00:00</t>
  </si>
  <si>
    <t>2016-02-13 09:25:12.697000+00:00</t>
  </si>
  <si>
    <t>2016-02-13 09:07:38.293000+00:00</t>
  </si>
  <si>
    <t>fix|quickfixj</t>
  </si>
  <si>
    <t>Rstudio never finishes loading, where are startup files stored on mac</t>
  </si>
  <si>
    <t>&lt;p&gt;Recently I have started encountering an issue where my rstudio never loads.  I suspect it is something around having a large environment that got saved when I hit 'exit' once.   I'd like to delete this / prevent it from happening... &lt;/p&gt;
&lt;p&gt;However, I can't find the location where these files might exist.  I have tried sorting all the files on my machine by size, but I can't find any file in the ballpark of the dataset that Rstudio is trying ot startup with it seems (20-30gb).&lt;/p&gt;
&lt;p&gt;Can someone please let me know how / where I can find these files so I can prevent this problem from happening again?&lt;/p&gt;</t>
  </si>
  <si>
    <t>2018-06-28 17:45:00.730000+00:00</t>
  </si>
  <si>
    <t>r|rstudio</t>
  </si>
  <si>
    <t>How to align rows of Vectors(points) to center?</t>
  </si>
  <si>
    <t>&lt;p&gt;I posted this question an few days ago and from the comments i did not formulate the question as much as i might have thought i needed.&lt;/p&gt;
&lt;p&gt;Here is my updated version with more information.&lt;/p&gt;
&lt;p&gt;I have the following.&lt;/p&gt;
&lt;p&gt;&lt;a href="https://i.stack.imgur.com/fP8RB.jpg" rel="nofollow noreferrer"&gt;&lt;img src="https://i.stack.imgur.com/fP8RB.jpg" alt="enter image description here"&gt;&lt;/a&gt;&lt;/p&gt;
&lt;p&gt;Rows of points aligned to the left of the center.&lt;/p&gt;
&lt;p&gt;Achieved via:&lt;/p&gt;
&lt;pre&gt;&lt;code&gt;// Loop for basically CurrentWaveCount + 1
for (int32 Index = CurrentWaveCount; Index &amp;gt;= 0; Index--)
{
    FHitResult HitResult(ForceInit);
    FCollisionQueryParams TraceParams = FCollisionQueryParams();
    TraceParams.AddIgnoredActor(GetOwner());
    TraceParams.AddIgnoredActor(this);
    //////////////////////////////////////////////////////////////////////////
    FVector CastLocation = (GetActorForwardVector() * (CurrentWaveCount * WaveSpawnDistanceIncrement) + GetActorLocation());
    CastLocation += (-GetActorRightVector() * (Index * ChildWaveActorSeperationIncrement));
    //////////////////////////////////////////////////////////////////////////
    CastLocation.Z += FixedCastTraceHeightOffset;
    FVector TraceStart = CastLocation;
    FVector TraceEnd = TraceStart + (-FVector::UpVector * MaxFallbackTraceDistance);
    GetWorld()-&amp;gt;LineTraceSingleByChannel(HitResult, TraceStart, TraceEnd, ECC_FixedCastableTraceChannel, TraceParams);
&lt;/code&gt;&lt;/pre&gt;
&lt;p&gt;The CastLocation variable is what controls the position of each Point.&lt;/p&gt;
&lt;p&gt;However i would like to align them to the center instead of offset to one side and i cannot work out the Math to do this.&lt;/p&gt;
&lt;p&gt;Answers dont have to be in C++ and can be just Math as i can work it out from there if that helps.&lt;/p&gt;
&lt;p&gt;Thanks.&lt;/p&gt;
&lt;p&gt;&lt;a href="https://i.stack.imgur.com/LbSNL.jpg" rel="nofollow noreferrer"&gt;&lt;img src="https://i.stack.imgur.com/LbSNL.jpg" alt="enter image description here"&gt;&lt;/a&gt;&lt;/p&gt;
&lt;p&gt;Current:&lt;/p&gt;
&lt;p&gt;&lt;a href="https://i.stack.imgur.com/u3Yo0.png" rel="nofollow noreferrer"&gt;&lt;img src="https://i.stack.imgur.com/u3Yo0.png" alt="enter image description here"&gt;&lt;/a&gt;&lt;/p&gt;
&lt;p&gt;Expected:&lt;/p&gt;
&lt;p&gt;&lt;a href="https://i.stack.imgur.com/EUuql.png" rel="nofollow noreferrer"&gt;&lt;img src="https://i.stack.imgur.com/EUuql.png" alt="enter image description here"&gt;&lt;/a&gt;&lt;/p&gt;
&lt;p&gt;Updated Solution Code:&lt;/p&gt;
&lt;pre&gt;&lt;code&gt;// Loop for basically CurrentWaveCount + 1
for (int32 Index = CurrentWaveCount; Index &amp;gt;= 0; Index--)
{
    FHitResult HitResult(ForceInit);
    FCollisionQueryParams TraceParams = FCollisionQueryParams();
    TraceParams.AddIgnoredActor(GetOwner());
    TraceParams.AddIgnoredActor(this);
    //////////////////////////////////////////////////////////////////////////
    float HalfWidth = CurrentWaveCount * ChildWaveActorSeperationIncrement / 2;
    FVector CastLocation = (GetActorForwardVector() * (CurrentWaveCount * WaveSpawnDistanceIncrement) + GetActorLocation());
    CastLocation += -GetActorRightVector() * (Index * ChildWaveActorSeperationIncrement);
    CastLocation += GetActorRightVector() * HalfWidth;
    //////////////////////////////////////////////////////////////////////////
    CastLocation.Z += FixedCastTraceHeightOffset;
    FVector TraceStart = CastLocation;
    FVector TraceEnd = TraceStart + (-FVector::UpVector * MaxFallbackTraceDistance);
    GetWorld()-&amp;gt;LineTraceSingleByChannel(HitResult, TraceStart, TraceEnd, ECC_FixedCastableTraceChannel, TraceParams);
&lt;/code&gt;&lt;/pre&gt;</t>
  </si>
  <si>
    <t>2018-05-18 01:00:42.933000+00:00</t>
  </si>
  <si>
    <t>2018-05-18 03:26:25.607000+00:00</t>
  </si>
  <si>
    <t>c++|math|vectormath</t>
  </si>
  <si>
    <t>What roles are allowed to see the credentials in VCAP_SERVICES?</t>
  </si>
  <si>
    <t>&lt;p&gt;When managing the roles in a Bluemix space, I see that there are check boxes for &lt;code&gt;manager&lt;/code&gt;, &lt;code&gt;developer&lt;/code&gt; and &lt;code&gt;auditor&lt;/code&gt;. I'd like to understand what roles can see the full &lt;code&gt;VCAP_SERVICES&lt;/code&gt; contents and what have the credentials blanked out. E.g., &lt;/p&gt;
&lt;pre&gt;&lt;code&gt;{
    "speech_to_text": [
        {
            "name": "Speech To Text-7o",
            "label": "speech_to_text",
            "plan": "standard",
            "credentials": {
                "redacted_message": "[PRIVATE DATA HIDDEN]"
            }
        }
    ]  
&lt;/code&gt;&lt;/pre&gt;</t>
  </si>
  <si>
    <t>2016-01-14 20:57:39.390000+00:00</t>
  </si>
  <si>
    <t>2016-01-14 22:48:56.950000+00:00</t>
  </si>
  <si>
    <t>authentication|ibm-cloud|user-roles</t>
  </si>
  <si>
    <t>WARNING: Django_mysql.w001</t>
  </si>
  <si>
    <t>&lt;p&gt;I am developing an E-commerce website using Python 3.6. I made a fresh installation of Django 2.0.6 and connected it to a MySQL database (on the localhost) by defining the Database variables in settings.py as below: &lt;/p&gt;
&lt;pre&gt;&lt;code&gt;DATABASES = {
    'default': {
        'ENGINE'    : 'django.db.backends.mysql',
        'NAME'      : 'moda',
        'OPTIONS'   : {
              'init_command'  : "SET sql_mode='STRICT_TRANS_TABLES'",
              'init_command'  : 'SET innodb_strict_mode=1',
              'charset'       : 'utf8mb4',
        },
        'USER'      : 'root',
        'PASSWORD'  : '',
        'SERVER'    : 'localhost',
        'PORT'      : '3306'
     }
}
&lt;/code&gt;&lt;/pre&gt;
&lt;p&gt;and after running the &lt;code&gt;python manage.py check&lt;/code&gt; command using cmd, I am getting the following warning: &lt;/p&gt;
&lt;pre&gt;&lt;code&gt;(django_mysql.W001) MySQL Strict Mode is not set for database connection 'default'
    HINT: MySQL's Strict Mode fixes many data integrity problems in MySQL, such as data truncation upon insertion, by escalating warnings into errors. It is strongly recommended you activate it. See: https://django-mysql.readthedocs.io/en/latest/checks.html#django-mysql-w001-strict-mode
&lt;/code&gt;&lt;/pre&gt;
&lt;p&gt;I even used &lt;code&gt;' init_command': "SET sql_mode='STRICT_TRANS_TABLES'"&lt;/code&gt;, and I'm still getting the warning!&lt;/p&gt;
&lt;p&gt;I would be so grateful if some expert could show me the right way to fix this!&lt;/p&gt;
&lt;p&gt;Thanks Guys. &lt;/p&gt;</t>
  </si>
  <si>
    <t>2018-06-20 22:57:03.073000+00:00</t>
  </si>
  <si>
    <t>2018-06-22 21:20:00.287000+00:00</t>
  </si>
  <si>
    <t>2018-06-21 02:36:04.967000+00:00</t>
  </si>
  <si>
    <t>django|python-3.x|django-mysql</t>
  </si>
  <si>
    <t>p5.js &amp;&amp; ecmascript6 notation</t>
  </si>
  <si>
    <t>&lt;p&gt;I want use &lt;code&gt;p5.js&lt;/code&gt; function inside a class with ECMAScript notation.&lt;/p&gt;
&lt;p&gt;How to fix this code?&lt;/p&gt;
&lt;pre&gt;&lt;code&gt;class Sketch {
    constructor(p, params) {
        // generate vars use in class with object
        if (typeof params !== 'undefined') {
            for (let key in params) this[key] = params[key];
        }
        // p5.js object
        this.p = p;
    }
    // p5.js setup method
    setup() {
        this.p.createCanvas();
    }
    // p5.js draw method
    draw() {
    }
}
sketch = new Sketch(p5,{});
&lt;/code&gt;&lt;/pre&gt;
&lt;p&gt;Error:&lt;/p&gt;
&lt;blockquote&gt;
  &lt;p&gt;this.p.createCanvas is not a function&lt;/p&gt;
&lt;/blockquote&gt;</t>
  </si>
  <si>
    <t>2017-03-28 20:33:09.430000+00:00</t>
  </si>
  <si>
    <t>2017-11-06 14:36:06.393000+00:00</t>
  </si>
  <si>
    <t>2017-11-02 07:48:21.200000+00:00</t>
  </si>
  <si>
    <t>javascript|ecmascript-6|p5.js</t>
  </si>
  <si>
    <t>Database is not changing after a migration</t>
  </si>
  <si>
    <t>&lt;p&gt;So using south, I wanted to add a new field is_private to one of my models.&lt;/p&gt;
&lt;p&gt;Following the tutorial, after changing the models.py file, I should do this:&lt;/p&gt;
&lt;pre&gt;&lt;code&gt;./manage.py schemamigration reconstructions --auto
&lt;/code&gt;&lt;/pre&gt;
&lt;p&gt;which returns:&lt;/p&gt;
&lt;pre&gt;&lt;code&gt; Added field is_private on reconstructions.Reconstruction
Created 0005_auto__add_field_reconstruction_is_private.py. You can now apply this migration with: ./manage.py migrate reconstructions
&lt;/code&gt;&lt;/pre&gt;
&lt;p&gt;Which is great. Now next step is, &lt;/p&gt;
&lt;pre&gt;&lt;code&gt;python manage.py migrate reconstructions
&lt;/code&gt;&lt;/pre&gt;
&lt;p&gt;And that prints:&lt;/p&gt;
&lt;pre&gt;&lt;code&gt;- Migrating forwards to 0005_auto__add_field_reconstruction_is_private.
 &amp;gt; reconstructions:0005_auto__add_field_reconstruction_is_private
 - Loading initial data for reconstructions.
No fixtures found.
&lt;/code&gt;&lt;/pre&gt;
&lt;p&gt;it seems to be doing it's job. But when I afterwards check the field is_private, Django throws me an error:&lt;/p&gt;
&lt;pre&gt;&lt;code&gt;Cannot resolve keyword 'is_private' into field.
&lt;/code&gt;&lt;/pre&gt;
&lt;p&gt;Which tells me south did not changed the database at all. Why is so?&lt;/p&gt;
&lt;p&gt;Extra information:
The model class:&lt;/p&gt;
&lt;pre&gt;&lt;code&gt;class Reconstruction(models.Model):
    id = models.CharField(max_length=36, primary_key=True,
                          editable=False)
    uploader = models.ForeignKey(User, blank=True, null=True)
    status = models.TextField(blank=True)
    viewcount = models.IntegerField(default=0)
    error_flag = models.IntegerField(default=0)
    is_done = models.BooleanField(default=False)
    create_date = models.DateTimeField(auto_now=True)
    last_modified_date = models.DateTimeField(auto_now=True)
    is_private = models.BooleanField(default=True)
&lt;/code&gt;&lt;/pre&gt;
&lt;p&gt;The code causing the crash:&lt;/p&gt;
&lt;pre&gt;&lt;code&gt;recordings = Recording.objects.filter(is_done=True).filter(is_private=False).order_by('-create_date')
&lt;/code&gt;&lt;/pre&gt;</t>
  </si>
  <si>
    <t>2012-07-27 01:24:12.830000+00:00</t>
  </si>
  <si>
    <t>2012-08-02 17:57:02.427000+00:00</t>
  </si>
  <si>
    <t>django|django-south</t>
  </si>
  <si>
    <t>How to select the option with specific value or content in the iframe with CasperJS?</t>
  </si>
  <si>
    <t>&lt;p&gt;I am crawling with CasperJS, but I need to click something to finish the search process of the page at first. But I cannot select the spcific option by its value or its content.&lt;/p&gt;
&lt;p&gt;1.Once click the button "All" in the parent frame:&lt;/p&gt;
&lt;pre&gt;&lt;code&gt;&amp;lt;select name="sort_id" id="sort_id" class="p9"; display: block;" onclick="javascript: window.setTimeout('Hide_Select(&amp;amp;quot;sort_id&amp;amp;quot;,false)',3); showDialog('LIST','SearchList.aspx?ddl_id=sort_id&amp;amp;amp;key=lar~sort_id&amp;amp;amp;EncodingName=',460,360,true);return false;"&amp;gt;
        &amp;lt;option value=""&amp;gt;All&amp;lt;/option&amp;gt;
    &amp;lt;/select&amp;gt;
&lt;/code&gt;&lt;/pre&gt;
&lt;p&gt;2.The page with jump to the child frame:&lt;/p&gt;
&lt;pre&gt;&lt;code&gt;&amp;lt;div id="b_div" class="ym-body"&amp;gt;
&amp;lt;iframe&amp;gt;
#document
&amp;lt;html xmlns="http://www.w3.org/1999/xhtml"&amp;gt;&amp;lt;head&amp;gt;&amp;lt;title&amp;gt;
&amp;lt;/head&amp;gt;
&amp;lt;body&amp;gt;
  &amp;lt;form method="post" action="SearchList.aspx?ddl_id=sort_id&amp;amp;amp;key=lar%7esort_id&amp;amp;amp;EncodingName=" id="form1"&amp;gt;
    &amp;lt;table&amp;gt;
        &amp;lt;tbody&amp;gt;
          &amp;lt;tr&amp;gt;
            &amp;lt;td&amp;gt;
              &amp;lt;select size="2" name="listb_sor" id="listb_sor" onchange="javascript:OptionClick(this,'sort_id');" style="height:300px;width:220px;"&amp;gt;
                 &amp;lt;option value=""&amp;gt;All&amp;lt;/option&amp;gt;
                 &amp;lt;option value="001"&amp;gt;OptionA&amp;lt;/option&amp;gt;
                 &amp;lt;option value="00001"&amp;gt;OptionB&amp;lt;/option&amp;gt;
               &amp;lt;/select&amp;gt;
               .......
&amp;lt;/iframe&amp;gt;
&lt;/code&gt;&lt;/pre&gt;
&lt;p&gt;3.I want to select OptionA. If success, the child frame will automatically close. But I cannot sucessfully select OptionA. &lt;/p&gt;
&lt;p&gt;Currently my code is:&lt;/p&gt;
&lt;pre&gt;&lt;code&gt;casper.then(function(){
    this.click('#sort_id.p9');
    this.page.switchToChildFrame(0);
    this.evaluate(function() {
        var sel = document.querySelectorAll('#listb_sor option');
        sel.val('001').onchange();
    });
});
&lt;/code&gt;&lt;/pre&gt;
&lt;p&gt;But when I get captured page, it seems the code cannot select OptionA sucessfully.&lt;/p&gt;</t>
  </si>
  <si>
    <t>2017-03-02 17:26:10.603000+00:00</t>
  </si>
  <si>
    <t>2017-03-03 08:32:04.377000+00:00</t>
  </si>
  <si>
    <t>javascript|jquery|iframe|casperjs</t>
  </si>
  <si>
    <t>C++ using custom copy constructor when object returned from a function?</t>
  </si>
  <si>
    <t>&lt;pre&gt;&lt;code&gt;class Tree
{
 private:
double height;
string name;
public:
Tree()
{
    cout &amp;lt;&amp;lt; "Default constructor of class Tree." &amp;lt;&amp;lt; endl;
    height = 0;
    name = "";
}
Tree(double he, string na)
{
    cout &amp;lt;&amp;lt; "Parameterized constructor of class Tree." &amp;lt;&amp;lt; endl;
    height = he;
    name = na;
}
Tree(Tree &amp;amp;t)
{
    cout &amp;lt;&amp;lt; "Customized copy constructor of class Tree." &amp;lt;&amp;lt; endl;
    height = t.height;
    name = t.name;
}
void toString()
{
    cout &amp;lt;&amp;lt; name &amp;lt;&amp;lt; " " &amp;lt;&amp;lt; height &amp;lt;&amp;lt; endl;
}
};
Tree getTree()
{
Tree t(321, "abc");
return t;
}
int main(int argc, char* argv[])
{
Tree t1(123, "xyz");
Tree t2 = getTree();
t2.toString();
return 0;
}
&lt;/code&gt;&lt;/pre&gt;
&lt;p&gt;Tree Object returned from function getTree() should be copy to the object t2 using the customized copy constructor, while the compiler complaints "error: no matching function for call to 'Tree::Tree(Tree)'".&lt;/p&gt;</t>
  </si>
  <si>
    <t>2015-06-06 10:48:00.893000+00:00</t>
  </si>
  <si>
    <t>2015-06-06 11:20:14.493000+00:00</t>
  </si>
  <si>
    <t>c++|constructor</t>
  </si>
  <si>
    <t>How to filter columns based on specific values in Libreoffice?</t>
  </si>
  <si>
    <t>&lt;p&gt;I have a table with several columns.&lt;/p&gt;
&lt;p&gt;&lt;a href="https://i.stack.imgur.com/DiBaq.png" rel="nofollow noreferrer"&gt;&lt;img src="https://i.stack.imgur.com/DiBaq.png" alt="enter image description here"&gt;&lt;/a&gt;&lt;/p&gt;
&lt;p&gt;I want only the lines where &lt;code&gt;target&lt;/code&gt; value is different from &lt;code&gt;alg&lt;/code&gt; value. In this case where &lt;code&gt;target&lt;/code&gt; is &lt;strong&gt;1&lt;/strong&gt; and &lt;code&gt;alg&lt;/code&gt; is &lt;strong&gt;0&lt;/strong&gt;. So, line 2, 4 and 5 should stay and line 3 should be removed. How to do that?&lt;/p&gt;</t>
  </si>
  <si>
    <t>2017-07-20 10:41:49.527000+00:00</t>
  </si>
  <si>
    <t>2017-07-20 16:58:15.700000+00:00</t>
  </si>
  <si>
    <t>libreoffice|libreoffice-calc</t>
  </si>
  <si>
    <t>set cache control header not working for S3</t>
  </si>
  <si>
    <t>&lt;p&gt;I am trying to set the cache control to no-cache on S3 uploads but the header is not being set. I tried the below in the upload script which didn't work.&lt;/p&gt;
&lt;pre&gt;&lt;code&gt;request: {
            endpoint: "https://",
            accessKey: "",
            customHeaders: "Cache-Control: no-cache"
        },
&lt;/code&gt;&lt;/pre&gt;
&lt;p&gt;Then I also tried adding it to the S3 handler php file like this ( added to the bottom)&lt;/p&gt;
&lt;pre&gt;&lt;code&gt; // Only needed in cross-origin setups
function handlePreflight() {
 handleCorsRequest();
 header('Access-Control-Allow-Methods: POST');
 header('Access-Control-Allow-Headers: Content-Type');
header('Access-Control-Allow-Headers: Cache-Control');
&lt;/code&gt;&lt;/pre&gt;
&lt;p&gt;plus I thenm also added it here&lt;/p&gt;
&lt;pre&gt;&lt;code&gt;function signRequest() {
header('Content-Type: application/json');
header('Cache-Control: no-cache');
&lt;/code&gt;&lt;/pre&gt;
&lt;p&gt;neither by themselves nor or all of them together made the header appear on uploaded file.&lt;/p&gt;
&lt;p&gt;So I am not sure what I am doing wrong&lt;/p&gt;</t>
  </si>
  <si>
    <t>2015-09-20 05:20:37.233000+00:00</t>
  </si>
  <si>
    <t>2017-11-28 07:18:29.893000+00:00</t>
  </si>
  <si>
    <t>fine-uploader</t>
  </si>
  <si>
    <t>Linear interpolation of missing data from table of values</t>
  </si>
  <si>
    <t>&lt;p&gt;Here is an excerpt from a data file, my starting point:&lt;/p&gt;
&lt;pre&gt;&lt;code&gt;Marker      Distance_1  Distance_2  ID
.
.
.
30          13387412    34.80391242 seq-SN_FIRST
31          13387444    34.80391444 seq-SN_Second
31.1             
31.2             
32          13387555    39.80391    seq-SN_Third
.
.
.
&lt;/code&gt;&lt;/pre&gt;
&lt;p&gt;This is a tab-delimited file of multiple rows of four elements each. First row is a header. After that, numerous rows of data. The vertical dots are not actually in the real file, but they are here just to represent that data similar to the actual rows shown occur before and after the example fo rows explicitly shown.&lt;/p&gt;
&lt;p&gt;Some of the data rows are "full", that is, all four cell entries contain something. Other rows are "blank", with only a first actual entry but followed by 3 tab delimited single spaces. Those white spaces in the blank rows need to be "filled in." The filling in will be done by linear interpolation, using the corresponding cell entries of the immediately preceding and immediately succeeding rows. For example, missing &lt;code&gt;Distance_1 values&lt;/code&gt;, in column 2, will be interpolated using the value &lt;code&gt;13387444&lt;/code&gt; of the preceding row and the value &lt;code&gt;13387555&lt;/code&gt; of the succeeding row. Similarly so for the column 3 values. Column 4 values are just ignored here.&lt;/p&gt;
&lt;p&gt;The first goal of the script is to identify the blocks of data that require filling and their flanking "full" lines. Blank lines will contain 3 tabbed single spaces and will be ID'd that way. Once found, the consecutive sets of blank lines plus flanking full lines are sent to subroutine for interpolation.&lt;/p&gt;
&lt;pre&gt;&lt;code&gt;#!/usr/bin/perl
use strict;
use warnings;
die "usage: [ map positions file post SAS ]\n\n" unless @ARGV == 1;
my @file = ();
while (my $line = &amp;lt;$ARGV[0]&amp;gt;) {
  chomp $line;
  push(@file, $line);
}
my @consecutive_lines = (); # array collects a current set of consecutive lines requiring linear interpolation
my @filled = ();    # my final array, hopefully correctly filled in
#####
# search for consecutive set of lines in @file
#####
for (my $i = 0; $i &amp;lt; $#file; $i++) {          #  $#file returns the index of the last element in @file
  if ($file[$i] !~ /(?:\t\s){3}/) {           # if not a blank line
                                              # but a "full line"
    push(@filled, $file[$i]);                 # push the header and full lines, until...
  }
  elsif ($file[$i] =~ /(?:\t\s){3}/) {        # ...a blank line is found
    push (@consecutive_lines, $file[$i - 1]); # push preceding full line into array
    while ($file[$i] =~ /(?:\t\s){3}/ and $i &amp;lt; $#file) {  # keep pushing lines, so long as they are blank
                                                          # or end of file
      push(@consecutive_lines, $file[$i++]);
    }
    push(@consecutive_lines, $file[$i]) ;     # else we reach next full line, so push it into array
    my @fillme = linearInterpolation(@consecutive_lines); # send set of lines out for filling
    push(@filled, @fillme);                   # push filled in set of lines into the final array
    @consecutive_lines = ();                  # reset or undef array @consecutive_lines for next cycle
  }    # end of elsif
}    # end of for loop
&lt;/code&gt;&lt;/pre&gt;
&lt;p&gt;Thanks to user @Kenosis for lots help with the above, which I have since modified (hopefully not mangled).&lt;/p&gt;
&lt;p&gt;Next is the linear interpolation. It is here where I am trying to link the first phase of the script to the second phase. And it is not working well so far.&lt;/p&gt;
&lt;p&gt;My goal is to hand off the array &lt;code&gt;@incoming&lt;/code&gt; to the subroutine. This array is then split up, so that the actual cell entries are "visible" and can be indexed by the array, and so called upon. I have been trying to figure out how to do this for the column 2 values for &lt;code&gt;Distance_1&lt;/code&gt; first. I feel like this script gets close and it begins to stray at the point just after the interpolated values are calculated.&lt;/p&gt;
&lt;pre&gt;&lt;code&gt;#####
# subroutine linear interpolation
#####
sub linearInterpolation {
  my @incoming = @_;    # array of consecutive set of lines
  my @splitup;                  # declare new array, will be a "split up" version of @incoming
  my ($A, $B, $C, $D, $E);      # variables for linear interpolation
  my @fillme;                   # declaring the "emtpy" array to be filled in
  my @dist_1_fills;             # array of interpolated values for dist_1
  for (my $i = 0;
    $i &amp;lt; scalar @incoming; $i++)     # loop to split up lines of @incoming
  {                                  # into indexed cell entries
    chomp $incoming[$i];             # and make new array of them
    my @entries = split('\t', $incoming[$i]);
    push(@splitup, @entries);
  }
  $A = $splitup[1];                   # cell entry in column 2 of preceding full line
  $B = $splitup[-3];                  # cell entry in column 2 of succeeding full line
  $C = $splitup[2];                   # cell entry in column 3 of preceding full line
  $D = $splitup[-2];                  # cell entry in column 3 of succeeding full line
  $E = scalar @incoming - 1;          # equals number of lines in the set minus 1
  for (my $i = 1; $i &amp;lt; $E; $i++) {    # need to start finding appropriate
                                      # number interpolated values, given number of
    my @dist_1_fills =
        interpvalues($A, $B, $E, $i); # of lines in consecutive set of lines
    for ($i = 0; $i &amp;lt; scalar @splitup; $i += 4) {
      push(@fillme, $splitup[$i], $dist_1_fills[$i], "dist_2_fills", "--");
                                      # fourth column values will be ignored or filled with --.
                                      # "dist_2_fills" just occupying it's proper spot until I can figure out distance 1 fills
    }
  }
}
#########
sub interpvalues {                  # subroutine to find interpolated values
  my ($A, $B, $E, $i) = @_;
  my $dist_1_answers = (($B - $A) / ($E)) * $i + $A;
  return $dist_1_answers;
}
&lt;/code&gt;&lt;/pre&gt;
&lt;p&gt;The code gets confused in the second part that deals with finding the interpolated values and sending them back to the first part of the code to finally fill in the data set. I think specifically my biggest (though probably not my only) problem is trying to fill in the blank lines with the proper values after they have been calculated in the second subroutine.&lt;/p&gt;
&lt;p&gt;Any hints and clues are greatly appreciated!&lt;/p&gt;</t>
  </si>
  <si>
    <t>2013-01-11 05:01:48.827000+00:00</t>
  </si>
  <si>
    <t>2013-01-11 20:17:57.867000+00:00</t>
  </si>
  <si>
    <t>2013-01-11 12:27:33.600000+00:00</t>
  </si>
  <si>
    <t>arrays|perl|loops|interpolation|subroutine</t>
  </si>
  <si>
    <t>Excel error: Geting external data from microsoft query</t>
  </si>
  <si>
    <t>&lt;p&gt;I am fairly familiar with retrieving data from SQL Servers into Excel 2010.  Recently I read the following article on allowing users to submit parameters to a stored procedure and was trying it out:&lt;/p&gt;
&lt;p&gt;&lt;a href="http://codebyjoshua.blogspot.com/2012/01/get-data-from-sql-server-stored.html" rel="nofollow noreferrer"&gt;Data from SQL server&lt;/a&gt;&lt;/p&gt;
&lt;p&gt;I am able to walk though all the steps of connecting to the server using the SQL Server Native Client 11.0 driver.  I can call the stored procedure and return data in the Microsoft Query window (through step 8 of the instructions in the above link).&lt;/p&gt;
&lt;p&gt;I can move through all 14 steps with ease.  However, after linking the parameters to specific cells and defining the location for the data, hitting "OK" to return the data to the spreadsheet I receive the following error:&lt;/p&gt;
&lt;p&gt;&lt;a href="https://i.stack.imgur.com/pQlfn.jpg" rel="nofollow noreferrer"&gt;&lt;img src="https://i.stack.imgur.com/pQlfn.jpg" alt="enter image description here"&gt;&lt;/a&gt;&lt;/p&gt;
&lt;p&gt;Some searching suggested that it may be a permission issue with the Stored Proc so I tried several variations of &lt;code&gt;GRANT EXEC ON [dbo].[uspGLDetail_ItemNumber] TO PUBLIC&lt;/code&gt;.  The proc I am attempting to execute is &lt;code&gt;[uspGLDetail_ItemNumber]&lt;/code&gt;.  &lt;/p&gt;
&lt;p&gt;&lt;a href="https://i.stack.imgur.com/LbPpA.png" rel="nofollow noreferrer"&gt;&lt;img src="https://i.stack.imgur.com/LbPpA.png" alt="enter image description here"&gt;&lt;/a&gt;&lt;/p&gt;
&lt;p&gt;You can see I am returning data in the Microsoft Query window:&lt;/p&gt;
&lt;p&gt;&lt;a href="https://i.stack.imgur.com/KSpZg.png" rel="nofollow noreferrer"&gt;&lt;img src="https://i.stack.imgur.com/KSpZg.png" alt="enter image description here"&gt;&lt;/a&gt;&lt;/p&gt;
&lt;p&gt;I am not sure why the error is referencing that specific object.  I attempted to check the permissions on the listed object, but do not find that procedure on our Server. Perhaps, part of the solution could be how to find the listed object in the error.&lt;/p&gt;
&lt;p&gt;I am thinking this is perhaps more of an issues with Excel communicating to the server than a permission issue on the stored proc so was trying a few different drivers with no luck.  However, I have successfully been retrieving data into excel From SQL Server with no issue for a long time.&lt;/p&gt;</t>
  </si>
  <si>
    <t>2015-10-29 16:27:04.617000+00:00</t>
  </si>
  <si>
    <t>2015-10-29 17:47:08.847000+00:00</t>
  </si>
  <si>
    <t>sql-server|excel|excel-2010</t>
  </si>
  <si>
    <t>Binding to nested property only showing first item in list</t>
  </si>
  <si>
    <t>&lt;p&gt;I am trying to bind a ListBox Control in C# Winforms in .NET 4.5 to a list of objects that have a nested property that I wish to use for a DisplayMember. It sort of works except that when I set the DisplayMember to the nested property the listbox only shows one item even though there are two items in the list that it is bound to. If I comment out the code for setting the DisplayMember the listBox shows two items. Is this a bug in the framework? I would like to avoid adding another property or overriding ToString() if I can since I am implementing MVP and would like to keep my view logic isolated to my view. Here is some example code below.&lt;/p&gt;
&lt;pre&gt;&lt;code&gt;public partial class Form1 : Form
{
    public Form1()
    {
        InitializeComponent();
        var bindingSource = new BindingSource();
        var listOfMyItems = new BindingList&amp;lt;MyItem&amp;gt;
        { 
          new MyItem { Number = 1, NestedItem = new NestedItem { Name = "name1", Note = "note1" } },
          new MyItem { Number = 2, NestedItem = new NestedItem { Name = "name2", Note = "note2" } },
        };
        bindingSource.DataSource = listOfMyItems;
        listBox1.DataSource      = bindingSource;
        //comment out the line below and the listBox1 will show 2 items
        listBox1.DisplayMember   = "NestedItem.Name";
    }
}
public class NestedItem
{
    public string Name { get; set; }
    public string Note { get; set; }
}
public class MyItem
{
    public NestedItem NestedItem { get; set; }
    public int Number { get; set; }
}
&lt;/code&gt;&lt;/pre&gt;</t>
  </si>
  <si>
    <t>2013-12-28 01:30:08.860000+00:00</t>
  </si>
  <si>
    <t>2013-12-28 22:14:42.483000+00:00</t>
  </si>
  <si>
    <t>2013-12-28 20:01:49.350000+00:00</t>
  </si>
  <si>
    <t>c#|winforms|data-binding|listbox|bindingsource</t>
  </si>
  <si>
    <t>Logging Incorrect login attempts to Apache error.log file</t>
  </si>
  <si>
    <t>&lt;p&gt;I want to log all the incorrect login attempts of the following Apache services: Joomla, Wordpress, PhpMyAdmin. &lt;/p&gt;
&lt;p&gt;All the incorrect login attempts should be placed in the file named &lt;code&gt;/var/log/apache2/error.log&lt;/code&gt; or any user defined file. Any approach to do so will be immense help!&lt;/p&gt;</t>
  </si>
  <si>
    <t>2015-11-22 05:41:34.587000+00:00</t>
  </si>
  <si>
    <t>2015-11-22 05:45:06.023000+00:00</t>
  </si>
  <si>
    <t>php|wordpress|authentication|joomla|apache2</t>
  </si>
  <si>
    <t>Xamarin.Mac NSOpenPanel and NSSavePanel In Sandbox</t>
  </si>
  <si>
    <t>&lt;p&gt;I have a Xamarin.Mac application in Sandbox mode that need to allow a user to choose any file from there system since my application is a Viewer. &lt;/p&gt;
&lt;p&gt;I use NSOpenPanel and NSSavePanel but my application crash without any crash logs when running the code.&lt;/p&gt;
&lt;p&gt;I have added com.apple.security.files.user-selected.read-write to the Entitlements file etc. &lt;/p&gt;
&lt;p&gt;Code:&lt;/p&gt;
&lt;pre&gt;&lt;code&gt;var panel = NSOpenPanel.OpenPanel;
                panel.FloatingPanel = true;
                panel.CanChooseDirectories = true;
                panel.CanChooseFiles = true;
                int i = panel.RunModal ();
                if (i == 1 &amp;amp;&amp;amp; panel.Urls != null) {
                    foreach (NSUrl url in panel.Urls) {
                    }
                }
&lt;/code&gt;&lt;/pre&gt;</t>
  </si>
  <si>
    <t>2014-11-12 13:35:37.200000+00:00</t>
  </si>
  <si>
    <t>2014-11-13 06:49:30.890000+00:00</t>
  </si>
  <si>
    <t>monomac|xamarin.mac</t>
  </si>
  <si>
    <t>Concrete 5 Domain change</t>
  </si>
  <si>
    <t>&lt;p&gt;I changed the domain of a concrete 5 website according to &lt;a href="https://legacy-documentation.concrete5.org/tutorials/controlling-your-site-url" rel="nofollow noreferrer"&gt;this documentation&lt;/a&gt;&lt;/p&gt;
&lt;p&gt;All I did was adding this code to config/site.php&lt;/p&gt;
&lt;pre&gt;&lt;code&gt;define('BASE_URL', 'http://www.domain.co');
define('DIR_REL', '');
&lt;/code&gt;&lt;/pre&gt;
&lt;p&gt;The domain was changed from the server side &amp;amp; the homepage works fine. But when I clicking a link, say navigate to the about us page, the site generates a really long URL with 20 forward slashes.&lt;/p&gt;
&lt;p&gt;ex: &lt;a href="http://www.domain.co/////////////////////about/" rel="nofollow noreferrer"&gt;http://www.domain.co/////////////////////about/&lt;/a&gt;&lt;/p&gt;
&lt;p&gt;When I reload the page, another 20 appears&lt;/p&gt;
&lt;p&gt;ex: &lt;a href="http://www.domain.co/////////////////////////////////////////about/" rel="nofollow noreferrer"&gt;http://www.domain.co/////////////////////////////////////////about/&lt;/a&gt;&lt;/p&gt;
&lt;p&gt;This happens with any link on the homepage &amp;amp; in Chrome shows a browser error "ERR_TOO_MANY_REDIRECTS". &lt;/p&gt;
&lt;p&gt;The htaccess seems normal to me.&lt;/p&gt;
&lt;pre&gt;&lt;code&gt;# -- concrete5 urls start --
&amp;lt;IfModule mod_rewrite.c&amp;gt;
RewriteEngine On
RewriteBase /
RewriteCond %{REQUEST_FILENAME} !-f
RewriteCond %{REQUEST_FILENAME}/index.html !-f
RewriteCond %{REQUEST_FILENAME}/index.php !-f
RewriteRule . index.php [L]
&amp;lt;/IfModule&amp;gt;
# -- concrete5 urls end --
&lt;/code&gt;&lt;/pre&gt;
&lt;p&gt;Any concrete5 experts who can explain what needs to be done?&lt;/p&gt;
&lt;p&gt;Thanks heaps!&lt;/p&gt;</t>
  </si>
  <si>
    <t>2018-06-06 01:56:31.917000+00:00</t>
  </si>
  <si>
    <t>2018-06-06 02:27:35.690000+00:00</t>
  </si>
  <si>
    <t>2018-06-06 02:04:15.493000+00:00</t>
  </si>
  <si>
    <t>concrete5</t>
  </si>
  <si>
    <t>Putting JSON string as field data on MySQL</t>
  </si>
  <si>
    <t>&lt;p&gt;I have this idea where I make a multi/non-multi dimensional array into a JSON string using PHP's &lt;code&gt;json_encode&lt;/code&gt; and store the data into my SQL database.&lt;/p&gt;
&lt;p&gt;For example, I have a table called 'users'. Table 'users' have 3 fields: id, name, data&lt;/p&gt;
&lt;p&gt;Using php, I would like to fetch user John's data: &lt;code&gt;SELECT data FROM users WHERE name='john'&lt;/code&gt;&lt;/p&gt;
&lt;p&gt;Now the value/text for 'data' field will  be like this: &lt;code&gt;{"gender":"male","birthday":"8-Jan-1991","country":"UK","city":"London"}&lt;/code&gt;&lt;/p&gt;
&lt;p&gt;I will decode the 'data' field using PHP's &lt;code&gt;json_decode&lt;/code&gt; and then I will convert the stdClass object into an array using one of my self-made PHP functions. And then I can show John's information wherever I want like this: &lt;code&gt;$user['data']['country']&lt;/code&gt;.&lt;/p&gt;
&lt;p&gt;This saves me from the hazel to create extra fields on database for country, city, birthday, etc. But is it safe? Is there any disadvantages or problem with using this method to store data on MySQL.&lt;/p&gt;</t>
  </si>
  <si>
    <t>2013-11-18 06:53:00.693000+00:00</t>
  </si>
  <si>
    <t>2016-05-09 09:03:58.257000+00:00</t>
  </si>
  <si>
    <t>php|mysql|sql|arrays|json</t>
  </si>
  <si>
    <t>Android media controller in a dialog</t>
  </si>
  <si>
    <t>&lt;p&gt;I am displaying a VideoView in a Dialog and i am attaching a media control to it.&lt;/p&gt;
&lt;p&gt;But when i try to tap on the media controls(play, seekbar etc) the dialog gets dismissed.&lt;/p&gt;
&lt;p&gt;The media control buttons don't get tapped, instead the tap registers as an OutsideTouch to the Dialog. &lt;/p&gt;
&lt;p&gt;Can anyone help me with this?&lt;/p&gt;
&lt;p&gt;What i actually want to achieve are the following:&lt;/p&gt;
&lt;p&gt;1) Display a video in a popup with a blurred background.
2) Detect any tap outside the VideoView and popup a "Cancel??" message to user.&lt;/p&gt;</t>
  </si>
  <si>
    <t>2014-05-24 10:14:40.450000+00:00</t>
  </si>
  <si>
    <t>2017-05-17 11:04:41.047000+00:00</t>
  </si>
  <si>
    <t>2014-05-26 09:40:24.910000+00:00</t>
  </si>
  <si>
    <t>android|dialog|videoview|mediacontroller</t>
  </si>
  <si>
    <t>Sonata Admin configuration with FosUser but *not* SonataUser</t>
  </si>
  <si>
    <t>&lt;p&gt;As per the title I'm using Sonata Admin and FosUser.&lt;/p&gt;
&lt;p&gt;Sonata Admin is working fine for my normal entities; I can do the usual CRUD things.&lt;/p&gt;
&lt;p&gt;I then followed &lt;a href="http://sonata-project.org/bundles/admin/master/doc/reference/saving_hooks.html" rel="nofollow"&gt;this&lt;/a&gt; example in the docs for hooking into FosUser&lt;/p&gt;
&lt;p&gt;My services.yml is thus:&lt;/p&gt;
&lt;pre&gt;&lt;code&gt;sonata.admin.user:
    class:  Company\MyBundle\Admin\UserAdmin
    tags:
        - { name: sonata.admin, manager_type: orm, group: "Administration", label: "Users" }
    arguments:  [ null, Company\UserBundle\Entity\User, SonataAdminBundle:CRUD ]
    calls:
        -   [ setUserManager, [ @fos_user.user_manager ] ]
&lt;/code&gt;&lt;/pre&gt;
&lt;p&gt;... and I've created UserAdmin.php:&lt;/p&gt;
&lt;pre&gt;&lt;code&gt;namespace Company\MyBundle\Admin;
use Sonata\AdminBundle\Admin\Admin;
use Sonata\AdminBundle\Datagrid\ListMapper;
use Sonata\AdminBundle\Datagrid\DatagridMapper;
use Sonata\AdminBundle\Validator\ErrorElement;
use Sonata\AdminBundle\Form\FormMapper;
use FOS\UserBundle\Model\UserManagerInterface;
class UserAdmin extends Admin
{
&lt;/code&gt;&lt;/pre&gt;
&lt;p&gt;I get a user link in the dashboard but when I follow create new or click to edit my fixtures user (BTW the rendered route is &lt;a href="http://dev.url/app_dev.php/admin/company/user/user/create" rel="nofollow"&gt;http://dev.url/app_dev.php/admin/company/user/user/create&lt;/a&gt;) I get a 500 server error saying "Class does not exist":&lt;/p&gt;
&lt;pre&gt;&lt;code&gt;in /my/path/company/codebase/vendor/doctrine/common/lib/Doctrine/Common/Persistence/AbstractManagerRegistry.php at line 199   
        $class = $this-&amp;gt;getAliasNamespace($namespaceAlias) . '\\' . $simpleClassName;
    }
    $proxyClass = new \ReflectionClass($class);
    if ($proxyClass-&amp;gt;implementsInterface($this-&amp;gt;proxyInterfaceName)) {
        $class = $proxyClass-&amp;gt;getParentClass()-&amp;gt;getName();
    }
&lt;/code&gt;&lt;/pre&gt;
&lt;p&gt;I've fiddled with some of the service settings, the only things I can see different to the example are:&lt;/p&gt;
&lt;ol&gt;
&lt;li&gt;I've changed the namespace to point to my admin class folder&lt;/li&gt;
&lt;li&gt;%fos.user.admin.user.entity% wasn't configured anywhere so I've hardcoded it to be Company\UserBundle\Entity\User&lt;/li&gt;
&lt;/ol&gt;
&lt;p&gt;I did start to look at adding the SonataUser bundle but as I'm still finding my feet with Symfony2 I figured I'd keep things simple for now and get an unserstanding of what's going wrong here. given the example doesn't mention it as a dependency I assume I can run without it?&lt;/p&gt;</t>
  </si>
  <si>
    <t>2012-08-27 18:14:35.233000+00:00</t>
  </si>
  <si>
    <t>2013-02-20 19:42:10.237000+00:00</t>
  </si>
  <si>
    <t>2012-11-01 06:43:18.307000+00:00</t>
  </si>
  <si>
    <t>symfony|symfony-2.1|symfony-sonata|sonata-admin</t>
  </si>
  <si>
    <t>Input object in chrome.tabs.executeScript `code` parameter</t>
  </si>
  <si>
    <t>&lt;p&gt;As this &lt;a href="https://stackoverflow.com/questions/13166293/about-chrome-tabs-executescript-id-details-callback"&gt;answer&lt;/a&gt; indicates, the output of the &lt;code&gt;chrome.tabs.executeScript&lt;/code&gt; &lt;code&gt;code:&lt;/code&gt;is always an Array.  &lt;/p&gt;
&lt;p&gt;I finally found a way to use object but only by maintaining the original array type: &lt;code&gt;obj[0].key1&lt;/code&gt;. It wasn't ideal but worked. &lt;/p&gt;
&lt;pre&gt;&lt;code&gt;//text shown on the chrome extension popup
function func(obj){
  document.querySelector("#io").innerHTML = obj[0].key1; 
}
&lt;/code&gt;&lt;/pre&gt;
&lt;p&gt;Note that I referenced OBJ variable at the end of the text string input in the &lt;code&gt;code&lt;/code&gt; parameter.&lt;/p&gt;
&lt;pre&gt;&lt;code&gt;var queryInfo = {
    active: true,
    currentWindow: true
  };
chrome.tabs.query(queryInfo, function(tabs){
  var tab = tabs[0];
  tab_title = tab.title;
  chrome.tabs.executeScript(tab.id, {
    code: 'var OBJ =  {key1: document.querySelector("div_1").textContent, key2: document.querySelector("div_2").textContent}; OBJ'}
    ,func);
});
&lt;/code&gt;&lt;/pre&gt;
&lt;p&gt;Is there a way to input an object directly bypassing the array-like form? Is there a better way to do it at all?&lt;/p&gt;</t>
  </si>
  <si>
    <t>2018-01-20 17:14:49.317000+00:00</t>
  </si>
  <si>
    <t>invalidate session ,when thebrowser was closed without logout</t>
  </si>
  <si>
    <t>&lt;p&gt;I am trying to invalidate the session when the user closes the browser without logging out. I tried using generated event &lt;code&gt;unLoad&lt;/code&gt;, but this event also fired when the user refreshes the page or presses the back button. So i want to invalidate the session when the browser closes.&lt;/p&gt;
&lt;p&gt;If the user logs out normally I am invalidating the session using the code &lt;code&gt;session.invalidate();&lt;/code&gt;, but if the user closes the browser the session is not invalidated until container specific time out. How can I achieve this?&lt;/p&gt;</t>
  </si>
  <si>
    <t>2014-02-21 07:40:21.253000+00:00</t>
  </si>
  <si>
    <t>2014-02-21 07:52:27.103000+00:00</t>
  </si>
  <si>
    <t>jsp|session-state</t>
  </si>
  <si>
    <t>Running HTML through Javascript</t>
  </si>
  <si>
    <t>&lt;p&gt;I'm trying to run the body of a website through a javascript search I created. It works fine, except there are no spaces in between words; as well as the fact html in this xcase the image does not appear/show. Any solutions?&lt;/p&gt;
&lt;p&gt;Therefore i need help getting the image to show. Then getting the text as seen to show on the browser with spaces.&lt;/p&gt;
&lt;p&gt;This can all be found in the srctxt variable. Which is where i think the problem is.&lt;/p&gt;
&lt;p&gt;Please, note i have only fairly basic knowledge of Javascript.&lt;/p&gt;
&lt;pre&gt;&lt;code&gt;&amp;lt;body&amp;gt;
    &amp;lt;script type = "text/javascript"&amp;gt;
        var keyword;
        var srctxt;
        var srctxtarray;
        keyword = "archery";
        srctxt = "hellow blah blah blah archery &amp;lt;img src =\"megan_fox.jpg\"&amp;gt;hello test archery";
        srctxtarray= srctxt.split(" ");
        for (var i=0;i&amp;lt;srctxtarray.length;i++){
            if(srctxtarray[i] != keyword){
                document.write(srctxtarray[i]);
            }
            else{
                document.write("&amp;lt;b class=\"red\"&amp;gt;");
                document.write(srctxtarray[i] );
                document.write("&amp;lt;/b&amp;gt;");
            }
        }
    &amp;lt;/script&amp;gt;
&amp;lt;/body&amp;gt;
&lt;/code&gt;&lt;/pre&gt;</t>
  </si>
  <si>
    <t>2009-04-14 20:47:52.097000+00:00</t>
  </si>
  <si>
    <t>2009-04-14 23:27:22.460000+00:00</t>
  </si>
  <si>
    <t>2009-04-14 20:57:01.090000+00:00</t>
  </si>
  <si>
    <t>Jin</t>
  </si>
  <si>
    <t>Stop played sound in android</t>
  </si>
  <si>
    <t>&lt;p&gt;I used this code for play a sound by click on a button.&lt;/p&gt;
&lt;pre&gt;&lt;code&gt;    b.setOnClickListener(new OnClickListener() {
                @Override
                public void onClick(View v) {
                    if(mp.isPlaying())
                    {  
                        mp.stop();
                    } 
                    try {
                        mp.reset();
                        AssetFileDescriptor afd;
                        afd = getAssets().openFd("sound/07.mp3");
                        mp.setDataSource(afd.getFileDescriptor(),afd.getStartOffset(),afd.getLength());
                        mp.prepare();
                        mp.start();
                    } catch (IllegalStateException e) {
                        e.printStackTrace();
                    } catch (IOException e) {
                        e.printStackTrace();
                    }
                }
            });
&lt;/code&gt;&lt;/pre&gt;
&lt;p&gt;it's working well but i can't stop sound!&lt;/p&gt;
&lt;p&gt;I use &lt;code&gt;mp.stop();&lt;/code&gt; .but click on button plays sound again!&lt;/p&gt;</t>
  </si>
  <si>
    <t>2016-01-04 18:29:28.730000+00:00</t>
  </si>
  <si>
    <t>2016-01-04 19:01:02.240000+00:00</t>
  </si>
  <si>
    <t>How to change "LIKE '1%'" so that it is efficient for integers?</t>
  </si>
  <si>
    <t>&lt;p&gt;I want to have query like this :&lt;/p&gt;
&lt;pre&gt;&lt;code&gt;SELECT TOP 60 lcode
FROM LessonChart
WHERE lcode LIKE '1%'
&lt;/code&gt;&lt;/pre&gt;
&lt;p&gt;But SQL Server says that conversion of int to varchar is not good and keyword "LIKE" is not efficient...&lt;/p&gt;
&lt;p&gt;What should I do instead of this code ?&lt;/p&gt;</t>
  </si>
  <si>
    <t>2014-09-08 18:43:58.023000+00:00</t>
  </si>
  <si>
    <t>2018-03-13 10:31:06.843000+00:00</t>
  </si>
  <si>
    <t>sql-server|type-conversion|int|sql-like|varchar</t>
  </si>
  <si>
    <t>Range slider in Qt (two handles in a QSlider)</t>
  </si>
  <si>
    <t>&lt;p&gt;I am using Visual Studio 2010 with Qt 5.0.1 integrated. I need a range selection in &lt;code&gt;QSlider&lt;/code&gt;. Is it possible to get two handles?&lt;/p&gt;
&lt;p&gt;Below is an image illustrating what I need.&lt;/p&gt;
&lt;p&gt;&lt;img src="https://i.stack.imgur.com/oT2nb.jpg" alt="Example Image"&gt;&lt;/p&gt;</t>
  </si>
  <si>
    <t>2013-06-28 09:51:02.733000+00:00</t>
  </si>
  <si>
    <t>2017-01-10 21:23:01.817000+00:00</t>
  </si>
  <si>
    <t>2016-01-15 11:46:15.583000+00:00</t>
  </si>
  <si>
    <t>qt|qt5|qslider</t>
  </si>
  <si>
    <t>Wrong result from constroptim function</t>
  </si>
  <si>
    <t>&lt;p&gt;I'm trying to use constrOptim to optimize the sum of square errors from a linear multiple regression. The main equation should be &lt;code&gt;D = Beta1*Xa+Beta2*Xb+Beta3*Xc+Beta4*Xd&lt;/code&gt; , with &lt;code&gt;D,Xa,Xb,Xc,Xd&lt;/code&gt; from a imported .csv file, and the &lt;code&gt;Beta&lt;/code&gt;s are the coefficients I want to find, minimizing the quadratic errors. &lt;/p&gt;
&lt;p&gt;So far I imported the file.csv to R, named each column as Ds,Xa,Xb,Xc,Xd, created the objfunction=
&lt;code&gt;function(Beta1,Beta2,Beta3,Beta4)'sum(E��)'=(sum(D) - sum(Beta1*Xa+Beta2*Xb+Beta3*Xc+Beta4*Xd))^2)&lt;/code&gt; &lt;/p&gt;
&lt;p&gt;created the matrix 'C' and vector 'd' to configure the constraints that should restrict the Beta's to &amp;lt;=0. I dont know how to find the feasible region, although I've used initial values that made the function work.&lt;/p&gt;
&lt;p&gt;Here is the code:&lt;/p&gt;
&lt;pre&gt;&lt;code&gt;&amp;gt; Tabela= read.table("Simulacao.csv", header=T, sep= ";")
&amp;gt; Tabela
   D A  B  C D.1
1 -1 1 -1  0   0
2  4 0  0  1  -1
3  4 1  0 -1   0
4  0 0  1  0  -1
5 -2 1  0  0  -1
&amp;gt; Ds= Tabela[,1]
&amp;gt; Xa= Tabela[,2]
&amp;gt; Xb= Tabela[,3]
&amp;gt; Xc= Tabela[,4]
&amp;gt; Xd= Tabela[,5]
&amp;gt; simulaf= function(x1,x2,x3,x4) {
+ Ds= Tabela[,1]
+ Xa= Tabela[,2]
+ Xb= Tabela[,3]
+ Xc= Tabela[,4]
+ Xd= Tabela[,5]
+ J=sum(Ds)
+ H=sum(x1*Xa+x2*Xb+x3*Xc+x4*Xd)
+ sx=(J-H)^2
+ return(sx)
+  }
&amp;gt; s= function(x)  {simulaf(x[1],x[2],x[3],x[4])}
&amp;gt; d= c(0,0,0,0)
&amp;gt; C= matrix(c(-1,0,0,0,0,-1,0,0,0,0,-1,0,0,0,0,-1),nrow=4,ncol=4,byrow=T)
&amp;gt; constrOptim(c(-1,-1,-1,-1),s,NULL,C,d)
$par
[1] -0.2608199 -0.8981110 -1.1095961 -1.9274866
&lt;/code&gt;&lt;/pre&gt;
&lt;p&gt;The result I expect should be:&lt;/p&gt;
&lt;pre&gt;&lt;code&gt;$par
[1] -0.125 0 -0.5 -0.875
&lt;/code&gt;&lt;/pre&gt;
&lt;p&gt;After researching this, my conclusions are that it could be because I'm using bad initial values, parameterization problem (don't understand why its needed) or if it's simply that I have programmed it incorrectly.&lt;/p&gt;
&lt;p&gt;What do I need to do to fix this?&lt;/p&gt;</t>
  </si>
  <si>
    <t>2017-09-11 01:42:53.387000+00:00</t>
  </si>
  <si>
    <t>2017-09-11 02:28:36.730000+00:00</t>
  </si>
  <si>
    <t>r|optimization</t>
  </si>
  <si>
    <t>IKVMC Runner Class</t>
  </si>
  <si>
    <t>&lt;p&gt;I just created a JAR file that contains external dependencies in it so that I would just have one JAR file. I did this by using FatJar. When I did this my Jar worked fine, and I was able to run it with no problems. Then I used ikvm to convert my Jar to an exe. When I try to run the exe I get this error:&lt;/p&gt;
&lt;blockquote&gt;
  &lt;p&gt;Exception in thread "main" java.lang.IllegalArgumentException: Unable to locate 
  com.simontuffs.onejar.Boot in the java.class.path: consider using
  -Done-jar.jar.path to specify the one-jar filename&lt;/p&gt;
&lt;/blockquote&gt;
&lt;p&gt;So the first thing I thought of was to check if there was a Manifest file that specified the classpath. There was indeed a Manifest file and this was it's contents:&lt;/p&gt;
&lt;pre&gt;&lt;code&gt;Manifest-Version: 1.0 Created-By: Fat Jar/One-JAR Eclipse Plug-In
Main-Class: com.simontuffs.onejar.Boot
&lt;/code&gt;&lt;/pre&gt;
&lt;p&gt;I'm assuming this is correct because I'm able to run the JAR fine, and this was also created by FatJar.&lt;/p&gt;
&lt;p&gt;I'm not really sure what to do next, and I'm not sure what -Done-jar.jar.path is. Anyone have a clue of what the problem may be?&lt;/p&gt;</t>
  </si>
  <si>
    <t>2013-07-16 14:02:48.620000+00:00</t>
  </si>
  <si>
    <t>2013-08-20 09:07:11.860000+00:00</t>
  </si>
  <si>
    <t>2013-07-16 15:03:10.020000+00:00</t>
  </si>
  <si>
    <t>java|ikvm</t>
  </si>
  <si>
    <t>Matlab: Write text to PDF</t>
  </si>
  <si>
    <t>&lt;p&gt;I'd like to create a PDF out of my matlab m-function. The PDF should contain some text information which I want to style a bit and one image (which is previously generated as figure). Is there any way? The only thing I found is &lt;code&gt;publish&lt;/code&gt; to publish source-code. The only alternative I could think off was to programm the texts into the figure window and than export the whole figure to pdf. Perhaps there's a better way to do it?
Thanks!&lt;/p&gt;</t>
  </si>
  <si>
    <t>2011-12-14 20:07:59.403000+00:00</t>
  </si>
  <si>
    <t>2011-12-15 15:49:01.827000+00:00</t>
  </si>
  <si>
    <t>matlab|pdf|export</t>
  </si>
  <si>
    <t>React: How mock functions and test component rendering with jest:</t>
  </si>
  <si>
    <t>&lt;p&gt;Im very new to react/jest. Im trying to test a very simple react component that gets data from the server and renders the response. My component looks like the below:&lt;/p&gt;
&lt;pre&gt;&lt;code&gt;export default class myComponent extends Component {
    constructor(props) {
        super(props);
    }
     async componentDidMount() {
        try {
            let response = await axios.get(`server/url/endpoint`);
            this._processSuccess(response.data);
        } catch(e) {
            this._processFail(e);
        }
    }
    _processSuccess(response) {
        this.setState({pageTitle: response.data.title, text: response.data.text});
    }
    render() {
        return (
            &amp;lt;div className="title"&amp;gt;{this.state.pageTitle}&amp;lt;/div&amp;gt;
        );
    }
}
&lt;/code&gt;&lt;/pre&gt;
&lt;p&gt;Now I want to test this class. While I test:&lt;/p&gt;
&lt;ol&gt;
&lt;li&gt;I want to make sure componentDidMount() was not called&lt;/li&gt;
&lt;li&gt;I want to pass test data to _processSuccess&lt;/li&gt;
&lt;li&gt;Finally check the if the rendered output contains a div with class title that has the inner text same as what I supplied as response.data/pageTitle&lt;/li&gt;
&lt;/ol&gt;
&lt;p&gt;I tried something like the below:&lt;/p&gt;
&lt;pre&gt;&lt;code&gt;import React from 'react'
import MyComponent from './MyComponent'
import renderer from 'react-test-renderer'
import { shallow, mount } from 'enzyme'
describe('MyComponent', () =&amp;gt; {
    it('should display proper title', () =&amp;gt; {
        const c = shallow(&amp;lt;MyComponent /&amp;gt;);
        c._processSuccess(
            {data:{pageTitle:'siteName', test:'text'}}
        );
        // couldn't go further as Im getting error from the above line
    });
});
&lt;/code&gt;&lt;/pre&gt;
&lt;p&gt;But, Im getting MyComponent._processSuccess is not a function error. What would be the proper way to do that. &lt;/p&gt;</t>
  </si>
  <si>
    <t>2017-08-17 21:30:52.873000+00:00</t>
  </si>
  <si>
    <t>2017-08-18 14:45:28.797000+00:00</t>
  </si>
  <si>
    <t>javascript|reactjs|unit-testing|testing|jest</t>
  </si>
  <si>
    <t>MongoDB - show all files in a db</t>
  </si>
  <si>
    <t>&lt;p&gt;I am trying to insert a uploaded text file into database using pymongo and then display it on the webapp. I am trying to show if the files are inserted in the database (MongoDB). How can i check if a file has be inserted in MongoDB shell?&lt;/p&gt;</t>
  </si>
  <si>
    <t>2017-02-07 13:10:29.520000+00:00</t>
  </si>
  <si>
    <t>2017-02-07 13:30:21.873000+00:00</t>
  </si>
  <si>
    <t>python|mongodb|flask|pymongo</t>
  </si>
  <si>
    <t>Excel VBA range select</t>
  </si>
  <si>
    <t>&lt;p&gt;I have a macro in which I need to select the range &lt;code&gt;R2:last row in sheet&lt;/code&gt;. However the last row in my sheet might be blank in column &lt;code&gt;R&lt;/code&gt;. At the moment I am using this&lt;/p&gt;
&lt;pre&gt;&lt;code&gt;Dim t As Range
Set t = Range("R2", Range("R1000").End(xlUp))
For Each Cell In t
    If IsEmpty(Cell) Then
        Cell.Activate
        ActiveCell.Value = "To Be Picked Up"
    End If
Next
&lt;/code&gt;&lt;/pre&gt;
&lt;p&gt;However if the last row has a blank in column &lt;code&gt;R&lt;/code&gt; then it gets ignored. I am hoping to pull the range using column &lt;code&gt;A&lt;/code&gt;, as the last row of data always has column &lt;code&gt;A&lt;/code&gt;. So something like,&lt;/p&gt;
&lt;pre&gt;&lt;code&gt;Dim t As Range
Set t = Range("R2", Range("A1000").End(xlUp).ActiveCell.Offset(0, 17))
For Each Cell In t
    If IsEmpty(Cell) Then
        Cell.Activate
        ActiveCell.Value = "To Be Picked Up"
    End If
Next
&lt;/code&gt;&lt;/pre&gt;
&lt;p&gt;It seems so simple but I'm sure im missing something stupid. Any help or alternative methods would be helpful thank you.&lt;/p&gt;</t>
  </si>
  <si>
    <t>2015-08-21 13:14:44.643000+00:00</t>
  </si>
  <si>
    <t>2015-08-21 13:31:17.687000+00:00</t>
  </si>
  <si>
    <t>Deal connection lost in ActionScript 3</t>
  </si>
  <si>
    <t>&lt;p&gt;I have this code:&lt;/p&gt;
&lt;pre&gt;&lt;code&gt;public function Json2Me(_urlJSON:String) {
            var loader:URLLoader = new URLLoader();
            var request:URLRequest = new URLRequest();
            request.url = _urlJSON;
            loader.addEventListener(Event.COMPLETE, onLoaderComplete);
            loader.addEventListener(IOErrorEvent.IO_ERROR,informadorIO);
            loader.load(request);
        }
        private function onLoaderComplete(e:Event):void{
            var loader:URLLoader = URLLoader(e.target);
            JSONEnviado = com.adobe.serialization.json.JSON.decode(loader.data);
            dispatchEvent(new Event("LanzaJSON"));
        }
        public function informadorIO(e:Event):void{
            trace(e);
        }
&lt;/code&gt;&lt;/pre&gt;
&lt;p&gt;I need to protect my code against connection lost, so what I have to do to keep my project running?&lt;/p&gt;</t>
  </si>
  <si>
    <t>2015-07-22 21:50:33.187000+00:00</t>
  </si>
  <si>
    <t>2015-07-23 08:58:40.117000+00:00</t>
  </si>
  <si>
    <t>2015-07-22 22:15:09.787000+00:00</t>
  </si>
  <si>
    <t>json|actionscript-3</t>
  </si>
  <si>
    <t>Improve performance of cascading update statements?</t>
  </si>
  <si>
    <t>&lt;p&gt;I'm trying to populate a table I've created with fundamental data present in a different table.  &lt;/p&gt;
&lt;p&gt;I have a number of IDs present on which to join, but for a number of reasons, no single ID will work for all records.  As such, I've set up a series of cascading UPDATE statements:  inner join first using ID1 to the fundamental table and populate table for records present; inner join next using ID2 to the fundamental table for records not previously populated, again populating table for records with a match; etc. &lt;/p&gt;
&lt;p&gt;This allows me to get a match for pretty close to all of the records present in my initial table (~99.5% have a match after the cascading updates, where at most 78% have a match with any single ID), which is great.  Problem is I need to do this to populate a number of different fields in my table and processing gets sluggish as I repeat the procedure for each data item.  &lt;/p&gt;
&lt;ol&gt;
&lt;li&gt;&lt;p&gt;Is there a better way to achieve my objective than using cascading updates?  Perhaps something akin to the COALESCE function that I'm simply not aware of (COALESCE won't work, but something similarly iterative in nature)?&lt;/p&gt;&lt;/li&gt;
&lt;li&gt;&lt;p&gt;If not, within the query below, is there any obvious way to speed this up?&lt;/p&gt;
&lt;pre&gt;&lt;code&gt;UPDATE #temp
   SET Avg_DivYld_5yr = d.value_ / AvgPrice
      FROM #temp b
      JOIN qai.dbo.secmstr s ON s.cusip = substring(b.cusip,1,8)
       --on s.sedol = substring(b.sedolcode,1,6)
                            AND b.Avg_DivYld_5yr IS NULL
      JOIN qai.dbo.secmap m ON m.seccode = s.seccode 
                           AND m.ventype = 7
                           AND ((m.exchange = 0 AND m.rank = 1) OR m.exchange = 2)
      JOIN qai.dbo.wsndata d ON d.code = m.vencode
                            AND d.item = 5140
                          --and d.freq = 'A'
                            AND d.year_ = @year_
      JOIN (SELECT code, SUM(value_) AS AvgPrice
              FROM qai.dbo.wsndata d2
             WHERE year_ BETWEEN @year_-4 and @year_
               AND item = 5001
               AND freq = 'A'
          GROUP BY code) d2 ON d2.code = m.vencode
&lt;/code&gt;&lt;/pre&gt;&lt;/li&gt;
&lt;/ol&gt;</t>
  </si>
  <si>
    <t>2011-07-01 16:36:42.967000+00:00</t>
  </si>
  <si>
    <t>2011-07-01 16:49:09.517000+00:00</t>
  </si>
  <si>
    <t>2011-07-01 16:42:18.327000+00:00</t>
  </si>
  <si>
    <t>Nlog file target - cache log and only write to file when choose to</t>
  </si>
  <si>
    <t>&lt;p&gt;I've written a .net application to process some files periodically and I'm using nlog 2.0 file target to log to file. The application is called every 5 minutes, but actual processing only happen when there's file to be process. I would like to cache the log and only decide towards the end of the application to decide if the log is useful and then write to file. Is there any build in config and method I can use to achieve this?&lt;/p&gt;</t>
  </si>
  <si>
    <t>2013-09-18 07:41:11.437000+00:00</t>
  </si>
  <si>
    <t>2013-09-26 01:17:22.947000+00:00</t>
  </si>
  <si>
    <t>logging|.net-4.0|nlog</t>
  </si>
  <si>
    <t>The Scrollbars in a WPF DataGrid are not working</t>
  </si>
  <si>
    <t>&lt;p&gt;Good day,&lt;/p&gt;
&lt;p&gt;I have a WPF DataGrid showing the content of a large DataTable. This table is much larger than the screen so the user interacting with this table needs scrollbars to be able to see all columns and rows.
As you can see the picture &lt;a href="https://i.stack.imgur.com/JfVQn.png" rel="nofollow noreferrer"&gt;1&lt;/a&gt; the vertical scrollbar is visible but disabled while the horizontal scrollbar is not visible at all.&lt;/p&gt;
&lt;p&gt;How can I make the scrollbars work?&lt;/p&gt;
&lt;p&gt;The DataGrid is filled via data binding to a DataTable after some user interaction:&lt;/p&gt;
&lt;pre&gt;&lt;code&gt;this.topPhrases.DataContext = loadedValues.DefaultView;
&lt;/code&gt;&lt;/pre&gt;
&lt;p&gt;where topPhrases is a DataGrind and laodedValues a DataTable&lt;/p&gt;
&lt;p&gt;This is the xaml code of the DataGrid:&lt;/p&gt;
&lt;pre&gt;&lt;code&gt;    &amp;lt;DataGrid Name="topPhrases" Grid.Row="1"  Margin="10,0"  VerticalScrollBarVisibility="Visible" HorizontalScrollBarVisibility="Visible" ItemsSource="{Binding}"&amp;gt;
    &amp;lt;/DataGrid&amp;gt;
&lt;/code&gt;&lt;/pre&gt;
&lt;p&gt;The hierarchy of the GUI elements are:
Window-&gt;Grid-&gt;WrapPanel-&gt;ContentControl-&gt;Grid-&gt;DataGrid&lt;/p&gt;
&lt;p&gt;I tried many things I found in the internet like:
&lt;a href="https://stackoverflow.com/questions/673516/how-can-i-enable-scrollbars-on-the-wpf-datagrid"&gt;how can I enable scrollbars on the WPF Datagrid?&lt;/a&gt;
but no suggestions worked so far.&lt;/p&gt;</t>
  </si>
  <si>
    <t>2017-01-12 09:46:46.807000+00:00</t>
  </si>
  <si>
    <t>2017-01-12 11:05:21.990000+00:00</t>
  </si>
  <si>
    <t>2017-05-23 12:24:38.777000+00:00</t>
  </si>
  <si>
    <t>How can I get VS to consider my project dirty when (only) an .exe Content item is dirty?</t>
  </si>
  <si>
    <t>&lt;p&gt;My C++ project includes a set of (non-code) files that need to be copied to the output directory verbatim. I added them to my .vcxproj as &lt;code&gt;Content&lt;/code&gt; nodes with &lt;code&gt;CopyToOutputDirectory&lt;/code&gt; set to &lt;code&gt;PreserveNewest&lt;/code&gt;. For example:&lt;/p&gt;
&lt;pre&gt;&lt;code&gt;&amp;lt;ItemGroup&amp;gt;
    &amp;lt;Content Include="util.exe"&amp;gt;
      &amp;lt;CopyToOutputDirectory&amp;gt;PreserveNewest&amp;lt;/CopyToOutputDirectory&amp;gt;
    &amp;lt;/Content&amp;gt;
    &amp;lt;Content Include="lib_util_needs.dll"&amp;gt;
      &amp;lt;CopyToOutputDirectory&amp;gt;PreserveNewest&amp;lt;/CopyToOutputDirectory&amp;gt;
    &amp;lt;/Content&amp;gt;
    &amp;lt;!-- etc. --&amp;gt;
&amp;lt;/ItemGroup&amp;gt;
&lt;/code&gt;&lt;/pre&gt;
&lt;p&gt;This &lt;em&gt;almost&lt;/em&gt; works; when I build the project, each content file is correctly copied to the output directory if its timestamp is newer than whatever's already there. &lt;em&gt;But&lt;/em&gt;... if I update one of these content files without modifying an actual compiled code file at the same time, Visual Studio 2017 concludes that the project is already up to date, does not build, and does not copy the newer version of the content file to the output directory. Is there anything I can do about this? Things that do not work:&lt;/p&gt;
&lt;ul&gt;
&lt;li&gt;Setting &lt;code&gt;PublishState&lt;/code&gt; to &lt;code&gt;Prerequisite&lt;/code&gt; under the &lt;code&gt;Content&lt;/code&gt; node&lt;/li&gt;
&lt;li&gt;Listing content files as &lt;code&gt;DependentUpon&lt;/code&gt; nodes under a code file's node&lt;/li&gt;
&lt;/ul&gt;
&lt;p&gt;Edit: After further investigation, it appears that the behavior depends on the content file's extension. For example, dlls behave the way I want (project marked as dirty and built if the timestamp is updated), but exes do not.&lt;/p&gt;</t>
  </si>
  <si>
    <t>2018-06-15 18:53:13.303000+00:00</t>
  </si>
  <si>
    <t>2018-06-18 12:45:52.497000+00:00</t>
  </si>
  <si>
    <t>visual-studio|msbuild|visual-studio-2017|project|vcxproj</t>
  </si>
  <si>
    <t>Help with a Inno Setup script for C# WinForms application</t>
  </si>
  <si>
    <t>&lt;p&gt;I need to create a INNO Setup script that will allow me to have a dialog, where the user can type in a serial number, then I need to save the serial number they entered into the Windows registry.&lt;/p&gt;
&lt;p&gt;Also, if they don't enter a serial number, the next button needs to be disabled, so that they cannot proceed with the installation, if they do not enter a serial number.&lt;/p&gt;
&lt;p&gt;Any help would be greatly appriceated.&lt;/p&gt;
&lt;p&gt;Thanks!&lt;/p&gt;</t>
  </si>
  <si>
    <t>2011-08-11 20:43:05.610000+00:00</t>
  </si>
  <si>
    <t>2011-08-13 00:28:06.550000+00:00</t>
  </si>
  <si>
    <t>c#|winforms|installation|inno-setup</t>
  </si>
  <si>
    <t>Caused by: android.view.InflateException: Binary XML file line #0: Binary XML file line #0:</t>
  </si>
  <si>
    <t>&lt;p&gt;I am just getting the below error:&lt;/p&gt;
&lt;blockquote&gt;
  &lt;p&gt;java.lang.RuntimeException: Unable to start activity
  ComponentInfo{com.example.csc.navigationdrawer/com.example.csc.navigationdrawer.MainActivity}:
  android.view.InflateException: Binary XML file line #0: Binary XML
  file line #0: Error inflating class
  android.support.design.widget.NavigationView&lt;/p&gt;
&lt;/blockquote&gt;
&lt;pre&gt;&lt;code&gt;package com.example.csc.navigationdrawer;
import android.content.res.Configuration;
import android.net.Uri;
import android.support.design.widget.NavigationView;
import android.support.v4.app.Fragment;
import android.support.v4.app.FragmentManager;
import android.support.v4.view.GravityCompat;
import android.support.v4.widget.DrawerLayout;
import android.support.v7.app.ActionBarDrawerToggle;
import android.support.v7.app.AppCompatActivity;
import android.os.Bundle;
import android.support.v7.widget.Toolbar;
import android.view.Menu;
import android.view.MenuItem;
import android.view.View;
import android.widget.ProgressBar;
import android.widget.TextView;
import java.util.List;
public class MainActivity extends AppCompatActivity  implements HomeFragment.OnFragmentInteractionListener{//,TransactionFragment.OnFragmentInteractionListener {
private DrawerLayout mDrawer;
private Toolbar toolbar;
private NavigationView nvDrawer;
private ActionBarDrawerToggle drawerToggle;
Menu menu;
TextView _headerTextView;
ProgressBar _progressBar;
@Override
protected void onCreate(Bundle savedInstanceState) {
super.onCreate(savedInstanceState);
setContentView(R.layout.activity_main);
// Set a Toolbar to replsace the ActionBar.
toolbar = (Toolbar) findViewById(R.id.toolbar);
setSupportActionBar(toolbar);
// Find our drawer view
mDrawer = (DrawerLayout) findViewById(R.id.drawer_layout);
drawerToggle = setupDrawerToggle();
// Find our drawer view
nvDrawer = (NavigationView) findViewById(R.id.nvView);
// Setup drawer view
setupDrawerContent(nvDrawer);
mDrawer.addDrawerListener(drawerToggle);
//        nvDrawer.getMenu().findItem(R.id.nav_AccountTransfer_fragment).setVisible(false);
//        nvDrawer.getMenu().findItem(R.id.nav_WebsurferTransfer_fragment).setVisible(false);
//        getAllowedTransfer();
// get the main fragment
menu = nvDrawer.getMenu();
MenuItem bedMenuItem = menu.findItem(R.id.nav_Home_fragment);
selectDrawerItem(bedMenuItem);
}
@Override
protected void onPostCreate(Bundle savedInstanceState) {
super.onPostCreate(savedInstanceState);
// Sync the toggle state after onRestoreInstanceState has occurred.
drawerToggle.syncState();
}
@Override
public void onConfigurationChanged(Configuration newConfig) {
super.onConfigurationChanged(newConfig);
// Pass any configuration change to the drawer toggles
drawerToggle.onConfigurationChanged(newConfig);
}
private ActionBarDrawerToggle setupDrawerToggle() {
// NOTE: Make sure you pass in a valid toolbar reference.  ActionBarDrawToggle() does not require it
// and will not render the hamburger icon without it.
return new ActionBarDrawerToggle(this, mDrawer, toolbar, R.string.drawer_open,  R.string.drawer_close);
}
@Override
public boolean onOptionsItemSelected(MenuItem item) {
// The action bar home/up action should open or close the drawer.
switch (item.getItemId()) {
    case android.R.id.home:
        mDrawer.openDrawer(GravityCompat.START);
        return true;
}
if (drawerToggle.onOptionsItemSelected(item)) {
    return true;
}
return super.onOptionsItemSelected(item);
}
private void setupDrawerContent(NavigationView navigationView) {
navigationView.setNavigationItemSelectedListener(
        new NavigationView.OnNavigationItemSelectedListener() {
            @Override
            public boolean onNavigationItemSelected(MenuItem menuItem) {
                selectDrawerItem(menuItem);
                return true;
            }
        });
}
public void selectDrawerItem(MenuItem menuItem) {
// Create a new fragment and specify the fragment to show based on nav item clicked
Fragment fragment = null;
Class fragmentClass;
switch(menuItem.getItemId()) {
    case R.id.nav_Home_fragment:
        fragmentClass = HomeFragment.class;
        break;
    case R.id.nav_Transaction_fragment:
        fragmentClass = HomeFragment.class;
        break;
//            case R.id.nav_AccountTransfer_fragment:
//                fragmentClass = TransactionFragment.class;
//                break;
//            case R.id.nav_WebsurferTransfer_fragment:
//                fragmentClass = WebSurferFragment.class;
//                break;
//            case R.id.nav_Setting_fragment:
//                fragmentClass = TransactionFragment.class;
//                break;
//            case R.id.nav_Logout_fragment:
//                CommonFunctions.logout(MainActivity.this);
//                return;
    default:
        fragmentClass = HomeFragment.class;
}
try {
    fragment = (Fragment) fragmentClass.newInstance();
} catch (Exception e) {
    e.printStackTrace();
}
// Insert the fragment by replacing any existing fragment
FragmentManager fragmentManager = getSupportFragmentManager();
fragmentManager.beginTransaction().replace(R.id.flContent, fragment).commit();
// Highlight the selected item has been done by NavigationView
menuItem.setChecked(true);
// Set action bar title
setTitle(menuItem.getTitle());
// Close the navigation drawer
mDrawer.closeDrawers();
}
@Override
public void onFragmentInteraction(Uri uri) {
}
@Override
protected void onDestroy() {
super.onDestroy();
// mCompositeDisposable.clear();
}
}
&lt;/code&gt;&lt;/pre&gt;
&lt;p&gt;and for the home fragment &lt;/p&gt;
&lt;pre&gt;&lt;code&gt;package com.example.csc.navigationdrawer;
import android.content.Context;
import android.net.Uri;
import android.os.Bundle;
import android.support.v4.app.Fragment;
import android.view.LayoutInflater;
import android.view.View;
import android.view.ViewGroup;
import android.view.ViewTreeObserver;
import android.widget.Button;
import android.widget.ProgressBar;
import android.widget.TextView;
import java.util.ArrayList;
import java.util.List;
/**
 * A simple {@link Fragment} subclass.
 * Activities that contain this fragment must implement the
 * {@link HomeFragment.OnFragmentInteractionListener} interface
 * to handle interaction events.
 * Use the {@link HomeFragment#newInstance} factory method to
 * create an instance of this fragment.
 */
public class HomeFragment extends Fragment {
    // TODO: Rename parameter arguments, choose names that match
    // the fragment initialization parameters, e.g. ARG_ITEM_NUMBER
    private static final String ARG_PARAM1 = "param1";
    private static final String ARG_PARAM2 = "param2";
    // TODO: Rename and change types of parameters
    private String mParam1;
    private String mParam2;
    private OnFragmentInteractionListener mListener;
   // private CompositeDisposable mCompositeDisposable;
   // private DatabaseHandler db;
    View view;
    public HomeFragment() {
        // Required empty public constructor
    }
    /**
     * Use this factory method to create a new instance of
     * this fragment using the provided parameters.
     *
     * @param param1 Parameter 1.
     * @param param2 Parameter 2.
     * @return A new instance of fragment HomeFragment.
     */
    // TODO: Rename and change types and number of parameters
    public static HomeFragment newInstance(String param1, String param2) {
        HomeFragment fragment = new HomeFragment();
        Bundle args = new Bundle();
        args.putString(ARG_PARAM1, param1);
        args.putString(ARG_PARAM2, param2);
        fragment.setArguments(args);
        return fragment;
    }
    @Override
    public void onCreate(Bundle savedInstanceState) {
        super.onCreate(savedInstanceState);
        if (getArguments() != null) {
            mParam1 = getArguments().getString(ARG_PARAM1);
            mParam2 = getArguments().getString(ARG_PARAM2);
        }
        //get the details from internal database
      /*  mCompositeDisposable = new CompositeDisposable();
        db = new DatabaseHandler(getContext());*/
    }
    @Override
    public View onCreateView(LayoutInflater inflater, ViewGroup container,
                             Bundle savedInstanceState) {
        // Inflate the layout for this fragment
        view = inflater.inflate(R.layout.fragment_home, container,false);
     /*   _cardView.getViewTreeObserver().addOnPreDrawListener(new ViewTreeObserver.OnPreDrawListener() {
            @Override
            public boolean onPreDraw()  {
                _cardView.getViewTreeObserver().removeOnPreDrawListener(this);
                minHeight = _cardView.getHeight();
                ViewGroup.LayoutParams layoutParams = _cardView.getLayoutParams();
                layoutParams.height = minHeight;
                _cardView.setLayoutParams(layoutParams);
                return true;
            }
        });
*/
        return view;
    }
    // TODO: Rename method, update argument and hook method into UI event
    public void onButtonPressed(Uri uri) {
        if (mListener != null) {
            mListener.onFragmentInteraction(uri);
        }
    }
    @Override
    public void onAttach(Context context) {
        super.onAttach(context);
        if (context instanceof OnFragmentInteractionListener) {
            mListener = (OnFragmentInteractionListener) context;
        } else {
            throw new RuntimeException(context.toString()
                    + " must implement OnFragmentInteractionListener");
        }
    }
    @Override
    public void onDetach() {
        super.onDetach();
        mListener = null;
    }
    @Override
    public void onDestroy() {
        super.onDestroy();
       // mCompositeDisposable.clear();
    }
    /**
     * This interface must be implemented by activities that contain this
     * fragment to allow an interaction in this fragment to be communicated
     * to the activity and potentially other fragments contained in that
     * activity.
     * &amp;lt;p&amp;gt;
     * See the Android Training lesson &amp;lt;a href=
     * "http://developer.android.com/training/basics/fragments/communicating.html"
     * &amp;gt;Communicating with Other Fragments&amp;lt;/a&amp;gt; for more information.
     */
      public interface OnFragmentInteractionListener {
        // TODO: Update argument type and name
        void onFragmentInteraction(Uri uri);
    }
}
&lt;/code&gt;&lt;/pre&gt;</t>
  </si>
  <si>
    <t>2018-01-29 14:36:37.387000+00:00</t>
  </si>
  <si>
    <t>2018-01-29 15:12:13.593000+00:00</t>
  </si>
  <si>
    <t>Keep C# app open and check the database</t>
  </si>
  <si>
    <t>&lt;p&gt;I have this app. Is connected with one database and sending notification to android devices. I want to keep this app always open and check the database for new record. The only idea i had is to put in one infinity loop like &lt;strong&gt;while(true)&lt;/strong&gt; but i have warning in the line with &lt;strong&gt;connection.Open();&lt;/strong&gt; about memory and the program is stopping.&lt;/p&gt;
&lt;pre&gt;&lt;code&gt;namespace AndroidParse
{
class Program
{
    static void Main(string[] args)
    {
        //SqlDataReader reader;
        SqlConnection conn = new SqlConnection();
        string queryString = "SELECT TOP 1 device_id FROM Temp ORDER BY ID_Requests DESC";
        string connectionString = "XXXX";
        while (true)
        {
            using (SqlConnection connection = new SqlConnection(connectionString))
            {
                SqlCommand command = new SqlCommand(queryString, connection);
                connection.Open();
                SqlDataReader reader = command.ExecuteReader();
                try
                {
                    while (reader.Read())
                    {
                        Console.WriteLine(reader[0]);
                        bool isPushMessageSend = false;
                        string postString = "";
                        string urlpath = "https://api.parse.com/1/push";
                        var httpWebRequest = (HttpWebRequest)WebRequest.Create(urlpath);
                        postString = "{\"data\": { \"alert\": \"Finally is working\" },\"where\": { \"device_id\": \"" + reader[0] + "\" }}";
                        httpWebRequest.ContentType = "application/json";
                        httpWebRequest.ContentLength = postString.Length;
                        httpWebRequest.Headers.Add("X-Parse-Application-Id", "XXXX");
                        httpWebRequest.Headers.Add("X-Parse-REST-API-KEY", "XXXX");
                        httpWebRequest.Method = "POST";
                        StreamWriter requestWriter = new StreamWriter(httpWebRequest.GetRequestStream());
                        requestWriter.Write(postString);
                        requestWriter.Close();
                        var httpResponse = (HttpWebResponse)httpWebRequest.GetResponse();
                        using (var streamReader = new StreamReader(httpResponse.GetResponseStream()))
                        {
                            var responseText = streamReader.ReadToEnd();
                            JObject jObjRes = JObject.Parse(responseText);
                            if (Convert.ToString(jObjRes).IndexOf("true") != -1)
                            {
                                isPushMessageSend = true;
                            }
                        }
                        //--------------------------------------------------
                        SqlConnection sqlConnection1 = new SqlConnection(connectionString);
                        SqlCommand cmd = new SqlCommand();
                        SqlDataReader reader1;
                        cmd.CommandText = "delete from Temp where ID_Requests in (select top 1 ID_Requests from Temp order by ID_Requests desc)";
                        cmd.Connection = sqlConnection1;
                        sqlConnection1.Open();
                        reader1 = cmd.ExecuteReader();
                        // Data is accessible through the DataReader object here.
                        sqlConnection1.Close();
                        //--------------------------------------------------
                        Console.ReadLine();
                    }
                }
                finally
                {
                    reader.Close();
                }
                connection.Close();
            }
        }
    }
    private static void println()
    {
        throw new NotImplementedException();
    }
}
}
&lt;/code&gt;&lt;/pre&gt;</t>
  </si>
  <si>
    <t>2016-01-26 16:41:16.073000+00:00</t>
  </si>
  <si>
    <t>2016-01-28 06:03:24.413000+00:00</t>
  </si>
  <si>
    <t>c#|sql-server|infinite-loop</t>
  </si>
  <si>
    <t>Get value to columns from another columns automatic</t>
  </si>
  <si>
    <t>&lt;p&gt;Users:&lt;/p&gt;
&lt;pre&gt;&lt;code&gt;UserID | UserName
--------------
1        Jack
2        Evelin
&lt;/code&gt;&lt;/pre&gt;
&lt;p&gt;Shop:&lt;/p&gt;
&lt;pre&gt;&lt;code&gt;ShopID | ShopName | ShopUserID
-------------------------------
1        Prague     1
2        Berlin     2
&lt;/code&gt;&lt;/pre&gt;
&lt;p&gt;Is possible get automatically update table:&lt;/p&gt;
&lt;pre&gt;&lt;code&gt;ShopID | ShopName | ShopUserID
-------------------------------
1        Prague     Jack
2        Berlin     Evelin
&lt;/code&gt;&lt;/pre&gt;
&lt;p&gt;Can I use trigger?&lt;/p&gt;
&lt;p&gt;Thanks!&lt;/p&gt;</t>
  </si>
  <si>
    <t>2016-01-08 08:36:53.487000+00:00</t>
  </si>
  <si>
    <t>2016-01-08 09:09:26.500000+00:00</t>
  </si>
  <si>
    <t>mysql|sql|triggers</t>
  </si>
  <si>
    <t>jquery click event not triggered in ons-back-button in onsenui</t>
  </si>
  <si>
    <t>&lt;p&gt;With the latest version of Onsen v1.3.8, I couldn't write specific jquery click events for &lt;code&gt;ons-back-button&lt;/code&gt; like below.&lt;/p&gt;
&lt;pre&gt;&lt;code&gt;$(document).on('click', 'ons-back-button', function(e){
alert('clicked');
});
&lt;/code&gt;&lt;/pre&gt;
&lt;p&gt;But, with the older versions like &lt;code&gt;/* onsenui - v1.2.1 - 2014-12-01 */&lt;/code&gt;   jquery click events are triggered. &lt;/p&gt;
&lt;p&gt;Using latest version &lt;code&gt;/*! onsenui - v1.3.8 - 2015-07-27 */&lt;/code&gt;  (onsenui_all.js or onsenui.js), jquery click events not triggered specifically for &lt;code&gt;ons-back-button&lt;/code&gt;!&lt;/p&gt;
&lt;p&gt;&lt;code&gt;ons-button&lt;/code&gt;, &lt;code&gt;ons-list&lt;/code&gt; jquery click events are triggering with the latest versions.&lt;/p&gt;
&lt;p&gt;&lt;strong&gt;Edit:&lt;/strong&gt;&lt;/p&gt;
&lt;p&gt;&lt;code&gt;ng-click&lt;/code&gt; event also not triggered&lt;/p&gt;
&lt;pre&gt;&lt;code&gt;&amp;lt;ons-back-button ng-click="onsPay()"&amp;gt;&amp;lt;/ons-back-button&amp;gt;
function onsPay()
{
 console.log("Clicked");
}
&lt;/code&gt;&lt;/pre&gt;
&lt;p&gt;Any help on this?&lt;/p&gt;</t>
  </si>
  <si>
    <t>2015-08-25 13:21:30.107000+00:00</t>
  </si>
  <si>
    <t>2015-08-26 06:26:55.003000+00:00</t>
  </si>
  <si>
    <t>2015-08-25 14:10:20.373000+00:00</t>
  </si>
  <si>
    <t>javascript|jquery|onsen-ui</t>
  </si>
  <si>
    <t>Why can I see so many workers at Heroku? How do I restrict access to other workers?</t>
  </si>
  <si>
    <t>&lt;p&gt;When I access resque-web on my Rails-app running at Heroku, I can see more than 40 workers:
&lt;img src="https://i.stack.imgur.com/NpYN6.png" alt="enter image description here"&gt;&lt;/p&gt;
&lt;p&gt;I have only 1 resque worker connected to my Heroku account. This worker processes all my queues:&lt;/p&gt;
&lt;pre&gt;&lt;code&gt;resque: env TERM_CHILD=1 COUNT=1 QUEUE=* bundle exec rake resque:workers
&lt;/code&gt;&lt;/pre&gt;
&lt;p&gt;Is there a way I can restrict other peoples workers to interfere with my queue?
I'm using the &lt;a href="http://redislabs.com/" rel="nofollow noreferrer"&gt;Redislab&lt;/a&gt; adon from Heroku.&lt;/p&gt;</t>
  </si>
  <si>
    <t>2014-05-20 11:27:34.840000+00:00</t>
  </si>
  <si>
    <t>2014-10-27 04:48:26.787000+00:00</t>
  </si>
  <si>
    <t>ruby-on-rails|heroku|redis|redislabs</t>
  </si>
  <si>
    <t>R installing the package Rcplex for window</t>
  </si>
  <si>
    <t>&lt;p&gt;It have something problem,when I installing Rcplex.&lt;/p&gt;
&lt;pre&gt;&lt;code&gt;c:/Rtools/mingw_32/bin/gcc  -I"C:/PROGRA~1/R/R-33~1.1/include" -DNDEBUG -I"/include"    -I"d:/Compiler/gcc-4.9.3/local330/include"     -O3 -Wall  -std=gnu99 -mtune=core2 -c Rcplex.c -o Rcplex.o
In file included from Rcplex.c:2:0:
Rcplex.h:4:27: fatal error: ilcplex/cplex.h: No such file or directory
#include &amp;lt;ilcplex/cplex.h&amp;gt;
compilation terminated.
make: *** [Rcplex.o] Error 1
Warning: ��������������� 'make -f "Makevars.win" -f "C:/PROGRA~1/R/R-33~1.1/etc/i386/Makeconf" -f "C:/PROGRA~1/R/R-33~1.1/share/make/winshlib.mk" SHLIB="Rcplex.dll" OBJECTS="Rcplex.o Rcplex_QCP.o Rcplex_params.o Rcplex_utils.o"' ������������ 2
ERROR: compilation failed for package 'Rcplex'
* removing 'C:/Users/user/Documents/R/win-library/3.3/Rcplex'
 Warning messages:
1: running command '"C:/PROGRA~1/R/R-33~1.1/bin/x64/R" CMD INSTALL -l "C:\Users\user\Documents\R\win-library\3.3" C:\Users\user\AppData\Local\Temp\Rtmp2HBKKW/downloaded_packages/Rcplex_0.3-3.tar.gz' had status 1 
2: In install.packages("Rcplex") :installation of package ���Rcplex��� had non-zero exit status
&lt;/code&gt;&lt;/pre&gt;
&lt;p&gt;is that means my install location is not consistent with cplex ???&lt;/p&gt;
&lt;p&gt;and I found out the package index say that the package is not available for Windows binaries 
so is the package cannot use for Windows?
I already install cplex. how to fix it? Please!!&lt;/p&gt;</t>
  </si>
  <si>
    <t>2016-08-03 01:36:44.937000+00:00</t>
  </si>
  <si>
    <t>r|install</t>
  </si>
  <si>
    <t>How to make a custom variant for BootstrapVue progress bar?</t>
  </si>
  <si>
    <t>&lt;p&gt;I want to make a custom variant for a BootstrapVue progress bar.&lt;/p&gt;
&lt;p&gt;I read &lt;a href="https://bootstrap-vue.js.org/docs/reference/variants/" rel="nofollow noreferrer"&gt;here&lt;/a&gt;:&lt;/p&gt;
&lt;blockquote&gt;
  &lt;p&gt;When creating custom variants, follow the Bootstrap V4 varian CSS
  class naming scheme and they will become available to the various
  components that use that scheme (i.e. create a custom CSS class
  btn-purple and purple becomes a vailid variant to use on ).&lt;/p&gt;
&lt;/blockquote&gt;
&lt;p&gt;Yes this does not work:&lt;/p&gt;
&lt;h2&gt;HTML&lt;/h2&gt;
&lt;pre&gt;&lt;code&gt;&amp;lt;b-progress-bar :value="counter*(1.5/10)" variant="purple"&amp;gt;&amp;lt;/b-progress-bar&amp;gt;
&lt;/code&gt;&lt;/pre&gt;
&lt;h2&gt;CSS&lt;/h2&gt;
&lt;pre&gt;&lt;code&gt;.b-progress-purple {
      background-color: purple !important;
      color: red !important;
}
&lt;/code&gt;&lt;/pre&gt;
&lt;p&gt;As one can see here: &lt;a href="http://jsfiddle.net/edwardtanguay/m8gor3no" rel="nofollow noreferrer"&gt;http://jsfiddle.net/edwardtanguay/m8gor3no&lt;/a&gt;&lt;/p&gt;
&lt;p&gt;&lt;strong&gt;How can I create a custom variant for a BootstrapVue progress bar?&lt;/strong&gt;&lt;/p&gt;</t>
  </si>
  <si>
    <t>2017-10-13 11:30:34.323000+00:00</t>
  </si>
  <si>
    <t>vue.js|bootstrap-4</t>
  </si>
  <si>
    <t>Serialization problems using Function implementations with Spark</t>
  </si>
  <si>
    <t>&lt;p&gt;I'm having troubles understanding Spark Function implementations in Java. &lt;a href="http://spark.apache.org/docs/latest/programming-guide.html#basics" rel="noreferrer"&gt;The documentation&lt;/a&gt; gives three ways to use functions in &lt;code&gt;map&lt;/code&gt; and &lt;code&gt;reduce&lt;/code&gt; : &lt;/p&gt;
&lt;ol&gt;
&lt;li&gt;via lambda&lt;/li&gt;
&lt;li&gt;via inline classes implementing &lt;code&gt;Function&lt;/code&gt; and &lt;code&gt;Function2&lt;/code&gt;&lt;/li&gt;
&lt;li&gt;via inner classes implementing &lt;code&gt;Function&lt;/code&gt; and &lt;code&gt;Function2&lt;/code&gt;&lt;/li&gt;
&lt;/ol&gt;
&lt;p&gt;The trouble is that I can't manage to make &lt;code&gt;2.&lt;/code&gt; and &lt;code&gt;3.&lt;/code&gt; work. 
For instance, this code : &lt;/p&gt;
&lt;pre&gt;&lt;code&gt;public int countInline(String path) {
    String master = "local";
    SparkConf conf = new SparkConf().setAppName("charCounterInLine")
            .setMaster(master);
    JavaSparkContext sc = new JavaSparkContext(conf);
    JavaRDD&amp;lt;String&amp;gt; lines = sc.textFile(path);
    JavaRDD&amp;lt;Integer&amp;gt; lineLengths = lines
            .map(new Function&amp;lt;String, Integer&amp;gt;() {
                public Integer call(String s) {
                    return s.length();
                }
            });
    return lineLengths.reduce(new Function2&amp;lt;Integer, Integer, Integer&amp;gt;() {
        public Integer call(Integer a, Integer b) {
            return a + b;
        }
    }); // the line causing the error 
}
&lt;/code&gt;&lt;/pre&gt;
&lt;p&gt;gives me this mistake : &lt;/p&gt;
&lt;pre&gt;&lt;code&gt;14/07/09 11:23:20 INFO DAGScheduler: Failed to run reduce at CharCounter.java:42
[WARNING]
java.lang.reflect.InvocationTargetException
        at sun.reflect.NativeMethodAccessorImpl.invoke0(Native Method)
        at sun.reflect.NativeMethodAccessorImpl.invoke(NativeMethodAccessorImpl.java:62)
        at sun.reflect.DelegatingMethodAccessorImpl.invoke(DelegatingMethodAccessorImpl.java:43)
        at java.lang.reflect.Method.invoke(Method.java:483)
        at org.codehaus.mojo.exec.ExecJavaMojo$1.run(ExecJavaMojo.java:297)
        at java.lang.Thread.run(Thread.java:745)
Caused by: org.apache.spark.SparkException: Job aborted due to stage failure: Task not serializable: java.io.NotSerializableException: Hadoop.Spark.basique.CharCounter
        at org.apache.spark.scheduler.DAGScheduler.org$apache$spark$scheduler$DAGScheduler$$failJobAndIndependentStages(DAGScheduler.scala:1033)
        at org.apache.spark.scheduler.DAGScheduler$$anonfun$abortStage$1.apply(DAGScheduler.scala:1017)
        at org.apache.spark.scheduler.DAGScheduler$$anonfun$abortStage$1.apply(DAGScheduler.scala:1015)
        at scala.collection.mutable.ResizableArray$class.foreach(ResizableArray.scala:59)
        at scala.collection.mutable.ArrayBuffer.foreach(ArrayBuffer.scala:47)
        at org.apache.spark.scheduler.DAGScheduler.abortStage(DAGScheduler.scala:1015)
        at org.apache.spark.scheduler.DAGScheduler.org$apache$spark$scheduler$DAGScheduler$$submitMissingTasks(DAGScheduler.scala:770)
        at org.apache.spark.scheduler.DAGScheduler.org$apache$spark$scheduler$DAGScheduler$$submitStage(DAGScheduler.scala:713)
        at org.apache.spark.scheduler.DAGScheduler.handleJobSubmitted(DAGScheduler.scala:697)
        at org.apache.spark.scheduler.DAGSchedulerEventProcessActor$$anonfun$receive$2.applyOrElse(DAGScheduler.scala:1176)
        at akka.actor.ActorCell.receiveMessage(ActorCell.scala:498)
        at akka.actor.ActorCell.invoke(ActorCell.scala:456)
        at akka.dispatch.Mailbox.processMailbox(Mailbox.scala:237)
        at akka.dispatch.Mailbox.run(Mailbox.scala:219)
        at akka.dispatch.ForkJoinExecutorConfigurator$AkkaForkJoinTask.exec(AbstractDispatcher.scala:386)
        at scala.concurrent.forkjoin.ForkJoinTask.doExec(ForkJoinTask.java:260)
        at scala.concurrent.forkjoin.ForkJoinPool$WorkQueue.runTask(ForkJoinPool.java:1339)
        at scala.concurrent.forkjoin.ForkJoinPool.runWorker(ForkJoinPool.java:1979)
        at scala.concurrent.forkjoin.ForkJoinWorkerThread.run(ForkJoinWorkerThread.java:107)
&lt;/code&gt;&lt;/pre&gt;
&lt;p&gt;Right now, I can avoid this problem by implementing &lt;code&gt;Function&lt;/code&gt; and &lt;code&gt;Function2&lt;/code&gt; in public outer classes. However, it was more a lucky guess than a well-thought decision. Moreover, since I can't manage to make documentation examples work, I guess there are things I don't understand.&lt;/p&gt;
&lt;p&gt;To conclude, my questions are : &lt;/p&gt;
&lt;ul&gt;
&lt;li&gt;how is it possible to make &lt;code&gt;2.&lt;/code&gt; and &lt;code&gt;3.&lt;/code&gt; work ?&lt;/li&gt;
&lt;li&gt;why is only the &lt;code&gt;lambda&lt;/code&gt; working ?&lt;/li&gt;
&lt;li&gt;are there other way to use &lt;code&gt;functions&lt;/code&gt; ?&lt;/li&gt;
&lt;/ul&gt;</t>
  </si>
  <si>
    <t>2014-07-09 09:38:41.973000+00:00</t>
  </si>
  <si>
    <t>2016-09-28 13:03:56.330000+00:00</t>
  </si>
  <si>
    <t>java|apache-spark</t>
  </si>
  <si>
    <t>In App Billing the same version requirement</t>
  </si>
  <si>
    <t>&lt;p&gt;Does the final published app requires the same version for In-App Billing as the testing one: &lt;/p&gt;
&lt;blockquote&gt;
  &lt;p&gt;the version number of the uploaded application must match the version
  number of the application you load to your device for testing&lt;/p&gt;
&lt;/blockquote&gt;
&lt;p&gt;&lt;a href="http://developer.android.com/guide/google/play/billing/billing_testing.html" rel="nofollow"&gt;http://developer.android.com/guide/google/play/billing/billing_testing.html&lt;/a&gt;&lt;/p&gt;
&lt;p&gt;This would be a problem if the users with the old app versions cannot pay to unlock their demo game into the full mode, for example.&lt;/p&gt;
&lt;p&gt;If this is the case then whoever would try to unlock his demo game should get the message to download the latest version first before the purchase, rather than an error message such as:&lt;/p&gt;
&lt;blockquote&gt;
  &lt;p&gt;"Application Error : This version of the application is not configured
  for Market Billing. Check the help center for more information."&lt;/p&gt;
&lt;/blockquote&gt;
&lt;p&gt;Any suggestions about the best way to deal with this?&lt;/p&gt;</t>
  </si>
  <si>
    <t>2012-09-19 19:15:17.213000+00:00</t>
  </si>
  <si>
    <t>2012-09-29 08:32:34.023000+00:00</t>
  </si>
  <si>
    <t>android|in-app-purchase|in-app-billing|google-play</t>
  </si>
  <si>
    <t>Customize no result page</t>
  </si>
  <si>
    <t>&lt;p&gt;I have a problem with no result page. I have a search box, if you find something then u can see "Search result : ", but if u didnt find then u can see "No Search result : ". I want to remove this NO before search result, but I dont find any solution for this. I tried already many different functions and css, but nothing .. I want to remove this NO, or whole this line (No search result : ).&lt;/p&gt;
&lt;p&gt;This is what I have atm in functions.php&lt;/p&gt;
&lt;pre&gt;&lt;code&gt;add_filter( 'tc_search_results_title' , 'my_search_results_title');
function my_search_results_title(){
  $my_search_results_title = __('Search result :', 'customizr-child');
  return $my_search_results_title;
}
add_filter('tc_breadcrumb_trail_items', 'search_results_breadcrumb');
function search_results_breadcrumb( $trail ){
  if ( ! is_search() )
    return $trail;
  $_last = sizeof($trail) - 1;
  $_search_string = __('Search result: ', 'customizr-child');
  /* or you an use the function used for that other snippet to have the same title, in this case remove the comment of the line below */
//  $_search_string = my_search_results_title();
  if ( is_paged() )
    $trail[$_last] = '&amp;lt;a href="' . get_search_link() . '" title="' . sprintf( esc_attr__( 'Search result &amp;amp;quot;%1$s&amp;amp;quot;' , 'customizr' ), esc_attr( get_search_query() ) ) . '"&amp;gt;' . sprintf( '%2$s &amp;amp;quot;%1$s&amp;amp;quot;' , esc_attr( get_search_query() ), $_search_string ) . '&amp;lt;/a&amp;gt;';
else
  $trail[$_last] = sprintf( '%2$s &amp;amp;quot;%1$s&amp;amp;quot;', esc_attr( get_search_query() ), $_search_string );
  return $trail;
}
add_filter( 'tc_no_result_content', 'my_no_result_content');
function my_no_result_content() {
    return '&amp;lt;div class="tc-content span12"&amp;gt;&amp;lt;h1&amp;gt;Didnt find anything, try again&amp;lt;/h1&amp;gt;&amp;lt;/div&amp;gt;';
}
&lt;/code&gt;&lt;/pre&gt;
&lt;p&gt;I use Customizr child theme in Wordpress&lt;/p&gt;
&lt;p&gt;Maybe somebody can help me with this.
Thanks !&lt;/p&gt;</t>
  </si>
  <si>
    <t>2016-03-11 11:40:51.470000+00:00</t>
  </si>
  <si>
    <t>2016-03-11 16:19:50.570000+00:00</t>
  </si>
  <si>
    <t>wordpress|themes</t>
  </si>
  <si>
    <t>1844640-byte external allocation too large for this process in android</t>
  </si>
  <si>
    <t>&lt;pre&gt;&lt;code&gt; private void disChargeAnimation() {
        MyImageView = (ImageView) findViewById(R.id.myImageView);
        MyImageView.clearAnimation();
        MyImageView.setBackgroundResource(R.drawable.arrow_animation);
        dischargeAnim = (AnimationDrawable) MyImageView.getBackground();
        dischargeAnim.start();
    }
    private void chargeAnimation() {
        MyImageView = (ImageView) findViewById(R.id.myImageView);
        MyImageView.clearAnimation();
        MyImageView.setBackgroundResource(R.drawable.arrow_back_animation);
        chargeAnim = (AnimationDrawable) MyImageView.getBackground();
        chargeAnim.start();
    }
&lt;/code&gt;&lt;/pre&gt;
&lt;p&gt;Logcat trace &lt;/p&gt;
&lt;pre&gt;&lt;code&gt;08-22 18:01:04.840: I/Process(434): Sending signal. PID: 434 SIG: 9
08-22 18:16:20.500: W/ResourceType(471): No package identifier when getting value for resource number 0x00000000
08-22 18:16:21.460: D/dalvikvm(471): GC_EXTERNAL_ALLOC freed 253K, 51% free 2780K/5639K, external 1764K/2137K, paused 43ms
08-22 18:16:21.619: D/dalvikvm(471): GC_EXTERNAL_ALLOC freed 28K, 52% free 2752K/5639K, external 3366K/4203K, paused 44ms
08-22 18:16:21.869: D/dalvikvm(471): GC_EXTERNAL_ALLOC freed 1K, 52% free 2753K/5639K, external 5167K/5167K, paused 42ms
08-22 18:16:22.159: D/dalvikvm(471): GC_EXTERNAL_ALLOC freed 16K, 52% free 2757K/5639K, external 6968K/6968K, paused 48ms
08-22 18:16:22.410: D/dalvikvm(471): GC_EXTERNAL_ALLOC freed 6K, 52% free 2761K/5639K, external 8770K/8952K, paused 38ms
08-22 18:16:22.759: D/dalvikvm(471): GC_EXTERNAL_ALLOC freed 9K, 51% free 2766K/5639K, external 10571K/11018K, paused 43ms
08-22 18:16:23.109: D/dalvikvm(471): GC_EXTERNAL_ALLOC freed 15K, 51% free 2769K/5639K, external 12373K/12819K, paused 50ms
08-22 18:16:23.549: D/dalvikvm(471): GC_EXTERNAL_ALLOC freed 1K, 51% free 2769K/5639K, external 14174K/14621K, paused 44ms
08-22 18:16:23.839: D/dalvikvm(471): GC_EXTERNAL_ALLOC freed 1K, 51% free 2771K/5639K, external 15976K/16422K, paused 39ms
08-22 18:16:24.139: D/dalvikvm(471): GC_EXTERNAL_ALLOC freed 1K, 51% free 2771K/5639K, external 17777K/18224K, paused 47ms
08-22 18:16:24.169: E/dalvikvm-heap(471): 1844640-byte external allocation too large for this process.
08-22 18:16:24.209: I/dalvikvm-heap(471): Clamp target GC heap from 24.610MB to 24.000MB
08-22 18:16:24.209: E/GraphicsJNI(471): VM won't let us allocate 1844640 bytes
08-22 18:16:24.209: D/dalvikvm(471): GC_FOR_MALLOC freed &amp;lt;1K, 51% free 2771K/5639K, external 17777K/18224K, paused 29ms
08-22 18:16:24.223: D/AndroidRuntime(471): Shutting down VM
08-22 18:16:24.223: W/dalvikvm(471): threadid=1: thread exiting with uncaught exception (group=0x40015560)
08-22 18:16:24.239: E/AndroidRuntime(471): FATAL EXCEPTION: main
08-22 18:16:24.239: E/AndroidRuntime(471): java.lang.OutOfMemoryError: bitmap size exceeds VM budget
08-22 18:16:24.239: E/AndroidRuntime(471):  at android.graphics.Bitmap.nativeCreate(Native Method)
08-22 18:16:24.239: E/AndroidRuntime(471):  at android.graphics.Bitmap.createBitmap(Bitmap.java:477)
08-22 18:16:24.239: E/AndroidRuntime(471):  at android.graphics.Bitmap.createBitmap(Bitmap.java:444)
08-22 18:16:24.239: E/AndroidRuntime(471):  at android.graphics.Bitmap.createScaledBitmap(Bitmap.java:349)
08-22 18:16:24.239: E/AndroidRuntime(471):  at android.graphics.BitmapFactory.finishDecode(BitmapFactory.java:498)
08-22 18:16:24.239: E/AndroidRuntime(471):  at android.graphics.BitmapFactory.decodeStream(BitmapFactory.java:473)
08-22 18:16:24.239: E/AndroidRuntime(471):  at android.graphics.BitmapFactory.decodeResourceStream(BitmapFactory.java:336)
08-22 18:16:24.239: E/AndroidRuntime(471):  at android.graphics.drawable.Drawable.createFromResourceStream(Drawable.java:697)
08-22 18:16:24.239: E/AndroidRuntime(471):  at android.content.res.Resources.loadDrawable(Resources.java:1709)
08-22 18:16:24.239: E/AndroidRuntime(471):  at android.content.res.Resources.getDrawable(Resources.java:581)
08-22 18:16:24.239: E/AndroidRuntime(471):  at android.graphics.drawable.AnimationDrawable.inflate(AnimationDrawable.java:267)
08-22 18:16:24.239: E/AndroidRuntime(471):  at android.graphics.drawable.Drawable.createFromXmlInner(Drawable.java:787)
08-22 18:16:24.239: E/AndroidRuntime(471):  at android.graphics.drawable.Drawable.createFromXml(Drawable.java:728)
08-22 18:16:24.239: E/AndroidRuntime(471):  at android.content.res.Resources.loadDrawable(Resources.java:1694)
08-22 18:16:24.239: E/AndroidRuntime(471):  at android.content.res.Resources.getDrawable(Resources.java:581)
08-22 18:16:24.239: E/AndroidRuntime(471):  at android.view.View.setBackgroundResource(View.java:7533)
08-22 18:16:24.239: E/AndroidRuntime(471):  at com.water.charger.MainView.chargeAnimation(MainView.java:186)
08-22 18:16:24.239: E/AndroidRuntime(471):  at com.water.charger.MainView.onCreate(MainView.java:88)
08-22 18:16:24.239: E/AndroidRuntime(471):  at android.app.Instrumentation.callActivityOnCreate(Instrumentation.java:1047)
08-22 18:16:24.239: E/AndroidRuntime(471):  at android.app.ActivityThread.performLaunchActivity(ActivityThread.java:1611)
08-22 18:16:24.239: E/AndroidRuntime(471):  at android.app.ActivityThread.handleLaunchActivity(ActivityThread.java:1663)
08-22 18:16:24.239: E/AndroidRuntime(471):  at android.app.ActivityThread.access$1500(ActivityThread.java:117)
08-22 18:16:24.239: E/AndroidRuntime(471):  at android.app.ActivityThread$H.handleMessage(ActivityThread.java:931)
08-22 18:16:24.239: E/AndroidRuntime(471):  at android.os.Handler.dispatchMessage(Handler.java:99)
08-22 18:16:24.239: E/AndroidRuntime(471):  at android.os.Looper.loop(Looper.java:123)
08-22 18:16:24.239: E/AndroidRuntime(471):  at android.app.ActivityThread.main(ActivityThread.java:3683)
08-22 18:16:24.239: E/AndroidRuntime(471):  at java.lang.reflect.Method.invokeNative(Native Method)
08-22 18:16:24.239: E/AndroidRuntime(471):  at java.lang.reflect.Method.invoke(Method.java:507)
08-22 18:16:24.239: E/AndroidRuntime(471):  at com.android.internal.os.ZygoteInit$MethodAndArgsCaller.run(ZygoteInit.java:839)
08-22 18:16:24.239: E/AndroidRuntime(471):  at com.android.internal.os.ZygoteInit.main(ZygoteInit.java:597)
08-22 18:16:24.239: E/AndroidRuntime(471):  at dalvik.system.NativeStart.main(Native Method)
08-22 18:18:27.889: I/Process(471): Sending signal. PID: 471 SIG: 9
08-22 18:25:12.329: D/dalvikvm(488): GC_EXTERNAL_ALLOC freed 253K, 51% free 2779K/5639K, external 1764K/2137K, paused 44ms
08-22 18:25:12.519: D/dalvikvm(488): GC_EXTERNAL_ALLOC freed 39K, 52% free 2753K/5639K, external 3366K/4203K, paused 51ms
08-22 18:25:12.779: D/dalvikvm(488): GC_EXTERNAL_ALLOC freed 2K, 52% free 2755K/5639K, external 5167K/5167K, paused 37ms
08-22 18:25:13.049: D/dalvikvm(488): GC_EXTERNAL_ALLOC freed 11K, 52% free 2759K/5639K, external 6968K/6968K, paused 45ms
08-22 18:25:13.299: D/dalvikvm(488): GC_EXTERNAL_ALLOC freed 11K, 51% free 2765K/5639K, external 8770K/8952K, paused 38ms
08-22 18:25:13.609: D/dalvikvm(488): GC_EXTERNAL_ALLOC freed &amp;lt;1K, 51% free 2766K/5639K, external 10571K/11018K, paused 66ms
08-22 18:25:13.849: D/dalvikvm(488): GC_EXTERNAL_ALLOC freed &amp;lt;1K, 51% free 2767K/5639K, external 12373K/12819K, paused 38ms
08-22 18:25:14.110: D/dalvikvm(488): GC_EXTERNAL_ALLOC freed 13K, 51% free 2771K/5639K, external 14174K/14621K, paused 46ms
08-22 18:25:14.359: D/dalvikvm(488): GC_EXTERNAL_ALLOC freed &amp;lt;1K, 51% free 2771K/5639K, external 15976K/16422K, paused 37ms
08-22 18:25:14.609: D/dalvikvm(488): GC_EXTERNAL_ALLOC freed 1K, 51% free 2771K/5639K, external 17777K/18224K, paused 46ms
08-22 18:25:14.640: E/dalvikvm-heap(488): 1844640-byte external allocation too large for this process.
08-22 18:25:14.709: I/dalvikvm-heap(488): Clamp target GC heap from 24.611MB to 24.000MB
08-22 18:25:14.709: E/GraphicsJNI(488): VM won't let us allocate 1844640 bytes
08-22 18:25:14.709: D/dalvikvm(488): GC_FOR_MALLOC freed &amp;lt;1K, 51% free 2771K/5639K, external 17777K/18224K, paused 34ms
08-22 18:25:14.719: D/AndroidRuntime(488): Shutting down VM
08-22 18:25:14.719: W/dalvikvm(488): threadid=1: thread exiting with uncaught exception (group=0x40015560)
08-22 18:25:14.729: E/AndroidRuntime(488): FATAL EXCEPTION: main
08-22 18:25:14.729: E/AndroidRuntime(488): java.lang.OutOfMemoryError: bitmap size exceeds VM budget
08-22 18:25:14.729: E/AndroidRuntime(488):  at android.graphics.Bitmap.nativeCreate(Native Method)
08-22 18:25:14.729: E/AndroidRuntime(488):  at android.graphics.Bitmap.createBitmap(Bitmap.java:477)
08-22 18:25:14.729: E/AndroidRuntime(488):  at android.graphics.Bitmap.createBitmap(Bitmap.java:444)
08-22 18:25:14.729: E/AndroidRuntime(488):  at android.graphics.Bitmap.createScaledBitmap(Bitmap.java:349)
08-22 18:25:14.729: E/AndroidRuntime(488):  at android.graphics.BitmapFactory.finishDecode(BitmapFactory.java:498)
08-22 18:25:14.729: E/AndroidRuntime(488):  at android.graphics.BitmapFactory.decodeStream(BitmapFactory.java:473)
08-22 18:25:14.729: E/AndroidRuntime(488):  at android.graphics.BitmapFactory.decodeResourceStream(BitmapFactory.java:336)
08-22 18:25:14.729: E/AndroidRuntime(488):  at android.graphics.drawable.Drawable.createFromResourceStream(Drawable.java:697)
08-22 18:25:14.729: E/AndroidRuntime(488):  at android.content.res.Resources.loadDrawable(Resources.java:1709)
08-22 18:25:14.729: E/AndroidRuntime(488):  at android.content.res.Resources.getDrawable(Resources.java:581)
08-22 18:25:14.729: E/AndroidRuntime(488):  at android.graphics.drawable.AnimationDrawable.inflate(AnimationDrawable.java:267)
08-22 18:25:14.729: E/AndroidRuntime(488):  at android.graphics.drawable.Drawable.createFromXmlInner(Drawable.java:787)
08-22 18:25:14.729: E/AndroidRuntime(488):  at android.graphics.drawable.Drawable.createFromXml(Drawable.java:728)
08-22 18:25:14.729: E/AndroidRuntime(488):  at android.content.res.Resources.loadDrawable(Resources.java:1694)
08-22 18:25:14.729: E/AndroidRuntime(488):  at android.content.res.Resources.getDrawable(Resources.java:581)
08-22 18:25:14.729: E/AndroidRuntime(488):  at android.view.View.setBackgroundResource(View.java:7533)
08-22 18:25:14.729: E/AndroidRuntime(488):  at com.water.charger.MainView.chargeAnimation(MainView.java:186)
08-22 18:25:14.729: E/AndroidRuntime(488):  at com.water.charger.MainView.onCreate(MainView.java:88)
08-22 18:25:14.729: E/AndroidRuntime(488):  at android.app.Instrumentation.callActivityOnCreate(Instrumentation.java:1047)
08-22 18:25:14.729: E/AndroidRuntime(488):  at android.app.ActivityThread.performLaunchActivity(ActivityThread.java:1611)
08-22 18:25:14.729: E/AndroidRuntime(488):  at android.app.ActivityThread.handleLaunchActivity(ActivityThread.java:1663)
08-22 18:25:14.729: E/AndroidRuntime(488):  at android.app.ActivityThread.access$1500(ActivityThread.java:117)
08-22 18:25:14.729: E/AndroidRuntime(488):  at android.app.ActivityThread$H.handleMessage(ActivityThread.java:931)
08-22 18:25:14.729: E/AndroidRuntime(488):  at android.os.Handler.dispatchMessage(Handler.java:99)
08-22 18:25:14.729: E/AndroidRuntime(488):  at android.os.Looper.loop(Looper.java:123)
08-22 18:25:14.729: E/AndroidRuntime(488):  at android.app.ActivityThread.main(ActivityThread.java:3683)
08-22 18:25:14.729: E/AndroidRuntime(488):  at java.lang.reflect.Method.invokeNative(Native Method)
08-22 18:25:14.729: E/AndroidRuntime(488):  at java.lang.reflect.Method.invoke(Method.java:507)
08-22 18:25:14.729: E/AndroidRuntime(488):  at com.android.internal.os.ZygoteInit$MethodAndArgsCaller.run(ZygoteInit.java:839)
08-22 18:25:14.729: E/AndroidRuntime(488):  at com.android.internal.os.ZygoteInit.main(ZygoteInit.java:597)
08-22 18:25:14.729: E/AndroidRuntime(488):  at dalvik.system.NativeStart.main(Native Method)
08-22 18:25:18.049: I/Process(488): Sending signal. PID: 488 SIG: 9
&lt;/code&gt;&lt;/pre&gt;</t>
  </si>
  <si>
    <t>2012-08-22 13:15:01.453000+00:00</t>
  </si>
  <si>
    <t>2012-08-22 14:51:27.627000+00:00</t>
  </si>
  <si>
    <t>2012-08-22 13:26:04.863000+00:00</t>
  </si>
  <si>
    <t>How to run .Net core console app on Linux</t>
  </si>
  <si>
    <t>&lt;p&gt;I am using Visual Studio 2015. And created .net core Console app. After compiling in debug folder I have my project dll. And if I want to run it on another computer, I have to install dotnet on it and then write in cmd dotnet myApp.dll. But I need to run my app without any installations.&lt;/p&gt;
&lt;p&gt;I have read, that I must publish my app. I do it with command dotnet publish -c Release. Now in folder release I have new folder publish with myApp.dll and other dll-files and folder runtimes for different systems. For example in Ubuntu.16.04-x64 folder I have file System.Security.Cryptography.Native.OpenSsl.so. But how I can run my app without any new installations of dotnet or something else?&lt;/p&gt;</t>
  </si>
  <si>
    <t>2017-10-20 06:59:56.883000+00:00</t>
  </si>
  <si>
    <t>2018-07-06 09:29:43.170000+00:00</t>
  </si>
  <si>
    <t>c#|.net-core|ubuntu-16.04</t>
  </si>
  <si>
    <t>python decorator with javascript</t>
  </si>
  <si>
    <t>&lt;p&gt;What I want to do is the following :&lt;/p&gt;
&lt;p&gt;I have a function that alert something :&lt;/p&gt;
&lt;pre&gt;&lt;code&gt;myfunction = function(foobar) { 
                 alert(foobar); 
             };
&lt;/code&gt;&lt;/pre&gt;
&lt;p&gt;Now I want to decorate it so that :&lt;/p&gt;
&lt;pre&gt;&lt;code&gt;decorate = function(callback) { 
              return function(foobar) { 
                  callback(foobar); 
                  console.log(foobar); 
           }; 
};
&lt;/code&gt;&lt;/pre&gt;
&lt;p&gt;So then I can write :&lt;/p&gt;
&lt;pre&gt;&lt;code&gt;myfunction = decorate(myfunction);
&lt;/code&gt;&lt;/pre&gt;
&lt;p&gt;And then myfunction will do the normal + log in the console.&lt;/p&gt;
&lt;p&gt;How can I make it works with Javascript ?&lt;/p&gt;</t>
  </si>
  <si>
    <t>2012-05-03 15:56:37.557000+00:00</t>
  </si>
  <si>
    <t>2012-05-03 16:11:26.407000+00:00</t>
  </si>
  <si>
    <t>2012-05-03 16:03:02.107000+00:00</t>
  </si>
  <si>
    <t>javascript|decorator</t>
  </si>
  <si>
    <t>Gson Deserialization of Mixed Object types</t>
  </si>
  <si>
    <t>&lt;p&gt;I have a JSON:&lt;/p&gt;
&lt;pre&gt;&lt;code&gt;"account_representatives": [
      {
        "Sales Person": 1307,
        "default_ticket_assignments": [
          ""
        ],
        "Primary Account Manager": 1307,
        "Secondary Support-3": 1151,
        "Relationship Mgr": 1307,
        "authorized_resources": [
          ""
        ],
        "Technical Account Manager": 164
      }
    ]
&lt;/code&gt;&lt;/pre&gt;
&lt;p&gt;and I have a class whose structure is like this:&lt;/p&gt;
&lt;pre&gt;&lt;code&gt;public class AccountRepresentative {
        @SerializedName("authorized_resources")
        @Expose
        private List&amp;lt;String&amp;gt; authorizedResources = new ArrayList&amp;lt;String&amp;gt;();
        @SerializedName("default_ticket_assignments")
        @Expose
        private List&amp;lt;String&amp;gt; defaultTicketAssignments = new ArrayList&amp;lt;String&amp;gt;();
        @Expose
        private Map&amp;lt;String, String&amp;gt; repFields;
        /**
         * @return The authorizedResources
         */
        public List&amp;lt;String&amp;gt; getAuthorizedResources() {
            return authorizedResources;
        }
        /**
         * @param authorizedResources The authorized_resources
         */
        public void setAuthorizedResources(List&amp;lt;String&amp;gt; authorizedResources) {
            this.authorizedResources = authorizedResources;
        }
        /**
         * @return The defaultTicketAssignments
         */
        public List&amp;lt;String&amp;gt; getDefaultTicketAssignments() {
            return defaultTicketAssignments;
        }
        /**
         * @param defaultTicketAssignments The default_ticket_assignments
         */
        public void setDefaultTicketAssignments(List&amp;lt;String&amp;gt; defaultTicketAssignments) {
            this.defaultTicketAssignments = defaultTicketAssignments;
        }
        /**
         *
         * @return the dynamic jsonObjects
         */
        public Map&amp;lt;String, String&amp;gt; getRepFields() {
            return repFields;
        }
        /**
         * @param repFields The repFields
         */
        public void setRepFields(Map&amp;lt;String, String&amp;gt; repFields) {
            this.repFields = repFields;
        }
    }
&lt;/code&gt;&lt;/pre&gt;
&lt;p&gt;I'm using GSON to bind these, I'm able to bind the 2 JsonArrays.&lt;/p&gt;
&lt;p&gt;I can also deserialized dynamic properties w/o the jsonArrays by using &lt;a href="https://stackoverflow.com/questions/2779251/how-can-i-convert-json-to-a-hashmap-using-gson"&gt;How can I convert JSON to a HashMap using Gson?&lt;/a&gt;,&lt;/p&gt;
&lt;p&gt;but in this case, I have no idea how to get the dynamic properties, 
My plan supposedly is to turn the dynamic properties into hashmap, but the 2 jsonArrays are in the way.&lt;/p&gt;
&lt;p&gt;Thanks for the help, &lt;/p&gt;</t>
  </si>
  <si>
    <t>2015-05-15 13:51:44.207000+00:00</t>
  </si>
  <si>
    <t>2015-05-18 11:11:58.597000+00:00</t>
  </si>
  <si>
    <t>2017-05-23 11:58:09.767000+00:00</t>
  </si>
  <si>
    <t>android|json|gson</t>
  </si>
  <si>
    <t>Android dependencies and repositories</t>
  </si>
  <si>
    <t>&lt;p&gt;I'm an Android developer for a couple of years and I'm used to put the version of my dependencies on hold and not update for two or three months. Then I take a day to hunt the latest versions, download and test them one by one.&lt;/p&gt;
&lt;p&gt;But I got spoiled with new langages and tools, where some library is almost automatically updated and my continuos delivery environment tests it almost efortless.&lt;/p&gt;
&lt;p&gt;And this makes me think why there's no equivalent for Android? Android Studio does tells me when there are new updates of the platform and build tools, but not the dependences. And many times when I go to &lt;a href="https://bintray.com/bintray/jcenter" rel="nofollow"&gt;JFrog (JCenter)&lt;/a&gt; it's really hard to find a package and get it's latest version number.&lt;/p&gt;
&lt;p&gt;So, my question is: does anybody has a more 21st century menthod to update your dependencies?&lt;/p&gt;
&lt;p&gt;Thanks in advance.&lt;/p&gt;</t>
  </si>
  <si>
    <t>2016-10-24 13:05:31.937000+00:00</t>
  </si>
  <si>
    <t>android|android-studio|gradle|jcenter</t>
  </si>
  <si>
    <t>How to modify a config parameter value with slash</t>
  </si>
  <si>
    <t>&lt;p&gt;I am trying to modify a config file &lt;code&gt;demo.cfg&lt;/code&gt; from a &lt;code&gt;.sh&lt;/code&gt; file. I can modify it using &lt;code&gt;sed&lt;/code&gt;, but the problem is when the value contains slash character.&lt;/p&gt;
&lt;p&gt;For that I am using this code:&lt;/p&gt;
&lt;pre&gt;&lt;code&gt;read -r -p "(Default PATH: /my/default/path/): " response
    case $response in
        (*[![:blank:]]*) sed -i '/key_one/s/= ''.*/= '$response'/' demo.cfg; echo 'OK';;
        (*) echo 'Using default path'
    esac
&lt;/code&gt;&lt;/pre&gt;
&lt;p&gt;Here the error when the variable &lt;code&gt;$response&lt;/code&gt; has slash:&lt;/p&gt;
&lt;p&gt;&lt;code&gt;sed: -e expression #1, char 20: unknown option to "s"&lt;/code&gt;&lt;/p&gt;
&lt;p&gt;Could I scape this variable to use with sed function?&lt;/p&gt;
&lt;p&gt;Here &lt;code&gt;demo.cfg&lt;/code&gt; file&lt;/p&gt;
&lt;pre&gt;&lt;code&gt;[params]
key_one = 1
key_two = 9
&lt;/code&gt;&lt;/pre&gt;
&lt;p&gt;Thanks in advanced
Best regards&lt;/p&gt;</t>
  </si>
  <si>
    <t>2016-07-04 12:40:45.700000+00:00</t>
  </si>
  <si>
    <t>2016-07-04 13:18:13.083000+00:00</t>
  </si>
  <si>
    <t>2016-07-04 12:44:14.517000+00:00</t>
  </si>
  <si>
    <t>linux|bash|shell|sed|sh</t>
  </si>
  <si>
    <t>Bootstrap 3 contact form with recaptcha v2</t>
  </si>
  <si>
    <t>&lt;p&gt;I ran into in issue with my contact form on www.baddeleyspourhouselb.com/contact.php and I was hoping someone would be able to tell me what happened to my form. It submits (not with ajax like it should) and does nothing when the file is not commented out. I followed the tutorial on &lt;a href="https://bootstrapious.com/p/bootstrap-recaptcha" rel="nofollow noreferrer"&gt;https://bootstrapious.com/p/bootstrap-recaptcha&lt;/a&gt;. I had it working perfectly for weeks and implemented on another site as well, which is working fine. I have gone back through and looked at it line by line and can���t figure this out for the life of me. Any help or advice would be so greatly appreciated. &lt;/p&gt;</t>
  </si>
  <si>
    <t>2018-01-03 21:26:46+00:00</t>
  </si>
  <si>
    <t>2018-01-04 16:51:28.167000+00:00</t>
  </si>
  <si>
    <t>forms|contact</t>
  </si>
  <si>
    <t>Data Queries Sporadically Return Empty Recordsets</t>
  </si>
  <si>
    <t>&lt;p&gt;I am using ado with asp.net. I am using some stored procedure to get records from database. While working in a single tab it works all fine, but if i open same page in next tab then the previous tab gives an error while the page in new tab works fine. I get the following error which is caused due to empty record sets.&lt;/p&gt;
&lt;blockquote&gt;
  &lt;p&gt;ADODB.Field error '800a0bcd'&lt;/p&gt;
  &lt;p&gt;Either BOF or EOF is True, or the current record has been deleted. Requested operation requires a current record."&lt;/p&gt;
&lt;/blockquote&gt;
&lt;p&gt;Not sure what is going on. Is the problem in database access or ADO connection?&lt;/p&gt;</t>
  </si>
  <si>
    <t>2015-12-02 06:46:23.817000+00:00</t>
  </si>
  <si>
    <t>2015-12-05 07:34:14.830000+00:00</t>
  </si>
  <si>
    <t>asp-classic|ado</t>
  </si>
  <si>
    <t>What would cause a link to not fill the entire height of a table cell when height=100%?</t>
  </si>
  <si>
    <t>&lt;h2&gt;Example&lt;/h2&gt;
&lt;p&gt;&lt;img src="https://i.imgur.com/ecptS.png" /&gt;&lt;/p&gt;
&lt;p&gt;The yellow represents the link/clickable area.&lt;/p&gt;
&lt;h2&gt;CSS&lt;/h2&gt;
&lt;pre&gt;&lt;code&gt;#shipment-list a {
    display: block;
    width: 100%;
    height: 100%;
    color: inherit;
    text-decoration: inherit;
    background-color: yellow;
    margin: 0;
    padding: 0;
}
&lt;/code&gt;&lt;/pre&gt;
&lt;h2&gt;HTML&lt;/h2&gt;
&lt;pre&gt;&lt;code&gt;        &amp;lt;td&amp;gt;
            &amp;lt;a href="#"&amp;gt;
                Jul 24, 2011 @ 1:05p.m.&amp;lt;br&amp;gt;
                (4 hours, 19 minutes ago)
            &amp;lt;/a&amp;gt;
        &amp;lt;/td&amp;gt;
&lt;/code&gt;&lt;/pre&gt;
&lt;p&gt;I can't seem to &lt;a href="http://jsfiddle.net/mnpenner/2phF5/" rel="nofollow noreferrer"&gt;reproduce it in a jsFiddle&lt;/a&gt; however, and I can't link you to the live page because it's running off localhost and contains some confidential information.&lt;/p&gt;
&lt;p&gt;Any idea what might be causing this?&lt;/p&gt;
&lt;p&gt;I get the same result in FF4 and IE9.&lt;/p&gt;
&lt;p&gt;&lt;strong&gt;Edit:&lt;/strong&gt; Figured out &lt;a href="http://jsfiddle.net/mnpenner/2phF5/12/" rel="nofollow noreferrer"&gt;what was causing the problem&lt;/a&gt;. Still don't know how to fix it. The &lt;code&gt;td&lt;/code&gt; basically shrinks to its contents, even though it doesn't appear that way. I don't want to explicitly define the height of my &lt;code&gt;td&lt;/code&gt; though, so how do I get around this?&lt;/p&gt;</t>
  </si>
  <si>
    <t>2011-07-25 00:31:40.797000+00:00</t>
  </si>
  <si>
    <t>2015-09-02 17:56:20.467000+00:00</t>
  </si>
  <si>
    <t>Using an HTTP Request as Pipe</t>
  </si>
  <si>
    <t>&lt;p&gt;I'm getting the hang out of &lt;a href="https://github.com/twitter/scalding" rel="nofollow"&gt;Scalding&lt;/a&gt; I require to fetch a number of URLs from the internet.&lt;/p&gt;
&lt;p&gt;As it seems, Scala doesn't provide a single class to do the HTTP request in its standard library.&lt;/p&gt;
&lt;p&gt;As many of the bare java solutions I've seen seem too verbose I was wondering if I could just use Scalding Pipe machinery to do just this or if this not a the kind of tasks it's intended to be used for.&lt;/p&gt;
&lt;p&gt;Also. In the case of using an external library such as &lt;a href="http://dispatch.databinder.net/Dispatch.html" rel="nofollow"&gt;Dispatch&lt;/a&gt; or &lt;a href="https://github.com/scalaj/scalaj-http" rel="nofollow"&gt;scalaj-http&lt;/a&gt;: Could I fetch the result to a Pipe directly or there is more plumbing involved?&lt;/p&gt;</t>
  </si>
  <si>
    <t>2014-04-08 18:09:14.787000+00:00</t>
  </si>
  <si>
    <t>2014-04-13 09:25:03.657000+00:00</t>
  </si>
  <si>
    <t>scala|http|pipe|scalding</t>
  </si>
  <si>
    <t>cURL Login to HTTPS site</t>
  </si>
  <si>
    <t>&lt;p&gt;I have been trying to post login credentials to an https site using cURL and PHP with no luck. Everything works fine for unsecured sites but I can't get it with https. I know the headers details that I am posting are correct (although I mocked them up for the sake of this example). Please help.&lt;/p&gt;
&lt;pre&gt;&lt;code&gt;    &amp;lt;?php
    // Initialize cURL
    $ch = curl_init('https://secured-example.com/auth.asp');
    // Enable HTTP POST
    curl_setopt($ch, CURLOPT_POST, 1);
    // Use SSL 
    curl_setopt($ch, CURLOPT_SSL_VERIFYPEER, FALSE); 
    curl_setopt($ch, CURLOPT_SSL_VERIFYHOST, 2);
    // Set POST parameters
    curl_setopt($ch, CURLOPT_POSTFIELDS, 'username=myUser&amp;amp;password=myPass');
    // Imitate classic browser's behavior - handle cookies
    curl_setopt($ch, CURLOPT_COOKIEJAR, 'cookie.txt');
    curl_setopt($ch, CURLOPT_RETURNTRANSFER, 1);
    // Execute 1st request
    $store = curl_exec($ch);
    // Set file to download
    curl_setopt($ch, CURLOPT_URL, 'https://secured-example.com/file.pdf');
    // Execute 2nd request (file download)
    $content = curl_exec($ch);
    curl_close($ch);
    ?&amp;gt;
&lt;/code&gt;&lt;/pre&gt;</t>
  </si>
  <si>
    <t>2011-11-29 21:34:11.913000+00:00</t>
  </si>
  <si>
    <t>2011-11-29 21:45:28.180000+00:00</t>
  </si>
  <si>
    <t>Generate XML and XSD documents using one XSLT</t>
  </si>
  <si>
    <t>&lt;p&gt;I want to do an XSL Transformation on an XML document so that my XSLT will generate a new XML document attached to an XSD document. I'm asking if it's possible to generate two different types of documents using only one XSLT.&lt;/p&gt;</t>
  </si>
  <si>
    <t>2016-12-23 18:49:45.003000+00:00</t>
  </si>
  <si>
    <t>2016-12-24 09:29:02.557000+00:00</t>
  </si>
  <si>
    <t>user7335753</t>
  </si>
  <si>
    <t>xml|xslt|xsd|schema</t>
  </si>
  <si>
    <t>HDFStore error 'correct atom type -&gt; [dtype-&gt;uint64'</t>
  </si>
  <si>
    <t>&lt;p&gt;using read_hdf for first time love it want to use it to combine a bunch of smaller *.h5 into one big file.  plan on calling append() of a HDFStore.  later will add chunking to conserve memory.&lt;/p&gt;
&lt;p&gt;Example table looks like this &lt;/p&gt;
&lt;p&gt;
Int64Index: 220189 entries, 0 to 220188
Data columns (total 16 columns):
ID                    220189  non-null values
duration              220189  non-null values
epochNanos            220189  non-null values
Tag                   220189  non-null values
dtypes: object(1), uint64(3)&lt;/p&gt;
&lt;p&gt;code:&lt;/p&gt;
&lt;pre&gt;&lt;code&gt;import pandas as pd
print pd.__version__  # I am running 0.11.0
dest_h5f = pd.HDFStore('c:\\t3_combo.h5',complevel=9)
df = pd.read_hdf('\\t3\\t3_20130319.h5', 't3', mode = 'r')
print df
dest_h5f.append(tbl, df, data_columns=True)
dest_h5f.close()
&lt;/code&gt;&lt;/pre&gt;
&lt;p&gt;Problem: the append traps this exception
Exception: cannot find the correct atom type -&gt; [dtype-&gt;uint64,items-&gt;Index([InstrumentID], dtype=object)] 'module' object has no attribute 'Uint64Col'&lt;/p&gt;
&lt;p&gt;this feels like a problem with some version of pytables or numpy
pytables = v 2.4.0    numpy = v 1.6.2&lt;/p&gt;</t>
  </si>
  <si>
    <t>2013-05-07 17:37:57.497000+00:00</t>
  </si>
  <si>
    <t>2013-05-07 21:49:51.847000+00:00</t>
  </si>
  <si>
    <t>pandas|pytables</t>
  </si>
  <si>
    <t>How to encrypt and decrypt string/object in nodejs</t>
  </si>
  <si>
    <t>&lt;p&gt;I would like to encrypt an object then decrypt it. The encryption works very well but the decryption fails. Below my code :&lt;/p&gt;
&lt;p&gt;&lt;strong&gt;crypto_ext.js&lt;/strong&gt;&lt;/p&gt;
&lt;pre&gt;&lt;code&gt;const crypto = require("crypto")
const password = "shared_key"
const algorithm = "aes256"
export const encrypt = (text) =&amp;gt; {
    if(!text) return ''
    const cipher = crypto.createCipher(algorithm, password);
    let crypted = cipher.update(text, 'utf-8', 'base64');
    crypted += cipher.final('base64');
    return crypted;
}
export const decrypt = (text) =&amp;gt; {
    if(!text) return ''
    const decipher = crypto.createDecipher(algorithm, password);
    let decrypted = decipher.update(text, 'base64', 'utf-8');
    decrypted += decipher.final('utf-8');
    return decrypted;
}
&lt;/code&gt;&lt;/pre&gt;
&lt;p&gt;and in my &lt;strong&gt;test.js&lt;/strong&gt;, I have :&lt;/p&gt;
&lt;pre&gt;&lt;code&gt;import {encrypt, decrypt} from './crypto_ext.js'
let test = {key1: val1, key2: val2}
test = encrypt(JSON.stringify(test)) || test
console.log("Encrypt : ", test)
console.log("Decrypt : ", decrypt(test)) // I should have my object as string here
&lt;/code&gt;&lt;/pre&gt;
&lt;p&gt;And this is what I'm getting as error :&lt;/p&gt;
&lt;pre&gt;&lt;code&gt;Uncaught Error: unable to decrypt data
at unpad (decrypter.js:83)
at Decipher.webpackJsonp../node_modules/browserify-aes/decrypter.js.Decipher._final (decrypter.js:38)
at Decipher.webpackJsonp../node_modules/cipher-base/index.js.CipherBase._finalOrDigest (index.js:76)
at decrypt (crypto_ext.js:17)
...
&lt;/code&gt;&lt;/pre&gt;
&lt;p&gt;Can you please tell me what I'm doing wrong ?&lt;/p&gt;</t>
  </si>
  <si>
    <t>2018-07-24 08:12:00.517000+00:00</t>
  </si>
  <si>
    <t>2018-11-07 16:51:50.067000+00:00</t>
  </si>
  <si>
    <t>node.js|encryption|cryptojs|node-crypto</t>
  </si>
  <si>
    <t>Backbone view with template not firing events</t>
  </si>
  <si>
    <t>&lt;p&gt;I'm having some problems with my view handling it's events. They simply don't fire.
The view has it's html from a template that looks like this:&lt;/p&gt;
&lt;pre&gt;&lt;code&gt;&amp;lt;script type="text/template" id="intro-slide-template"&amp;gt;
  &amp;lt;div class="slide intro" id="intro-slide"&amp;gt;
    &amp;lt;a href="#" class="startpresentation" id="start-btn"&amp;gt;
      &amp;lt;%= startpresentation %&amp;gt;
    &amp;lt;/a&amp;gt;
  &amp;lt;/div&amp;gt;
&amp;lt;/script&amp;gt;
&lt;/code&gt;&lt;/pre&gt;
&lt;p&gt;So far so good.
The view code itself look's like this:&lt;/p&gt;
&lt;pre&gt;&lt;code&gt;  /* ********* Slide View  *********  */
    window.IntroSlideView = Backbone.View.extend({           
        initialize: function(){             
            this.template = _.template($("#intro-slide-template").html());          
        },  
        render: function(){     
            $(this.el).html(this.template(this.model.toJSON()));             
        },
        events: {
            "click #start-btn": "clickHandler"
        },
        clickHandler: function() {
            console.log("IntroSlideView     ::      clickHandler");
        }           
    });
&lt;/code&gt;&lt;/pre&gt;
&lt;p&gt;This is how I render the slide to the main app's view:&lt;/p&gt;
&lt;pre&gt;&lt;code&gt;/* ********* App View  *********  */
window.AppView = Backbone.View.extend({
    el: $("#content"),
    initialize: function(){
        _.bindAll(this, 'render');      
        //render 
        this.render();
    },
    render: function(){                     
        this.el.innerHTML = "";     
        var slide = this.model.get("currentSlide");
        slide.render();             
        this.el.innerHTML = slide.el.innerHTML;
    }   
});
&lt;/code&gt;&lt;/pre&gt;
&lt;p&gt;The view is getting rendered to the screen perfectly, and it works just like it should.
But the click event is not firing.&lt;/p&gt;
&lt;p&gt;When I inspect the slide view object, I can see that it do haves el object with the right HTML in it, including the button that has to fire a click event.&lt;/p&gt;
&lt;p&gt;And when I log the view's events, I see that they are set:&lt;/p&gt;
&lt;pre&gt;&lt;code&gt;Object
click #start-btn: "clickHandler"
__proto__: Object
&lt;/code&gt;&lt;/pre&gt;</t>
  </si>
  <si>
    <t>2012-04-06 09:19:39.830000+00:00</t>
  </si>
  <si>
    <t>2012-04-06 17:57:14.937000+00:00</t>
  </si>
  <si>
    <t>javascript|events|templates|backbone.js</t>
  </si>
  <si>
    <t>jquery datepicker - Conflict when two dates in same form</t>
  </si>
  <si>
    <t>&lt;p&gt;I have a form with two date fields.  It's quite a big form, so I'll just show the relevant parts.&lt;/p&gt;
&lt;pre&gt;&lt;code&gt;&amp;lt;input id="dateofassessment" name="dateofassessment"  readonly="readonly" class='datebox' /&amp;gt;
&amp;lt;input id="LastIncident" name="LastIncident" readonly="readonly" class="datebox" /&amp;gt;
&lt;/code&gt;&lt;/pre&gt;
&lt;p&gt;( I should point out that "dateofassessment" is the first item in the form, and "LastIncident" is the last item )&lt;/p&gt;
&lt;p&gt;I attach the datepicker object like this..&lt;/p&gt;
&lt;pre&gt;&lt;code&gt;    $(".datebox").datepicker({
        dateFormat: 'dd-M-yy',
        changeYear: true,
        showButtonPanel: false
        });
&lt;/code&gt;&lt;/pre&gt;
&lt;p&gt;The "dateofassessment" input box works perfectly.  The calendar is shown OK, and clicking on a date fills in the "dateofassessment"field - Perfect!&lt;/p&gt;
&lt;p&gt;However, the "LastIncident" box doesn't work so well.  Clicking on it displays the calendar OK.  However, selecting a date does not fill in the form.  In fact the calendar closes on the "LastIncident", and re-opens on the "dateofassessment" field as soon as I select a date.&lt;/p&gt;
&lt;p&gt;I can't post the entire code as there's vast amounts of it, on an intranet site.  But hopefully I have posted the relevant parts.&lt;/p&gt;
&lt;p&gt;FYI,The fact the fields are "readonly" doesn't make any difference.&lt;/p&gt;
&lt;p&gt;Versions...
jQuery v1.5.1
Datepicker 1.8.9&lt;/p&gt;</t>
  </si>
  <si>
    <t>2011-07-27 10:42:05.803000+00:00</t>
  </si>
  <si>
    <t>2012-10-27 21:33:34.987000+00:00</t>
  </si>
  <si>
    <t>2011-07-28 07:39:27.790000+00:00</t>
  </si>
  <si>
    <t>javascript|jquery|datepicker|uidatepicker|jqmodal</t>
  </si>
  <si>
    <t>Switch between the tables and save data by considering a Specific field using strategy pattern</t>
  </si>
  <si>
    <t>&lt;p&gt;There are three Tables named as car_details, bike_details, truck_details the fields are same for all the three tables (RegistrationNo, No.ofYearsOld, OwnerName, ContactNo, VehicleType) the field VehicleType should specify type of the vehicle(car or bike or truck) and its default value is car.&lt;/p&gt;
&lt;p&gt;All three tables have their separate POJO and repository&lt;/p&gt;
&lt;p&gt;The task is I need to save the data into the corresponding table by considering the vehicleType field.&lt;/p&gt;
&lt;p&gt;In My controller &lt;/p&gt;
&lt;pre&gt;&lt;code&gt;@RequestMapping (value = "/createVehicle/", method = RequestMethod.POST, consumes = "application/json")
 @ResponseBody
 public ResponseEntity&amp;lt;&amp;gt; createGeneralAuthentication (@RequestBody CarDetails carDetails) {
        public void roleSelector(String type) {
            switch (type){
                case "car":
                    return new CarRepository();
                break;
                case "bike":
                    return new BikeRepository();
                break;
                case "truk":
                    return new TruckRepository();
                break;
            }
        }
   RolesRepository rolesRepository = new roleSelector(carDetails.getType());
        try {
            rolesRepository.save(carDetails);
        } catch (Exception ex) {
            return new ResponseEntity&amp;lt;&amp;gt;(HttpStatus.NOT_FOUND);
        }
            return new ResponseEntity&amp;lt;&amp;gt;(HttpStatus.OK);
    }
&lt;/code&gt;&lt;/pre&gt;
&lt;p&gt;No if else should be used it need to be a strategy pattern.&lt;/p&gt;</t>
  </si>
  <si>
    <t>2017-03-07 12:00:13.120000+00:00</t>
  </si>
  <si>
    <t>2017-03-14 06:44:55.053000+00:00</t>
  </si>
  <si>
    <t>spring|spring-mvc|spring-boot|strategy-pattern</t>
  </si>
  <si>
    <t>Keeping local branch work after Git Pull Request</t>
  </si>
  <si>
    <t>&lt;p&gt;I am reasonably new to Git and recently forked a project from GitHub, made some changes and submitted a pull request back to GutHub. &lt;/p&gt;
&lt;p&gt;The changes that I made I am now using in an application that I am developing, so I need to have those locally in order for my application to run. &lt;/p&gt;
&lt;p&gt;I do however want to continue adding features/changes to the GitHub project by forking another branch and doing the changes there and subsequently doing another pull request and so on and so forth. &lt;/p&gt;
&lt;p&gt;Is there a way to keep the changes that I made in the first fork (before and if they are merged into the master by project developers) and continue to add features to the second fork and then doing the second pull request which would contain only the changes in the second fork for the purpose of the pull request. The process would then repeat for the third and subsequent forks. &lt;/p&gt;
&lt;p&gt;However locally I would have all the changes from the first fork onwards so that I can continue testing my application against all the latest changes that I am making. &lt;/p&gt;</t>
  </si>
  <si>
    <t>2011-03-09 12:17:50.437000+00:00</t>
  </si>
  <si>
    <t>2011-08-05 21:57:08.437000+00:00</t>
  </si>
  <si>
    <t>git|github|git-branch</t>
  </si>
  <si>
    <t>Android: Toolbar Text color</t>
  </si>
  <si>
    <t>&lt;p&gt;I'm trying to use a theme in my Toolbar. I want to change the text color but I can't do it, and I don't know why. The text color is not being applied, instead of be brown it appears me with black color. Can you please help me?&lt;/p&gt;
&lt;p&gt;&lt;strong&gt;styles.xml&lt;/strong&gt;&lt;/p&gt;
&lt;pre&gt;&lt;code&gt;&amp;lt;resources&amp;gt;
    &amp;lt;style name="AppTheme" parent="Theme.AppCompat.Light.NoActionBar"&amp;gt;
    &amp;lt;/style&amp;gt;
    &amp;lt;style name="AppTheme.Toolbar.Title" parent="TextAppearance.Widget.AppCompat.Toolbar.Title"&amp;gt;
        &amp;lt;!-- Set proper title size --&amp;gt;
        &amp;lt;item name="android:textSize"&amp;gt;@dimen/abc_text_size_title_material_toolbar&amp;lt;/item&amp;gt;
        &amp;lt;item name="android:gravity"&amp;gt;center&amp;lt;/item&amp;gt;
        &amp;lt;item name="android:textColor"&amp;gt;@color/brown&amp;lt;/item&amp;gt;
    &amp;lt;/style&amp;gt;
&amp;lt;/resources&amp;gt;
&lt;/code&gt;&lt;/pre&gt;
&lt;p&gt;&lt;strong&gt;layout.xml&lt;/strong&gt;&lt;/p&gt;
&lt;pre&gt;&lt;code&gt;&amp;lt;android.support.v7.widget.Toolbar
        xmlns:android="http://schemas.android.com/apk/res/android"
        xmlns:app="http://schemas.android.com/apk/res-auto"
        android:id="@+id/toolbar"
        android:layout_alignParentBottom="true"
        android:layout_width="match_parent"
        android:layout_height="70dp"
        android:background="@drawable/toolbar_main"
        style="@style/AppTheme.Toolbar.Title"&amp;gt;    
    &amp;lt;/android.support.v7.widget.Toolbar&amp;gt;
&lt;/code&gt;&lt;/pre&gt;
&lt;p&gt;&lt;strong&gt;colors.xml:&lt;/strong&gt;&lt;/p&gt;
&lt;pre&gt;&lt;code&gt;&amp;lt;?xml version="1.0" encoding="utf-8"?&amp;gt;
&amp;lt;resources&amp;gt;
    &amp;lt;item name="brown" type="color"&amp;gt;#b78c07&amp;lt;/item&amp;gt;
    &amp;lt;integer-array name="androidcolors"&amp;gt;
        &amp;lt;item&amp;gt;@color/brown&amp;lt;/item&amp;gt;
    &amp;lt;/integer-array&amp;gt;
&amp;lt;/resources&amp;gt;
&lt;/code&gt;&lt;/pre&gt;</t>
  </si>
  <si>
    <t>2015-03-05 22:16:05.463000+00:00</t>
  </si>
  <si>
    <t>2015-06-18 16:48:47.727000+00:00</t>
  </si>
  <si>
    <t>android|appcompat|android-toolbar</t>
  </si>
  <si>
    <t>refresh activity with dynamic content</t>
  </si>
  <si>
    <t>&lt;p&gt;I have an activity with some dynamic content.&lt;/p&gt;
&lt;p&gt;For each item of an array, there is a different content (number of textViews, checkboxes, ..)
The user clicks on a "save" button and then the screen has to refresh itself to display the content of the next item.&lt;/p&gt;
&lt;p&gt;I was wondering if it was a good practice to reload my activity like this :&lt;/p&gt;
&lt;pre&gt;&lt;code&gt;Intent refresh = new Intent(this, conflictActivity.class);
startActivity(refresh)
finish()
&lt;/code&gt;&lt;/pre&gt;
&lt;p&gt;instead of removing all the views in my layouts, etc ...&lt;/p&gt;
&lt;p&gt;I think it's easier to reload it.
Is there another way to do it ?&lt;/p&gt;
&lt;p&gt;&lt;strong&gt;EDIT&lt;/strong&gt; : added Code.&lt;/p&gt;
&lt;pre&gt;&lt;code&gt;public class ConflicFieldTest extends Activity {
private int nbField;
private int nbChecked;
@Override
public void onCreate(Bundle savedInstanceState) {
    super.onCreate(savedInstanceState);
    setContentView(R.layout.conflict);
    final Button saveButton = (Button) findViewById(R.id.save);
    final LinearLayout leftLayout = (LinearLayout) findViewById(R.id.leftLayout);
    final LinearLayout rightLayout = (LinearLayout) findViewById(R.id.rightLayout);
    final TextView fieldName = new TextView(this);
    final LinearLayout editLayoutRight = new LinearLayout(this);
    final LinearLayout editLayoutLeft = new LinearLayout(this);
    final LinearLayout fieldRight = new LinearLayout(this);
    final LinearLayout fieldLeft = new LinearLayout(this);
    final ArrayList&amp;lt;String&amp;gt; allIdInConflict = getAllIdInConflict();
    for (int i = 0; i &amp;lt; allIdInConflict.size(); i++) {
        new AccountSyncTask() {
            @Override
            public void onPostExecute(
                    final ArrayList&amp;lt;ArrayList&amp;lt;String&amp;gt;&amp;gt; result) {
                nbField = 0;
                nbChecked = 0;
                final Map&amp;lt;String, Object&amp;gt; fieldsInConflict = conflict
                        .conflictWithFields(memoAccountMap,
                                serverAccountMap, modifiedAccountMap);
                for (Iterator&amp;lt;Map.Entry&amp;lt;String, Object&amp;gt;&amp;gt; field = fieldsInConflict
                        .entrySet().iterator(); field.hasNext();) {
                    final Map.Entry&amp;lt;String, Object&amp;gt; entry = field.next();
                    fieldName.setText(entry.getKey() + " : ");
                    final EditText[] editTextArrayRight = new EditText[fieldsInConflict
                            .size()];
                    final EditText[] editTextArrayLeft = new EditText[fieldsInConflict
                            .size()];
                    final CheckBox[] checkboxRight = new CheckBox[fieldsInConflict
                            .size()];
                    final CheckBox[] checkboxLeft = new CheckBox[fieldsInConflict
                            .size()];
                    checkboxRight[nbField] = new CheckBox(
                            ConflicFieldTest.this);
                    checkboxLeft[nbField] = new CheckBox(
                            ConflicFieldTest.this);
                    editLayoutLeft.setGravity(Gravity.CENTER_HORIZONTAL);
                    editLayoutRight.setGravity(Gravity.CENTER_HORIZONTAL);
                    fieldRight.setGravity(Gravity.CENTER_HORIZONTAL);
                    fieldLeft.setGravity(Gravity.CENTER_HORIZONTAL);
                    editLayoutRight.setOrientation(LinearLayout.HORIZONTAL);
                    fieldRight.setOrientation(LinearLayout.VERTICAL);
                    fieldLeft.setOrientation(LinearLayout.VERTICAL);
                    rightLayout
                            .addView(
                                    editLayoutRight,
                                    new LinearLayout.LayoutParams(
                                            LinearLayout.LayoutParams.FILL_PARENT,
                                            LinearLayout.LayoutParams.WRAP_CONTENT));
                    leftLayout
                            .addView(
                                    editLayoutLeft,
                                    new LinearLayout.LayoutParams(
                                            LinearLayout.LayoutParams.FILL_PARENT,
                                            LinearLayout.LayoutParams.WRAP_CONTENT));
                    editTextArrayRight[nbField] = new EditText(
                            ConflicFieldTest.this);
                    editTextArrayRight[nbField].setText((String) entry
                            .getValue());
                    editTextArrayRight[nbField].setTextColor(Color.BLACK);
                    editTextArrayRight[nbField].setFocusable(false);
                    editTextArrayRight[nbField].setClickable(false);
                    editTextArrayRight[nbField].setWidth(180);
                    editTextArrayRight[nbField].setPadding(0, 10, 0, 0);
                    editTextArrayLeft[nbField] = new EditText(
                            ConflicFieldTest.this);
                    editTextArrayLeft[nbField]
                            .setText((String) serverAccountMap.get(entry
                                    .getKey()));
                    editTextArrayLeft[nbField].setTextColor(Color.BLACK);
                    editTextArrayLeft[nbField].setFocusable(false);
                    editTextArrayLeft[nbField].setClickable(false);
                    editTextArrayLeft[nbField].setWidth(180);
                    editTextArrayLeft[nbField].setPadding(0, 10, 0, 0);
                    final int i1 = nbField;
                    checkboxLeft[i1]
                            .setOnClickListener(new OnClickListener() {
                                @Override
                                public void onClick(View v) {
                                }
                            });
                    checkboxRight[i1]
                            .setOnClickListener(new OnClickListener() {
                                @Override
                                public void onClick(View v) {
                                }
                            });
                    editLayoutLeft.addView(fieldName);
                    editLayoutRight
                            .addView(
                                    editTextArrayRight[nbField],
                                    new LinearLayout.LayoutParams(
                                            LinearLayout.LayoutParams.WRAP_CONTENT,
                                            LinearLayout.LayoutParams.WRAP_CONTENT));
                    editLayoutLeft
                            .addView(
                                    editTextArrayLeft[nbField],
                                    new LinearLayout.LayoutParams(
                                            LinearLayout.LayoutParams.WRAP_CONTENT,
                                            LinearLayout.LayoutParams.WRAP_CONTENT));
                    editLayoutRight.addView(checkboxRight[nbField]);
                    editLayoutLeft.addView(checkboxLeft[nbField]);
                    nbField++;
                }
                saveButton.setOnClickListener(new OnClickListener() {
                    @Override
                    public void onClick(View arg0) {
                        //save data &amp;amp; update UI
            }
        }
        .execute(appState.getSessionName(), id, "getObjectOnServer");
    }
}
&lt;/code&gt;&lt;/pre&gt;
&lt;p&gt;Sorry for the code, it is a litle bit dirty (i have deleted some parts), i am reworking it.&lt;/p&gt;</t>
  </si>
  <si>
    <t>2012-08-21 09:45:46.717000+00:00</t>
  </si>
  <si>
    <t>2012-08-21 11:36:11.783000+00:00</t>
  </si>
  <si>
    <t>2012-08-21 10:35:05.587000+00:00</t>
  </si>
  <si>
    <t>android|dynamic|android-activity|refresh</t>
  </si>
  <si>
    <t>Object graph or individual properties as method parameters?</t>
  </si>
  <si>
    <t>&lt;p&gt;Say I have a quite deep object graph, as a simplified example, something like this&lt;/p&gt;
&lt;pre&gt;&lt;code&gt;class Car {
    Engine Engine { get; set; }
    Dashboard Dashboard { get; set; }
    IEnumerable&amp;lt;Wheel&amp;gt; Wheels { get; set; }
}
class Engine {
    Pump FuelPump { get; set; }
    Motor StarterMotor { get; set; }
}
&lt;/code&gt;&lt;/pre&gt;
&lt;p&gt;And for the sake of the example, instead of Car having a Start() method, I want to have a CarStarter that is in charge of doing this. Imaginine that Car can be a big, deeply nested object graph and the CarStarter only needs access to a couple of properties, some of which are several levels deep. Should I pass the Car object to the CarStarter, or only the properties that are important? So which of these overloads in my simplified example?&lt;/p&gt;
&lt;pre&gt;&lt;code&gt;class CarStarter {
    void Start(Car car) {
        car.Dashboard.Lights.SwitchOn();
        car.Engine.FuelPump.Run();
        car.Engine.StarterMotor.Start();
    }
    void Start(Dashboard dashboard, Pump fuelPump, Motor starterMotor) {
        dashboard.Lights.SwitchOn();
        fuelPump.Run();
        starterMotor.Start();
    }
}
&lt;/code&gt;&lt;/pre&gt;
&lt;p&gt;The former feels wrong as it requires the CarStarter to have in depth knowledge about the structure of the entire nested structure of the Car class and its properties. It's also slightly opaque as to which properties of the Car object need to be populated when passed to CarStarter in a unit test.&lt;/p&gt;
&lt;p&gt;The latter seems the better option to me, but at a risk of ending up with too many parameters.&lt;/p&gt;</t>
  </si>
  <si>
    <t>2014-06-27 19:15:01.193000+00:00</t>
  </si>
  <si>
    <t>2014-06-30 08:20:57.913000+00:00</t>
  </si>
  <si>
    <t>design-patterns|design</t>
  </si>
  <si>
    <t>Check if html Date is &gt; NOW</t>
  </si>
  <si>
    <t>&lt;p&gt;How can I check the date if its greater than today? 
I want it not to submit if the date is greater than today? &lt;/p&gt;
&lt;pre&gt;&lt;code&gt;&amp;lt;html&amp;gt;
&amp;lt;head&amp;gt;
    &amp;lt;script src="http://ajax.googleapis.com/ajax/libs/jquery/1.10.2/jquery.min.js"&amp;gt;&amp;lt;/script&amp;gt;
&amp;lt;script type="text/javascript"&amp;gt;
function checkDate() {
            var EnteredDate = $("#since").val(); // For JQuery
            var month = EnteredDate.substring(0, 2);
            var date = EnteredDate.substring(3, 5);
            var year = EnteredDate.substring(6, 10);
            var myDate = new Date(year, date-1, month);
            var today = new Date();
            if (myDate &amp;gt; today) {
                alert("Entered date is greater than today's date ");
            }
        }
&amp;lt;/script&amp;gt;
&amp;lt;/head&amp;gt;
&amp;lt;body&amp;gt;      
        &amp;lt;form  action=""&amp;gt;
            &amp;lt;ul&amp;gt;
                &amp;lt;li&amp;gt;
                    &amp;lt;label&amp;gt;Member Since &amp;lt;/label&amp;gt;
            &amp;lt;input id = "since" name="since" size="2" maxlength="6" value="" type="date" required/&amp;gt;
                &amp;lt;/li&amp;gt;
                &amp;lt;li&amp;gt;
                    &amp;lt;input type="Submit" name="Submit" id="btsubmit" value="Submit" onclick="checkDate();"/&amp;gt;
                &amp;lt;/li&amp;gt;
            &amp;lt;/ul&amp;gt;
        &amp;lt;/form&amp;gt;
&amp;lt;/body&amp;gt;
&amp;lt;/html&amp;gt;
&lt;/code&gt;&lt;/pre&gt;
&lt;blockquote&gt;
  &lt;p&gt;Updates&lt;/p&gt;
&lt;/blockquote&gt;
&lt;p&gt;tried @Gaurav Mahindra answer with slight changes in the EnteredDate.substring(X, X);
since the &lt;code&gt;input type="date"&lt;/code&gt; attribute format of html is mm-dd-yyyy
it's not working though why?&lt;/p&gt;</t>
  </si>
  <si>
    <t>2016-04-14 03:14:19.720000+00:00</t>
  </si>
  <si>
    <t>2016-04-14 13:30:03.767000+00:00</t>
  </si>
  <si>
    <t>PHP add a variable to to mySQLi query results</t>
  </si>
  <si>
    <t>&lt;p&gt;I have a PHP function called GetQA which returns data from MySQL:&lt;/p&gt;
&lt;pre&gt;&lt;code&gt;$result = mysqli_query($con, $sqlQuery) or die(mysqli_error()$con);
&lt;/code&gt;&lt;/pre&gt;
&lt;p&gt;I'd like to add a dynamically generated variable result to the end. I don't want to store that variable in the database.&lt;/p&gt;
&lt;p&gt;What I'd like to is something like this:&lt;/p&gt;
&lt;pre&gt;&lt;code&gt;$result = Array(mysqli_query($con, $sqlQuery), myVariable);
&lt;/code&gt;&lt;/pre&gt;
&lt;p&gt;Is this possible?&lt;/p&gt;</t>
  </si>
  <si>
    <t>2017-06-11 11:10:05.640000+00:00</t>
  </si>
  <si>
    <t>2017-06-11 11:31:59.597000+00:00</t>
  </si>
  <si>
    <t>How to detect Windows 10 light/dark mode in Win32 application?</t>
  </si>
  <si>
    <t>&lt;p&gt;A bit of context: &lt;a href="https://sciter.com" rel="noreferrer"&gt;Sciter&lt;/a&gt; (pure win32 application) is already capable to render UWP alike UIs:&lt;/p&gt;
&lt;p&gt;in dark mode:
&lt;a href="https://i.stack.imgur.com/mXJ6w.jpg" rel="noreferrer"&gt;&lt;img src="https://i.stack.imgur.com/mXJ6w.jpg" alt="in dark mode"&gt;&lt;/a&gt;&lt;/p&gt;
&lt;p&gt;in light mode:
&lt;a href="https://i.stack.imgur.com/wNJi6.jpg" rel="noreferrer"&gt;&lt;img src="https://i.stack.imgur.com/wNJi6.jpg" alt="in light mode"&gt;&lt;/a&gt;&lt;/p&gt;
&lt;p&gt;Windows 10.1803 introduces Dark/Light switch in Settings applet &lt;a href="https://www.digitaltrends.com/computing/how-to-enable-dark-mode-in-windows-10/" rel="noreferrer"&gt;as seen here for example&lt;/a&gt;.&lt;/p&gt;
&lt;p&gt;Question: how do I determine current type of that "app mode" in Win32 application? &lt;/p&gt;</t>
  </si>
  <si>
    <t>2018-07-14 02:16:30.173000+00:00</t>
  </si>
  <si>
    <t>2018-07-14 08:59:20.003000+00:00</t>
  </si>
  <si>
    <t>windows|winapi|windows-10|win32gui</t>
  </si>
  <si>
    <t>C program to get variable name as input and print value</t>
  </si>
  <si>
    <t>&lt;p&gt;I have a program test.c &lt;/p&gt;
&lt;pre&gt;&lt;code&gt;int global_var=10;
printf("Done");
&lt;/code&gt;&lt;/pre&gt;
&lt;p&gt;i did &lt;/p&gt;
&lt;pre&gt;&lt;code&gt;gcc -g test.c -o test
&lt;/code&gt;&lt;/pre&gt;
&lt;p&gt;My query is 
Is there a way i can get the variable name as argument (say "global_var") and print the value.&lt;/p&gt;
&lt;p&gt;Thanks&lt;/p&gt;</t>
  </si>
  <si>
    <t>2014-08-08 07:40:35.387000+00:00</t>
  </si>
  <si>
    <t>2014-08-08 09:42:08.403000+00:00</t>
  </si>
  <si>
    <t>c|gcc</t>
  </si>
  <si>
    <t>Delphi XE5 Rest Datasnap Server. Getting Client IP Address</t>
  </si>
  <si>
    <t>&lt;p&gt;I'm trying to get a client's IP address and other client information using &lt;code&gt;DSServer&lt;/code&gt;'s &lt;code&gt;onconnect&lt;/code&gt; event with the following code.  &lt;/p&gt;
&lt;p&gt;My problem is that &lt;code&gt;DSConnectEventObject.ChannelInfo&lt;/code&gt; is &lt;code&gt;nil&lt;/code&gt; every time. Additionally, I can't resolve the IP addresses.  &lt;/p&gt;
&lt;p&gt;Please help me. Thank you.&lt;/p&gt;
&lt;pre&gt;&lt;code&gt;procedure TWebModule1.DSServer1Connect(DSConnectEventObject: TDSConnectEventObject);
var
     ci: TDBXClientInfo;
begin
     ci := DSConnectEventObject.ChannelInfo.ClientInfo;
     AddLog(Format('Client %s Connected IP: %s, Port: %s', 
         [ci.Protocol, ci.IpAddress, ci.ClientPort])
     );
end;
&lt;/code&gt;&lt;/pre&gt;</t>
  </si>
  <si>
    <t>2013-10-10 14:57:49.453000+00:00</t>
  </si>
  <si>
    <t>2014-07-16 15:30:01.170000+00:00</t>
  </si>
  <si>
    <t>2013-10-15 08:24:04.837000+00:00</t>
  </si>
  <si>
    <t>delphi|rest|client|datasnap</t>
  </si>
  <si>
    <t>date filter on shared calendar does not return all results</t>
  </si>
  <si>
    <t>&lt;p&gt;I am running the following query: &lt;/p&gt;
&lt;p&gt;&lt;code&gt;https://graph.microsoft.com/v1.0/me/calendars('sharedcalendarid')/events?$filter=start/dateTime ge '2018-10-14T06:00:00.000Z' and end/dateTime le '2018-10-21T05:59:59.999Z'&amp;amp;$orderby=Start/DateTime&amp;amp;$top=50&amp;amp;$count=true&lt;/code&gt;&lt;/p&gt;
&lt;p&gt;What I'm seeing is that this query returns only 24 results, even though there are at least double that number of events in the week when I look at my calendar (which only has events from this one shared calendar on it). &lt;/p&gt;
&lt;p&gt;Is there a bug with filtering events from a shared calendar? I've compared an event that doesn't show up with one that does and can't find any differences (tentative vs not, recurring versus not, etc.). &lt;/p&gt;</t>
  </si>
  <si>
    <t>2018-10-16 03:15:51.527000+00:00</t>
  </si>
  <si>
    <t>microsoft-graph</t>
  </si>
  <si>
    <t>php create instance of loaded model in controller</t>
  </si>
  <si>
    <t>&lt;p&gt;&lt;strong&gt;Question:&lt;/strong&gt;&lt;/p&gt;
&lt;pre&gt;&lt;code&gt;// TODO: add $name to $models array in Controller class
&lt;/code&gt;&lt;/pre&gt;
&lt;p&gt;How to add &lt;code&gt;$name&lt;/code&gt; from function &lt;code&gt;model()&lt;/code&gt; in &lt;code&gt;Load&lt;/code&gt; class to &lt;code&gt;$models&lt;/code&gt; array in &lt;code&gt;Controller&lt;/code&gt; class ?&lt;/p&gt;
&lt;p&gt;&lt;em&gt;Note: I have &lt;code&gt;Load&lt;/code&gt; and &lt;code&gt;Controller&lt;/code&gt; classes in separated files.&lt;/em&gt;&lt;/p&gt;
&lt;p&gt;&lt;strong&gt;PHP:&lt;/strong&gt;&lt;/p&gt;
&lt;pre&gt;&lt;code&gt;&amp;lt;?php
class Controller {
    public $models = array();
    public $load;
    //TODO: for each model create instance
    // public $name;
    public function __construct() {
        $this-&amp;gt;load = new Load();
        // TODO: for each model create instance
        // $this-&amp;gt;name = new Name();
    }
}
class Load {
    public function model($name) {
        require(APP_DIR . 'models/' . strtolower($name) . '.php');
        $model = new $name;
        // TODO: add $name to $models array in Controller class
        return $model;
    }
}
&lt;/code&gt;&lt;/pre&gt;
&lt;p&gt;&lt;strong&gt;Edit:&lt;/strong&gt;&lt;/p&gt;
&lt;p&gt;My Goal:
If I load model in Controller as this: &lt;code&gt;$this-&amp;gt;load-&amp;gt;model('model_name');&lt;/code&gt; then I want to have instance of that loaded model as &lt;code&gt;$this-&amp;gt;model_name-&amp;gt;method();&lt;/code&gt;&lt;/p&gt;</t>
  </si>
  <si>
    <t>2013-11-14 14:15:12.253000+00:00</t>
  </si>
  <si>
    <t>2013-11-14 18:05:57.737000+00:00</t>
  </si>
  <si>
    <t>PHP: what's an alternative to empty(), where string "0" is not treated as empty?</t>
  </si>
  <si>
    <t>&lt;blockquote&gt;
  &lt;p&gt;&lt;strong&gt;Possible Duplicate:&lt;/strong&gt;&lt;br&gt;
  &lt;a href="https://stackoverflow.com/questions/410002/fixing-the-php-empty-function"&gt;Fixing the PHP empty function&lt;/a&gt;  &lt;/p&gt;
&lt;/blockquote&gt;
&lt;p&gt;In PHP, empty() is a great shortcut because it allows you to check whether a variable is defined AND not empty at the same time.&lt;/p&gt;
&lt;p&gt;What would you use when you don't want "0" (as a string) to be considered empty, but you still want false, null, 0 and "" treated as empty?&lt;/p&gt;
&lt;p&gt;That is, I'm just wondering if you have your own shortcut for this:&lt;/p&gt;
&lt;pre&gt;&lt;code&gt;if (isset($myvariable) &amp;amp;&amp;amp; $myvariable != "") ;// do something
if (isset($othervar  ) &amp;amp;&amp;amp; $othervar   != "") ;// do something
if (isset($anothervar) &amp;amp;&amp;amp; $anothervar != "") ;// do something
// and so on, and so on
&lt;/code&gt;&lt;/pre&gt;
&lt;p&gt;I don't think I can define a helper function for this, since the variable could be undefined (and therefore couldn't be passed as parameter).&lt;/p&gt;</t>
  </si>
  <si>
    <t>2009-04-09 05:53:11.877000+00:00</t>
  </si>
  <si>
    <t>2011-05-11 02:12:55.293000+00:00</t>
  </si>
  <si>
    <t>2017-05-23 12:26:06.950000+00:00</t>
  </si>
  <si>
    <t>show and hide divs based on radio button click</t>
  </si>
  <si>
    <t>&lt;p&gt;My html and jquery code here. This is a very simple test but it still can't work.. &lt;/p&gt;
&lt;p&gt;&lt;strong&gt;Here is html:&lt;/strong&gt;&lt;/p&gt;
&lt;pre&gt;&lt;code&gt;  &amp;lt;p&amp;gt;Select a question to see the answer.&amp;lt;/p&amp;gt;
  &amp;lt;div id="questionArea" class="questionArea" &amp;gt;
    Question 1 &amp;lt;input type="radio" id="question1" class="question" name="radioGroup1" /&amp;gt;
    Question 2 &amp;lt;input type="radio" id="question2" class="question" name="radioGroup1" /&amp;gt;
    Question 3 &amp;lt;input type="radio" id="question3" class="question" name="radioGroup1" /&amp;gt;
  &amp;lt;/div&amp;gt;
  &amp;lt;div id="answerArea" class="answerArea"&amp;gt;
    &amp;lt;div id="answer1" class="answer"&amp;gt;First Answer&amp;lt;/div&amp;gt;
    &amp;lt;div id="answer2" class="answer"&amp;gt;Second Answer&amp;lt;/div&amp;gt;
    &amp;lt;div id="answer3" class="answer"&amp;gt;Third Answer&amp;lt;/div&amp;gt;
  &amp;lt;/div&amp;gt;
&lt;/code&gt;&lt;/pre&gt;
&lt;p&gt;&lt;strong&gt;Here is jquery:&lt;/strong&gt; &lt;/p&gt;
&lt;pre&gt;&lt;code&gt; $(document).ready(function() {
  $(".answerArea").hide();
  $("input[$name='radioGroup1']").click(function() {
            var answer = $(this).val();
            $(".answerArea").hide();
            $("#" + answer).show();
        });
    });
});
&lt;/code&gt;&lt;/pre&gt;
&lt;p&gt;Here is another way to show/hide, although it isn't a good approach, but I just want to know why it can't work..&lt;/p&gt;
&lt;pre&gt;&lt;code&gt;     $(document).ready(function () {
            $("div.answerArea").hide();
                $('#question1').click(function () {
                    $('#answer2').hide('fast');
                    $('#answer3').hide('fast');
                    $('#answer1').show('fast');
                });
                $('#question2').click(function () {
                      $('#answer1').hide('fast');
                      $('#answer3').hide('fast');
                      $('#answer2').show('fast');
                 });
                   $('#question3').click(function () {
                      $('#answer1').hide('fast');
                      $('#answer2').hide('fast');
                      $('#answer3').show('fast');
                 });
    }); 
&lt;/code&gt;&lt;/pre&gt;</t>
  </si>
  <si>
    <t>2013-02-24 21:52:24.853000+00:00</t>
  </si>
  <si>
    <t>2013-02-25 00:00:49.120000+00:00</t>
  </si>
  <si>
    <t>jquery|show-hide</t>
  </si>
  <si>
    <t>Sprache -- Cannot recognise this sequence</t>
  </si>
  <si>
    <t>&lt;p&gt;I want to match strings where the first character is a letter, then it is followed by multiple characters which are either digits or letters, then finally ends with a letter. For example &lt;code&gt;a11a11a&lt;/code&gt; is correct but &lt;code&gt;a11aa11&lt;/code&gt; is incorrect because it ends with a digit and not a letter.&lt;/p&gt;
&lt;p&gt;I wrote the following code to do it:&lt;/p&gt;
&lt;pre&gt;&lt;code&gt;var grammar =
    from first in Parse.Letter.Once()
    from rest in Parse.LetterOrDigit.Many()
    from end in Parse.Letter.Once()
    select new string(first.Concat(rest).Concat(end).ToArray());
var result = grammar.TryParse("a111a");
&lt;/code&gt;&lt;/pre&gt;
&lt;p&gt;Unfortunately &lt;code&gt;LetterOrDigit.Many()&lt;/code&gt; consumes the last letter too. &lt;/p&gt;
&lt;p&gt;Any way to avoid this?&lt;/p&gt;</t>
  </si>
  <si>
    <t>2018-07-08 12:12:04.510000+00:00</t>
  </si>
  <si>
    <t>2018-07-08 16:02:58.903000+00:00</t>
  </si>
  <si>
    <t>c#|parsing|sprache</t>
  </si>
  <si>
    <t>JPA Criteria API causing missing right parenthesis error</t>
  </si>
  <si>
    <t>&lt;p&gt;I have the following Expression to concatenate two columns&lt;/p&gt;
&lt;pre&gt;&lt;code&gt;Expression&amp;lt;String&amp;gt; stringConcat = 
criteriaBuilder.concat(criteriaBuilder.concat(rootPr.get(ProductList_.prodDesc), " # "), 
rootEmp.get(ProductEmp_.empNo));
&lt;/code&gt;&lt;/pre&gt;
&lt;p&gt;and it used in CriteriQuery in the followng manner, &lt;/p&gt;
&lt;pre&gt;&lt;code&gt;criteriaQuery.multiselect(root.get(ProductCatalogue_.userId), 
root.get(ProductCatalogue_.productList),criteriaBuilder.selectCase()
.when(criteriaBuilder.equal(root.get(ProductCatalogue_.prodId),"ZCX"), stringConcat)
.otherwise(rootPr.get(ProductList_.prodDesc)));
&lt;/code&gt;&lt;/pre&gt;
&lt;p&gt;However when SQL is generated, it is throwing error&lt;/p&gt;
&lt;blockquote&gt;
  &lt;p&gt;missing right parenthesis&lt;/p&gt;
&lt;/blockquote&gt;
&lt;p&gt;because in &lt;code&gt;if else&lt;/code&gt; part of SQL has a question mark as it is expecting a parameter&lt;/p&gt;
&lt;pre&gt;&lt;code&gt;THEN (t0.prodDesc = ?)
&lt;/code&gt;&lt;/pre&gt;
&lt;p&gt;How to resolve this problem?&lt;/p&gt;</t>
  </si>
  <si>
    <t>2015-11-05 07:12:55.223000+00:00</t>
  </si>
  <si>
    <t>2015-11-06 06:54:30.373000+00:00</t>
  </si>
  <si>
    <t>jpa|eclipselink|jpa-2.0|criteria-api</t>
  </si>
  <si>
    <t>Replace nested functions</t>
  </si>
  <si>
    <t>&lt;p&gt;I created a c program which uses nested functions from the gnu extension a lot and now I want to make them standard conform with ansi c.&lt;/p&gt;
&lt;p&gt;What's the best way to transform nested functions, which access some outer vars to something different.&lt;/p&gt;
&lt;pre&gt;&lt;code&gt;#define lambda(return_type, function_body) \
({ \
    return_type __fn__ function_body \
    __fn__; \
})
&lt;/code&gt;&lt;/pre&gt;
&lt;p&gt;example usage&lt;/p&gt;
&lt;pre&gt;&lt;code&gt;size_t var1;
size_t var2;
lambda(void, (...) {
    // some code
    lambda(void, (...) {
        // ...
        // do something with var1/var2
        // ..
    }
    // ...
    // do something with var1/var2
}
&lt;/code&gt;&lt;/pre&gt;
&lt;p&gt;I thought about moving the vars to global scope, so they are known from each "lambda" which would maybe the easiest solution, but I dont want to polute the global scope and I'm not sure, if this is the cleanest way.&lt;/p&gt;
&lt;hr&gt;
&lt;p&gt;As asked by some commenters - here's a concrete example&lt;/p&gt;
&lt;pre&gt;&lt;code&gt;/* fill itt*/
int n_method = 0;
void *add_method = lambda(void, (ir_entity *method) {
    int itable_offset = n_method++;
    const char *method_name = get_entity_name(method);
    ir_entity *implementation = get_method_entity(klass, method_name);
    if (implementation == NULL) {
        walk_up_callback(klass, lambda(bool, (ir_type *st) {
            implementation = get_method_entity(st, method_name);
            if (implementation != NULL) {
                insert_itable_method(implementation, itable_offset, interface, init);
            }
            return implementation == NULL;
        }), NULL);
    } else {
        insert_itable_method(implementation, itable_offset, interface, init);
    }
});
walk_up_callback(interface, NULL, lambda(void, (ir_type *klass) {
    if (oo_get_class_is_interface(klass)) {
        walk_table_methods_callback(add_method, klass);
    }
}));
walk_table_methods_callback(add_method, interface);
&lt;/code&gt;&lt;/pre&gt;
&lt;p&gt;It's a part of a compiler which creates some itables for efficient interface lookups&lt;/p&gt;</t>
  </si>
  <si>
    <t>2015-08-04 06:39:47.960000+00:00</t>
  </si>
  <si>
    <t>2015-08-04 19:59:43.117000+00:00</t>
  </si>
  <si>
    <t>2015-08-04 12:20:35.393000+00:00</t>
  </si>
  <si>
    <t>c|c99|nested-function</t>
  </si>
  <si>
    <t>Converting DataTable to JSON in ASP Core 2</t>
  </si>
  <si>
    <t>&lt;p&gt;I'm currently using the new ASP Core 2 and Newtonsoft.&lt;/p&gt;
&lt;p&gt;I got issue in converting DataTable to JSON, seems it was converting my DataTable to XML instead of JSON String.&lt;/p&gt;
&lt;p&gt;&lt;strong&gt;Returned value:&lt;/strong&gt;&lt;/p&gt;
&lt;pre&gt;&lt;code&gt;{"DataTable.RemotingVersion":{"Major":2,"Minor":0,"Build":-1,"Revision":-1,"MajorRevision":-1,"MinorRevision":-1},"XmlSchema":"&amp;lt;?xml version=\"1.0\" encoding=\"utf-16\"?&amp;gt;\r\n&amp;lt;xs:schema xmlns=\"\" xmlns:xs=\"http://www.w3.org/2001/XMLSchema\" xmlns:msdata=\"urn:schemas-microsoft-com:xml-msdata\"&amp;gt;\r\n  &amp;lt;xs:element name=\"Table1\"&amp;gt;\r\n    &amp;lt;xs:complexType&amp;gt;\r\n      &amp;lt;xs:sequence&amp;gt;\r\n        &amp;lt;xs:element name=\"ProductGroup\" type=\"xs:string\" msdata:targetNamespace=\"\" minOccurs=\"0\" /&amp;gt;\r\n        &amp;lt;xs:element name=\"AccountType\" type=\"xs:string\" msdata:targetNamespace=\"\" minOccurs=\"0\" /&amp;gt;\r\n        &amp;lt;xs:element name=\"StdDesc\" type=\"xs:string\" msdata:targetNamespace=\"\" minOccurs=\"0\" /&amp;gt;\r\n        &amp;lt;xs:element name=\"AltDesc\" type=\"xs:string\" msdata:targetNamespace=\"\" minOccurs=\"0\" /&amp;gt;\r\n        &amp;lt;xs:element name=\"Currency\" type=\"xs:string\" msdata:targetNamespace=\"\" minOccurs=\"0\" /&amp;gt;\r\n        &amp;lt;xs:element name=\"Conversion\" type=\"xs:string\" msdata:targetNamespace=\"\" minOccurs=\"0\" /&amp;gt;\r\n      &amp;lt;/xs:sequence&amp;gt;\r\n    &amp;lt;/xs:complexType&amp;gt;\r\n  &amp;lt;/xs:element&amp;gt;\r\n  &amp;lt;xs:element name=\"tmpDataSet\" msdata:IsDataSet=\"true\" msdata:MainDataTable=\"Table1\" msdata:UseCurrentLocale=\"true\"&amp;gt;\r\n    &amp;lt;xs:complexType&amp;gt;\r\n      &amp;lt;xs:choice minOccurs=\"0\" maxOccurs=\"unbounded\" /&amp;gt;\r\n    &amp;lt;/xs:complexType&amp;gt;\r\n  &amp;lt;/xs:element&amp;gt;\r\n&amp;lt;/xs:schema&amp;gt;","XmlDiffGram":"&amp;lt;diffgr:diffgram xmlns:msdata=\"urn:schemas-microsoft-com:xml-msdata\" xmlns:diffgr=\"urn:schemas-microsoft-com:xml-diffgram-v1\"&amp;gt;\r\n  &amp;lt;tmpDataSet&amp;gt;\r\n    &amp;lt;Table1 diffgr:id=\"Table11\" msdata:rowOrder=\"0\"&amp;gt;\r\n      &amp;lt;ProductGroup&amp;gt;21 &amp;lt;/ProductGroup&amp;gt;\r\n      &amp;lt;AccountType&amp;gt;CA&amp;lt;/AccountType&amp;gt;\r\n      &amp;lt;StdDesc&amp;gt;Current Accounts         &amp;lt;/StdDesc&amp;gt;\r\n      &amp;lt;AltDesc&amp;gt;Current Accounts         &amp;lt;/AltDesc&amp;gt;\r\n      &amp;lt;Currency&amp;gt;000 &amp;lt;/Currency&amp;gt;\r\n      &amp;lt;Conversion&amp;gt;000000000000&amp;lt;/Conversion&amp;gt;\r\n    &amp;lt;/Table1&amp;gt;\r\n    &amp;lt;Table1 diffgr:id=\"Table12\" msdata:rowOrder=\"1\"&amp;gt;\r\n      &amp;lt;ProductGroup&amp;gt;41 &amp;lt;/ProductGroup&amp;gt;\r\n      &amp;lt;AccountType&amp;gt;TD&amp;lt;/AccountType&amp;gt;\r\n      &amp;lt;StdDesc&amp;gt;Time Deposit             &amp;lt;/StdDesc&amp;gt;\r\n      &amp;lt;AltDesc&amp;gt;Time Deposit             &amp;lt;/AltDesc&amp;gt;\r\n      &amp;lt;Currency&amp;gt;000 &amp;lt;/Currency&amp;gt;\r\n      &amp;lt;Conversion&amp;gt;000000000000&amp;lt;/Conversion&amp;gt;\r\n    &amp;lt;/Table1&amp;gt;\r\n    &amp;lt;Table1 diffgr:id=\"Table13\" msdata:rowOrder=\"2\"&amp;gt;\r\n      &amp;lt;ProductGroup&amp;gt;51 &amp;lt;/ProductGroup&amp;gt;\r\n      &amp;lt;AccountType&amp;gt;SA&amp;lt;/AccountType&amp;gt;\r\n      &amp;lt;StdDesc&amp;gt;Regular SA w/Interest    &amp;lt;/StdDesc&amp;gt;\r\n      &amp;lt;AltDesc&amp;gt;Regular SA w/Interest    &amp;lt;/AltDesc&amp;gt;\r\n      &amp;lt;Currency&amp;gt;000 &amp;lt;/Currency&amp;gt;\r\n      &amp;lt;Conversion&amp;gt;000000000000&amp;lt;/Conversion&amp;gt;\r\n    &amp;lt;/Table1&amp;gt;\r\n    &amp;lt;Table1 diffgr:id=\"Table14\" msdata:rowOrder=\"3\"&amp;gt;\r\n      &amp;lt;ProductGroup&amp;gt;52 &amp;lt;/ProductGroup&amp;gt;\r\n      &amp;lt;AccountType&amp;gt;SA&amp;lt;/AccountType&amp;gt;\r\n      &amp;lt;StdDesc&amp;gt;Regular SA w/o interest  &amp;lt;/StdDesc&amp;gt;\r\n      &amp;lt;AltDesc&amp;gt;Regular SA w/o interest  &amp;lt;/AltDesc&amp;gt;\r\n      &amp;lt;Currency&amp;gt;000 &amp;lt;/Currency&amp;gt;\r\n      &amp;lt;Conversion&amp;gt;000000000000&amp;lt;/Conversion&amp;gt;\r\n    &amp;lt;/Table1&amp;gt;\r\n    &amp;lt;Table1 diffgr:id=\"Table15\" msdata:rowOrder=\"4\"&amp;gt;\r\n      &amp;lt;ProductGroup&amp;gt;53 &amp;lt;/ProductGroup&amp;gt;\r\n      &amp;lt;AccountType&amp;gt;SA&amp;lt;/AccountType&amp;gt;\r\n      &amp;lt;StdDesc&amp;gt;SA w/o interest - Pension&amp;lt;/StdDesc&amp;gt;\r\n      &amp;lt;AltDesc&amp;gt;SA w/o interest - Pension&amp;lt;/AltDesc&amp;gt;\r\n      &amp;lt;Currency&amp;gt;000 &amp;lt;/Currency&amp;gt;\r\n      &amp;lt;Conversion&amp;gt;000000000000&amp;lt;/Conversion&amp;gt;\r\n    &amp;lt;/Table1&amp;gt;\r\n    &amp;lt;Table1 diffgr:id=\"Table16\" msdata:rowOrder=\"5\"&amp;gt;\r\n      &amp;lt;ProductGroup&amp;gt;54 &amp;lt;/ProductGroup&amp;gt;\r\n      &amp;lt;AccountType&amp;gt;SA&amp;lt;/AccountType&amp;gt;\r\n      &amp;lt;StdDesc&amp;gt;SA w/o interest Payroll  &amp;lt;/StdDesc&amp;gt;\r\n      &amp;lt;AltDesc&amp;gt;SA w/o interest Payroll  &amp;lt;/AltDesc&amp;gt;\r\n      &amp;lt;Currency&amp;gt;000 &amp;lt;/Currency&amp;gt;\r\n      &amp;lt;Conversion&amp;gt;000000000000&amp;lt;/Conversion&amp;gt;\r\n    &amp;lt;/Table1&amp;gt;\r\n  &amp;lt;/tmpDataSet&amp;gt;\r\n&amp;lt;/diffgr:diffgram&amp;gt;"}
&lt;/code&gt;&lt;/pre&gt;
&lt;p&gt;&lt;strong&gt;Expecting Return:&lt;/strong&gt;&lt;/p&gt;
&lt;pre&gt;&lt;code&gt;"[{\"ProductGroup\":\"10 \",\"AccountType\":\"CA\",\"StdDesc\":\"Current Account          \",\"AltDesc\":\"Current Account          \",\"Currency\":\"    \",\"Conversion\":\"            \"},{\"ProductGroup\":\"20 \",\"AccountType\":\"SA\",\"StdDesc\":\"Savings Account          \",\"AltDesc\":\"Savings Account          \",\"Currency\":\"    \",\"Conversion\":\"            \"},{\"ProductGroup\":\"30 \",\"AccountType\":\"SS\",\"StdDesc\":\"Power Savings Deposit    \",\"AltDesc\":\"Power Savings Deposit    \",\"Currency\":\"    \",\"Conversion\":\"            \"},{\"ProductGroup\":\"40 \",\"AccountType\":\"TD\",\"StdDesc\":\"Regular TD               \",\"AltDesc\":\"Regular TD               \",\"Currency\":\"    \",\"Conversion\":\"            \"},{\"ProductGroup\":\"50 \",\"AccountType\":\"MC\",\"StdDesc\":\"Contractual Savings      \",\"AltDesc\":\"Contractual Savings      \",\"Currency\":\"    \",\"Conversion\":\"            \"}]"
&lt;/code&gt;&lt;/pre&gt;
&lt;p&gt;&lt;strong&gt;This convert my DataTable to JSON&lt;/strong&gt;&lt;/p&gt;
&lt;blockquote&gt;
&lt;pre&gt;&lt;code&gt;    [HttpPost]
    public string Generic([FromBody]Parameters parameters)
    {
        return JsonConvert.SerializeObject(SQLHelper.ExecuteTable(connstring.casa, parameters.sqlstr));
    }
&lt;/code&gt;&lt;/pre&gt;
&lt;/blockquote&gt;
&lt;p&gt;&lt;strong&gt;SQLHelper.ExecuteTable(Connection String, SQL String)&lt;/strong&gt; return as DataTable&lt;/p&gt;</t>
  </si>
  <si>
    <t>2017-08-29 06:56:49.797000+00:00</t>
  </si>
  <si>
    <t>2017-08-29 07:36:53.840000+00:00</t>
  </si>
  <si>
    <t>c#|json|datatable|json.net|asp.net-core-2.0</t>
  </si>
  <si>
    <t>How to force the execution of a block of code in Razor</t>
  </si>
  <si>
    <t>&lt;p&gt;In something like this, How can I force the execution of &lt;code&gt;@genre.Name&lt;/code&gt; inside the string?&lt;/p&gt;
&lt;pre&gt;&lt;code&gt;&amp;lt;a href="@Href("~/Store/Browse?genre=@genre.Name")"&amp;gt;@genre.CommercialName&amp;lt;/a&amp;gt;
&lt;/code&gt;&lt;/pre&gt;
&lt;p&gt;In the HTML output I'm getting &lt;code&gt;&amp;lt;a href="Browse?genre=@genre.Name"&amp;gt;&lt;/code&gt; and I want someting like &lt;code&gt;&amp;lt;a href="Browse?genre=Rock"&amp;gt;&lt;/code&gt;.&lt;/p&gt;</t>
  </si>
  <si>
    <t>2012-03-04 01:45:16.107000+00:00</t>
  </si>
  <si>
    <t>2012-03-04 05:47:43.460000+00:00</t>
  </si>
  <si>
    <t>How to display/select SQL Server datetime column 2015-01-23 to text style January 23, 2015?</t>
  </si>
  <si>
    <t>&lt;p&gt;How do I display/select SQL Server &lt;code&gt;Datetime&lt;/code&gt; column 2015-01-23 to text style January 23, 2015? I'm using SQL Server 9. The basic syntax I'm using in my query is: &lt;/p&gt;
&lt;pre&gt;&lt;code&gt;SELECT LastContactDate, LastProfileReceivedDate
FROM Location
WHERE (Account_Id = '499')
&lt;/code&gt;&lt;/pre&gt;
&lt;p&gt;I've tried using &lt;code&gt;CAST (datetime, lastcontactdate, 107) as Date&lt;/code&gt; and using the &lt;code&gt;Convert&lt;/code&gt; function. most efforts have returned the same style.&lt;/p&gt;
&lt;p&gt;My results will show as &lt;code&gt;2015-01-11 08:48:11.677&lt;/code&gt;    and &lt;code&gt;2015-01-10 16:17:48.000&lt;/code&gt; but I need to show simply as &lt;code&gt;January 11, 2015&lt;/code&gt; and &lt;code&gt;January 10, 2015&lt;/code&gt;. Thanks in advance for any help on this.&lt;/p&gt;</t>
  </si>
  <si>
    <t>2015-01-23 21:21:19.060000+00:00</t>
  </si>
  <si>
    <t>2015-01-23 21:49:55.053000+00:00</t>
  </si>
  <si>
    <t>sql-server|datetime</t>
  </si>
  <si>
    <t>Add some info for email via JCL</t>
  </si>
  <si>
    <t>&lt;p&gt;community!&lt;/p&gt;
&lt;p&gt;I 've got an interesting question. I write a small jcl, which xmit file to another email. 
&lt;a href="http://i.stack.imgur.com/kcsnT.png" rel="nofollow"&gt;XMIT&lt;/a&gt;
Is it possible to add some information to email, such as subj?&lt;/p&gt;</t>
  </si>
  <si>
    <t>2016-06-07 12:22:51.280000+00:00</t>
  </si>
  <si>
    <t>2016-06-07 16:19:45.573000+00:00</t>
  </si>
  <si>
    <t>ftp|mainframe|jcl</t>
  </si>
  <si>
    <t>Is it possible to send strings over an ethernet port connection without establishing a server/client connection?</t>
  </si>
  <si>
    <t>&lt;p&gt;I have set up a raspberry pi to redirect from ethernet to UART.  I want to send a single character from a C# application on a PC to the ethernet port on the RPi, have it sent to the UART connection.  Then there is a module on the UART connection configured to respond to certain characters.  &lt;/p&gt;
&lt;p&gt;Do I need to create a server socket program and client socket program to achieve this?  &lt;/p&gt;
&lt;p&gt;I am using the following for the redirect: &lt;a href="https://pythonhosted.org/pyserial/examples.html#tcp-ip-serial-bridge" rel="nofollow"&gt;https://pythonhosted.org/pyserial/examples.html#tcp-ip-serial-bridge&lt;/a&gt;&lt;/p&gt;</t>
  </si>
  <si>
    <t>2016-05-05 07:30:15.577000+00:00</t>
  </si>
  <si>
    <t>2016-05-05 15:16:33.080000+00:00</t>
  </si>
  <si>
    <t>sockets|tcp|raspberry-pi2|pyserial</t>
  </si>
  <si>
    <t>Spotify API mosaic view</t>
  </si>
  <si>
    <t>&lt;p&gt;I am trying to adjust the size of the album art thumbnails in the mosaic view. I can set the width and hieght of the space for the mosaic view using the code below but I don't know how to adjust the size of the actual images that are displayed:&lt;/p&gt;
&lt;pre&gt;&lt;code&gt;var mosaic = new views.Image(playlist.image);
    mosaic.node.style.width = '312px';
    mosaic.node.style.height = '162px';
    mosaic.node.style.backgroundSize = 'cover';
    $('#mosaic').append(mosaic.node);
&lt;/code&gt;&lt;/pre&gt;
&lt;p&gt;Can anyone help?&lt;/p&gt;
&lt;p&gt;thanks in advance, 
James &lt;/p&gt;</t>
  </si>
  <si>
    <t>2013-01-02 17:22:46.620000+00:00</t>
  </si>
  <si>
    <t>2013-01-04 09:23:05.587000+00:00</t>
  </si>
  <si>
    <t>api|views|spotify|mosaic</t>
  </si>
  <si>
    <t>How to get the ref path to a specified remote branch in Git</t>
  </si>
  <si>
    <t>&lt;p&gt;I'd like to get the path to the file of a specified remote ref.&lt;/p&gt;
&lt;blockquote&gt;
  &lt;p&gt;Although in some cases the file name is obvious like in 
  &lt;code&gt;.git/refs/remotes/origin/master&lt;/code&gt;, it isn't obvious in other cases
  like &lt;code&gt;.git/refs/remotes/origin/HEAD&lt;/code&gt; where HEAD points to master.&lt;/p&gt;
&lt;/blockquote&gt;
&lt;p&gt;I'm writing a tool which requires touching each remote file, but it fails in the second case from above.&lt;/p&gt;
&lt;p&gt;In order to solve that problem, I thought in these two possibilities:&lt;/p&gt;
&lt;p&gt;&lt;strong&gt;1-&lt;/strong&gt; Run a git command to return the ref file name of a specific remote branch. Something equivalent to:&lt;/p&gt;
&lt;pre&gt;&lt;code&gt;$ git ---give-me-the-ref-of origin/master
refs/remotes/origin/HEAD
&lt;/code&gt;&lt;/pre&gt;
&lt;p&gt;&lt;strong&gt;2-&lt;/strong&gt; Run a git command to guarantee that the tracked remote branch have a ref file (despite HEAD). Something equivalent to:&lt;/p&gt;
&lt;pre&gt;&lt;code&gt;$ git checkout --track ---use-explicit-ref-besides-HEAD master
&lt;/code&gt;&lt;/pre&gt;
&lt;blockquote&gt;
  &lt;p&gt;Do you know how to achieve any of the 2 options above?&lt;/p&gt;
&lt;/blockquote&gt;</t>
  </si>
  <si>
    <t>2015-10-01 23:29:00.703000+00:00</t>
  </si>
  <si>
    <t>2015-10-02 01:21:54.247000+00:00</t>
  </si>
  <si>
    <t>Understanding interface implementation within a program?</t>
  </si>
  <si>
    <t>&lt;p&gt;I'm trying to understand what's going on with this line of code. It looks like this:&lt;/p&gt;
&lt;pre&gt;&lt;code&gt;var adapter = (IObjectContextAdapter) db
&lt;/code&gt;&lt;/pre&gt;
&lt;p&gt;where &lt;code&gt;db&lt;/code&gt; is a database context within the entity framework. &lt;/p&gt;
&lt;p&gt;Firstly, why are the parenthesis on the interface? If I take them off I have a compile error, so that tells me there is some type of semantics at play and those parenthesis are telling the computer to do something. &lt;/p&gt;
&lt;p&gt;I'm assuming that db is implementing the interface, am I correct? Why are they writing the code like this if that is the case?&lt;/p&gt;</t>
  </si>
  <si>
    <t>2015-07-18 22:45:08.753000+00:00</t>
  </si>
  <si>
    <t>2015-07-18 23:02:44.250000+00:00</t>
  </si>
  <si>
    <t>2015-07-18 22:46:51.417000+00:00</t>
  </si>
  <si>
    <t>Openssl digest with hexadecimal coded input</t>
  </si>
  <si>
    <t>&lt;p&gt;Does anyone knows how the &lt;em&gt;dgst&lt;/em&gt; function of the Openssl library manage the input value? I mean, it considers the input value as ASCII characters or in any other charset encoding?&lt;br&gt;
I'm trying to input hexadecimal values but can't find how to do this:&lt;/p&gt;
&lt;pre&gt;&lt;code&gt;$echo -n "FFFF" | openssl dgst -sha256
&lt;/code&gt;&lt;/pre&gt;
&lt;p&gt;The result is different from the obtained by other ways (e.g. Java's &lt;em&gt;MessageDigest&lt;/em&gt;) with the hexadecimal number '0xFFFF' as input.  &lt;/p&gt;</t>
  </si>
  <si>
    <t>2015-12-16 13:12:11.057000+00:00</t>
  </si>
  <si>
    <t>2015-12-16 14:04:01.303000+00:00</t>
  </si>
  <si>
    <t>hash|openssl|digest</t>
  </si>
  <si>
    <t>Facing issue with kura and block reactive</t>
  </si>
  <si>
    <t>&lt;p&gt;I am implementing simple &lt;code&gt;block reactive&lt;/code&gt;, and want deploy a package in &lt;code&gt;kura&lt;/code&gt;. &lt;/p&gt;
&lt;p&gt;However, every time I am upload the &lt;code&gt;.dp&lt;/code&gt; file, &lt;code&gt;kura&lt;/code&gt; stops working, or the file is not installed. I followed all the steps to configure eclipse and kura, including importing the zip for block reactive, and installing &lt;code&gt;mtoolkit&lt;/code&gt;. &lt;/p&gt;
&lt;p&gt;I did all necessary network setup in &lt;code&gt;kura&lt;/code&gt;, too.&lt;/p&gt;
&lt;p&gt;This is the output from &lt;code&gt;/var/log/kura-console.log&lt;/code&gt;:&lt;/p&gt;
&lt;pre&gt;&lt;code&gt;!MESSAGE Bundle 'com.bitreactive.blocks.osgi.runtime/2.6.1 already present in other deployment packages!
!ENTRY 1 0 2017-11-16 03:43:10.582 !MESSAGE [IAgent][DeploymentEventListener@49dc62] [handleComplete] Deployment package event is not successful
!ENTRY org.apache.felix.deploymentadmin 4 0 2017-11-16 03:48:25.393 !MESSAGE Bundle 'com.bitreactive.blocks.osgi.runtime/2.6.1 already present in other deployment packages!
!ENTRY 1 0 2017-11-16 03:48:25.402 !MESSAGE [IAgent][DeploymentEventListener@49dc62] [handleComplete] Deployment package event is not successful
THIS IS THE OUTPUT OF 'ss' command
    id  State       Bundle
    0   ACTIVE      org.eclipse.osgi_3.8.1.v20120830-144521 Fragments=74
    1   ACTIVE      com.bitreactive.library.coap_1.5.0
    2   INSTALLED   jdk.dio_1.0.5
    3   ACTIVE      org.eclipse.kura.emulator.clock_1.0.1
    4   ACTIVE      com.bitreactive.library.buffering_3.11.2
    5   ACTIVE      org.eclipse.kura.camel.xml_1.0.0
    6   ACTIVE      com.google.protobuf_2.6.0
    7   ACTIVE      org.eclipse.kura.core.net_1.0.10
    8   ACTIVE      org.eclipse.kura.example.camel.publisher_1.0.0
    9   ACTIVE      com.bitreactive.library.polling_1.1.2
    10  ACTIVE      org.eclipse.kura.example.camel.quickstart_1.1.0
    11  ACTIVE      org.eclipse.equinox.util_1.0.400.v20120522-2049
    12  ACTIVE      org.eclipse.osgi.util_3.2.300.v20120522-1822
    13  ACTIVE      com.bitreactive.library.geofence_1.5.0
    14  ACTIVE      org.apache.felix.dependencymanager_3.0.0
    15  ACTIVE      org.eclipse.soda.dk.comm_1.2.3
    16  ACTIVE      com.bitreactive.library.rpi.peripherals_1.15.0
    17  ACTIVE      org.eclipse.jetty.http_8.1.3.v20120522
    18  ACTIVE      org.apache.felix.gogo.command_0.8.0.v201108120515
    19  ACTIVE      californium-osgi_1.0.0.SNAPSHOT
    20  ACTIVE      com.bitreactive.library.osgi.service_1.0.0
    21  ACTIVE      org.eclipse.kura.emulator_1.0.8
    22  ACTIVE      com.google.gson_2.2.4
    23  ACTIVE      org.apache.camel.camel-kura_2.17.2
    24  ACTIVE      org.hsqldb.hsqldb_2.3.0
    25  ACTIVE      com.bitreactive.library.keyteq.sms_1.1.0
    26  ACTIVE      com.bitreactive.library.chirp_2.0.0
    27  ACTIVE      org.eclipse.kura.deployment.agent_1.0.7
    28  ACTIVE      org.eclipse.equinox.common_3.6.100.v20120522-1841
    29  ACTIVE      org.eclipse.jetty.continuation_8.1.3.v20120522
    30  ACTIVE      org.eclipse.jetty.server_8.1.3.v20120522
    31  ACTIVE      org.eclipse.jetty.util_8.1.3.v20120522
    32  ACTIVE      org.eclipse.kura.core.configuration_1.0.9
    33  ACTIVE      com.bitreactive.library.properties_1.2.0
    34  ACTIVE      org.apache.camel.camel-core_2.17.2
                    Fragments=54
    35  ACTIVE      org.eclipse.equinox.event_1.2.200.v20120522-2049
    36  ACTIVE      br.lib.camera_1.18.0
    37  ACTIVE      org.eclipse.kura.web_2.0.3
    38  ACTIVE      org.apache.commons.io_2.4.0
    39  ACTIVE      org.apache.felix.gogo.shell_0.8.0.v201110170705
    40  ACTIVE      org.eclipse.equinox.io_1.0.400.v20120522-2049
    41  ACTIVE      org.eclipse.kura.core.status_1.0.2
    42  ACTIVE      com.bitreactive.library.email_1.9.0
    43  ACTIVE      demo2_1.0.0
    44  ACTIVE      org.junit_4.10.0.v4_10_0_v20120426-0900
    45  ACTIVE      agrinode_1.0.0
    46  ACTIVE      com.bitreactive.library.twilio.sms_1.5.0
    47  ACTIVE      org.eclipse.kura.core.comm_1.0.3
    48  ACTIVE      com.bitreactive.library.simplehttp_1.17.0
    49  ACTIVE      com.bitreactive.blocks.osgi.runtime_2.6.1
    50  ACTIVE      org.eclipse.equinox.app_1.3.100.v20120522-1841
    51  ACTIVE      org.eclipse.jetty.io_8.1.3.v20120522
    52  ACTIVE      javax.servlet_3.0.0.v201112011016
    53  ACTIVE      com.gwt.user_1.0.0
    54  RESOLVED    org.eclipse.kura.camel.sun.misc_1.0.0
                    Master=34
    55  ACTIVE      no.ntnu.item.arctis.library.sessions_1.8.1
    56  ACTIVE      br.lib.intel.edison.peripheral_1.0.2
    57  ACTIVE      joda-time_2.0.0
    58  ACTIVE      org.eclipse.equinox.http.servlet_1.1.300.v20120522-1841
    59  ACTIVE      com.bitreactive.library.osgi_1.7.0
    60  ACTIVE      org.apache.camel.camel-core-osgi_2.17.2
    61  ACTIVE      slf4j.api_1.7.21
                    Fragments=104, 117
    62  ACTIVE      com.bitreactive.libraries.types.coap_1.6.0
    63  ACTIVE      org.eclipse.kura.api_1.1.0
    64  ACTIVE      org.eclipse.equinox.cm_1.0.400.v20120522-1841
    65  ACTIVE      org.apache.felix.gogo.runtime_0.8.0.v201108120515
    66  ACTIVE      org.eclipse.jetty.security_8.1.3.v20120522
    67  ACTIVE      org.eclipse.equinox.console_1.0.0.v20120522-1841
    68  ACTIVE      bcprov_1.53.0
    69  ACTIVE      com.bitreactive.library.rpi.gpio_1.10.0
    70  ACTIVE      br.lib.intel.edison_1.0.1
    71  ACTIVE      br.lib.rpi_1.9.0
    72  ACTIVE      com.bitreactive.library.kml_1.2.0
    73  ACTIVE      org.eclipse.kura.example.ble.tisensortag_1.0.3
    74  RESOLVED    org.eclipse.kura.sun.misc_1.0.0
                    Master=0
    75  ACTIVE      org.eclipse.kura.example.publisher_1.0.2
    76  ACTIVE      com.codeminders.hidapi_1.1.2
    77  ACTIVE      org.eclipse.kura.core.certificates_1.0.3
    78  ACTIVE      org.eclipse.kura.emulator.position_1.0.2
    79  ACTIVE      org.apache.commons.exec_1.3.0
    80  ACTIVE      org.eclipse.equinox.registry_3.5.200.v20120522-1841
    81  ACTIVE      com.bitreactive.library.timers_1.6.1
    82  ACTIVE      org.apache.camel.camel-stream_2.17.2
    83  ACTIVE      com.bitreactive.library.sms.clickatell_1.7.0
    84  ACTIVE      org.eclipse.kura.example.camel.aggregation_1.1.0
    85  ACTIVE      org.eclipse.equinox.http.registry_1.1.200.v20120522-2049
    86  ACTIVE      org.eclipse.kura.camel_1.1.0
    87  ACTIVE      org.eclipse.kura.emulator.watchdog_1.0.1
    88  ACTIVE      no.ntnu.item.arctis.library.speech_2.8.0
    89  ACTIVE      org.tigris.mtoolkit.iagent.rpc_3.0.0.20110411-0918
    90  ACTIVE      org.hamcrest.core_1.1.0.v20090501071000
    91  ACTIVE      org.eclipse.jetty.servlet_8.1.3.v20120522
    92  ACTIVE      com.bitreactive.features.mqtt_1.2.0
    93  RESOLVED    log4j.apache-log4j-extras_1.1.0
                    Master=126
    94  ACTIVE      org.blocksreactive.kura.demo_1.0.0
    95  ACTIVE      org.knowhowlab.osgi.monitoradmin_1.0.2
    96  ACTIVE      com.bitreactive.library.gson_1.6.0
    97  ACTIVE      org.eclipse.kura.demo.heater_1.0.2
    98  ACTIVE      org.eclipse.kura.core_1.0.10
    99  ACTIVE      com.bitreactive.library.iterator_1.5.0
    100 ACTIVE      com.bitreactive.subsystem.mqtt_1.2.0
    101 ACTIVE      jcl.over.slf4j_1.7.21
    102 ACTIVE      org.eclipse.kura.core.crypto_1.0.5
    103 ACTIVE      org.usb4java_1.0.0
    104 RESOLVED    slf4j.log4j12_1.7.21
                    Master=61
    105 ACTIVE      org.apache.felix.deploymentadmin_0.9.5
    106 ACTIVE      org.eclipse.paho.client.mqttv3_1.0.1
    107 ACTIVE      osgi.cmpn_4.3.0.201111022214
    108 ACTIVE      org.apache.commons.fileupload_1.2.2.v20111214-1400
    109 ACTIVE      com.bitreactive.library.counter_1.9.0
    110 ACTIVE      demo1_1.0.0
    111 ACTIVE      org.eclipse.kura.core.cloud_1.0.9
    112 ACTIVE      com.bitreactive.library.flowlogic_1.13.0
    113 ACTIVE      bcpkix_1.53.0
    114 ACTIVE      com.bitreactive.library.kura_1.1.0
    115 ACTIVE      org.eclipse.core.runtime_3.8.0.v20120521-2346
    116 ACTIVE      org.eclipse.kura.camel.cloud.factory_1.0.0
    117 RESOLVED    slf4j.jdk14_1.7.21
                    Master=61
    118 ACTIVE      org.apache.commons.net_3.1.0.v201205071737
    119 ACTIVE      org.eclipse.equinox.launcher_1.3.0.v20120522-1813
    120 ACTIVE      org.eclipse.kura.emulator.net_1.0.2
    121 ACTIVE      pi4j-core_1.0.0
    122 ACTIVE      rb.kura.demo_2.2.2_2.1.1
    123 ACTIVE      org.eclipse.equinox.http.jetty_3.0.0.v20120522-1841
    124 ACTIVE      org.eclipse.paho.client.mqttv3_1.0.2
    125 ACTIVE      org.eclipse.kura.emulator.gpio_1.0.2
    126 ACTIVE      log4j_1.2.17 Fragments=93
    127 ACTIVE      org.eclipse.equinox.ds_1.4.0.v20120522-1841
    128 ACTIVE      org.eclipse.kura.example.beacon_1.0.2
    129 ACTIVE      org.eclipse.core.jobs_3.5.300.v20120622-204750
    130 ACTIVE      org.eclipse.osgi.services_3.3.100.v20120522-1822
    131 ACTIVE      org.eclipse.kura.emulator.usb_1.0.2
    132 ACTIVE      br.lib.rpi.berryclip_1.9.0
    133 ACTIVE      com.bitreactive.library.periodictimers_1.5.0
    134 ACTIVE      org.eclipse.equinox.metatype_1.2.0.v20120522-1841
    135 ACTIVE      org.eclipse.equinox.preferences_3.5.0.v20120522-1841
    136 ACTIVE      com.bitreactive.library.mqtt_2.12.8
    137 ACTIVE      org.eclipse.kura.linux.bluetooth_1.0.7
    138 ACTIVE      usb4java-javax_1.0.0
    139 ACTIVE      org.apache.commons.lang3_3.4.0
    140 ACTIVE      org.eclipse.core.contenttype_3.4.200.v20120523-2004
&lt;/code&gt;&lt;/pre&gt;
&lt;p&gt;This is the output of the &lt;code&gt;ls&lt;/code&gt; command:&lt;/p&gt;
&lt;pre&gt;&lt;code&gt;    ID  State           Component Name          Located in bundle
        1   Active      org.eclipse.kura.clock.ClockService         org.eclipse.kura.emulator.clock(bid=3)
        2   Active      org.eclipse.kura.camel.xml.XmlRouterComponent           org.eclipse.kura.camel.xml(bid=5)
        3   Active      org.eclipse.kura.example.camel.publisher.ExamplePublisher           org.eclipse.kura.example.camel.publisher(bid=8)
        4   Active      org.eclipse.kura.example.camel.quickstart.GatewayRouterJava         org.eclipse.kura.example.camel.quickstart(bid=10)
        5   Unsatisfied     org.eclipse.kura.example.camel.quickstart.GatewayRouterXml          org.eclipse.kura.example.camel.quickstart(bid=10)
        6   Active      org.eclipse.kura.emulator.Emulator          org.eclipse.kura.emulator(bid=21)
        7   Active      org.eclipse.kura.deployment.agent           org.eclipse.kura.deployment.agent(bid=27)
        8   Active      org.eclipse.kura.core.configuration.CloudConfigurationHandler           org.eclipse.kura.core.configuration(bid=32)
        9   Active      org.eclipse.kura.configuration.ConfigurationService         org.eclipse.kura.core.configuration(bid=32)
        10  Active      org.eclipse.equinox.event           org.eclipse.equinox.event(bid=35)
        11  Active      org.eclipse.kura.web.Console            org.eclipse.kura.web(bid=37)
        12  Active      org.eclipse.kura.status.CloudConnectionStatusService            org.eclipse.kura.core.status(bid=41)
        13  Active      org.eclipse.kura.core.comm.CommConnectionFactory            org.eclipse.kura.core.comm(bid=47)
        14  Unsatisfied     org.eclipse.kura.example.ble.tisensortag.BluetoothLe            org.eclipse.kura.example.ble.tisensortag(bid=73)
        15  Unsatisfied     org.eclipse.kura.example.publisher.ExamplePublisher         org.eclipse.kura.example.publisher(bid=75)
        16  Active      org.eclipse.kura.certificate.CertificatesService            org.eclipse.kura.core.certificates(bid=77)
        17  Active      org.eclipse.kura.position.PositionService           org.eclipse.kura.emulator.position(bid=78)
        18  Active      org.eclipse.kura.example.camel.aggregation.GatewayRouter            org.eclipse.kura.example.camel.aggregation(bid=84)
        19  Unsatisfied     org.eclipse.kura.camel.KuraCloudComponentResolver           org.eclipse.kura.camel(bid=86)
        20  Active      org.eclipse.kura.watchdog.WatchdogService           org.eclipse.kura.emulator.watchdog(bid=87)
        21  Unsatisfied     org.eclipse.kura.demo.heater.Heater         org.eclipse.kura.demo.heater(bid=97)
        22  Unsatisfied     org.eclipse.kura.data.DataService           org.eclipse.kura.core(bid=98)
        23  Active      org.eclipse.kura.db.DbService           org.eclipse.kura.core(bid=98)
        24  Unsatisfied     org.eclipse.kura.core.data.transport.mqtt.MqttDataTransport         org.eclipse.kura.core(bid=98)
        25  Active      org.eclipse.kura.ssl.SslManagerService          org.eclipse.kura.core(bid=98)
        26  Active      org.eclipse.kura.system.SystemService           org.eclipse.kura.core(bid=98)
        27  Active      org.eclipse.kura.system.SystemAdminService          org.eclipse.kura.core(bid=98)
        28  Active      org.eclipse.kura.crypto.CryptoService           org.eclipse.kura.core.crypto(bid=102)
        29  Unsatisfied     demo1.demo1.Component           demo1(bid=110)
        30  Unsatisfied     org.eclipse.kura.cloud.CloudService         org.eclipse.kura.core.cloud(bid=111)
        31  Unsatisfied     org.eclipse.kura.cloud.CloudCallService         org.eclipse.kura.core.cloud(bid=111)
        32  Active      org.eclipse.kura.core.cloud.factory.DefaultCloudServiceFactory          org.eclipse.kura.core.cloud(bid=111)
        33  Unsatisfied     org.eclipse.kura.cloud.app.command.CommandCloudApp          org.eclipse.kura.core.cloud(bid=111)
        34  Unsatisfied     org.eclipse.kura.camel.cloud.factory.CamelFactory           org.eclipse.kura.camel.cloud.factory(bid=116)
        35  Active      org.eclipse.kura.camel.cloud.factory.CamelCloudServiceFactory           org.eclipse.kura.camel.cloud.factory(bid=116)
        36  Active      org.eclipse.kura.net.NetworkService         org.eclipse.kura.emulator.net(bid=120)
        37  Active      org.eclipse.kura.gpio.GPIOService           org.eclipse.kura.emulator.gpio(bid=125)
        38  Active      org.eclipse.kura.example.beacon.BeaconExample           org.eclipse.kura.example.beacon(bid=128)
        39  Active      org.eclipse.kura.usb.UsbService         org.eclipse.kura.emulator.usb(bid=131)
        40  Active      org.eclipse.kura.bluetooth.BluetoothService         org.eclipse.kura.l
&lt;/code&gt;&lt;/pre&gt;
&lt;p&gt;Output of &lt;code&gt;/var/log/kura.log&lt;/code&gt;: &lt;a href="https://i.stack.imgur.com/F042L.jpg" rel="nofollow noreferrer"&gt;https://i.stack.imgur.com/F042L.jpg&lt;/a&gt;&lt;/p&gt;</t>
  </si>
  <si>
    <t>2017-11-16 12:00:55.347000+00:00</t>
  </si>
  <si>
    <t>2017-12-13 12:32:41.787000+00:00</t>
  </si>
  <si>
    <t>2017-11-16 13:53:21.530000+00:00</t>
  </si>
  <si>
    <t>eclipse|kura</t>
  </si>
  <si>
    <t>Mongodb group query for embeded docs</t>
  </si>
  <si>
    <t>&lt;p&gt;Is it possible to query value counts for a particular key inside embeded documents. &lt;/p&gt;
&lt;p&gt;Here is my document:&lt;/p&gt;
&lt;pre&gt;&lt;code&gt;{ "_id" : 1, "drives" : [ {"fw": "A"}, {"fw": "B"} ] }
{ "_id" : 2, "drives" : [ {"fw": "B"}, {"fw": "C"} ] }
{ "_id" : 3, "drives" : [ {"fw": "A"}, {"fw": "C"} ] }
{ "_id" : 4, "drives" : [ {"fw": "A"}, {"fw": "D"} ] }
&lt;/code&gt;&lt;/pre&gt;
&lt;p&gt;And i would like to get the count of "fw":&lt;/p&gt;
&lt;p&gt;Output:&lt;/p&gt;
&lt;p&gt;counts : {"A": 3, "B": 2, "C": 2, "D": 1 }&lt;/p&gt;</t>
  </si>
  <si>
    <t>2016-03-18 18:53:43.813000+00:00</t>
  </si>
  <si>
    <t>2016-03-18 19:10:59.837000+00:00</t>
  </si>
  <si>
    <t>2016-03-18 19:03:47.057000+00:00</t>
  </si>
  <si>
    <t>mongodb|mongodb-query|pymongo</t>
  </si>
  <si>
    <t>How to profile Django's bottlenecks for scaling?</t>
  </si>
  <si>
    <t>&lt;p&gt;I am using django and tastypie for REST API.&lt;/p&gt;
&lt;p&gt;For profiling, I am using &lt;code&gt;django-silk&lt;/code&gt; and below is a summary of requests:&lt;/p&gt;
&lt;p&gt;&lt;img src="https://i.stack.imgur.com/bTDub.png" alt="enter image description here"&gt;&lt;/p&gt;
&lt;p&gt;How do I profile the complete flow? Time taken except for database queries is (382 - 147) ms on average. How do I figure out the bottleneck and optimize/scale? I did use &lt;code&gt;@silk_profile()&lt;/code&gt; for the &lt;code&gt;get_object_list&lt;/code&gt; method for this resource, but even this method doesn't seem to be bottleneck. &lt;/p&gt;
&lt;p&gt;I used caching for decreasing response time, but that didn't help much, what are the other options?&lt;/p&gt;
&lt;p&gt;When testing using &lt;strong&gt;loader.io&lt;/strong&gt;, the peak the server can handle is &lt;em&gt;1000 requests per 30 secs&lt;/em&gt; (which seems very low). Other than caching (which I already tried) what might help?&lt;/p&gt;</t>
  </si>
  <si>
    <t>2015-06-25 13:26:02.343000+00:00</t>
  </si>
  <si>
    <t>2015-07-01 13:52:44.860000+00:00</t>
  </si>
  <si>
    <t>2015-06-25 13:49:36.373000+00:00</t>
  </si>
  <si>
    <t>django|optimization|profiling|scalability|tastypie</t>
  </si>
  <si>
    <t>Regex not accepting apostrophe and quotes when copied from MS Word</t>
  </si>
  <si>
    <t>&lt;p&gt;I was doing validation which accepts some special characters, dashes, quotes, apostrophe etc.&lt;/p&gt;
&lt;p&gt;here is the code:&lt;/p&gt;
&lt;pre&gt;&lt;code&gt;jQuery.validator.addMethod("cityvalidation", function (value, element) {
    return this.optional(element) || /^[a-zA-Z\u0080-\u024F\s\/\-\)\(\`\.\"\'\U+2019]+$/i.test(jQuery.trim(value));
}, "You Have Typed Unallowed Charactors");
&lt;/code&gt;&lt;/pre&gt;
&lt;p&gt;it is working fine unless if somebody copy quotes or apostrophe from MS Word, then the validation gives else error "You Have Typed Unallowed Charactors" as it does not accept quotes  and apostrophe from MS Word.&lt;/p&gt;
&lt;p&gt;Please suggest if there is any unicode or character for MS Word quotes and apostrophe that can also bee added in the Validation Regex.&lt;/p&gt;</t>
  </si>
  <si>
    <t>2013-10-25 18:25:21.223000+00:00</t>
  </si>
  <si>
    <t>2015-10-17 08:19:28.287000+00:00</t>
  </si>
  <si>
    <t>jquery|regex|validation|unicode|ms-word</t>
  </si>
  <si>
    <t>Click on entire day block including events on fullcalender</t>
  </si>
  <si>
    <t>&lt;pre&gt;&lt;code&gt;&amp;lt;div id='calendar' style="min-height:330px"&amp;gt;&amp;lt;/div&amp;gt;
    LoadCalendar(calendarDisplayType,weekStartDay,weekendArr,editSetting,events);
    // Adding Events to the calendar
        function LoadCalendar(defaultViewtype,weekStartDay,weekEndArr,editSetting,events){
            //To reset the Calendar used destroy 
            $('#calendar').fullCalendar('destroy');
            $('#calendar').fullCalendar({
                header: {
                    left: 'prev,next today',
                    center: 'title',
                    right: 'month,basicWeek,basicDay'
                },
                events:events,
                editable: true,
                defaultView: defaultViewtype,
                firstDay: weekStartDay,//Start day of Calender
                hiddenDays: weekEndArr, // Hide Days Non Working Days 
                eventLimit: true, // allow "more" link when too many events
                eventRender: function(event, element) {
                     if(event.icon){          
                        element.find(".fc-title").prepend("&amp;lt;i class='fa fa-"+event.icon+"'&amp;gt;&amp;lt;/i&amp;gt;");
                     }
                },
                dayClick: function(date, jsEvent, view,start, end, allDay) {
                    viewTaskModal(date, jsEvent, view,start, end, allDay,editSetting);
                }
            });
        }
    function viewTaskModal(date, jsEvent, view,start, end, allDay,editSetting){
    //Code here to do stuff
        var cellYear = date.year();
        var cellMonth = date.month() + 1;
        var cellDay = date.date();
//............And few more code     
}
&lt;/code&gt;&lt;/pre&gt;
&lt;p&gt;&lt;a href="https://i.stack.imgur.com/l1Ck2.png" rel="nofollow noreferrer"&gt;&lt;img src="https://i.stack.imgur.com/l1Ck2.png" alt="enter image description here"&gt;&lt;/a&gt;&lt;/p&gt;
&lt;p&gt;Now my problem is that on event with blue color i am not able to call viewTaskModal().
I am using &lt;strong&gt;FULL calender&lt;/strong&gt; for this stuff to do.
I have tried this&lt;/p&gt;
&lt;pre&gt;&lt;code&gt;eventClick: function(date, jsEvent, view,start, end, allDay){
                viewTaskModal(date, jsEvent, view,start, end, allDay,editSetting);
            }
&lt;/code&gt;&lt;/pre&gt;
&lt;p&gt;But problem is i am not getting date if i tried this.&lt;/p&gt;
&lt;p&gt;If any suggestion please provide it will helpfull for me&lt;/p&gt;</t>
  </si>
  <si>
    <t>2016-08-31 07:43:51.443000+00:00</t>
  </si>
  <si>
    <t>2016-08-31 12:46:05.760000+00:00</t>
  </si>
  <si>
    <t>How to group by month in LINQ query?</t>
  </si>
  <si>
    <t>&lt;p&gt;I made this LINQ query&lt;/p&gt;
&lt;pre&gt;&lt;code&gt;var db = new DataEntities();
var records = db.Table_1.GroupBy(x =&amp;gt; x.date).tolist();
&lt;/code&gt;&lt;/pre&gt;
&lt;p&gt;where Table_1 columns of are of type&lt;/p&gt;
&lt;pre&gt;&lt;code&gt;ColumnName       dataType
id               numeric
date             datetime
&lt;/code&gt;&lt;/pre&gt;
&lt;p&gt;Records in table_1:&lt;/p&gt;
&lt;pre&gt;&lt;code&gt;1          3/May/2013
2          4/Apr/2013
3          7/May/2013
&lt;/code&gt;&lt;/pre&gt;
&lt;p&gt;i want to groupby all records of Table_1 according to Months like&lt;/p&gt;
&lt;pre&gt;&lt;code&gt;var records = db.Table_1.GroupBy(x =&amp;gt; x.date.Month);
&lt;/code&gt;&lt;/pre&gt;
&lt;p&gt;is there any way to do this?&lt;/p&gt;</t>
  </si>
  <si>
    <t>2013-09-01 08:23:32.027000+00:00</t>
  </si>
  <si>
    <t>2013-09-01 09:24:59.660000+00:00</t>
  </si>
  <si>
    <t>2013-09-01 08:26:20.057000+00:00</t>
  </si>
  <si>
    <t>c#|sql|linq|datetime|group-by</t>
  </si>
  <si>
    <t>check/uncheck all the checkbox in a table</t>
  </si>
  <si>
    <t>&lt;p&gt;I have a table that has checkbox column and I added this : &lt;/p&gt;
&lt;pre&gt;&lt;code&gt;&amp;lt;th&amp;gt;
    &amp;lt;input type="checkbox" id="selectAll"&amp;gt;
&amp;lt;/th&amp;gt;
&lt;/code&gt;&lt;/pre&gt;
&lt;p&gt;and here's my jQuery function : &lt;/p&gt;
&lt;pre&gt;&lt;code&gt;jQuery(document).ready(function() {
   jQuery('#selectAll').click(function(){ 
   jQuery("input[type='checkbox']").attr('checked', jQuery('#selectAll').is(':checked')); }) 
});
&lt;/code&gt;&lt;/pre&gt;
&lt;p&gt;It works fine at the first check but when i uncheck and try to check again it doesn't work! Any reason why it doesn't work? Thanks&lt;/p&gt;</t>
  </si>
  <si>
    <t>2014-05-05 09:55:48.143000+00:00</t>
  </si>
  <si>
    <t>2014-05-05 10:09:04.193000+00:00</t>
  </si>
  <si>
    <t>jquery|checkbox</t>
  </si>
  <si>
    <t>how to add interface on gdbus object (/org/bluez/hci1) for bluez 5.35?</t>
  </si>
  <si>
    <t>&lt;p&gt;I am using bluez5.35 for my application development and while debugging come across that /org/bluez/hci1 provides only 8 interfaces.(org.bluez.Adapter1, CyclingSpeedManager1, HeartRateManager1, Media1, NetworkServer1, ThermometerManager1, DBus.Introspectable, DBus.properties).&lt;/p&gt;
&lt;p&gt;I want to use few more interfaces (for example org.bluez.Network1) that are not associated with existing setup.
Below is the snapshot of my set up (snapshot attached). &lt;/p&gt;
&lt;p&gt;Please let me know, how can i add org.bluez.Network1 interface with /org/bluez/hci ?
Is there any configuration file that i need to change ? or any other way to achieve this goal?&lt;/p&gt;
&lt;p&gt;&lt;a href="http://i.stack.imgur.com/jWNwK.png" rel="nofollow"&gt;snapshot of existing bluez interfaces&lt;/a&gt;&lt;/p&gt;</t>
  </si>
  <si>
    <t>2016-08-13 10:02:10.470000+00:00</t>
  </si>
  <si>
    <t>2016-08-31 18:49:58.770000+00:00</t>
  </si>
  <si>
    <t>dbus|bluez|gdbus</t>
  </si>
  <si>
    <t>The Tools dropdown does not show in menubar - TinyMCE 4.0.5 jQuery version</t>
  </si>
  <si>
    <t>&lt;p&gt;I have recently upgraded to tinyMCE 4 and prefer to use the jQuery version. However, in the menu bar i cannot get the "Tools" menu to show up.  i have used the javascript version and it shows, but once i put the jQuery version in it disappears.&lt;/p&gt;
&lt;p&gt;My initialization code is as follows: &lt;/p&gt;
&lt;pre&gt;&lt;code&gt;$('.tinymce').tinymce({
  script_url : 'tinymce/tinymce.min.js',
  width : 900,
  height : 500,
  oninit : "setInst",
  theme: "modern",
  plugins: ["table paste"],
  menubar: 'format edit table tools',
  toolbar1: "insertfile undo redo | bold italic | alignleft aligncenter alignright alignjustify | bullist numlist",
  image_advtab: true
});
&lt;/code&gt;&lt;/pre&gt;</t>
  </si>
  <si>
    <t>2013-09-09 22:26:20.310000+00:00</t>
  </si>
  <si>
    <t>jquery|tinymce-4</t>
  </si>
  <si>
    <t>Do I need to serialize the abstract base class to make the derived classes serializable</t>
  </si>
  <si>
    <t>&lt;p&gt;I am trying to store an object in Session variable, I have the class marked as serializable. This class however is derived from an abstract base class that is not serialized. I am getting an error. The problem is I do not get any error in development machine but only in production and staging area which I do not have access to. I didn't require to serialize the class to store the object to session in my dev machine but it gave serialization error in staging environment. So I marked the class as serializable and requested the deployment in staging environment. Now I am again getting the serialization error which says the base class is not marked serializable. Do I need to serialize the base class as well.&lt;/p&gt;
&lt;pre&gt;&lt;code&gt;public abstract class A
{
    ///Properties
}
[Serializable]
public class B:A
{
      ///Properties
}
&lt;/code&gt;&lt;/pre&gt;</t>
  </si>
  <si>
    <t>2016-07-05 00:47:51.943000+00:00</t>
  </si>
  <si>
    <t>2016-07-05 00:59:30.250000+00:00</t>
  </si>
  <si>
    <t>c#|inheritance|serialization</t>
  </si>
  <si>
    <t>How to check for java.lang.AssertionError (JUnit 5)</t>
  </si>
  <si>
    <t>&lt;p&gt;Suppose the following class&lt;/p&gt;
&lt;pre&gt;&lt;code&gt;class classToTest{
  public static void methodToTest() {
    assert false: "error is thrown";
  }
}
&lt;/code&gt;&lt;/pre&gt;
&lt;p&gt;Is it possible to check with JUnit 5 if the &lt;code&gt;methodToTest()&lt;/code&gt; throws the error evoked by the assert statement?&lt;/p&gt;
&lt;p&gt;I only found in the JUnit 5 doc the &lt;code&gt;assertThrows&lt;/code&gt;, but it checks only for exceptions and not for errors.&lt;/p&gt;
&lt;blockquote&gt;
  &lt;p&gt;Asserts that execution of the supplied executable throws an exception of the expectedType and returns the exception. &lt;/p&gt;
&lt;/blockquote&gt;
&lt;p&gt;How would a test case look like to check weather the error is thrown?&lt;/p&gt;</t>
  </si>
  <si>
    <t>2017-11-05 12:33:33.780000+00:00</t>
  </si>
  <si>
    <t>2017-11-05 19:26:56.793000+00:00</t>
  </si>
  <si>
    <t>2017-11-05 12:50:39.047000+00:00</t>
  </si>
  <si>
    <t>java|junit|junit5</t>
  </si>
  <si>
    <t>Redirecting HTTP to HTTPS correctly in Question2Answer script</t>
  </si>
  <si>
    <t>&lt;p&gt;I have searched for this question for many days and tried so many different methods but nothing works so far. I am using the Question2Answer script and I want to redirect all the HTTP requests to HTTPS. &lt;/p&gt;
&lt;p&gt;My URL structure is set to : &lt;/p&gt;
&lt;pre&gt;&lt;code&gt;/123/why-do-birds-sing (requires htaccess file)
&lt;/code&gt;&lt;/pre&gt;
&lt;p&gt;and the htaccess file is as follow: &lt;/p&gt;
&lt;pre&gt;&lt;code&gt;DirectoryIndex index.php
&amp;lt;IfModule mod_rewrite.c&amp;gt;
RewriteEngine On
RewriteBase /
RewriteCond %{REQUEST_URI} ^(.*)//(.*)$
RewriteRule . %1/%2 [R=301,L]
RewriteCond %{REQUEST_FILENAME} !-f
RewriteCond %{REQUEST_FILENAME} !-d
RewriteRule ^.*$ index.php?qa-rewrite=$0&amp;amp;%{QUERY_STRING} [L]
RewriteCond %{HTTP:CF-Visitor} '"scheme":"http"'
RewriteRule ^(.*)$ https://example.com/$1 [L,R=301]
&amp;lt;/IfModule&amp;gt;
&lt;/code&gt;&lt;/pre&gt;
&lt;p&gt;This correctly redirects &lt;code&gt;http://example.com&lt;/code&gt; to &lt;code&gt;https://example.com&lt;/code&gt;. However, if the user enters an address like this : &lt;code&gt;www.example.com/users&lt;/code&gt; they are redirected to &lt;code&gt;https://example.com/index.php?qa-rewrite=users&lt;/code&gt; which returns a 404 error. &lt;/p&gt;
&lt;p&gt;The &lt;code&gt;index.php?qa-rewrite=&lt;/code&gt; is added automatically and removing it from the htaccess totally messes up everything and I think it should be there. &lt;/p&gt;</t>
  </si>
  <si>
    <t>2014-12-30 07:02:32.500000+00:00</t>
  </si>
  <si>
    <t>2015-01-10 03:58:51.123000+00:00</t>
  </si>
  <si>
    <t>apache|.htaccess|mod-rewrite|redirect|question2answer</t>
  </si>
  <si>
    <t>Find Closest Neighbors - OpenCV</t>
  </si>
  <si>
    <t>&lt;p&gt;I do have a set of openCV Point2f type image points (coordinates). I want to find the 4 nearest neighbors of each point in that set. Is there any specific build-in function in openCV to do this or should I measure the distance between each point and decide the four closest? &lt;/p&gt;</t>
  </si>
  <si>
    <t>2012-03-22 15:56:05.910000+00:00</t>
  </si>
  <si>
    <t>2017-12-11 05:02:18.770000+00:00</t>
  </si>
  <si>
    <t>Remove a ScreenSpaceLines3D Object from a ViewPort?</t>
  </si>
  <si>
    <t>&lt;p&gt;I am making a 3D Game with WPF in VB, and I am using a ScrennSpaceLines3D Object I found 
&lt;a href="http://3dtools.codeplex.com/releases/view/2058" rel="nofollow"&gt;http://3dtools.codeplex.com/releases/view/2058&lt;/a&gt;
but when I try to remove a line I added to the viewport by using &lt;/p&gt;
&lt;pre&gt;&lt;code&gt;    mainViewport.Children.RemoveAt(i)
&lt;/code&gt;&lt;/pre&gt;
&lt;p&gt;it gives a NullExceptionError. I have read that this is because it does not totally come off the rendering queue. There have been fixes for c#, but I have yet to find one that works with VB. Is there a way to make this work or possibly draw a line in 3D space some other way? I find it quite ridiculous that VB doesn't even have a way to easily draw 3D lines...&lt;/p&gt;</t>
  </si>
  <si>
    <t>2013-11-15 00:05:10.650000+00:00</t>
  </si>
  <si>
    <t>2018-02-21 06:18:53.713000+00:00</t>
  </si>
  <si>
    <t>2013-11-15 00:06:24.660000+00:00</t>
  </si>
  <si>
    <t>wpf|vb.net|dll|3d|nullreferenceexception</t>
  </si>
  <si>
    <t>MultipartFormData wrapped inside object</t>
  </si>
  <si>
    <t>&lt;p&gt;I have a rest endpoint:&lt;/p&gt;
&lt;pre&gt;&lt;code&gt;@Consumes(MediaType.MULTIPART_FORM_DATA)
@Path("/{test}/test")
@POST
public Response add(@Valid @MultipartForm CustomObject object, @PathParam("test") String test);
&lt;/code&gt;&lt;/pre&gt;
&lt;p&gt;The CustomObject class:&lt;/p&gt;
&lt;pre&gt;&lt;code&gt;public abstract class CustomObject {
    @FormParam("name")
    private String name;
    @FormParam("folder")
    @PartType("application/json")
    private CustomFolder folder;
    ......
}
&lt;/code&gt;&lt;/pre&gt;
&lt;p&gt;And i can post a multipart file with all the above information.&lt;/p&gt;
&lt;p&gt;Now i want to also pass a ConnectionParameter object which will contain some info.&lt;/p&gt;
&lt;p&gt;So i created a CustomObjectWrapper which contains:&lt;/p&gt;
&lt;pre&gt;&lt;code&gt;public class CustomObjectWrapper {
    @FormParam("document")
    @PartType("application/json")
    private CustomObject document;
    @FormParam("parameter")
    @PartType("application/json")
    private ConnectionParameter parameter;
    ......
}
&lt;/code&gt;&lt;/pre&gt;
&lt;p&gt;and the endpoint looks like this:&lt;/p&gt;
&lt;pre&gt;&lt;code&gt;@Consumes(MediaType.MULTIPART_FORM_DATA)
@Path("/{test}/test")
@POST
public Response add(@Valid @MultipartForm CustomObjectWrapper object, 
@PathParam("test") String test);
&lt;/code&gt;&lt;/pre&gt;
&lt;p&gt;But when i try to test it from PostMan i dont know how to set the file inside the text property.&lt;/p&gt;
&lt;p&gt;The ConnectionParameter cant be embedded inside CustomObject because their dont have something in common.&lt;/p&gt;
&lt;p&gt;How should i proceed?&lt;/p&gt;</t>
  </si>
  <si>
    <t>2017-10-12 12:25:40.957000+00:00</t>
  </si>
  <si>
    <t>2017-10-12 12:48:33.347000+00:00</t>
  </si>
  <si>
    <t>java|rest|multipart</t>
  </si>
  <si>
    <t>Enabling Zombie Objects causing memory pressure crashing</t>
  </si>
  <si>
    <t>&lt;p&gt;My app is crashing when its deallocating a ViewController.  I believe there is an object in there causing it - I am getting a EXC_BAD_ACCESS crash.&lt;/p&gt;
&lt;p&gt;It happens usually after finishing a level of the game and returning to the menu.&lt;/p&gt;
&lt;p&gt;In trying to diagnose the issue, I turned on Enable Zombie Objects in the Schemes.  As I play the level to recreate the issue my memory fills up and I start getting a 'Got memory pressure notification (critical)' warning.  And then the app crashes with a  'Message from debugger: Terminated due to memory issue'&lt;/p&gt;
&lt;p&gt;Is there a way to enable Zombie Objects on just one ViewController and it's contents so I'm not retaining objects I know don't matter?&lt;/p&gt;
&lt;p&gt;Or does anyone have suggestions for what I could try other then Zombies?&lt;/p&gt;
&lt;p&gt;Or any other advice?&lt;/p&gt;
&lt;p&gt;Thanks, 
-Mark&lt;/p&gt;</t>
  </si>
  <si>
    <t>2018-05-24 16:58:37.467000+00:00</t>
  </si>
  <si>
    <t>2018-05-24 18:25:15.077000+00:00</t>
  </si>
  <si>
    <t>ios|out-of-memory|exc-bad-access|nszombie</t>
  </si>
  <si>
    <t>Decision Tree. Strategy for noise</t>
  </si>
  <si>
    <t>&lt;p&gt;What are the good strategies to combat noise in decision tree?&lt;/p&gt;
&lt;p&gt;In my training data,&lt;/p&gt;
&lt;p&gt;I have two records with the same attributes but they give different classification.&lt;/p&gt;
&lt;ol&gt;
&lt;li&gt;Female, Luxury, LV, Yes&lt;/li&gt;
&lt;li&gt;Female, Luxury, LV, No&lt;/li&gt;
&lt;/ol&gt;
&lt;p&gt;Based on my reading, it says to return the plurality classification of these two records.&lt;/p&gt;
&lt;p&gt;But that will raise a problem when i want to make a prediction because the output of my prediction should be either yes or no.&lt;/p&gt;
&lt;p&gt;So, trying to find out what are the strategies I can use in this case to predict.&lt;/p&gt;
&lt;p&gt;Thank you.&lt;/p&gt;</t>
  </si>
  <si>
    <t>2012-11-12 09:12:45.603000+00:00</t>
  </si>
  <si>
    <t>2012-11-24 11:18:55.763000+00:00</t>
  </si>
  <si>
    <t>artificial-intelligence|data-mining|decision-tree</t>
  </si>
  <si>
    <t>render multiple d3 charts without overwriting each other</t>
  </si>
  <si>
    <t>&lt;p&gt;I have a collection of data (represented by a Backbone.js collection) containing two sets of data (for this example - in real world app, there will be more). i want to represent each set of data in a small d3.js bar chart. When I render the first bar chart, everything looks great, but when I render the second bar chart, the first bar chart gets written over again and it looks darker and blurry (easier to view than explain, see this fiddle &lt;a href="http://jsfiddle.net/mjmitche/avo5nnus/15/" rel="nofollow"&gt;http://jsfiddle.net/mjmitche/avo5nnus/15/&lt;/a&gt;). if there were 3 sets of data, the first would end up very dark and blurry (overwritten twice), the second dark and blurry (because only overwritten once), and the third normal looking.&lt;/p&gt;
&lt;p&gt;I understand the problem. When I use d3 to add the vertical guides, for example, I use this code&lt;/p&gt;
&lt;pre&gt;&lt;code&gt;d3.selectAll('svg')
&lt;/code&gt;&lt;/pre&gt;
&lt;p&gt;so on the second pass through the collection, the first svg that was rendered gets selected again and written over. Notice in the fiddle how, after both charts are rendered, the first is also darker (as if it has twice as much ink) and blurry (because the numbers have been rendered twice).&lt;/p&gt;
&lt;p&gt;Initially, instead of using &lt;code&gt;d3.selectAll('svg')&lt;/code&gt;, I tried &lt;code&gt;d3.select('svg')&lt;/code&gt; but then only the first chart had the vertical guides, but when you use &lt;code&gt;d3.select&lt;/code&gt; it always selects the first item found. &lt;/p&gt;
&lt;p&gt;How can I render a two sets of data using a d3 chart for each without continually writing over the first one? &lt;/p&gt;
&lt;pre&gt;&lt;code&gt;var myModel = Backbone.Model.extend({});
var collection = Backbone.Collection.extend({
    model: myModel,
    initialize: function() {
    }
});
var MainView = Backbone.View.extend({ 
    el: ('.container'),
    initialize: function(){
        c = new collection({});
        c.reset([{stats: [1,2,3]}, {stats: [4,3,2] }]);
        this.render();
    },
    render: function(){
        c.each(this.addChart, this);
    },
    addChart: function(chart){
        alert("pause to view first chart, very clear, no overlap, second time through not so");
        var view = new D3View({model: chart});
        console.log(view, "view");
        this.$("#d3results").append(view.render().el);
    }
});
var D3View = Backbone.View.extend({
    initialize: function(){
    },
    render: function(){
        console.log("render in d3view");
     var modeldata = this.model.toJSON();
      var bardata = modeldata.stats;
        console.log(bardata, "bardata");
     var margin = { top: 30, right: 30, bottom: 40, left:70 }
    var height = 200 - margin.top - margin.bottom,
        width = 300 - margin.left - margin.right,
        barWidth = 50,
        barOffset = 5;
    var tempColor;
    var colors = d3.scale.linear()
    .domain([0, bardata.length*.33, bardata.length*.66, bardata.length])
    var yScale = d3.scale.linear()
            .domain([0, d3.max(bardata)])
            .range([0, height]);
    var xScale = d3.scale.ordinal()
            .domain(d3.range(0, bardata.length))
            .rangeBands([0, width], 0.2)
    var tooltip = d3.select('body').append('div')
            .style('position', 'absolute')
            .style('padding', '0 10px')
            .style('background', 'white')
            .style('opacity', 0)
    var myChart = d3.select('#d3results').append('svg')
        .style('background', '#fff')
        .attr('width', width + margin.left + margin.right)
        .attr('height', height + margin.top + margin.bottom)
        .append('g')
        .attr('transform', 'translate('+ margin.left +', '+ margin.top +')')
        .selectAll('rect').data(bardata)
        .enter().append('rect')
            .style('fill', function(d,i) {
                return colors(i);
            })
            .attr('width', xScale.rangeBand())
            .attr('x', function(d,i) {
                return xScale(i);
            })
            .attr('height', 0)
            .attr('y', height)
   myChart.transition()
        .attr('height', function(d) {
            return yScale(d);
        })
        .attr('y', function(d) {
            return height - yScale(d);
        })
        .delay(function(d, i) {
            return i * 20;
        })
    var vGuideScale = d3.scale.linear()
        .domain([0, d3.max(bardata)])
        .range([height, 0])
    var vAxis = d3.svg.axis()
        .scale(vGuideScale)
        .orient('left')
        .ticks(10)
    var vGuide = d3.selectAll('svg').append('g')
        vAxis(vGuide)
        vGuide.attr('transform', 'translate(' + margin.left + ', ' + margin.top + ')')
        vGuide.selectAll('path')
            .style({ fill: 'none', stroke: "#000"})
        vGuide.selectAll('line')
            .style({ stroke: "#000"})
    var hAxis = d3.svg.axis()
        .scale(xScale)
        .orient('bottom')
        .tickValues(xScale.domain().filter(function(d, i) {
            return !(i % (bardata.length/5));
        }))
        return this;
    }
});
view = new MainView();
&lt;/code&gt;&lt;/pre&gt;</t>
  </si>
  <si>
    <t>2015-01-12 16:37:50.153000+00:00</t>
  </si>
  <si>
    <t>2015-01-12 19:28:56.573000+00:00</t>
  </si>
  <si>
    <t>2015-01-12 16:43:44.627000+00:00</t>
  </si>
  <si>
    <t>javascript|backbone.js|d3.js</t>
  </si>
  <si>
    <t>javascript for loop inside a function then output it to the page</t>
  </si>
  <si>
    <t>&lt;p&gt;Here is my code. I am expecting "the number is 1, the number is 2..." to be out putted up to 5 but all that is outputted is the number is 0 not sure why.&lt;/p&gt;
&lt;pre&gt;&lt;code&gt;&amp;lt;script&amp;gt;
var i=0;
function test(){
for(i=0;i&amp;lt;=5;i++){
    return "the number is" + i;
}
}
&amp;lt;/script&amp;gt;
&amp;lt;script&amp;gt;
document.write(test());
&amp;lt;/script&amp;gt;
&lt;/code&gt;&lt;/pre&gt;</t>
  </si>
  <si>
    <t>2012-02-18 04:59:49.067000+00:00</t>
  </si>
  <si>
    <t>2012-02-18 05:08:03.790000+00:00</t>
  </si>
  <si>
    <t>Laravel get a collection of relationship items</t>
  </si>
  <si>
    <t>&lt;p&gt;I'm stuck on this what seems like a simple task. &lt;/p&gt;
&lt;p&gt;&lt;strong&gt;I have a User that has many Shops that have many Products..&lt;/strong&gt;&lt;/p&gt;
&lt;p&gt;I'm trying to get all the Products for a certain User.&lt;/p&gt;
&lt;p&gt;This is working, and is returning the Shops with their Products&lt;/p&gt;
&lt;pre&gt;&lt;code&gt;\Auth::user()-&amp;gt;shops()-&amp;gt;with('products')-&amp;gt;get();
&lt;/code&gt;&lt;/pre&gt;
&lt;p&gt;But I need a Collection of only the Products. I tried the following but it's messing up the Query&lt;/p&gt;
&lt;pre&gt;&lt;code&gt;\Auth::user()-&amp;gt;shops()-&amp;gt;with('products')-&amp;gt;select('products.*')-&amp;gt;get();
&lt;/code&gt;&lt;/pre&gt;
&lt;p&gt;Any idea what I'm doing wrong? Thank you!&lt;/p&gt;</t>
  </si>
  <si>
    <t>2017-05-11 07:56:10.027000+00:00</t>
  </si>
  <si>
    <t>2017-05-11 08:31:05.883000+00:00</t>
  </si>
  <si>
    <t>Creating partition with __HIVE_DEFAULT_PARTITION__ value</t>
  </si>
  <si>
    <t>&lt;p&gt;Is it possible in Hive to manually create partition with &lt;code&gt;\__HIVE_DEFAULT_PARTITION__&lt;/code&gt; value?&lt;/p&gt;
&lt;p&gt;Neither of this works for me:&lt;/p&gt;
&lt;pre&gt;&lt;code&gt;ALTER TABLE table ADD IF NOT EXISTS PARTITION (partition=);
ALTER TABLE table ADD IF NOT EXISTS PARTITION (partition='');
ALTER TABLE table ADD IF NOT EXISTS PARTITION (partition='\__HIVE_DEFAULT_PARTITION__');
&lt;/code&gt;&lt;/pre&gt;
&lt;p&gt;P.S. Dynamic partitioning doesn't suit my needs.&lt;/p&gt;</t>
  </si>
  <si>
    <t>2013-09-20 14:20:25.240000+00:00</t>
  </si>
  <si>
    <t>2016-09-23 17:08:32.147000+00:00</t>
  </si>
  <si>
    <t>2016-01-01 05:52:36.610000+00:00</t>
  </si>
  <si>
    <t>How can I loop, return and render an object in react</t>
  </si>
  <si>
    <t>&lt;p&gt;I have an object that looks like this:&lt;/p&gt;
&lt;pre&gt;&lt;code&gt;{
  "startups" : {
    "startup0":{
    "achievements" : "Is done!",
    "how_build" : "In python and using google visio api",
    "inspiration" : "All the hot dogs in the world",
    "proyect_name" : "Hog dog or not Hot dog",
    "team" : {
      "Steven Anderson" : {
        "area" : "CEO",
        "email" : "sdandersonz97@gmail.com",
        "expertise" : "full-stack engineer"
      }
    },
    "what_does" : "Say is the image is a hot dog or not"
  },
  "startup1":{
    "achievements" : "Is done!",
    "how_build" : "In python and using google visio api",
    "inspiration" : "All the hot dogs in the world",
    "proyect_name" : "Big Brother",
    "team" : {
      "Steven Anderson" : {
        "area" : "CEO",
        "email" : "sdandersonz97@gmail.com",
        "expertise" : "full-stack engineer"
      }
    },
    "what_does" : "Say is the image is a hot dog or not"
  }
  }
}
&lt;/code&gt;&lt;/pre&gt;
&lt;p&gt;I initialize my state in this form:&lt;/p&gt;
&lt;pre&gt;&lt;code&gt;this.state={
      startups:[]
&lt;/code&gt;&lt;/pre&gt;
&lt;p&gt;Here I call to firebase to set my state:&lt;/p&gt;
&lt;pre&gt;&lt;code&gt; componentDidMount(){
    const rootRef = firebase.database().ref().child('startups')
    rootRef.once('value', snap =&amp;gt;{
      this.setState({
        startups: this.state.startups.push(snap.val())
      });
    }
&lt;/code&gt;&lt;/pre&gt;
&lt;p&gt;);&lt;/p&gt;
&lt;p&gt;}
I have tried looping in different ways:
1.&lt;/p&gt;
&lt;pre&gt;&lt;code&gt;formatStartUps(){
   const startups = [this.state.startups];
   startups.forEach((element)=&amp;gt;{console.log(element)} )
 }
&lt;/code&gt;&lt;/pre&gt;
&lt;p&gt;2.&lt;/p&gt;
&lt;pre&gt;&lt;code&gt;formatStartUps(){
       const startups = [this.state.startups];
       startups.map((startup,index)=&amp;gt;{&amp;lt;p key={index}&amp;gt;{startup}&amp;lt;/p&amp;gt;))
     }
&lt;/code&gt;&lt;/pre&gt;
&lt;p&gt;3.&lt;/p&gt;
&lt;pre&gt;&lt;code&gt;formatStartUps(){
           const startups = [this.state.startups];
           for(let startup of startups){
            console.log(startup)
            }
         }
&lt;/code&gt;&lt;/pre&gt;
&lt;p&gt;And then I call to the fire-base database to set my state and works, but I can't loop to each startup to render these values in my &lt;code&gt;div&lt;/code&gt;.&lt;/p&gt;
&lt;p&gt;How can I loop this object and render each value in my &lt;code&gt;render()&lt;/code&gt; method?
I appreciate the help&lt;/p&gt;</t>
  </si>
  <si>
    <t>2017-07-23 10:49:27.087000+00:00</t>
  </si>
  <si>
    <t>2017-07-24 11:43:37.833000+00:00</t>
  </si>
  <si>
    <t>javascript|reactjs|firebase|firebase-realtime-database</t>
  </si>
  <si>
    <t>How to change items positions in UIAcitivityViewController</t>
  </si>
  <si>
    <t>&lt;p&gt;Like snapshot shown, how to move wechat to bottom, like Line does?&lt;/p&gt;
&lt;p&gt;I went through &lt;code&gt;LineActvity.m&lt;/code&gt; that is from here: &lt;a href="https://github.com/OopsMouse/LINEActivity" rel="nofollow noreferrer"&gt;https://github.com/OopsMouse/LINEActivity&lt;/a&gt;&lt;/p&gt;
&lt;p&gt;but nothing found about order or position....&lt;/p&gt;
&lt;p&gt;How to make it happen?&lt;/p&gt;
&lt;pre&gt;&lt;code&gt;#import "LINEActivity.h"
@implementation LINEActivity
- (NSString *)activityType {
    return @"jp.naver.LINEActivity";
}
- (UIImage *)activityImage
{
    return [UIImage imageNamed:@"LINEActivityIcon.png"];
}
- (NSString *)activityTitle
{
    return @"LINE";
}
- (BOOL)canPerformWithActivityItems:(NSArray *)activityItems
{
    for (id activityItem in activityItems) {
        if ([activityItem isKindOfClass:[NSString class]] || [activityItem isKindOfClass:[UIImage class]]) {
        return YES;
        }
    }
    return NO;
}
- (void)prepareWithActivityItems:(NSArray *)activityItems {
    for (id activityItem in activityItems) {
        if ([self openLINEWithItem:activityItem])
            break;
    }
}
- (BOOL)isUsableLINE
{
    return [[UIApplication sharedApplication] canOpenURL:[NSURL URLWithString:@"line://"]];
}
- (void)openLINEOnITunes
{
    [[UIApplication sharedApplication] openURL:[NSURL URLWithString:@"https://itunes.apple.com/jp/app/line/id443904275?ls=1&amp;amp;mt=8"]];
}
- (BOOL)openLINEWithItem:(id)item
{
    if (![self isUsableLINE]) {
        [self openLINEOnITunes];
        return NO;
    }
    NSString *LINEURLString = nil;
    if ([item isKindOfClass:[NSString class]]) {
        NSString *urlEncodeString = (NSString *)CFBridgingRelease(CFURLCreateStringByAddingPercentEscapes( NULL, (CFStringRef)item, NULL, (CFStringRef)@"!*'();:@&amp;amp;=+$,/?%#[]", kCFStringEncodingUTF8 ));
        LINEURLString = [NSString stringWithFormat:@"line://msg/text/%@", urlEncodeString];
    } else if ([item isKindOfClass:[UIImage class]]) {
        UIPasteboard *pasteboard = [UIPasteboard pasteboardWithUniqueName];
        [pasteboard setData:UIImagePNGRepresentation(item) forPasteboardType:@"public.png"];
        LINEURLString = [NSString stringWithFormat:@"line://msg/image/%@", pasteboard.name];
    } else {
        return NO;
    }
    NSURL *LINEURL = [NSURL URLWithString:LINEURLString];
    [[UIApplication sharedApplication] openURL:LINEURL];
    return YES;
    }
&lt;/code&gt;&lt;/pre&gt;
&lt;p&gt;&lt;img src="https://i.stack.imgur.com/Mrz0W.png" alt="enter image description here"&gt;&lt;/p&gt;</t>
  </si>
  <si>
    <t>2014-05-03 14:15:12.157000+00:00</t>
  </si>
  <si>
    <t>2014-10-03 00:07:37.080000+00:00</t>
  </si>
  <si>
    <t>ios|uiactivityviewcontroller|uiactivity</t>
  </si>
  <si>
    <t>Basic example of WPF hosting in c++/MFC</t>
  </si>
  <si>
    <t>&lt;p&gt;I am trying to Host a WPF application inside a C++/MFC window.&lt;/p&gt;
&lt;p&gt;I found this answer, but because of my lack in C++ knowledge I fail in following it:
&lt;a href="https://stackoverflow.com/questions/829952/how-do-i-host-wpf-content-in-mfc-applications"&gt;How do I host WPF content in MFC Applications?&lt;/a&gt;&lt;/p&gt;
&lt;p&gt;I don't have the reputation to comment there so I am asking here if someone has a very (very) basic example of this.&lt;/p&gt;
&lt;p&gt;I need to make a basic wpf window with a button that generically adds TextBlocks to a stackpanel&lt;/p&gt;
&lt;pre&gt;&lt;code&gt;namespace wpfExample
{
   public partial class MainWindow : Window
   {
      InitializeComponent();
   }
   private void Button_Click(object sender, RoutedEventArgs e)
   {
      TextBlock tBlock = new TextBlock();
      tBlock.Text = "Example";
      StPanel.Children.Add(tBlock);
   }
}
&lt;/code&gt;&lt;/pre&gt;
&lt;p&gt;where StPanel is the Name of the StackPanel&lt;/p&gt;
&lt;p&gt;Now on the C++ side I need a CPropertyPage(CDialog or CWnd) Type, with the WPF Page.&lt;/p&gt;
&lt;p&gt;&lt;a href="https://i.stack.imgur.com/589U6.png" rel="nofollow noreferrer"&gt;http://i.stack.imgur.com/589U6.png&lt;/a&gt;
This is from an example I found which shows how it should look like(only in the right top corner should be the wpf window)
The Example: &lt;a href="https://msdn.microsoft.com/de-de/library/ms771352%28v=vs.85%29.aspx" rel="nofollow noreferrer"&gt;https://msdn.microsoft.com/de-de/library/ms771352%28v=vs.85%29.aspx&lt;/a&gt;&lt;/p&gt;</t>
  </si>
  <si>
    <t>2015-04-23 11:41:57.090000+00:00</t>
  </si>
  <si>
    <t>2017-05-23 10:26:35.810000+00:00</t>
  </si>
  <si>
    <t>c#|c++|wpf|mfc</t>
  </si>
  <si>
    <t>Generic type restriction bound by two other generic types</t>
  </si>
  <si>
    <t>&lt;p&gt;I'm trying to make a method's generic return type be bound by two the generic types of the arguments, in the sense that it should be the lowest common type of the two. For example:&lt;/p&gt;
&lt;pre&gt;&lt;code&gt;class Scratch {
    static &amp;lt;T, U, R /*additional restrictions*/&amp;gt; R getLowestCommon(T t, U u) {
        return null;
    }
    public static void main(String[] args) {
        Object o = getLowestCommon("", 1);
        CharSequence s = getLowestCommon("", new StringBuilder());
        Number n = getLowestCommon(1L, 2D);
        Collection&amp;lt;Integer&amp;gt; c = getLowestCommon(new ArrayList&amp;lt;Integer&amp;gt;(), new HashSet&amp;lt;Integer&amp;gt;());
        // this should give an error because ArrayList's and HashSet's lowest common supertype is Collection
        List&amp;lt;Integer&amp;gt; l = getLowestCommon(new ArrayList&amp;lt;Integer&amp;gt;(), new HashSet&amp;lt;Integer&amp;gt;());
    }
}
&lt;/code&gt;&lt;/pre&gt;
&lt;p&gt;I know  about &lt;a href="https://stackoverflow.com/questions/46912276/restrictions-on-java-intersection-types-with-interfaces-classes-and-type-variabl"&gt;this&lt;/a&gt; restriction to intersection types, but is there any way I can make this compile-time restriction in Java?&lt;/p&gt;</t>
  </si>
  <si>
    <t>2018-05-09 11:05:51.923000+00:00</t>
  </si>
  <si>
    <t>2018-05-09 11:14:17.893000+00:00</t>
  </si>
  <si>
    <t>How much time do I have after applicationDidEnterBackground invoked?</t>
  </si>
  <si>
    <t>&lt;p&gt;I want to send a timestamp to a remote server, and wait for the callback of success, then store the timestamp locally, if remote server did not respond.&lt;/p&gt;
&lt;p&gt;Is it something that I could put into &lt;code&gt;applicationDidEnterBackground&lt;/code&gt; implementation?&lt;/p&gt;</t>
  </si>
  <si>
    <t>2013-04-28 20:28:46.437000+00:00</t>
  </si>
  <si>
    <t>2016-04-28 19:45:28.187000+00:00</t>
  </si>
  <si>
    <t>ios|background-process|uiapplicationdelegate|springboard</t>
  </si>
  <si>
    <t>Image inside custom view doesn't get live rendered</t>
  </si>
  <si>
    <t>&lt;p&gt;I'm building a custom UIView for something like a bar for navigation and want to display this bar inside the view controller in my storyboard.
The bar has two parts. One UIView for the background and one UIImageView for the wave image. My problem is, that if I use that custom view inside my storyboard, only the background UIView get's live rendered and the image does not. If I setup an &lt;code&gt;@IBInspectable&lt;/code&gt; for an image and set it to the UIImageView in the inspector, it works.&lt;/p&gt;
&lt;p&gt;Here is what the bar looks like:&lt;/p&gt;
&lt;p&gt;&lt;a href="https://i.stack.imgur.com/rZT6A.png" rel="nofollow noreferrer"&gt;&lt;img src="https://i.stack.imgur.com/rZT6A.png" alt="Bar1"&gt;&lt;/a&gt;&lt;/p&gt;
&lt;p&gt;That's how it looks like in the view controller:
&lt;a href="https://i.stack.imgur.com/9AV1h.png" rel="nofollow noreferrer"&gt;&lt;img src="https://i.stack.imgur.com/9AV1h.png" alt="Bar2"&gt;&lt;/a&gt;&lt;/p&gt;
&lt;p&gt;Here is my code (Swift 3):&lt;/p&gt;
&lt;p&gt;&lt;strong&gt;TopBar.swift&lt;/strong&gt;&lt;/p&gt;
&lt;pre&gt;&lt;code&gt;@IBDesignable
class TopBar: UIView {
    override init(frame: CGRect) {
        super.init(frame: frame)
        initView()
    }
    required init?(coder: NSCoder) {
        super.init(coder: coder)
        initView()
    }
    func initView() {
        let bundle = Bundle(for: type(of: self))
        let nib = UINib(nibName: "TopBar", bundle: bundle)
        let view = nib.instantiate(withOwner: self, options: nil).first as! UIView
        view.frame = bounds
        view.autoresizingMask = [.flexibleWidth, .flexibleHeight]
        addSubview(view)
    }
}
&lt;/code&gt;&lt;/pre&gt;</t>
  </si>
  <si>
    <t>2017-06-27 10:30:47.717000+00:00</t>
  </si>
  <si>
    <t>2017-07-04 21:49:04.377000+00:00</t>
  </si>
  <si>
    <t>2017-06-27 14:15:56.190000+00:00</t>
  </si>
  <si>
    <t>ios|swift|uiview|swift3|xcode8</t>
  </si>
  <si>
    <t>Using a compareTo()</t>
  </si>
  <si>
    <t>&lt;p&gt;So I have to write a method&lt;/p&gt;
&lt;pre&gt;&lt;code&gt;public ArrayList&amp;lt;Photo&amp;gt; datedPhotos(String date1, String date2)
&lt;/code&gt;&lt;/pre&gt;
&lt;p&gt;Which means it will return a collection of photos between date1 and date 2.&lt;/p&gt;
&lt;p&gt;I don't get where to start. My tutor tried explaining it, but he said use &lt;code&gt;compareTo()&lt;/code&gt;. I get that when you &lt;code&gt;compareTo&lt;/code&gt; if 0 then they are equal etc. But I have no idea what I am trying to &lt;code&gt;compareTo&lt;/code&gt; with.&lt;/p&gt;
&lt;p&gt;This was my pathetic attempt: &lt;/p&gt;
&lt;pre&gt;&lt;code&gt;if(date1.compareTo(&amp;lt;something&amp;gt;) == 0 &amp;amp;&amp;amp; date2.compareTo(&amp;lt;something&amp;gt;) == 0)
&lt;/code&gt;&lt;/pre&gt;</t>
  </si>
  <si>
    <t>2018-09-06 08:19:24.143000+00:00</t>
  </si>
  <si>
    <t>2018-09-06 08:33:23.010000+00:00</t>
  </si>
  <si>
    <t>user10299100</t>
  </si>
  <si>
    <t>java|string-comparison|comparable</t>
  </si>
  <si>
    <t>Is it possible using log4cplus in C code?</t>
  </si>
  <si>
    <t>&lt;p&gt;I have searched the web and log4cplus documentation for the question on how to use the &lt;a href="http://sourceforge.net/p/log4cplus/wiki/Home/" rel="nofollow"&gt;log4cplus&lt;/a&gt; library in a pure C code and haven't found a clear answer.
Is it possible?&lt;/p&gt;</t>
  </si>
  <si>
    <t>2015-11-03 12:49:21.300000+00:00</t>
  </si>
  <si>
    <t>2015-11-03 23:12:26.883000+00:00</t>
  </si>
  <si>
    <t>c|log4cplus</t>
  </si>
  <si>
    <t>Creating a 2D array on construction with a variable length</t>
  </si>
  <si>
    <t>&lt;p&gt;How can a setup a class that I can have a private 2D array that's size is determined by the variables passed in via the constructor?&lt;/p&gt;
&lt;p&gt;I've tried this:&lt;/p&gt;
&lt;pre&gt;&lt;code&gt;class World {
    private:
        const int WIDTH;
        const int HEIGHT;
        bool map[][];
    public:
        World(const int MAX_X, const int MAX_Y) : WIDTH(MAX_X), HEIGHT(MAX_Y) {
            map = new bool[WIDTH][HEIGHT];
        }
};
&lt;/code&gt;&lt;/pre&gt;
&lt;p&gt;But I get a bunch of errors about how &lt;code&gt;declaration of ���map��� as multidimensional array must have bounds for all dimensions except the first&lt;/code&gt; and &lt;code&gt;array size in operator new must be constant&lt;/code&gt; even though it is.&lt;/p&gt;
&lt;p&gt;I've also tried it this way but it didn't work either:&lt;/p&gt;
&lt;pre&gt;&lt;code&gt;class World {
    private:
        const int WIDTH;
        const int HEIGHT;
        bool map[WIDTH][HEIGHT];
    public:
        World(const int MAX_X, const int MAX_Y) : WIDTH(MAX_X), HEIGHT(MAX_Y) {
            //map = new bool[WIDTH][HEIGHT];
        }
};
&lt;/code&gt;&lt;/pre&gt;
&lt;p&gt;I get a &lt;code&gt;invalid use of non-static data member ���World::WIDTH���&lt;/code&gt; on the &lt;code&gt;const int WIDTH&lt;/code&gt; line and a quite useless &lt;code&gt;error: from this location&lt;/code&gt; on the map declaration line.&lt;/p&gt;
&lt;p&gt;What am I doing wrong?&lt;/p&gt;
&lt;p&gt;&lt;strong&gt;Edit:&lt;/strong&gt;
I'd prefer to avoid using vectors since I haven't "learned" them yet in this class. (by learned I mean I know how to use them but the professor hasn't discussed them and doesn't like us using outside knowledge)&lt;/p&gt;</t>
  </si>
  <si>
    <t>2014-11-07 00:45:22.293000+00:00</t>
  </si>
  <si>
    <t>2014-11-07 01:35:48.440000+00:00</t>
  </si>
  <si>
    <t>Copy files exclude one folder</t>
  </si>
  <si>
    <t>&lt;p&gt;Basically I want to copy everything within a folder excluding one folder, which happens to be where logs are stored for my program. (&lt;em&gt;I know I could just store logs elsewhere, but I have my reasons&lt;/em&gt;). So far I have:&lt;/p&gt;
&lt;pre&gt;&lt;code&gt;private void btnCopyFiles_Click(object sender, EventArgs e)
    {
        try
        {
            //Copy all the files
            foreach (string newPath in Directory.GetFiles(@"\\xxx\yyy", "*.*",
                            SearchOption.AllDirectories)
                            .Where(p =&amp;gt; p != Logging.fullLoggingPath))
                File.Copy(newPath, newPath.Replace(@"\\xxx\yyy", @"C:\bbb"));
            using (StreamWriter w = File.AppendText(Logging.fullLoggingPath))
            {
                Logging.Log("All necessary files copied to C:\\bbb", w);
            }
        }
        catch
        {
            using (StreamWriter w = File.AppendText(Logging.fullLoggingPath))
            {
                Logging.Log("Error copying files, make sure you have permissions to access the drive and write to the folder.", w);
            }
        }
    }
&lt;/code&gt;&lt;/pre&gt;
&lt;p&gt;How can I modify this to exclude one specific folder within &lt;code&gt;\\xxx\yyy&lt;/code&gt;&lt;/p&gt;</t>
  </si>
  <si>
    <t>2013-09-19 21:11:27.753000+00:00</t>
  </si>
  <si>
    <t>2013-09-19 22:27:53.593000+00:00</t>
  </si>
  <si>
    <t>2013-09-19 21:28:26.207000+00:00</t>
  </si>
  <si>
    <t>rails 4 many to many through pivot table</t>
  </si>
  <si>
    <t>&lt;p&gt;My models:&lt;/p&gt;
&lt;pre&gt;&lt;code&gt;class Entrant &amp;lt; ActiveRecord::Base
  has_many :events, :through =&amp;gt; :event_maps
  has_many :event_maps, :foreign_key  =&amp;gt; "entrant_id"
  accepts_nested_attributes_for :events, :reject_if =&amp;gt; :all_blank
end
class Event &amp;lt; ActiveRecord::Base
  has_many :event_maps, :foreign_key =&amp;gt; "event_id"
  has_many :entrants, :through =&amp;gt; :event_maps
  accepts_nested_attributes_for :entrants, :reject_if =&amp;gt; :all_blank
end
class EventMap &amp;lt; ActiveRecord::Base
  belongs_to :event, foreign_key: "event_id"  
  belongs_to :entrant, foreign_key: "entrant_id" 
end
&lt;/code&gt;&lt;/pre&gt;
&lt;p&gt;My mappings are correct as far as I can tell, on the console I can do following:&lt;/p&gt;
&lt;p&gt;create a new event and add a new entrant:&lt;/p&gt;
&lt;pre&gt;&lt;code&gt;@event = Event.new(name: 'my event');
@event.save
@event.entrants_attributes = [{name: 'Jack'}]
@event.save
&lt;/code&gt;&lt;/pre&gt;
&lt;p&gt;create a new entrant and add a new event:&lt;/p&gt;
&lt;pre&gt;&lt;code&gt;@entrant = Entrant.new(name: 'Peter')
@entrant.save
@entrant.events_attributes = [{name: 'Great concert'}]
@entrant.save
&lt;/code&gt;&lt;/pre&gt;
&lt;p&gt;Now how would I map &lt;code&gt;Peter&lt;/code&gt; to &lt;code&gt;my event&lt;/code&gt; or &lt;code&gt;Jack&lt;/code&gt; to &lt;code&gt;Great concert&lt;/code&gt;?
&lt;strong&gt;Meaning&lt;/strong&gt;&lt;/p&gt;
&lt;ol&gt;
&lt;li&gt;I want to register an existing Entrant to an existing Event, &lt;/li&gt;
&lt;li&gt;Add a new Entrant to an existing Event or vice versa.&lt;/li&gt;
&lt;/ol&gt;
&lt;p&gt;As I said, the many 2 many seems to work both ways, but adding data to the pivot table on existing objects is not really clear to me. Thanks for the help.&lt;/p&gt;
&lt;p&gt;&lt;strong&gt;Edit: ok I got 2.&lt;/strong&gt;&lt;/p&gt;
&lt;pre&gt;&lt;code&gt;@event.entrants.new(name: "hello") #adds a new Entrant works
&lt;/code&gt;&lt;/pre&gt;</t>
  </si>
  <si>
    <t>2013-11-06 09:44:00.840000+00:00</t>
  </si>
  <si>
    <t>2013-11-06 15:45:09.747000+00:00</t>
  </si>
  <si>
    <t>2013-11-06 14:35:27.323000+00:00</t>
  </si>
  <si>
    <t>ruby-on-rails|ruby-on-rails-4</t>
  </si>
  <si>
    <t>hook NSFileManager::fileExistsAtPath (Jailbreak Tweak learning)</t>
  </si>
  <si>
    <t>&lt;p&gt;I am (trying to) learn developing a jailbreak tweak. Objective is to get rid of the jailbreak protection in an Application (refused to work with Jailbreak).&lt;/p&gt;
&lt;p&gt;I have decompiled the app and have identified the following code as the "jailbreak check":&lt;/p&gt;
&lt;pre&gt;&lt;code&gt;  v24 = objc_msgSend(&amp;amp;OBJC_CLASS___NSMutableDictionary, "new");
  v0 = "defaultManager";
  v1 = objc_msgSend(&amp;amp;OBJC_CLASS___NSFileManager, "defaultManager");
  v2 = objc_retainAutoreleasedReturnValue(v1);
  v3 = (void *)v2;
  v23 = v2;
  v4 = (int)"stringWithFormat:";
  v5 = objc_msgSend(
         &amp;amp;OBJC_CLASS___NSString,
         "stringWithFormat:",
         CFSTR("/%@%@%@%@%@%@%@"),
         CFSTR("App"),
         CFSTR("lic"),
         CFSTR("ati"),
         CFSTR("ons/"),
         CFSTR("Cyd"),
         CFSTR("ia."),
         CFSTR("app"));
  v6 = objc_retainAutoreleasedReturnValue(v5);
  v7 = v6;
  v8 = objc_msgSend(v3, "fileExistsAtPath:", v6);
  if ( (unsigned __int8)v8 )
  {
    v9 = 1;
    v10 = 0;
    v21 = v8;
    v11 = 0;
    v22 = (void *)v8;
  }
&lt;/code&gt;&lt;/pre&gt;
&lt;p&gt;The application checks for existance of /Applications/Cydia.app&lt;/p&gt;
&lt;p&gt;Here is the code of Tweak.xm:&lt;/p&gt;
&lt;pre&gt;&lt;code&gt;%hook NSFileManager
- (BOOL)fileExistsAtPath:(NSString *)path{
    if ([path rangeOfString:@"cydia"].location == NSNotFound) {
        return %orig (path);
    } else {
        %log
        return FALSE;
    }
}
%end
&lt;/code&gt;&lt;/pre&gt;
&lt;p&gt;Although I can see from syslog that other files are being checked, I do not see that we're checking for /Applications/Cydia.app. Is this is a problem with my code or is it simply that for other reason this code is never executed?&lt;/p&gt;</t>
  </si>
  <si>
    <t>2015-04-08 10:26:49.210000+00:00</t>
  </si>
  <si>
    <t>2015-04-08 12:58:14.823000+00:00</t>
  </si>
  <si>
    <t>ios|objective-c|jailbreak|theos</t>
  </si>
  <si>
    <t>WiX Bootstrapper Disable Install button</t>
  </si>
  <si>
    <t>&lt;p&gt;I am trying to achieve to disable the Install button by default (by edition HyperlinkTheme.xml), but I couldn't find any attribute for doing that.
The reason for the data flow I am trying to approach is the following:
I added multiple checkboxes to select which msi is to be installed. In case none got checked and Install is pressed, the launcher keeps in the "Initializing" state forever it seems.
I would like to enable to Install button only if at least one checkbox is checked. Why is it so complicated/impossible to accomplish this rarely simple task?&lt;/p&gt;</t>
  </si>
  <si>
    <t>2018-04-11 13:41:38.520000+00:00</t>
  </si>
  <si>
    <t>xml|wix|installer|bootstrapper</t>
  </si>
  <si>
    <t>Use ClosedXML to show exponent value with use of superscript</t>
  </si>
  <si>
    <t>&lt;p&gt;With ClosedXML, I need to show 10 (base) with a superscript of 2.
As such it is an exponent value. I know I can do a subscript of 2 the following way:&lt;/p&gt;
&lt;pre&gt;&lt;code&gt;            ws.Cell(2, 8).Value = 2;            
            ws.Cell(2, 8).Style.Font.VerticalAlignment =  XLFontVerticalTextAlignmentValues.Superscript;
&lt;/code&gt;&lt;/pre&gt;
&lt;p&gt;But how do I show 10 which is a base in the same cell as the superscript value?
Essentially I am trying to show 2 different styles of font in the same cell. 
Hopefully this makes sense.&lt;/p&gt;
&lt;p&gt;I tried to use the following but did not get far as it show 102 instead of 2 as a superscript:&lt;/p&gt;
&lt;pre&gt;&lt;code&gt; ws.Cell(2, 8).Value = 102; 
 ws.Cell(rw, 8).RichText.Substring(2).VerticalAlignment = XLFontVerticalTextAlignmentValues.Superscript; 
&lt;/code&gt;&lt;/pre&gt;</t>
  </si>
  <si>
    <t>2017-05-31 17:53:43.260000+00:00</t>
  </si>
  <si>
    <t>2017-06-01 08:58:52.187000+00:00</t>
  </si>
  <si>
    <t>2017-05-31 18:15:39.743000+00:00</t>
  </si>
  <si>
    <t>exponent|closedxml</t>
  </si>
  <si>
    <t>On Travis CI, At what point does "cleanup" occur?</t>
  </si>
  <si>
    <t>&lt;p&gt;At what point in the build process does the deployment cleanup occur? Is it part of the &lt;code&gt;deploy&lt;/code&gt; step, or &lt;code&gt;before_deploy&lt;/code&gt;?&lt;/p&gt;
&lt;p&gt;In other words, if I want to create a tarball to deploy to Github/S3, can I assume cleanup has occurred by the time Travis will run a &lt;code&gt;tar&lt;/code&gt; command I will put in a &lt;code&gt;before_deploy&lt;/code&gt; step? Or will cleanup not happen until after my &lt;code&gt;before_deploy&lt;/code&gt; steps have run?&lt;/p&gt;</t>
  </si>
  <si>
    <t>2015-09-18 01:47:33.187000+00:00</t>
  </si>
  <si>
    <t>2015-09-18 11:13:02.813000+00:00</t>
  </si>
  <si>
    <t>travis-ci</t>
  </si>
  <si>
    <t>Android Database in my own directory</t>
  </si>
  <si>
    <t>&lt;p&gt;I'm trying to use my own database in an Android application.   Most all the topics and tutorials on this topic suggest that you can create it and open it using &lt;code&gt;SQLiteOpenHelper&lt;/code&gt;, which by default use &lt;code&gt;data/data/com.my.application/databases&lt;/code&gt; folder.  I've seen the recommendation to copy the file from &lt;code&gt;context.getAssets.open(dbname)&lt;/code&gt; to the default sqlite path.  If this is in fact the solution, what is the right path to pass my &lt;code&gt;database.db&lt;/code&gt; file?&lt;/p&gt;</t>
  </si>
  <si>
    <t>2012-03-22 17:08:18.640000+00:00</t>
  </si>
  <si>
    <t>2012-03-23 05:47:46.343000+00:00</t>
  </si>
  <si>
    <t>2012-03-22 17:43:37.320000+00:00</t>
  </si>
  <si>
    <t>android|database|sqlite|folder</t>
  </si>
  <si>
    <t>Initialize a reference to a C# shared pointer from C++ using SWIG</t>
  </si>
  <si>
    <t>&lt;p&gt;I���m trying to initialize, in C++,  a reference to a boost shared pointer passed from C#, while trying to maintain the inheritance tree. I want to be able to create a variable in C# then pass it to my DLL which will instantiate it internally (so that I can manage all memory allocation in the same context).&lt;/p&gt;
&lt;p&gt;Here���s my C++ test case (in file SwigTest.h) :&lt;/p&gt;
&lt;pre&gt;&lt;code&gt;#include &amp;lt;string&amp;gt;
#include &amp;lt;boost/shared_ptr.hpp&amp;gt;
template&amp;lt;class T&amp;gt;
using SRef = boost::shared_ptr&amp;lt;T&amp;gt;;
class FactoryClass
{
   public:
      FactoryClass() {}
      ~FactoryClass() {}
      //Normally I would only like to use the return value, but SWIG uses polymorphism to simulate templates
      //and polymorphism on the return type only is not supported by C#. (I get a Identifier 'getReference' redefined error on SwigTest.i compilation).
      //So I thought I���d pass the SRef&amp;amp; as a parameter instead of having no parameters at all.
       template &amp;lt;class  T&amp;gt;
       static SRef&amp;lt;T&amp;gt; getReference( SRef&amp;lt;T&amp;gt;&amp;amp; inout ) { inout = SRef&amp;lt;T&amp;gt;( new T(1) ); return inout; }
       void testing( int&amp;amp; toto ) {};
};
class BaseClass
{
   public:
      BaseClass() { m_flag = -1; };
      BaseClass(int i) { m_flag = i; };
      virtual ~BaseClass() {};
      virtual std::string getName() = 0;
      int m_flag;
};
class FirstClass : public BaseClass
{
   public:
      FirstClass() {};
      FirstClass(int i) : BaseClass( i ) {};
      virtual ~FirstClass() {};
      virtual std::string getName() { return "First Class"; };
};
class SecondClass : public BaseClass
{
   public:
      SecondClass() {};
      SecondClass(int i) : BaseClass( i ) {};
      virtual ~SecondClass() {};
      virtual std::string getName() { return "Second Class"; };
};
&lt;/code&gt;&lt;/pre&gt;
&lt;p&gt;Here���s my current SWIG interface file :&lt;/p&gt;
&lt;pre&gt;&lt;code&gt;%module SwigTest
%include "std_string.i"
%include "boost_shared_ptr.i"
%{
#include "../include/SwigTest.h"
%}
%shared_ptr( BaseClass );
%shared_ptr( FirstClass );
%shared_ptr( SecondClass );
%include "../include/SwigTest.h"
%template(BoostBasePtr) boost::shared_ptr&amp;lt;BaseClass&amp;gt;;
%template(SharedBase) SRef&amp;lt;BaseClass&amp;gt;;
%template(BoostFirstPtr) boost::shared_ptr&amp;lt;FirstClass&amp;gt;;
%template(SharedFirst)SRef&amp;lt;FirstClass&amp;gt;;
%template(getReference)FactoryClass::getReference&amp;lt;FirstClass&amp;gt;;
%template(BoostSecondPtr) boost::shared_ptr&amp;lt;SecondClass&amp;gt;;
%template(SharedSecond)SRef&amp;lt;SecondClass&amp;gt;;
%template(getReference)FactoryClass::getReference&amp;lt;SecondClass&amp;gt;;
&lt;/code&gt;&lt;/pre&gt;
&lt;p&gt;And here���s what works and doesn���t in C# :&lt;/p&gt;
&lt;pre&gt;&lt;code&gt;public class SwigInterface
{
   private FirstClass m_first;
   private SecondClass m_second = new SecondClass(-2);
   void TestSwig ()
   {
      m_first = FactoryClass.getReference( m_first ); //The returned reference is copied from C++
      FactoryClass.getReference( m_second ); //m_second is never changed
      FirstClass anotherFirst = new FirstClass(-1) ;
      BaseClass bc = FactoryClass.getReference( anotherFirst); //bc does equal the new instance of FirstClass but anotherFirst is not correctly replaced
       //This is the case I would ideally want to use
       SecondClass nothing ;
       FactoryClass.getReference( nothing ) ; //NullReferenceException (because the SWIG generated interface uses nothing.CPtr() to pass by pointer as it does with all refs).
    }
}
&lt;/code&gt;&lt;/pre&gt;
&lt;p&gt;I tried a lot of &lt;code&gt;%typename&lt;/code&gt; gymnastics to replace the signature of &lt;code&gt;FactoryClass.getReference( FirstClass )&lt;/code&gt; with &lt;code&gt;FactoryClass.getReference( out FirstClass )&lt;/code&gt; (or even ref FirstClass) but I can���t find a way to do it properly.&lt;/p&gt;
&lt;p&gt;In a perfect world, I would just like to generate a &lt;code&gt;void getReference&amp;lt;T&amp;gt;( ref T inout )&lt;/code&gt; in my FactoryClass in C#, but even adding the method using the SWIG &lt;code&gt;%extend&lt;/code&gt; keyword doesn't generate it because I have to instantiate every template I need.&lt;/p&gt;</t>
  </si>
  <si>
    <t>2017-07-26 08:07:06.980000+00:00</t>
  </si>
  <si>
    <t>2017-07-27 10:52:23.917000+00:00</t>
  </si>
  <si>
    <t>c#|c++|templates|swig|shared-ptr</t>
  </si>
  <si>
    <t>jQuery-file-uploader with Rails 4.0 Nested Resource</t>
  </si>
  <si>
    <t>&lt;p&gt;I have an app that has a Gallery that has_many :gallery_images&lt;/p&gt;
&lt;p&gt;I followed Ryan Bates &lt;a href="http://railscasts.com/episodes/381-jquery-file-upload" rel="nofollow"&gt;railscast&lt;/a&gt; and I got multiple images to upload. The problem im running into is geting the create.js.erb file to auto refresh the page. Here's what I got.&lt;/p&gt;
&lt;p&gt;&lt;strong&gt;gallery.rb&lt;/strong&gt;&lt;/p&gt;
&lt;pre&gt;&lt;code&gt;class Gallery &amp;lt; ActiveRecord::Base
  has_many :gallery_images, dependent: :destroy
end
&lt;/code&gt;&lt;/pre&gt;
&lt;p&gt;&lt;strong&gt;gallery_images.rb&lt;/strong&gt;&lt;/p&gt;
&lt;pre&gt;&lt;code&gt;class GalleryImage &amp;lt; ActiveRecord::Base
  belongs_to :gallery
  has_attached_file :image, 
                    :styles =&amp;gt; { :original =&amp;gt; "1600x1600&amp;gt;",
                                 :thumb =&amp;gt; "100x100#" }, 
                                 :default_url =&amp;gt; "/images/:style/missing.png"
  validates_attachment :image,
                       :presence =&amp;gt; true,
                       :content_type =&amp;gt; { :content_type =&amp;gt; ['image/jpeg'] }
end
&lt;/code&gt;&lt;/pre&gt;
&lt;p&gt;&lt;strong&gt;gallery_images_controller.rb&lt;/strong&gt;&lt;/p&gt;
&lt;pre&gt;&lt;code&gt;class GalleryImagesController &amp;lt; ApplicationController
  def create
    if signed_in?
      @gallery = Gallery.friendly.find(params[:gallery_id])
      @image = @gallery.gallery_images.create(gallery_image_params)
      redirect_to gallery_path(@gallery)
    else
      @gallery = Gallery.friendly.find(params[:gallery_id])
      redirect_to signin_url, notice: "Please sign in to add an image."
      session[:return_to] = gallery_path(@gallery)
    end
  end
  def destroy
    @gallery = Gallery.friendly.find(params[:gallery_id])
    @image = @gallery.gallery_images.find(params[:id])
    @image.destroy
    flash[:notice] = "Image removed."
    redirect_to gallery_path(@gallery)
  end
  private
    def gallery_image_params
      params.require(:gallery_image).permit(:image)
    end
end
&lt;/code&gt;&lt;/pre&gt;
&lt;p&gt;&lt;strong&gt;views/galleries/show.html.erb&lt;/strong&gt;&lt;/p&gt;
&lt;pre&gt;&lt;code&gt;&amp;lt;div id="links"&amp;gt;
  &amp;lt;%= render @gallery.gallery_images %&amp;gt;
&amp;lt;/div&amp;gt;
&amp;lt;% if current_user &amp;amp;&amp;amp; current_user.admin? %&amp;gt;
  &amp;lt;%= render "gallery_images/form" %&amp;gt;
&amp;lt;% end %&amp;gt;
&lt;/code&gt;&lt;/pre&gt;
&lt;p&gt;&lt;strong&gt;views/gallery_images/_form.html.erb&lt;/strong&gt;&lt;/p&gt;
&lt;pre&gt;&lt;code&gt;&amp;lt;%= form_for [@gallery, @gallery.gallery_images.new], html: { multipart: true } do |f| %&amp;gt;
  &amp;lt;%= f.label :image, "Upload Image:" %&amp;gt;
  &amp;lt;%= f.file_field :image, multiple: true, name: "gallery_image[image]" %&amp;gt;      
&amp;lt;% end %&amp;gt;
&lt;/code&gt;&lt;/pre&gt;
&lt;p&gt;&lt;strong&gt;javascripts/gallery_images.js.coffee&lt;/strong&gt;&lt;/p&gt;
&lt;pre&gt;&lt;code&gt;jQuery -&amp;gt;
  $('#new_gallery_image').fileupload()
  dataType: "script"
&lt;/code&gt;&lt;/pre&gt;
&lt;p&gt;&lt;strong&gt;views/gallery_images/create.js.erb&lt;/strong&gt;&lt;/p&gt;
&lt;pre&gt;&lt;code&gt;&amp;lt;% if @image.new_record? %&amp;gt;
  alert("Failed to upload image");
&amp;lt;% else %&amp;gt;
  $("#links").append("&amp;lt;%= j render(@image) %&amp;gt;");
&amp;lt;% end %&amp;gt;
&lt;/code&gt;&lt;/pre&gt;
&lt;p&gt;Thanks for the help.&lt;/p&gt;</t>
  </si>
  <si>
    <t>2013-10-22 03:19:28.857000+00:00</t>
  </si>
  <si>
    <t>2013-11-10 14:24:11.683000+00:00</t>
  </si>
  <si>
    <t>jquery|ruby-on-rails|ruby-on-rails-4|nested-forms|jquery-file-upload</t>
  </si>
  <si>
    <t>Android Proguard Obfuscation of serialized object</t>
  </si>
  <si>
    <t>&lt;p&gt;I have a serialized object which is saved in DB. This is in the previous version.&lt;/p&gt;
&lt;pre&gt;&lt;code&gt;public class Book implements Serializable{
  String id;
}
&lt;/code&gt;&lt;/pre&gt;
&lt;p&gt;In my current version I have changed the data type of &lt;code&gt;id&lt;/code&gt; to &lt;code&gt;int&lt;/code&gt;. When I update my app, I get the deserialized object back from DB but the &lt;code&gt;id&lt;/code&gt; is &lt;code&gt;0&lt;/code&gt;.&lt;/p&gt;
&lt;p&gt;I have tried to use &lt;code&gt;applymapping&lt;/code&gt; to map to the older version. But of no use.&lt;/p&gt;
&lt;p&gt;I have also added these lines in my &lt;strong&gt;progaurd.cfg&lt;/strong&gt;:&lt;/p&gt;
&lt;pre&gt;&lt;code&gt;-keepnames class * implements java.io.Serializable
-keepclassmembers class * implements java.io.Serializable {
  static final long serialVersionUID;
  private static final java.io.ObjectStreamField[] serialPersistentFields;
  !static !transient &amp;lt;fields&amp;gt;;
  private void writeObject(java.io.ObjectOutputStream);
  private void readObject(java.io.ObjectInputStream);
  java.lang.Object writeReplace();
  java.lang.Object readResolve();
}
&lt;/code&gt;&lt;/pre&gt;
&lt;p&gt;Can someone help me here? Thanks.&lt;/p&gt;</t>
  </si>
  <si>
    <t>2015-02-25 13:44:21.383000+00:00</t>
  </si>
  <si>
    <t>2015-02-25 14:07:52.613000+00:00</t>
  </si>
  <si>
    <t>android|serialization|proguard</t>
  </si>
  <si>
    <t>How to make fonts available to the LaTeX interpreter in Matlab R2013a?</t>
  </si>
  <si>
    <t>&lt;p&gt;It is possible to embed LaTeX-formatted text and equations into Matlab plots by setting the &lt;code&gt;text&lt;/code&gt; property 'Interpreter' to the value 'latex', e.g.&lt;/p&gt;
&lt;pre&gt;&lt;code&gt;text(0.1, 0.5, 'Einstein: $E = m c^2$', ...
    'Interpreter', 'latex', 'FontSize', 32)
&lt;/code&gt;&lt;/pre&gt;
&lt;p&gt;These equations appear on screen as well as in illustrations exported to eps files.&lt;/p&gt;
&lt;p&gt;Through the appropriate LaTeX commands, it is also possible to change the font from the default Computer Modern Serif to e.g. Computer Modern Typewriter&lt;/p&gt;
&lt;pre&gt;&lt;code&gt;text(0.1, 0.5, '\fontfamily{cmtt}\selectfont Einstein: $E = m c^2$', ...
    'Interpreter', 'latex', 'FontSize', 32)
&lt;/code&gt;&lt;/pre&gt;
&lt;p&gt;&lt;strong&gt;My question is:&lt;/strong&gt; Is it possible to insert additional fonts into the Matlab installation, such that these fonts become available for use with 'Interpreter' 'latex', for rendering on screen as well as producing eps files? And if yes, how?&lt;/p&gt;
&lt;h3&gt;Background&lt;/h3&gt;
&lt;p&gt;(All paths relative to the Matlab installation, &lt;code&gt;/opt/MATLAB/R2013a&lt;/code&gt; on my Linux system.)&lt;/p&gt;
&lt;p&gt;Matlab includes a customized version of the (La)TeX interpreter. It is called via a frontend m-file called &lt;code&gt;tex.m&lt;/code&gt; in &lt;code&gt;toolbox/matlab/graphics&lt;/code&gt; which takes LaTeX code as an argument and returns dvi data within its output argument. The customized LaTeX installation is found in &lt;code&gt;sys/tex&lt;/code&gt; and includes TeX font metric files under &lt;code&gt;sys/tex/tfm&lt;/code&gt;.&lt;/p&gt;
&lt;p&gt;I do not have any information on the parts of Matlab that render this dvi. However, font data for rendering are found under &lt;code&gt;sys/fonts/ttf&lt;/code&gt; and &lt;code&gt;sys/fonts/type1&lt;/code&gt;.&lt;/p&gt;
&lt;p&gt;Making additional fonts usable therefore consists of two parts: Making it available for the LaTeX interpreter, and making it available for the rendering function. The first part can be tackled by manipulating &lt;code&gt;tex.m&lt;/code&gt;, such that it generates the dvi through an independent regular installation of LaTeX, and installing the font to this LaTeX in the usual way (e.g. font packages). See &lt;a href="http://undocumentedmatlab.com/blog/matlab-latex-interface/#comment-209656" rel="nofollow noreferrer"&gt;undocumentedmatlab&lt;/a&gt;.&lt;/p&gt;
&lt;p&gt;The second part of the question is therefore the crucial one: How to insert additional fonts into &lt;code&gt;sys/fonts/ttf&lt;/code&gt; and &lt;code&gt;sys/fonts/type1&lt;/code&gt; such that they become usable by the dvi renderer component of Matlab.&lt;/p&gt;
&lt;h3&gt;Concrete case&lt;/h3&gt;
&lt;p&gt;I tried to concretely solve the second problem for a special case: The Computer Modern Sans font is included in the Matlab-LaTeX installation through &lt;code&gt;tex/tfm/cmss10.tfm&lt;/code&gt;, but the corresponding ttf and pfb-files are missing from &lt;code&gt;sys/fonts&lt;/code&gt; such that it does not get rendered.&lt;/p&gt;
&lt;p&gt;Matlab's collection of ttf-files does not appear to have some kind of inventory. I therefore simply copied the file &lt;code&gt;cmss10.ttf&lt;/code&gt; from an installation of matplotlib to &lt;code&gt;sys/fonts/ttf/cm/mwa_cmss10.ttf&lt;/code&gt;, following the file and folder naming conventions of the other files present. This procedure was reported to be working on &lt;a href="http://www.alecjacobson.com/weblog/?p=2775" rel="nofollow noreferrer"&gt;Alec's Web Log&lt;/a&gt; for Matlab 2011b on Max OS X, but on my system it has no effect, neither for screen display nor eps export.&lt;/p&gt;
&lt;p&gt;Matlab's collection of type1 fonts has a complex inventory, distributed over files &lt;code&gt;fonts.dir&lt;/code&gt;, &lt;code&gt;fonts.scale&lt;/code&gt;, &lt;code&gt;encodings.dir&lt;/code&gt; and a folder &lt;code&gt;encodings&lt;/code&gt; full of enc-files. Again I found cmss10.pfb, this time from a TeXlive installation, renamed and copied it, and made entries in the inventory files following the example of the other fonts listed. Again, this procedure has no effect at all.&lt;/p&gt;
&lt;p&gt;Does anyone know more about how Matlab uses ttf and pfb-files, and can give me a hint on how to make the cmss10-files accessible to Matlab rendering? Or does anyone have a suggestion how to debug this and find out more about the &lt;a href="http://www.mathworks.com/matlabcentral/newsreader/view_thread/330973" rel="nofollow noreferrer"&gt;inner workings&lt;/a&gt; of Matlab's LaTeX support?&lt;/p&gt;</t>
  </si>
  <si>
    <t>2013-10-17 19:46:48.167000+00:00</t>
  </si>
  <si>
    <t>2015-07-28 10:07:10.627000+00:00</t>
  </si>
  <si>
    <t>2013-10-19 19:05:07.337000+00:00</t>
  </si>
  <si>
    <t>matlab|fonts|latex</t>
  </si>
  <si>
    <t>Why am I getting these PHP Warning: simplexml_load_string</t>
  </si>
  <si>
    <t>&lt;p&gt;I am writing a jQuery Translation Plugin. My first iteration passed an array of strings to translate. Although this worked fine, it was dreadfully slow. I modified the plugin to pass a single word at a time. Both routines use ajax to call the PHP Translate function shown below. I have checked to ensure the ajax calls are working and properly passing the words. I have also checked answers relating to the warnings to no avail.&lt;/p&gt;
&lt;p&gt;After the first word is translated, I get the following messages that repeat for each word. I also get a couple of curl errors complaining it could not connect to host (Translate-Exception: curl=couldn't connect to host) after numerous warnings.&lt;/p&gt;
&lt;p&gt;&lt;strong&gt;Warnings&lt;/strong&gt;&lt;/p&gt;
&lt;blockquote&gt;
  &lt;p&gt;Startseite (the first word is translated correctly)&lt;/p&gt;
  &lt;p&gt;Warning: simplexml_load_string() [function.simplexml-load-string]: Entity: line 1: parser error : Space required after the Public Identifier in D:\hshome\c287577\test.bunkerhill.com\php\translate.php on line 170&lt;/p&gt;
  &lt;p&gt;Warning: simplexml_load_string() [function.simplexml-load-string]: http://www.w3.org/TR/html4/str in D:\hshome\c287577\test.bunkerhill.com\php\translate.php on line 170&lt;/p&gt;
  &lt;p&gt;Warning: simplexml_load_string() [function.simplexml-load-string]: ^ in D:\hshome\c287577\test.bunkerhill.com\php\translate.php on line 170&lt;/p&gt;
  &lt;p&gt;Warning: simplexml_load_string() [function.simplexml-load-string]: Entity: line 3: parser error : Opening and ending tag mismatch: META line 3 and HEAD in D:\hshome\c287577\test.bunkerhill.com\php\translate.php on line 170&lt;/p&gt;
  &lt;p&gt;Warning: simplexml_load_string() [function.simplexml-load-string]:  in D:\hshome\c287577\test.bunkerhill.com\php\translate.php on line 170&lt;/p&gt;
&lt;/blockquote&gt;
&lt;p&gt;&lt;strong&gt;PHP&lt;/strong&gt;&lt;/p&gt;
&lt;pre&gt;&lt;code&gt;public function Translate() {
    try {
        if (!empty($_POST['text']))
            $text = $_POST['text'];
          else
            throw new RuntimeException('Programmer Error: text to translate not found or is empty!');
        $auth = new AccessTokenAuthentication();
        $authHeader=$auth-&amp;gt;authenticate();
        $fromLanguage = empty($_POST['fromLang']) ? substr($_SERVER['HTTP_ACCEPT_LANGUAGE'], 0, 2) : $_POST['fromLang'];
        $toLanguage = empty($_POST['toLang']) ? substr($_SERVER['HTTP_ACCEPT_LANGUAGE'], 0, 2) : $_POST['toLang'];
        $contentType  = 'text/plain';
        $category     = 'general';
        //Create the Translator Object.
        $translatorObj = new HTTPTranslator();
        //$translated = array();
        //foreach ($elements as $element) {
            $params = "text=".$text."&amp;amp;to=".$toLanguage."&amp;amp;from=".$fromLanguage;
            $translateUrl = "http://api.microsofttranslator.com/v2/Http.svc/Translate?$params";
            //Get the curlResponse.
            $curlResponse = $translatorObj-&amp;gt;curlRequest($translateUrl, $authHeader);
            //Interprets a string of XML into an object.
            $xmlObj = simplexml_load_string($curlResponse);
            echo $xmlObj[0];
            /*  unset($translatorObj);
            foreach((array)$xmlObj[0] as $val){
                array_push($translated, $val);
            }
          } end-foreach 
               echo json_encode($translated);
           */
    }
    catch (Exception $e) {
            echo "Translate-Exception: " . $e-&amp;gt;getMessage() . PHP_EOL;
    }
}
&lt;/code&gt;&lt;/pre&gt;
&lt;p&gt;&lt;strong&gt;CURL CODE&lt;/strong&gt;&lt;/p&gt;
&lt;pre&gt;&lt;code&gt;function curlRequest($url, $authHeader, $postData='')
{
    //Initialize the Curl Session.
    $ch = curl_init();
    //Set the Curl url.
    curl_setopt ($ch, CURLOPT_URL, $url);
    //Set the HTTP HEADER Fields.
    curl_setopt ($ch, CURLOPT_HTTPHEADER, array($authHeader,"Content-Type: text/xml"));
    //CURLOPT_RETURNTRANSFER- TRUE to return the transfer as a string of the return value of curl_exec().
    curl_setopt ($ch, CURLOPT_RETURNTRANSFER, TRUE);
    //CURLOPT_SSL_VERIFYPEER- Set FALSE to stop cURL from verifying the peer's certificate.
    curl_setopt ($ch, CURLOPT_SSL_VERIFYPEER, False);
    if($postData) {
        //Set HTTP POST Request.
        curl_setopt($ch, CURLOPT_POST, TRUE);
        //Set data to POST in HTTP "POST" Operation.
        curl_setopt($ch, CURLOPT_POSTFIELDS, $postData);
    }
    //Execute the  cURL session.
    $curlResponse = curl_exec($ch);
    //Get the Error Code returned by Curl.
    $curlErrno = curl_errno($ch);
    if ($curlErrno) {
        $curlError = curl_error($ch);
        throw new Exception('curl='.$curlError);
    }
    //Close a cURL session.
    curl_close($ch);
    if (trim($curlResponse)=='') echo 'c-ressp='.$curlResponse;
    return $curlResponse;
}
&lt;/code&gt;&lt;/pre&gt;
&lt;p&gt;It seems there is some kind of timing issue, but I cannot identify it. Hopefully someone out there has experienced a similar problem and can shed some light on this painful situation.&lt;/p&gt;</t>
  </si>
  <si>
    <t>2016-01-29 18:46:34.427000+00:00</t>
  </si>
  <si>
    <t>2016-01-30 17:28:27.930000+00:00</t>
  </si>
  <si>
    <t>2016-01-29 18:47:09.667000+00:00</t>
  </si>
  <si>
    <t>php|jquery|ajax|curl</t>
  </si>
  <si>
    <t>How can I bind my Azure Functions return value to a output?</t>
  </si>
  <si>
    <t>&lt;p&gt;When using Azure Functions is it possible to bind my outputs to the return value of my function?&lt;/p&gt;</t>
  </si>
  <si>
    <t>2016-11-03 18:42:11.447000+00:00</t>
  </si>
  <si>
    <t>azure|azure-functions</t>
  </si>
  <si>
    <t>Copying whole object graph - copy a relation</t>
  </si>
  <si>
    <t>&lt;p&gt;I have a model with 2 entities: RealEstate and Container&lt;/p&gt;
&lt;p&gt;Containers object are already saved onto the persistent store with the following hierarchy:&lt;/p&gt;
&lt;pre&gt;&lt;code&gt;Container 1
    Container 2
    Container 3
Container 4
    Container 5
        Container 6
&lt;/code&gt;&lt;/pre&gt;
&lt;p&gt;Each container has a RealEstate owner (in a given hierarchy the realEstate is always the same)
Now I would like create a copy of this hierarchy changing for  each containers the owner realEstate.
After some tests it seems to me that it's not a trivial problem.&lt;/p&gt;
&lt;p&gt;This is a simplified scheme of the model:&lt;/p&gt;
&lt;pre&gt;&lt;code&gt;RealEstate (entity)
-------------------
name (string attribute)
containers (relation)
Container (entity)
------------------
level (int attribute)
name (string attribute)
parent (self relation to another container)
subcontainers (relation - set of containers)
realEstate (relation)
&lt;/code&gt;&lt;/pre&gt;
&lt;p&gt;Basically each containers has a subcontainers relation with self, and a parent relation so for example
Container 1 has no parent but subcontainers=[container 2, container 3] etc...&lt;/p&gt;
&lt;p&gt;I have 2 questions:&lt;/p&gt;
&lt;ul&gt;
&lt;li&gt;if I want to copy a single attribute (NSNumber) should I copy the attribute before assign it to the copied container with something like [newContainer setLevel:[[container level] copy]] because NSNumber is actually a pointer, or it's ok to assign [newContainer setLevel:[container level]] ??&lt;/li&gt;
&lt;li&gt;how to copy a relation??  I cannot simply copy the subcontainers with [newContainer setSubcontainers:[container subcontainers]] !!&lt;/li&gt;
&lt;/ul&gt;
&lt;p&gt;This is what I'm doing:&lt;/p&gt;
&lt;pre&gt;&lt;code&gt;- (void)copyContainersFromRealEstate:(RealEstate *)sourceRealEstate toRealEstate:(RealEstate *)destinationRealEstate {
    // read all RealEstate Containers to copy
 NSFetchRequest *request = [[NSFetchRequest alloc] init];
 NSPredicate *predicate = [NSPredicate predicateWithFormat:@"realEstate == %@", sourceRealEstate];
 [request setPredicate:predicate];
 [request setEntity: [ NSEntityDescription entityForName:@"Container"
                 inManagedObjectContext:destinationRealEstate.managedObjectContext] ];
 NSError *error;
 NSArray *results = [destinationRealEstate.managedObjectContext executeFetchRequest:request 
                          error:&amp;amp;error];
 if (results == nil) {
      NSLog(@"Unresolved error %@, %@", error, [error userInfo]);
      abort();
 }
 [request release];
    // *******************************************************
 // copy each caontainer changing the real estate
 Container *newContainer;
 for (Container *container in results) {
      newContainer = (Container *)[NSEntityDescription insertNewObjectForEntityForName:@"Container" 
                 inManagedObjectContext:destinationRealEstate.managedObjectContext];
      [newContainer setRealEstate:destinationRealEstate];
      [newContainer setLevel:[container level]];
      [newContainer setSubcontainers:[container subcontainers]];  // WRONG
      [newContainer setName:[container name]];
      [newContainer setParent:[container parent]];  // WRONG
 }
    // *******************************************************
&lt;/code&gt;&lt;/pre&gt;
&lt;p&gt;}&lt;/p&gt;
&lt;p&gt;Any help will be appreciated.
Thanks&lt;/p&gt;</t>
  </si>
  <si>
    <t>2010-02-14 10:02:17.783000+00:00</t>
  </si>
  <si>
    <t>2010-02-16 07:51:11.470000+00:00</t>
  </si>
  <si>
    <t>iphone|core-data|copy|entity-relationship</t>
  </si>
  <si>
    <t>Inno Setup: How to dynamically add files to the installation?</t>
  </si>
  <si>
    <t>&lt;p&gt;Is there a way to dynamically fill the &lt;code&gt;[Dirs]&lt;/code&gt; and &lt;code&gt;[Files]&lt;/code&gt; sections of an Inno Setup script?&lt;/p&gt;
&lt;p&gt;Here is what I am trying to do:&lt;/p&gt;
&lt;ol&gt;
&lt;li&gt;&lt;p&gt;during the install process, the user will select &lt;em&gt;foo&lt;/em&gt; (&lt;em&gt;foo&lt;/em&gt; matches a repository to get from our SCM)&lt;/p&gt;&lt;/li&gt;
&lt;li&gt;&lt;p&gt;Setup will run a batch to checkout &lt;em&gt;foo&lt;/em&gt; from our SCM&lt;/p&gt;&lt;/li&gt;
&lt;li&gt;&lt;p&gt;then the content of &lt;em&gt;foo&lt;/em&gt; must be added to the &lt;code&gt;[Dirs]&lt;/code&gt; and &lt;code&gt;[Files]&lt;/code&gt; sections of the script&lt;/p&gt;&lt;/li&gt;
&lt;/ol&gt;
&lt;p&gt;Everything works fine except for the last step. I searched around and couldn't find explanations on how to do this. I have the feeling that my script should embed all the repositories of our SCM to then be able to copy only the selected ones to the destination directory.&lt;/p&gt;
&lt;p&gt;Thanks for your help!&lt;/p&gt;
&lt;p&gt;Regards,&lt;/p&gt;</t>
  </si>
  <si>
    <t>2017-03-09 15:30:27.210000+00:00</t>
  </si>
  <si>
    <t>2017-03-10 13:29:13.817000+00:00</t>
  </si>
  <si>
    <t>2017-03-09 15:46:28.363000+00:00</t>
  </si>
  <si>
    <t>inno-setup|pascalscript|istool</t>
  </si>
  <si>
    <t>How to keep the column left aligned in perl</t>
  </si>
  <si>
    <t>&lt;p&gt;I have a file, in which i need to sequentially order one of the column. I have ordered the same but facing alignment problem with few of the rows. I am not getting how to keep the column aligned.&lt;/p&gt;
&lt;p&gt;Following is my reference file where I am concentrating on only 6th column:&lt;/p&gt;
&lt;pre&gt;&lt;code&gt;ATOM      1  CA  GLY P  12       9.393  37.464  31.388  0.00  0.00      P1    
ATOM      2  CA  SER P  13      12.158  39.603  32.954  0.00  0.00      P1
ATOM      3  CA  VAL P  52      41.104  47.186  31.473  0.00  0.00      P1    
ATOM      4  CA  GLN P 164      36.217  27.890  29.620  0.00  0.00      P1    
ATOM      5  CA  GLN P 165      34.809  29.586  32.649  0.00  0.00      P1    
ATOM      6  CA  GLY P  12      10.007  25.374  54.523  0.00  0.00      P2    
ATOM      7  CA  SER P  13      13.212  23.440  53.698  0.00  0.00      P2    
ATOM      8  CA  ASP P  14      16.884  24.084  54.463  0.00  0.00      P2   
&lt;/code&gt;&lt;/pre&gt;
&lt;p&gt;Following is my code:&lt;/p&gt;
&lt;pre&gt;&lt;code&gt;#!/usr/bin/perl
use warnings;
use strict;
open (DATA, "&amp;lt;try.pdb") or die "not";
open (FILE,"&amp;gt;file.txt") or die "no";
my $n=11;
foreach my $line1 (&amp;lt;DATA&amp;gt;){
if ($line1 =~ m/^ATOM\s+\d+\s+[A-Z]+\s+[A-Z]+\s+P\s+(\d+)/){
$line1 =~ s/$1/$n/g;
print FILE $line1;
}
$n++;
}
&lt;/code&gt;&lt;/pre&gt;
&lt;p&gt;Following is my output where alignment for 4th and 5th row got changed because in reference file there were three digit numbers.&lt;/p&gt;
&lt;pre&gt;&lt;code&gt;ATOM      1  CA  GLY P  12       9.393  37.464  31.388  0.00  0.00      P1    
ATOM      2  CA  SER P  13      12.158  39.603  32.954  0.00  0.00      P1   
ATOM     41  CA  VAL P  14      41.104  47.186  31.473  0.00  0.00      P1    
ATOM    153  CA  GLN P 15      36.217  27.890  29.620  0.00  0.00      P1    
ATOM    154  CA  GLN P 16      34.809  29.586  32.649  0.00  0.00      P1    
ATOM    155  CA  GLY P  17      10.007  25.374  54.523  0.00  0.00      P2    
ATOM    156  CA  SER P  18      18.212  23.440  53.698  0.00  0.00      P2    
ATOM    157  CA  ASP P  19      16.884  24.084  54.463  0.00  0.00      P2
&lt;/code&gt;&lt;/pre&gt;</t>
  </si>
  <si>
    <t>2016-02-05 12:54:03.593000+00:00</t>
  </si>
  <si>
    <t>2016-02-05 13:30:44.700000+00:00</t>
  </si>
  <si>
    <t>regex|perl</t>
  </si>
  <si>
    <t>Rails - Connecting to MySQL as root</t>
  </si>
  <si>
    <t>&lt;p&gt;I am currently using MySQL for my Rails application. In my database.yml, I have the following:&lt;/p&gt;
&lt;pre&gt;&lt;code&gt;production:
  adapter: mysql2
  database: application_name_production
  username: root
  password: password
  host: localhost
&lt;/code&gt;&lt;/pre&gt;
&lt;p&gt;I'm wondering, is it ok to connect to the database as user root? Will it be any less secure than using another user other than root?&lt;/p&gt;</t>
  </si>
  <si>
    <t>2012-08-10 09:39:11.933000+00:00</t>
  </si>
  <si>
    <t>2012-08-10 12:23:27.070000+00:00</t>
  </si>
  <si>
    <t>mysql|ruby-on-rails|ruby-on-rails-3|mysql2</t>
  </si>
  <si>
    <t>Replace first element in every tuple of a list with a number DrRacket Scheme</t>
  </si>
  <si>
    <t>&lt;p&gt;I want to take a list such as the following:&lt;br&gt;
    '((R.1) (R.5) (R.2) (R.4) (p.3) (t.6) (R.7))
&lt;br&gt; and replace the letters with numbers as follows:
&lt;br&gt;&lt;/p&gt;
&lt;ol&gt;
&lt;li&gt;R&lt;/li&gt;
&lt;li&gt;p&lt;/li&gt;
&lt;li&gt;t&lt;/li&gt;
&lt;/ol&gt;</t>
  </si>
  <si>
    <t>2018-04-22 21:39:54.580000+00:00</t>
  </si>
  <si>
    <t>2018-04-22 22:16:45.943000+00:00</t>
  </si>
  <si>
    <t>list|tuples|scheme|racket</t>
  </si>
  <si>
    <t>JAVA - readfile and put it on arraylist</t>
  </si>
  <si>
    <t>&lt;p&gt;i am doing a self project to help me understand more about java.but i am stuck at this question.
I have a following txt file :&lt;/p&gt;
&lt;pre&gt;&lt;code&gt;Name  Hobby 
Susy  eat fish 
Anna  gardening
Billy bowling with friends
&lt;/code&gt;&lt;/pre&gt;
&lt;p&gt;What is the best way to read all the line and put it in arraylist(name,hobby). but the tricky part is the &lt;/p&gt;
&lt;blockquote&gt;
  &lt;p&gt;eat fish or bowling with friends&lt;/p&gt;
&lt;/blockquote&gt;
&lt;p&gt;has white spaces and it must be put under one array and obviously i cannot hardcode it. 
here is my current code&lt;/p&gt;
&lt;pre&gt;&lt;code&gt;public void openFile(){
    try{
        x = new Scanner(new File("D://practice.txt"));
    }catch (Exception e){
        System.out.println("File could not be found");
    }
}
public void readFile(){
    while (x.hasNextLine()){
        x.nextLine();
        if (x.hasNext()){
            listL.add(x.next());
        } else {
            listL.add("");
        }
        if (x.hasNext()){
            listR.add(x.next());
        } else {
            listR.add("");
        }
    }
}
&lt;/code&gt;&lt;/pre&gt;
&lt;p&gt;thanks in advance...
note = 1.hobby and name are separated by spaces
       2.names will only have one word only&lt;/p&gt;</t>
  </si>
  <si>
    <t>2013-10-24 17:59:02.703000+00:00</t>
  </si>
  <si>
    <t>2013-10-24 18:17:00.763000+00:00</t>
  </si>
  <si>
    <t>2013-10-24 18:10:46.707000+00:00</t>
  </si>
  <si>
    <t>java|arraylist|readfile</t>
  </si>
  <si>
    <t>How to check if no two lines containing the same strings in VIM</t>
  </si>
  <si>
    <t>&lt;p&gt;I would like to know how am I gonna be able to check if in my 1000 lines txt-file, no two lines have the same pattern. in the third section, namely, "CF.Name" i.e. I have something like :&lt;/p&gt;
&lt;pre&gt;&lt;code&gt; APPNAME            NO  CF.Name
 automotive_bitcount 1 -funsafe-math-optimizations -fno-guess-branch-probability    
 automotive_bitcount 1  -fno-guess-branch-probability   -fno-inline-functions -funroll-all-loops -O2 
 security_blowfish_e 2 -funsafe-math-optimizations  -fno-ivopts    -O2
 security_blowfish_e 2 -funsafe-math-optimizations  -fno-ivopts -fno-tree-loop-optimize  -funroll-all-loops -O2
&lt;/code&gt;&lt;/pre&gt;
&lt;p&gt;and so on. Just wanna make sure all the generated CF.Name are different from each other.&lt;/p&gt;</t>
  </si>
  <si>
    <t>2014-02-25 14:04:57.157000+00:00</t>
  </si>
  <si>
    <t>2014-02-25 16:55:38.903000+00:00</t>
  </si>
  <si>
    <t>vim|find|pattern-matching</t>
  </si>
  <si>
    <t>ibgtop function glibtop_get_cpu() information breaks down if a processor is disabled</t>
  </si>
  <si>
    <t>&lt;p&gt;I am pretty much a first timer at this so please feel free to tell where I have not followed correct procedure. I will do better next time..&lt;/p&gt;
&lt;p&gt;My claim: libgtop function glibtop_get_cpu() information breaks down if a processor is disabled.&lt;/p&gt;
&lt;p&gt;My environment: I have disabled processor #1 (0,1,2,3) for a hardware issue I have with a motherboard. Since that time, and presumably as a result, gnome-system-monitor now reports the machine as having 3 cpus (which is correct) and calls them CPU1, CPU2 and CPU3 (not wild about the labels used here but we can discuss that another time). The more important problem is that the CPU values for CPU2 and CPU3 are always zero. When I compare the CPU of gnome-system-monitor to ���top��� (using the ���1��� key to get individual processors), they don���t match. When I say don���t match, ���top��� values are non-zero, while gnome-system-monitor values are zero.&lt;/p&gt;
&lt;p&gt;���top��� reports %Cpu0, 2 and 3. No sign of CPU 1. More important, the numeric values for these labels are non-zero. When I use the ���stress��� command, the values move around as expected. ���top��� indicates the individual processors are at 100% while gnome-system-monitor says 0.&lt;/p&gt;
&lt;p&gt;Summary so far: ���top��� gives plausible figures for CPU while gnome-system-monitor does not. On my system, I have disabled CPU 1 (0 index) and see that CPU2 (1 index) and CPU3 (1 index) have zero CPU.&lt;/p&gt;
&lt;p&gt;I have been reading and modifying the code in gnome-system-monitor to explore where these values are coming from and I have determined that there is nothing ���wrong��� with gnome-system-monitor program per se; at least as far as the numeric values for CPU are concerned. This is because the data gnome-system-monitor uses is coming from libgtop library and specifically the glibtop_get_cpu() function. The resulting data returned by glibtop_get_cpu() is zero for all indexes of 1 (0 index ��� this is in the C++ code) or greater.&lt;/p&gt;
&lt;p&gt;It seems to me, I need to see how glibtop_get_cpu() works, but I have had no luck finding the source to glibtop_get_cpu(). What should I do next? The library I am using is 2.38.0-2ubuntu0.18.04.1 ��� on Ubuntu 18.04.1. Happy to try any suggestions. I probably won���t know how to do what you suggest, but I can learn.&lt;/p&gt;
&lt;p&gt;Should I raise a bug? I would like to go deeper than this on the first pass if possible. I was hoping to  look at the problem and propose a fix but at the moment, I am stuck.  &lt;/p&gt;
&lt;p&gt;&lt;strong&gt;Edit!&lt;/strong&gt; (improvements suggested to the original question)&lt;/p&gt;
&lt;p&gt;Incorrect output:&lt;/p&gt;
&lt;pre&gt;&lt;code&gt;# echo 1 &amp;gt; /sys/devices/system/cpu/cpu1/online // bring all cpu online for the base case
$ ./test_get_cpu
glibtop_sysinfo()-&amp;gt;ncpu is 4
xcpu_total[0] is 485898
xcpu_total[1] is 1532
xcpu_total[2] is 484263
xcpu_total[3] is 487052
$
# echo 0 &amp;gt; /sys/devices/system/cpu/cpu1/online // take cpu1 offline again
$ ./test_get_cpu
glibtop_sysinfo()-&amp;gt;ncpu is 3        // ncpu is correct
xcpu_total[0] is 501416
$
# echo 1 &amp;gt; /sys/devices/system/cpu/cpu1/online  // bring cpu1 online
# echo 0 &amp;gt; /sys/devices/system/cpu/cpu2/online      // ��� and take cpu2 offline
$ ./test_get_cpu
glibtop_sysinfo()-&amp;gt;ncpu is 3
xcpu_total[0] is 508264
xcpu_total[1] is 5416
$
&lt;/code&gt;&lt;/pre&gt;
&lt;p&gt;Interpretation: As anticipated, taking 'cpu2' offline means we can't see 'cpu3' in the glibtop_get_cpu() result. By induction, (risky) I think that it we take 'cpu' offline, we will not get any statistics for all 'cpu' and higher.&lt;/p&gt;
&lt;p&gt;That is my evidence for something wrong with glibtop_get_cpu().&lt;/p&gt;
&lt;p&gt;My Code:&lt;/p&gt;
&lt;pre&gt;&lt;code&gt;#include &amp;lt;iostream&amp;gt;
using namespace std;
#include &amp;lt;glibtop/cpu.h&amp;gt;
#include &amp;lt;glibtop/sysinfo.h&amp;gt;
main() {
  const glibtop_sysinfo * sysinfo = glibtop_get_sysinfo();
  glibtop_cpu cpu;
  glibtop_get_cpu(&amp;amp;cpu);
  cout &amp;lt;&amp;lt; "glibtop_sysinfo()-&amp;gt;ncpu is " &amp;lt;&amp;lt; sysinfo-&amp;gt;ncpu &amp;lt;&amp;lt; endl;
  //for (int i=0;i&amp;lt;sysinfo-&amp;gt;ncpu;++i) { // e.g. ncpu might be 3 if one processor disabled on a quad core
  for (int i=0;i&amp;lt;GLIBTOP_NCPU;++i) { // Alternatively, look through 1024 slots
    if (cpu.xcpu_total[i] != 0) {
      cout &amp;lt;&amp;lt; "xcpu_total[" &amp;lt;&amp;lt; i &amp;lt;&amp;lt; "] is " &amp;lt;&amp;lt; cpu.xcpu_total[i] &amp;lt;&amp;lt; endl;
    }
  }
}
&lt;/code&gt;&lt;/pre&gt;</t>
  </si>
  <si>
    <t>2018-11-29 06:51:18.403000+00:00</t>
  </si>
  <si>
    <t>2018-12-01 00:57:24.160000+00:00</t>
  </si>
  <si>
    <t>2018-12-01 00:51:35.460000+00:00</t>
  </si>
  <si>
    <t>Converting "document.getElementById" into jQuery</t>
  </si>
  <si>
    <t>&lt;p&gt;I've been thinking/searching for an equivalent of the problem that I am having below, and nothing could be found. 
Is there a way I can rewrite this to work with jQuery as an alternative?&lt;/p&gt;
&lt;p&gt;&lt;strong&gt;First half of the code.&lt;/strong&gt;&lt;/p&gt;
&lt;pre&gt;&lt;code&gt;&amp;lt;a href="link.php?test=true" onclick="request(this)" target="_blank"&amp;gt;
&amp;lt;a id="step2" href="javascript:alert('NOT FINISHED!');"&amp;gt;
&lt;/code&gt;&lt;/pre&gt;
&lt;p&gt;&lt;strong&gt;Second half of the code.&lt;/strong&gt;&lt;/p&gt;
&lt;pre&gt;&lt;code&gt;&amp;lt;script language="javascript"&amp;gt;
var requests = 16;
function request(self)
{if(self.href != "#")
requests -= 1;
self.childNodes[0].src = "images/clear.gif";
if(requests === 0)
document.getElementById("step2").href = "next.php";}
&amp;lt;/script&amp;gt;
&lt;/code&gt;&lt;/pre&gt;
&lt;p&gt;Whereas I want to do a jQuery var request type thing. I want &lt;code&gt;onclick="request(this)&lt;/code&gt; to work with my jQuery.&lt;/p&gt;</t>
  </si>
  <si>
    <t>2009-09-11 23:49:07.487000+00:00</t>
  </si>
  <si>
    <t>2012-01-25 18:19:54.697000+00:00</t>
  </si>
  <si>
    <t>2009-09-12 00:22:48.743000+00:00</t>
  </si>
  <si>
    <t>javascript|jquery|function|href</t>
  </si>
  <si>
    <t>Why do I get "Premature end of script headers" from my CGI proxy?</t>
  </si>
  <si>
    <t>&lt;p&gt;I have CGI proxy that works on my localhost, but when I try to get it work on another server I get Premature end of script headers. I have included the source below. I also tried print header instead of the text/xml and it worked localhost but it failed on the server.&lt;/p&gt;
&lt;pre&gt;&lt;code&gt;use strict;
#use warnings;
use CGI qw(:standard);
use CGI::Carp qw(fatalsToBrowser);
use HTTP::Request::Common qw(POST);
use HTTP::Request::Common;
use LWP::UserAgent;
use URI::Escape; 
use Data::Dumper;
my $url = param('url');
sub writeXML($) {
    my $response = shift @_;
    if ($response-&amp;gt;is_success) {
        print CGI-&amp;gt;header('text/xml');
        print $response-&amp;gt;content;
        print STDERR "content response:#" . $response-&amp;gt;content . "#\n";
    }
    else {
        print STDERR "Status Code: " . $response-&amp;gt;status_line . "\n"; 
        print STDERR Dumper ($response);
    }
}
sub makeRequest(){
    if ($url){
        my $ua = LWP::UserAgent-&amp;gt;new;
        my $response = $ua-&amp;gt;request(GET $url);
        if ($response){
            writeXML($response);
        }
        else{
            print STDERR "No response exists";
        }
    }
    else{
        print STDERR "URL must be specified";
    }
}
makeRequest();
0;
__END__
&lt;/code&gt;&lt;/pre&gt;</t>
  </si>
  <si>
    <t>2010-01-29 18:51:20.720000+00:00</t>
  </si>
  <si>
    <t>2010-01-29 21:51:29.040000+00:00</t>
  </si>
  <si>
    <t>2010-01-29 20:33:35.170000+00:00</t>
  </si>
  <si>
    <t>perl|proxy|cgi|header</t>
  </si>
  <si>
    <t>why do some languages require function to be declared in code before calling?</t>
  </si>
  <si>
    <t>&lt;p&gt;Suppose you have this pseudo-code&lt;/p&gt;
&lt;pre&gt;&lt;code&gt;do_something();
function do_something(){
   print "I am saying hello.";
}
&lt;/code&gt;&lt;/pre&gt;
&lt;p&gt;Why do some programming languages require the call to do_something() to appear below the function declaration in order for the code to run?&lt;/p&gt;</t>
  </si>
  <si>
    <t>2010-01-28 05:49:34.823000+00:00</t>
  </si>
  <si>
    <t>2012-08-08 10:44:48.803000+00:00</t>
  </si>
  <si>
    <t>programming-languages|scope|comparison|lexer|language-comparisons</t>
  </si>
  <si>
    <t>Empty array with twitter rest get user_timeline</t>
  </si>
  <si>
    <t>&lt;p&gt;I'm trying to play with the twitter API. I did the oauth process, but when trying to get the user_timeline I get an empty array (but no authentication error, the http response is 200).
Any reason why this can happen?&lt;/p&gt;
&lt;p&gt;this is the http response I get (I removed all oauth data...)&lt;/p&gt;
&lt;pre&gt;&lt;code&gt;{'status': '200', 'x-ratelimit-remaining': '337', 'content-location': u'http://api.twitter.com/1/statuses/user_timeline.json?oauth_body_hash=....', 'x-transaction': '346e76fdbb36e2d8', 'set-cookie': 'guest_id="v1:134652550000237401"; Expires=Mon, 1-Sep-2014 18:51:40 GMT; Path=/; Domain=.twitter.com, lang=en', 'expires': 'Tue, 31 Mar 1981 05:00:00 GMT', 'x-access-level': 'read-write', 'content-length': '2', 'server': 'tfe', 'last-modified': 'Sat, 01 Sep 2012 18:51:40 GMT', 'x-ratelimit-limit': '350', 'pragma': 'no-cache', 'cache-control': 'no-cache, no-store, must-revalidate, pre-check=0, post-check=0', 'date': 'Sat, 01 Sep 2012 18:51:40 GMT', 'x-frame-options': 'SAMEORIGIN', 'content-type': 'application/json;charset=utf-8', '-content-encoding': 'gzip', 'x-ratelimit-class': 'api_identified', 'x-ratelimit-reset': '1346526376'}
&lt;/code&gt;&lt;/pre&gt;
&lt;p&gt;but the content is just an empty array (in json format)&lt;/p&gt;
&lt;p&gt;thanks.&lt;/p&gt;</t>
  </si>
  <si>
    <t>2012-09-01 18:57:02.250000+00:00</t>
  </si>
  <si>
    <t>2012-09-01 19:40:02.667000+00:00</t>
  </si>
  <si>
    <t>twitter</t>
  </si>
  <si>
    <t>Debian Webserver and PHP Difficulties</t>
  </si>
  <si>
    <t>&lt;p&gt;I resently have a problem with my webserver. I'm running
multiple vhosts on my Debian Wheezy 7 webserver.
But somehow I get an "500 Internal Server Error"  when I 
request PHP files.. for example index.php .   Also the Apache2 
error.log is empty and dosen't help me.  Everthing else works fine
*.html are shown in the webbrowser.
Does anyone have a information, where i could have a misconfiguration?
Any help would be great!&lt;/p&gt;
&lt;p&gt;Thanks a lot&lt;/p&gt;</t>
  </si>
  <si>
    <t>2015-07-29 13:28:56.987000+00:00</t>
  </si>
  <si>
    <t>php|apache|configuration|webserver</t>
  </si>
  <si>
    <t>JQuery Auto Rotate And Pause On Hover</t>
  </si>
  <si>
    <t>&lt;p&gt;I'm really new on jquery, and Im trying to make a rotating carousel, i found a script on the internet but it doesn't include the auto rotate script and paus on hover, so here's the code :&lt;/p&gt;
&lt;p&gt;&lt;div class="snippet" data-lang="js" data-hide="false" data-console="true" data-babel="false"&gt;_x000D_
&lt;div class="snippet-code"&gt;_x000D_
&lt;pre class="snippet-code-js lang-js prettyprint-override"&gt;&lt;code&gt;var carousel = $(".carousel"),_x000D_
  currdeg = 0;_x000D_
_x000D_
$(".next").on("click", {_x000D_
  d: "n"_x000D_
}, rotate);_x000D_
$(".prev").on("click", {_x000D_
  d: "p"_x000D_
}, rotate);_x000D_
_x000D_
function rotate(e) {_x000D_
  if (e.data.d == "n") {_x000D_
    currdeg = currdeg - 60;_x000D_
  }_x000D_
  if (e.data.d == "p") {_x000D_
    currdeg = currdeg + 60;_x000D_
  }_x000D_
  carousel.css({_x000D_
    "-webkit-transform": "rotateY(" + currdeg + "deg)",_x000D_
    "-moz-transform": "rotateY(" + currdeg + "deg)",_x000D_
    "-o-transform": "rotateY(" + currdeg + "deg)",_x000D_
    "transform": "rotateY(" + currdeg + "deg)"_x000D_
  });_x000D_
}&lt;/code&gt;&lt;/pre&gt;_x000D_
&lt;pre class="snippet-code-html lang-html prettyprint-override"&gt;&lt;code&gt;&amp;lt;script src="https://ajax.googleapis.com/ajax/libs/jquery/2.1.1/jquery.min.js"&amp;gt;&amp;lt;/script&amp;gt;&lt;/code&gt;&lt;/pre&gt;_x000D_
&lt;/div&gt;_x000D_
&lt;/div&gt;_x000D_
&lt;/p&gt;
&lt;p&gt;anyone can help me adding the code needed for auto rotating and pause on hover would be a big help..thank you :)&lt;/p&gt;</t>
  </si>
  <si>
    <t>2017-11-30 04:37:54.837000+00:00</t>
  </si>
  <si>
    <t>2017-11-30 05:32:56.913000+00:00</t>
  </si>
  <si>
    <t>2017-11-30 04:49:16.750000+00:00</t>
  </si>
  <si>
    <t>Wrote a very simple HTTP server(JAVA), its giving strange results, while writing to browser?</t>
  </si>
  <si>
    <t>&lt;p&gt;Just as a curiosity I was writing a Test HTTP server, which would accept request from a browser app and send it a response, based on simple Server Socket model.&lt;/p&gt;
&lt;p&gt;I have two methods for sending a HTTP method: &lt;code&gt;sendHttpResponse1()&lt;/code&gt; &amp;amp; &lt;code&gt;sendHttpResponse2()&lt;/code&gt;, which basically read from a file: &lt;code&gt;httpResponse.txt&lt;/code&gt; (which contains HTTP response headers + HTML code, see below file content)
and send response to client via socket connections.&lt;/p&gt;
&lt;p&gt;I use either of the methods in my main Method, while sending response.&lt;/p&gt;
&lt;p&gt;Both methods do not behave the way I expect.&lt;/p&gt;
&lt;p&gt;My code is :&lt;/p&gt;
&lt;pre&gt;&lt;code&gt;import java.io.*;
import java.net.*;
public class TestHttpServer {
    public static void main(String[] args) {
        try {
            ServerSocket sruSoc = new ServerSocket(8333);
                Socket clientConnection = sruSoc.accept();
                InputStream is = clientConnection.getInputStream();
                InputStreamReader isr = new InputStreamReader(is);
                BufferedReader br = new BufferedReader(isr, 100);
                while((message=br.readLine())!=null){
                System.out.println(message);
                if(message.isEmpty()){
                    break;
                }
            }
            System.out.println("Request received");
            sendHttpResponse2(clientConnection);
        } catch (IOException e) {
            // TODO Auto-generated catch block
            e.printStackTrace();
        }
    }
private static void sendHttpResponse1(Socket clientConnection)
        throws IOException, FileNotFoundException {
    PrintWriter pw = new PrintWriter(clientConnection.getOutputStream());
    File file = new File("httpResponse.txt");
    FileInputStream fis = new FileInputStream(file);
    byte[] buff = new byte[50];
    System.out.println("\nThis is what client will see");
    System.out.println();
    while(fis.read(buff)!=-1){
        String lineB = new String(buff);
        pw.write(lineB);
        System.out.println(lineB);
    }
    fis.close();
    pw.close();
}
private static void sendHttpResponse2(Socket clientConnection)
        throws IOException, FileNotFoundException {
    PrintWriter pw = new PrintWriter(clientConnection.getOutputStream());
    File file = new File("resources/httpResponse/httpResponse.txt");
    BufferedReader reader = new BufferedReader(new FileReader(file));
    System.out.println("\nThis is what client will see");
    System.out.println();
    String line=null;
    while((line = reader.readLine())!=null){
    pw.write(line);
    System.out.println(line);
    }
    reader.close();
    //pw.flush();
    pw.close(); 
}
}
&lt;/code&gt;&lt;/pre&gt;
&lt;p&gt;File :httpResponse.txt&lt;/p&gt;
&lt;pre&gt;&lt;code&gt;HTTP/1.1 200 OK
Date: Mon, 20 Apr 2015 22:38:34 GMT
Server: Test/0.1 (Java)
Content-Type: text/html;
Accept-Charset: iso-8859-5, unicode-1-1;q=0.8
Accept-Ranges: none
Connection: close
&amp;lt;html&amp;gt;
&amp;lt;head&amp;gt;
  &amp;lt;title&amp;gt;An Example Page&amp;lt;/title&amp;gt;
&amp;lt;/head&amp;gt;
&amp;lt;body&amp;gt;
  &amp;lt;b&amp;gt;Hello World&amp;lt;/b&amp;gt;, this is a very simple HTML document.
&amp;lt;/body&amp;gt;
&amp;lt;/html&amp;gt;
&lt;/code&gt;&lt;/pre&gt;
&lt;p&gt;Output of &lt;code&gt;sendHttpResponse1()&lt;/code&gt;:&lt;/p&gt;
&lt;pre&gt;&lt;code&gt;Hello World, this is a very simple HTML document. is a very si
&lt;/code&gt;&lt;/pre&gt;
&lt;p&gt;Output of &lt;code&gt;sendHttpResponse2()&lt;/code&gt;:&lt;/p&gt;
&lt;p&gt;No response, empty browser.&lt;/p&gt;
&lt;p&gt;Please suggest what I am doing wrong in the above two methods?
I did a lot of head breaking, but it seems I am doing some silly mistake, which is not giving me the expected output.
Any help will be appreciated. &lt;/p&gt;</t>
  </si>
  <si>
    <t>2015-04-20 05:06:22.977000+00:00</t>
  </si>
  <si>
    <t>2015-06-13 14:07:47.153000+00:00</t>
  </si>
  <si>
    <t>2015-04-20 06:39:52.040000+00:00</t>
  </si>
  <si>
    <t>java|sockets|http|server</t>
  </si>
  <si>
    <t>R Shinydashboard Showing/Hiding UI Elements based on Tab selection</t>
  </si>
  <si>
    <t>&lt;p&gt;I am struggling with a requirement if someone can help. I have to show/hide some elements on the Dashboardsidebar based on the tabpanel selection by the user. Here is part of the UI code to give you an idea of the structure of my app. I need to show fourthoutput, fifthout and download button only on tabpPanel 2.&lt;/p&gt;
&lt;pre&gt;&lt;code&gt;ui &amp;lt;- dashboardPage(
  dashboardHeader(title = "My App"),
  dashboardSidebar(
    width = 350,
    fileInput(
      'file1',
      'Upload Items List',
      accept = c('text/csv',
                 'text/comma-separated-values,text/plain',
                 '.csv')
    ),
    fluidRow(column(
      width = 2,
      offset = 1,
      actionButton("goButton", "Submit")
    )),
    br(),
    br(),
    uiOutput("FirstOutput"),
    uiOutput("SecondOutput"),
    uiOutput("ThirdOutput"),
    uiOutput("FourthOutput"),
    uiOutput("FifthOutput"),
      fluidRow(column(
        width = 2,
        offset = 1,
        downloadButton('downloadData', 'Download')))
  ),
  dashboardBody(
    tags$style(
      type = "text/css",
      ".shiny-output-error { visibility: hidden; }",
      ".shiny-output-error:before { visibility: hidden; }"
    ),
    tabsetPanel(
      type = "tabs",
      tabPanel("1", fluidRow(box(
        plotlyOutput("pie1")
      ),
      box(
        plotlyOutput("barplot1")
      )),
      fluidRow(box(
        plotlyOutput(outputId = "barplot2")
      ))),
      tabPanel("2",
        div(style = 'overflow-x: scroll', dataTableOutput("contents"))
      )
    )
  )
)
&lt;/code&gt;&lt;/pre&gt;
&lt;p&gt;thanks,
Manoj Agrawal&lt;/p&gt;</t>
  </si>
  <si>
    <t>2016-10-11 22:44:46.307000+00:00</t>
  </si>
  <si>
    <t>2016-10-11 23:39:45.677000+00:00</t>
  </si>
  <si>
    <t>2016-10-11 22:49:26.950000+00:00</t>
  </si>
  <si>
    <t>r|user-interface|dynamic|tabs|shinydashboard</t>
  </si>
  <si>
    <t>Solr exclusions by query and many values</t>
  </si>
  <si>
    <t>&lt;p&gt;we have Solr docs for manufacturer parts, where each part is available from
100's of suppliers. those suppliers are stored within each Mfg part document
in a multi-field.&lt;/p&gt;
&lt;p&gt;customers search our parts by keyword against part titles and
descriptions, where each customer has a unique list of what suppliers they are not allowed
to view. For example:&lt;/p&gt;
&lt;pre&gt;&lt;code&gt;solr docs:
doc_id = 1, mfg_part = abc, suppliers = s1, s2, s3, s4, s5, s6, s7
doc_id = 2, mfg_part = def, suppliers = s4, s5, s6, s7
doc_id = 3, mfg_part = ghi, suppliers = s4
doc_id = 4, mfg_part = jkl, suppliers = s1, s2, s3, s4
doc_id = 5, mfg_part = mno, suppliers = s1, s2, s3, s5
customer A: exclude suppliers: s4, s5, s6, s7
customer B: exclude suppliers: s1, s2, s3, s4
when customer A searches, documents 2 &amp;amp; 3 should not be returned in any
result set
when customer B searches, documents 3 &amp;amp; 4 should not be returned in any
result set
&lt;/code&gt;&lt;/pre&gt;
&lt;p&gt;one thought we have is to restructure our docs so that there is one doc per
supplier mfg part, instead of per mfg part, but the result would be an index
of 3000 times the size!!! Many of our mfg parts have 1000 or more suppliers.
Currently we shove exclude lists into the filter query, but its getting to
be quite&lt;/p&gt;
&lt;p&gt;we have looked at Solr "join" in Solr 4, but being this is a production
site generating millions of dollars per week, we cannot afford to use alpha
or beta versions of software.&lt;/p&gt;
&lt;p&gt;finally, we currently use a INclusion list of suppliers in a filter query, which works, but its awfully slow since the inclusion list is in the 1000's. We would rather use an EXclusion list, but cannot figure out the query or schema to use.&lt;/p&gt;
&lt;p&gt;Any ideas, anyone?&lt;/p&gt;
&lt;p&gt;thanks in advance
Chris&lt;/p&gt;</t>
  </si>
  <si>
    <t>2012-08-20 03:07:25.090000+00:00</t>
  </si>
  <si>
    <t>2012-08-20 15:36:38.723000+00:00</t>
  </si>
  <si>
    <t>mfc directory picker?</t>
  </si>
  <si>
    <t>&lt;p&gt;I did see this to modify CFileDialog (&lt;a href="http://support.microsoft.com/kb/105497" rel="nofollow noreferrer"&gt;http://support.microsoft.com/kb/105497&lt;/a&gt;) but it looks like a lot more than I need.  &lt;/p&gt;
&lt;p&gt;I'm using the CFileDialog to pick files, is there a simple way to use it to just select a directory?  &lt;/p&gt;
&lt;p&gt;Any other suggestions?    &lt;/p&gt;
&lt;p&gt;(I also saw this but is for XP only?&lt;br&gt;
&lt;a href="http://msdn.microsoft.com/en-us/library/aa163948%28office.10%29.aspx" rel="nofollow noreferrer"&gt;http://msdn.microsoft.com/en-us/library/aa163948%28office.10%29.aspx&lt;/a&gt;)&lt;/p&gt;
&lt;p&gt;(VS 6.0 C++) &lt;/p&gt;</t>
  </si>
  <si>
    <t>2010-08-18 01:14:00.340000+00:00</t>
  </si>
  <si>
    <t>2010-08-18 07:46:39.353000+00:00</t>
  </si>
  <si>
    <t>c++|windows|design|user-interface|winapi</t>
  </si>
  <si>
    <t>Stuck on multiple table filtering query</t>
  </si>
  <si>
    <t>&lt;p&gt;Ok so I will try to simplify the problem that I have.&lt;/p&gt;
&lt;p&gt;I have 4 tables:&lt;/p&gt;
&lt;p&gt;TableA:&lt;/p&gt;
&lt;pre&gt;&lt;code&gt;OneID
&lt;/code&gt;&lt;/pre&gt;
&lt;p&gt;TableB:&lt;/p&gt;
&lt;pre&gt;&lt;code&gt;OneID (FK to TableA)
TwoID (FK to TableC)
&lt;/code&gt;&lt;/pre&gt;
&lt;p&gt;TableC:&lt;/p&gt;
&lt;pre&gt;&lt;code&gt;TwoID 
ThreeID (FK to TableD)
&lt;/code&gt;&lt;/pre&gt;
&lt;p&gt;TableD:&lt;/p&gt;
&lt;pre&gt;&lt;code&gt;ThreeID 
&lt;/code&gt;&lt;/pre&gt;
&lt;p&gt;I need a query to retrieve data from all 4 of these tables.  &lt;/p&gt;
&lt;p&gt;The query criteria is:&lt;/p&gt;
&lt;ul&gt;
&lt;li&gt;want to inner join tables A, B, C&lt;/li&gt;
&lt;li&gt;want to join above result with table D with the following conditions:&lt;br&gt;
&lt;ul&gt;
&lt;li&gt;if a record is in Table D but not in Table C, then it must always be present in the results&lt;/li&gt;
&lt;li&gt;otherwise if a record is in Table D and Table C, then it should only be present if it is in the result of the A,B,C join&lt;/li&gt;
&lt;/ul&gt;&lt;/li&gt;
&lt;/ul&gt;</t>
  </si>
  <si>
    <t>2014-01-31 11:10:57.140000+00:00</t>
  </si>
  <si>
    <t>2014-01-31 17:11:10.067000+00:00</t>
  </si>
  <si>
    <t>2014-01-31 15:18:32.870000+00:00</t>
  </si>
  <si>
    <t>sql|join</t>
  </si>
  <si>
    <t>JS Console iterate through URLs</t>
  </si>
  <si>
    <t>&lt;p&gt;I have this JS script that iterates over a list of URLs on the same domain and I want to store some data from them.
What I want is to do it from a browser, so for example I set an interval that stores my data on localStorage and then takes a link (from localstorage as well) and changes the window location to that URL.
So, what I want is for that interval to persist even after I change the URL.
Is this possible&lt;/p&gt;
&lt;p&gt;Thanks in advance, have a nice one!&lt;/p&gt;</t>
  </si>
  <si>
    <t>2015-09-01 03:20:00.527000+00:00</t>
  </si>
  <si>
    <t>2015-09-01 03:47:09.193000+00:00</t>
  </si>
  <si>
    <t>javascript|url|console|intervals|persistent</t>
  </si>
  <si>
    <t>Python encoding in Windows command line: Chcp 932 doesn't work?</t>
  </si>
  <si>
    <t>&lt;p&gt;I've looked at other answers, and have done what they recommended:&lt;/p&gt;
&lt;pre&gt;&lt;code&gt;1. Changed system locale to Japanese
2. Chcp 932 (Japanese)
3. Python file saved as UTF-8
4. All inputs are subject to the unicode(input, 'utf-8') function as seen below.
&lt;/code&gt;&lt;/pre&gt;
&lt;p&gt;NOTE: I've also tried using chcp 65001, but this doesn't work either.&lt;/p&gt;
&lt;p&gt;I'm trying to read a csv file in Japanese, but the following error keeps coming up.&lt;/p&gt;
&lt;pre&gt;&lt;code&gt;Traceback (most recent call last):
...
...
UnicodeEncodeError: 'cp932' codec can't encode character u'\ufeff' in position 0: illegal multibyte sequence
&lt;/code&gt;&lt;/pre&gt;
&lt;p&gt;My code and sample file contents:&lt;/p&gt;
&lt;pre&gt;&lt;code&gt;    def setFood(self):
        reader = self.unicode_csv_reader(open("food.csv"))
        aDict = {}
        for field1, field2 in reader:
            if field2 not in aDict.keys():
                aDict[field2] = [field1]
            else: 
                aDict[field2] += [field1]
        return aDict
    def unicode_csv_reader(self, utf8_data, dialect=csv.excel, **kwargs):
        reader = csv.reader(utf8_data, dialect=dialect, **kwargs)
        for row in reader:
            yield [unicode(cell, 'utf-8') for cell in row]
    def recFood(self, inp):
        print inp
        for key in self.foodDict.keys():
            for value in self.foodDict[key]:
                print(key)
                print(value)
&lt;/code&gt;&lt;/pre&gt;
&lt;p&gt;Sample csv&lt;/p&gt;
&lt;pre&gt;&lt;code&gt;������������,���������
���������������,������
���������������,������
���������,������
&lt;/code&gt;&lt;/pre&gt;</t>
  </si>
  <si>
    <t>2017-07-29 00:31:25.263000+00:00</t>
  </si>
  <si>
    <t>2017-07-29 03:44:24.920000+00:00</t>
  </si>
  <si>
    <t>python|windows|csv|unicode|encoding</t>
  </si>
  <si>
    <t>How can I print the entire database</t>
  </si>
  <si>
    <t>&lt;p&gt;I have a table called &lt;code&gt;ClientsTable&lt;/code&gt; and a database called &lt;code&gt;myDb&lt;/code&gt; . &lt;/p&gt;
&lt;p&gt;How can I print with &lt;code&gt;System.out.prinln()&lt;/code&gt; the entire database ? I just want to select all the rows and present all the fields to the screen . &lt;/p&gt;
&lt;p&gt;Thanks &lt;/p&gt;
&lt;p&gt;&lt;strong&gt;EDIT:&lt;/strong&gt; what should I put instead of &lt;code&gt;rs.getString()&lt;/code&gt; , here (since it doesn't compile): &lt;/p&gt;
&lt;pre&gt;&lt;code&gt;    ResultSet rs = this.m_statement.executeQuery("SELECT * FROM CheckingAccountsTable");
    while (rs.next())
        System.out.println(rs.getString());
&lt;/code&gt;&lt;/pre&gt;</t>
  </si>
  <si>
    <t>2012-08-08 18:44:39.247000+00:00</t>
  </si>
  <si>
    <t>2012-08-08 19:06:52.373000+00:00</t>
  </si>
  <si>
    <t>2012-08-08 18:51:11.677000+00:00</t>
  </si>
  <si>
    <t>java|mysql|executequery</t>
  </si>
  <si>
    <t>Left outer join using LINQ -- understanding the code</t>
  </si>
  <si>
    <t>&lt;p&gt;I would be grateful if someone could explain the meaning of the term &lt;code&gt;into&lt;/code&gt; while using &lt;strong&gt;LINQ&lt;/strong&gt;. In general, I am trying to understand how to make &lt;strong&gt;INNER JOIN&lt;/strong&gt;, &lt;strong&gt;LEFT OUTER JOIN&lt;/strong&gt; etc. in &lt;strong&gt;C#&lt;/strong&gt;.&lt;/p&gt;
&lt;p&gt;I have the main table &lt;code&gt;Students&lt;/code&gt; that stores a few foreign ID keys which then are substituted by their names when running a query. The names are read from look up tables such as &lt;code&gt;Marks&lt;/code&gt;, &lt;code&gt;SoftwareVersions&lt;/code&gt;, &lt;code&gt;Departments&lt;/code&gt; etc. All fields are required but &lt;code&gt;MarkID&lt;/code&gt;. The query I tried to build in &lt;strong&gt;LINQ&lt;/strong&gt; is this:&lt;/p&gt;
&lt;pre&gt;&lt;code&gt;SELECT * FROM dbo.Students
INNER JOIN dbo.Departments ON dbo.Students.DepartmentID=dbo.Departments.DepartmentID
INNER JOIN dbo.SoftwareVersions ON dbo.Students.SoftwareVersionID=dbo.SoftwareVersions.SoftwareVersionID
INNER JOIN dbo.Statuses ON dbo.Students.StatusID=dbo.Statuses.StatusID
LEFT JOIN dbo.Marks ON dbo.Students.MarkID=dbo.Marks.MarkID
WHERE dbo.Students.DepartmentID=17;
&lt;/code&gt;&lt;/pre&gt;
&lt;p&gt;I somehow managed to get the code below worked after reading plenty of articles and watching some videos but I don't feel like I have a complete understanding of the code. The bits that confuse me are in 5th line ending with &lt;code&gt;into&lt;/code&gt; and then in the very next line beginning with &lt;code&gt;from m ...&lt;/code&gt;. I'm confused what &lt;code&gt;into&lt;/code&gt; does and and what really happens in &lt;code&gt;from m ...&lt;/code&gt;. And this is the code in LINQ:&lt;/p&gt;
&lt;pre&gt;&lt;code&gt;var result = from st in dbContext.Students where st.DepartmentID == 17
             join d in dbContext.Departments on st.DepartmentID equals d.DepartmentID
             join sv in dbContext.SoftwareVersions on st.SoftwareVersionID equals sv.SoftwareVersionID
             join stat in dbContext.Statuses on st.StatusID equals stat.StatusID
             join m in dbContext.Marks on st.MarkID equals m.MarkID into marksGroup
             from m in marksGroup.DefaultIfEmpty()
             select new
             {
                 student = st.StudentName,
                 department = p.DepartmentName,
                 software = sv.SoftwareVersionName,
                 status = st.StatusName,
                 marked = m != null ? m.MarkName : "-- Not marked --"
             };
&lt;/code&gt;&lt;/pre&gt;</t>
  </si>
  <si>
    <t>2014-11-21 10:18:06.097000+00:00</t>
  </si>
  <si>
    <t>2015-06-11 06:07:59.680000+00:00</t>
  </si>
  <si>
    <t>c#|sql|linq</t>
  </si>
  <si>
    <t>Temporary const array not binding to rvalue reference</t>
  </si>
  <si>
    <t>&lt;p&gt;I have the following test program:&lt;/p&gt;
&lt;pre&gt;&lt;code&gt;#include &amp;lt;iostream&amp;gt;
#include &amp;lt;type_traits&amp;gt;
#include &amp;lt;utility&amp;gt;
template&amp;lt;typename Ty, std::size_t N&amp;gt;
void foo(Ty (&amp;amp;&amp;amp;)[N])
{
    std::cout &amp;lt;&amp;lt; "Ty (&amp;amp;&amp;amp;)[" &amp;lt;&amp;lt; N &amp;lt;&amp;lt; "]\t" &amp;lt;&amp;lt; std::is_const&amp;lt;Ty&amp;gt;::value &amp;lt;&amp;lt; '\n';
}
template&amp;lt;typename Ty, std::size_t N&amp;gt;
void foo(Ty (&amp;amp;)[N])
{
    std::cout &amp;lt;&amp;lt; "Ty (&amp;amp;)[" &amp;lt;&amp;lt; N &amp;lt;&amp;lt; "]\t" &amp;lt;&amp;lt; std::is_const&amp;lt;Ty&amp;gt;::value &amp;lt;&amp;lt; '\n';
}
template&amp;lt;typename Ty&amp;gt;
using id = Ty;
int main()
{
    std::cout.setf(std::cout.boolalpha);
    foo(id&amp;lt;int[]&amp;gt;{1, 2, 3, 4, 5});
    foo(id&amp;lt;int const[]&amp;gt;{1, 2, 3, 4, 5}); // &amp;lt;-- HERE.
    int xs[]{1, 2, 3, 4, 5};
    foo(xs);
    int const ys[]{1, 2, 3, 4, 5};
    foo(ys);
    foo(std::move(xs));
    foo(std::move(ys));
}
&lt;/code&gt;&lt;/pre&gt;
&lt;p&gt;I would expect that the line marked with an arrow would call the rvalue overload like the non-const call just above it but it doesn't.&lt;/p&gt;
&lt;p&gt;Is this just a bug in GCC or is there something in the standard that causes the lvalue overload to be selected?&lt;/p&gt;</t>
  </si>
  <si>
    <t>2013-07-07 02:19:10.333000+00:00</t>
  </si>
  <si>
    <t>2013-07-14 08:32:48.750000+00:00</t>
  </si>
  <si>
    <t>c++|arrays|c++11|const|rvalue-reference</t>
  </si>
  <si>
    <t>The database migration script is empty and is different than expected. Should I be worry?</t>
  </si>
  <si>
    <t>&lt;p&gt;I'm trying to do my first database migration with &lt;a href="https://blog.miguelgrinberg.com/post/the-flask-mega-tutorial-part-iv-database" rel="nofollow noreferrer"&gt;this tutorial&lt;/a&gt;. The difference is that the writer start from scratch whereas I already have a MySQL database :&lt;/p&gt;
&lt;pre&gt;&lt;code&gt;mysql&amp;gt; SHOW Tables;
+----------------------+
| Tables_in_myflaskapp |
+----------------------+
| articles             |
| users                |
+----------------------+
2 rows in set (0,01 sec)
&lt;/code&gt;&lt;/pre&gt;
&lt;p&gt;With &lt;code&gt;users&lt;/code&gt;:&lt;/p&gt;
&lt;pre&gt;&lt;code&gt;mysql&amp;gt; DESCRIBE users;
+---------------+--------------+------+-----+-------------------+----------------+
| Field         | Type         | Null | Key | Default           | Extra          |
+---------------+--------------+------+-----+-------------------+----------------+
| id            | int(11)      | NO   | PRI | NULL              | auto_increment |
| name          | varchar(100) | YES  |     | NULL              |                |
| email         | varchar(100) | YES  |     | NULL              |                |
| username      | varchar(30)  | YES  |     | NULL              |                |
| password      | varchar(100) | YES  |     | NULL              |                |
| register_date | timestamp    | NO   |     | CURRENT_TIMESTAMP |                |
+---------------+--------------+------+-----+-------------------+----------------+
6 rows in set (0,01 sec)
&lt;/code&gt;&lt;/pre&gt;
&lt;p&gt;Still, I wrote its database models in&lt;code&gt;app/models.py&lt;/code&gt;:&lt;/p&gt;
&lt;pre&gt;&lt;code&gt;from app import db
class User(db.Model):
    id = db.Column(db.Integer, primary_key=True)
    username = db.Column(db.String(64), index=True, unique=True)
    email = db.Column(db.String(120), index=True, unique=True)
    password_hash = db.Column(db.String(128))
    def __repr__(self):
        return '&amp;lt;User {}&amp;gt;'.format(self.username) 
&lt;/code&gt;&lt;/pre&gt;
&lt;p&gt;It will include the users table that maps to the User database model of a Flask application.&lt;/p&gt;
&lt;p&gt;I know that Alembic compares the database schema as defined by the database models, against the actual database schema currently used in the database. In my case there is a previous MySQL database. Therefore he expected :&lt;/p&gt;
&lt;p&gt;From the output of the &lt;code&gt;flask db migrate&lt;/code&gt; sub-command which generates these automatic migrations gives me an idea of what Alembic should include in the migration with no database :&lt;/p&gt;
&lt;pre&gt;&lt;code&gt;(venv) $ flask db migrate -m "users table"
INFO  [alembic.runtime.migration] Context impl SQLiteImpl.
INFO  [alembic.runtime.migration] Will assume non-transactional DDL.
INFO  [alembic.autogenerate.compare] Detected added table 'user'
INFO  [alembic.autogenerate.compare] Detected added index 'ix_user_email' on '['email']'
INFO  [alembic.autogenerate.compare] Detected added index 'ix_user_username' on '['username']'
  Generating /home/miguel/microblog/migrations/versions/e517276bb1c2_users_table.py ... done
&lt;/code&gt;&lt;/pre&gt;
&lt;p&gt;But I get :&lt;/p&gt;
&lt;pre&gt;&lt;code&gt;(MyFlaskAppEnv) mike@mike-thinks:~/Programing/Rasa/myflaskapp$ flask db migrate -m "users table"
INFO  [alembic.runtime.migration] Context impl SQLiteImpl.
INFO  [alembic.runtime.migration] Will assume non-transactional DDL.
INFO  [alembic.env] No changes in schema detected.
&lt;/code&gt;&lt;/pre&gt;
&lt;p&gt;And therefore the migration script is empty. Should I get worried ?&lt;/p&gt;</t>
  </si>
  <si>
    <t>2018-07-09 14:53:54.477000+00:00</t>
  </si>
  <si>
    <t>2018-07-09 15:16:19.673000+00:00</t>
  </si>
  <si>
    <t>mysql|database-migration|alembic</t>
  </si>
  <si>
    <t>Button width in Extjs</t>
  </si>
  <si>
    <t>&lt;p&gt;I used width property to give width to button in Extjs, but it is not working...&lt;/p&gt;
&lt;p&gt;items : [    {
      xtype : "button",
      text : "Ok",
      width : 120
  }]&lt;/p&gt;</t>
  </si>
  <si>
    <t>2011-10-12 12:55:15.863000+00:00</t>
  </si>
  <si>
    <t>2015-04-11 14:32:44.800000+00:00</t>
  </si>
  <si>
    <t>extjs</t>
  </si>
  <si>
    <t>Meaning of notation (_()) in C code</t>
  </si>
  <si>
    <t>&lt;p&gt;Looking at the source codes I came across this notation:&lt;/p&gt;
&lt;pre&gt;&lt;code&gt;(void) puts (_("Invalid login time"));
&lt;/code&gt;&lt;/pre&gt;
&lt;p&gt;what is this &lt;code&gt;(_())&lt;/code&gt; notation supposed to mean? &lt;/p&gt;</t>
  </si>
  <si>
    <t>2013-09-22 10:48:56.683000+00:00</t>
  </si>
  <si>
    <t>2013-09-22 10:56:10.850000+00:00</t>
  </si>
  <si>
    <t>Using a project's package in another project in eclipse</t>
  </si>
  <si>
    <t>&lt;p&gt;how can I use the classes of a package out of the main project where it has been defined?
for example imagine there is an Employee class in package people which belongs to ProjectOne. let's assume Employee is needed in another project (ProjectTwo) with the same features.What should I do there?&lt;/p&gt;</t>
  </si>
  <si>
    <t>2015-02-12 07:53:59.077000+00:00</t>
  </si>
  <si>
    <t>2015-02-12 09:15:28.440000+00:00</t>
  </si>
  <si>
    <t>java|eclipse|import|packages</t>
  </si>
  <si>
    <t>How to store CAMediaTimingFunction controlPoints as a property?</t>
  </si>
  <si>
    <t>&lt;p&gt;How do I store these control points as a property so that I don't have to type them out multiple times in my class?&lt;/p&gt;
&lt;pre&gt;&lt;code&gt;CAMediaTimingFunction(controlPoints: 0.5, 1, 0.5, 1)
&lt;/code&gt;&lt;/pre&gt;</t>
  </si>
  <si>
    <t>2017-09-22 15:22:25.327000+00:00</t>
  </si>
  <si>
    <t>how to precompile page specific assets</t>
  </si>
  <si>
    <t>&lt;p&gt;I used the following code to include custom css and javscript on a specific page of my rails app. &lt;/p&gt;
&lt;pre&gt;&lt;code&gt;&amp;lt;% content_for :header do -%&amp;gt;
  &amp;lt;%= stylesheet_link_tag 'mycustompagecssfile' %&amp;gt;
  &amp;lt;%= javascript_include_tag 'customjavascriptfile' %&amp;gt;
&amp;lt;% end -%&amp;gt;
&lt;/code&gt;&lt;/pre&gt;
&lt;p&gt;It works on localhost (provided I included the yield &lt;code&gt;&amp;lt;%= yield(:header) if content_for(:header) %&amp;gt;&lt;/code&gt; in the application layout) but when I push it to Heroku it breaks the app.  &lt;/p&gt;
&lt;p&gt;Because those css and javascript files are included only on the one page, I am not including them in the manifest file (because I don't want those styles to appear everywhere), in fact, i removed &lt;code&gt;require tree&lt;/code&gt; code&lt;/p&gt;
&lt;pre&gt;&lt;code&gt;//= require jquery
//= require jquery_ujs
//= require common
//= require live-comment-preview
//= require_self
&lt;/code&gt;&lt;/pre&gt;
&lt;p&gt;so I'm wondering if I precompile the assets (which I'm required to do for heroku) then these page specific css and javascript files are not being precompiled, and that's causing the heroku app to break (I'm guessing)&lt;/p&gt;
&lt;p&gt;the heroku logs say there's an internal server error&lt;/p&gt;
&lt;pre&gt;&lt;code&gt;Processing by HomeController#index as HTML
2013-01-07T17:13:58+00:00 app[web.1]: Completed 500 Internal Server Error in 25ms
&lt;/code&gt;&lt;/pre&gt;
&lt;p&gt;Note, I'm quite certain that it's the assets (rather than the ruby code) that's causing the problem, as if I do just this (i.e. remove the assets) in the page there's no problem&lt;/p&gt;
&lt;pre&gt;&lt;code&gt;&amp;lt;% content_for :header do -%&amp;gt;
 &amp;lt;% end -%&amp;gt;
&lt;/code&gt;&lt;/pre&gt;
&lt;p&gt;Can anyone tell me how to precompile those page specific assets?&lt;/p&gt;</t>
  </si>
  <si>
    <t>2013-01-07 17:28:42.810000+00:00</t>
  </si>
  <si>
    <t>2013-01-07 19:48:59.687000+00:00</t>
  </si>
  <si>
    <t>2013-01-07 19:26:39.547000+00:00</t>
  </si>
  <si>
    <t>Display an image as part of a function</t>
  </si>
  <si>
    <t>&lt;p&gt;I am trying to make a race  using javascript. I have two images that start on the left side. Once the user clicks go, they move at random intervals towards the right side. Once they reach the right side they stop. I need to display an image indicating which image reached the end first. I have the race portion of it working but when they reach the end, the winners image never shows up. Thanks for any help?&lt;/p&gt;
&lt;pre&gt;&lt;code&gt;function move_img(str) 
{
    var x=document.getElementById('i1').offsetTop;
    x= x +100;
    document.getElementById('i1').style.top= x + "px";
}
function playerOne()
{
    var step = Math.random();
    var y1=document.getElementById('i1').offsetTop;
    var x1=document.getElementById('i1').offsetLeft;
    if(x1 &amp;lt; 500 ){x1= x1 +step;
        document.getElementById('i1').style.left= x1 + "px";
    }
    return x1;
}
function playerTwo()
{
    var step = Math.random();
    var y2=document.getElementById('i2').offsetTop;
    var x2=document.getElementById('i2').offsetLeft;
    if(x2 &amp;lt; 500 ){x2= x2 +step;
        document.getElementById('i2').style.left= x2 + "px";
    }
    return x2;
}
function timer()
{
    var x1 = 0;
    var x2 = 0;
    if ( (x1 &amp;lt; 500 &amp;amp;&amp;amp; x2 &amp;lt; 500))
    {
        playerOne();
        playerTwo();
        var x=document.getElementById('i1').offsetLeft;
        var y=document.getElementById('i1').offsetTop;
        my_time=setTimeout('timer()',10);
        x1 = document.getElementById('i1').offsetLeft;
    } else if ( (x1 == 500 &amp;amp;&amp;amp; x2 &amp;lt; 500))
    {
        function winnerPlayerOne()
        {
            var img = document.createElement('img');
            img.src = "/images/winner_ford.png";
            document.body.appendChild(img);
        }
    } else {
        function winnerPlayerTwo()
        {
        var img = document.createElement('img');
        img.src = "/images/winner_meis.png";
        document.body.appendChild(img);
        }
    }
}
&lt;/code&gt;&lt;/pre&gt;</t>
  </si>
  <si>
    <t>2016-04-28 05:18:14.997000+00:00</t>
  </si>
  <si>
    <t>2016-05-02 03:40:34.540000+00:00</t>
  </si>
  <si>
    <t>2016-04-28 06:27:43.693000+00:00</t>
  </si>
  <si>
    <t>Git and nightly builds - how to do it efficiently?</t>
  </si>
  <si>
    <t>&lt;p&gt;I'm trying to create a node.js script which will run git commands to perform nightly builds. I have done some searching and found various bits here and there about shallow clones, reference caches, cloning one branch only etc. but I can't find any place or example for all that combined together to achieve efficient build system.&lt;/p&gt;
&lt;p&gt;Here is the required workflow in my imagination:&lt;/p&gt;
&lt;ul&gt;
&lt;li&gt;&lt;p&gt;get the most recent clean copy of central repo's master branch - I'd like to have only the minimum necessary but I'm not sure how to combine &lt;code&gt;--depth 1 --single-branch&lt;/code&gt;and if it won't lead to some problems&lt;/p&gt;&lt;/li&gt;
&lt;li&gt;&lt;p&gt;build the project in a dedicated folder (it is PHP project, so I'll run composer, minification etc. - I already have working node.js scripts for all that)&lt;/p&gt;&lt;/li&gt;
&lt;li&gt;&lt;p&gt;increase the version number in version.txt file (I have a node.js script for that)&lt;/p&gt;&lt;/li&gt;
&lt;li&gt;&lt;p&gt;commit the updated version.txt to local master (can I do that with a shallow, single branch clone?)&lt;/p&gt;&lt;/li&gt;
&lt;li&gt;&lt;p&gt;tag the last commit with the version number&lt;/p&gt;&lt;/li&gt;
&lt;li&gt;&lt;p&gt;push to remote master with tags (can I do that with a shallow, single branch clone?)&lt;/p&gt;&lt;/li&gt;
&lt;li&gt;&lt;p&gt;delete the clone folder to have a clean copy for next build&lt;/p&gt;&lt;/li&gt;
&lt;li&gt;&lt;p&gt;deploy to a dev server (just run &lt;code&gt;git push&lt;/code&gt; on a different repository)&lt;/p&gt;&lt;/li&gt;
&lt;/ul&gt;
&lt;p&gt;Currently I intend to use TeamCity running on Azure VM. Git repo is on my local server. I'm not sure if I'll stay with this setup, therefore I'd like to perform most steps in node.js scripts to be platform / build system agnostic.&lt;/p&gt;
&lt;p&gt;Is this workflow feasible or might lead to problems? Also, should I / can I speed it up with cache (&lt;code&gt;git clone --reference&lt;/code&gt;) or is it redundant for my case?&lt;/p&gt;</t>
  </si>
  <si>
    <t>2016-02-04 10:28:10.820000+00:00</t>
  </si>
  <si>
    <t>git|automation|workflow|nightly-build</t>
  </si>
  <si>
    <t>TLS version using Internet Explorer</t>
  </si>
  <si>
    <t>&lt;p&gt;Im having some problems with the security protocols used by a url, and i'd like some suggestions about what to do or where to look at. &lt;/p&gt;
&lt;p&gt;Here's the url: &lt;a href="https://nfe.sefazrs.rs.gov.br/ws/NfeStatusServico/NfeStatusServico4.asmx" rel="nofollow noreferrer"&gt;https://nfe.sefazrs.rs.gov.br/ws/NfeStatusServico/NfeStatusServico4.asmx&lt;/a&gt;&lt;/p&gt;
&lt;p&gt;SSL Labs tests confirms that it supports all TLS versions:&lt;/p&gt;
&lt;p&gt;&lt;a href="https://i.stack.imgur.com/UJJy0.png" rel="nofollow noreferrer"&gt;TLS versions&lt;/a&gt;&lt;/p&gt;
&lt;p&gt;Internet explorer uses the most secure version available by default, considering all TLS versions are enabled in Internet Options. In most of the tests i've done using different computers, this url connects with TLS 1.2 as expected, using .net framework version 4.7. &lt;/p&gt;
&lt;p&gt;However, this is behaving differently with some specific computers, and i'm not sure why. In those cases TLS 1.0 is being used, even though all TLS versions are enabled in the Internet Options tab. Disabling TLS 1.0, i get an "can't connect securely to this page" error message.&lt;/p&gt;
&lt;p&gt;That same url works with TLS 1.2 using Google Chrome. Some urls, like &lt;a href="https://www.howsmyssl.com/" rel="nofollow noreferrer"&gt;https://www.howsmyssl.com/&lt;/a&gt; connects using TLS 1.2 with Internet Explorer, so it doesnt look like a "incompatibility" issue. Any ideas? &lt;/p&gt;</t>
  </si>
  <si>
    <t>2018-04-16 19:12:37.083000+00:00</t>
  </si>
  <si>
    <t>.net|windows|ssl</t>
  </si>
  <si>
    <t>TreeMap to ArrayList&lt;Double&gt; throws java.util.ArrayList cannot be cast to java.lang.Double</t>
  </si>
  <si>
    <t>&lt;p&gt;I have a TreeMap:&lt;/p&gt;
&lt;pre&gt;&lt;code&gt;TreeMap&amp;lt;String, ArrayList&amp;lt;ArrayList&amp;lt;Double&amp;gt;&amp;gt;
&lt;/code&gt;&lt;/pre&gt;
&lt;p&gt;that's returned from a class. I create an&lt;/p&gt;
&lt;pre&gt;&lt;code&gt;ArrayList&amp;lt;ArrayList&amp;lt;Double&amp;gt;&amp;gt;
&lt;/code&gt;&lt;/pre&gt;
&lt;p&gt;from that TreeMap like this:&lt;/p&gt;
&lt;pre&gt;&lt;code&gt;ArrayList&amp;lt;ArrayList&amp;lt;Double&amp;gt;&amp;gt; importedTreeMap = new ArrayList&amp;lt;ArrayList&amp;lt;Double&amp;gt;&amp;gt;(importedDataAsTreeMap.values());
&lt;/code&gt;&lt;/pre&gt;
&lt;p&gt;From here on, I would like to access the data in &lt;code&gt;importedTreeMap&lt;/code&gt;, and add it to some other ArrayLists. Only problem is, this does not seem to be possible.&lt;/p&gt;
&lt;p&gt;My code is like this:&lt;/p&gt;
&lt;pre&gt;&lt;code&gt;dbImport.readDataDecimal(selected.toString());
importedDataAsTreeMap = dbImport.getDbData();
ArrayList&amp;lt;ArrayList&amp;lt;Double&amp;gt;&amp;gt; importedTreeMap = new ArrayList&amp;lt;ArrayList&amp;lt;Double&amp;gt;&amp;gt;(importedDataAsTreeMap.values());
ArrayList&amp;lt;Double&amp;gt; latestImport = new ArrayList&amp;lt;Double&amp;gt;(importedTreeMap.get(importedTreeMap.size()-1)); 
System.out.println(latestImport.get(0));
ArrayList&amp;lt;Double&amp;gt; test = new ArrayList&amp;lt;Double&amp;gt;();
test.add(latestImport.get(0));
&lt;/code&gt;&lt;/pre&gt;
&lt;p&gt;The output from the &lt;code&gt;println&lt;/code&gt; looks like this:&lt;/p&gt;
&lt;pre&gt;&lt;code&gt; [12.0, 12.0, 12.0, 12.0, 12.0]
&lt;/code&gt;&lt;/pre&gt;
&lt;p&gt;and that is what I want to add to my ArrayList "test", but doing so throws:&lt;/p&gt;
&lt;pre&gt;&lt;code&gt;java.util.ArrayList cannot be cast to java.lang.Double
&lt;/code&gt;&lt;/pre&gt;
&lt;p&gt;How to get around this problem?&lt;/p&gt;</t>
  </si>
  <si>
    <t>2013-05-06 16:30:01.520000+00:00</t>
  </si>
  <si>
    <t>2013-05-07 00:13:40.903000+00:00</t>
  </si>
  <si>
    <t>2013-05-06 16:44:46.010000+00:00</t>
  </si>
  <si>
    <t>java|arraylist|treemap</t>
  </si>
  <si>
    <t>What's the simplest way to do authentication with a web API?</t>
  </si>
  <si>
    <t>&lt;p&gt;I've got a web API that provides data to users without authentication (the website lets users post data, after they've logged in using traditional cookies &amp;amp; sessions). Someone wants to develop an iPhone app that adds things to my database, so I want a user to authenticate on the iPhone, and then the api will allow posting.&lt;/p&gt;
&lt;p&gt;So, what should I look in to do this easily? The API as it stands is RESTful, it'd be nice to keep it that way. Obviously I'm new to this but there seem to be so many standards I don't know where to start. If I can code it up in less than an hour, that'd be ideal.&lt;/p&gt;
&lt;p&gt;Much appreciated!&lt;/p&gt;</t>
  </si>
  <si>
    <t>2010-06-22 02:16:48.017000+00:00</t>
  </si>
  <si>
    <t>2014-05-20 05:27:12.747000+00:00</t>
  </si>
  <si>
    <t>authentication|asp.net-web-api</t>
  </si>
  <si>
    <t>Bit-Shifting to find the Page Table Entry for a given Virtual Address in Linux</t>
  </si>
  <si>
    <t>&lt;p&gt;I'm working with a simplified build of Linux 3.18.20, and I need to create two new system calls: one that reads a page table entry for a given virtual address, and one that writes a page table entry corresponding to a given virtual address.  I've been using the Intel Architecture Reference Manual, Vol. 3, Chapter 4, Section 5, to understand how virtual addresses are converted to physical addresses, and in order to implement my system calls, I've created a helper function that returns the virtual address of the requested page table entry (or NULL, if that page table entry doesn't exist).&lt;/p&gt;
&lt;p&gt;I've created a test program that creates a local variable (presumably stored on the stack, correct?) and passes its virtual address to my system call, to make sure my translation is done correctly.  I then do all the bit shifting by hand, to ensure that my code does what I think it does; and it seems to be correct, so the only conclusion I can come to at this point is that I don't know what I don't know; I need a crucial piece of information that I didn't even realize I needed.&lt;/p&gt;
&lt;p&gt;Can you look at my code and tell me if there's something obvious that I'm doing wrong?&lt;/p&gt;
&lt;pre&gt;&lt;code&gt;unsigned long *find_pte(unsigned long vaddr) {
    unsigned long cr3, pml4_addr, pml4e, pml4e_addr;
    unsigned long pdpt_addr, pdpte_addr, pdpte;
    unsigned long pd_addr, pde_addr, pde;
    unsigned long pt_addr, pte_addr;
    unsigned long vaddr30thru38, vaddr39thru47, vaddr21thru29, vaddr12thru20;
    cr3 = (unsigned long) get_pagetable();
    /* get_pageable() is a helper function, provided by my professor,
    that supposedly returns the contents of the CR3 register, with the most
    significant and least significant 12 bits replaced with 0.*/
    printk("in syscall: vaddr=%lx, cr3=%lx\n", vaddr, cr3);//DEBUG
    pml4_addr = cr3;
    vaddr39thru47 = (vaddr &amp;gt;&amp;gt; 36) &amp;amp; 0xff8;
    printk("in syscall: vaddr39thru47=%lx\n", vaddr39thru47);//DEBUG
    pml4e_addr = pml4_addr | vaddr39thru47;
    printk("in syscall: physical pml4e_addr=%lx\n", pml4e_addr);//DEBUG
    pml4e_addr = (unsigned long) __va(pml4e_addr);
    printk("in syscall: virtual pml4e_addr=%lx\n", pml4e_addr);//DEBUG
    pml4e = *((unsigned long*) pml4e_addr);
    printk("in syscall: pml4e=%lx\n", pml4e);//DEBUG
    if ((pml4e &amp;amp; 1) == 0) {
            printk("in syscall: pml4e's valid bit is not set\n");//DEBUG
            return NULL;
    }
    printk("in syscall: pml4e's valid bit is set\n");//DEBUG
    vaddr30thru38 = (vaddr &amp;gt;&amp;gt; 27) &amp;amp; 0xff8;
    printk("in syscall: vaddr30thru38=%lx\n", vaddr30thru38);
    pdpte_addr = (pdpt_addr | vaddr30thru38);
    printk("in syscall: physical pdpte_addr=%lx\n", pdpte_addr);//DEBUG
    pdpte_addr = (unsigned long) __va(pdpte_addr);
    printk("in syscall: virtual pdpte_addr=%lx\n", pdpte_addr);//DEBUG
    pdpte = *((unsigned long*) pdpte_addr);
    printk("in syscall: pdpte=%lx\n", pdpte);//DEBUG
    if (((pdpte &amp;gt;&amp;gt; 7) &amp;amp; 1) == 1) {
            printk("in syscall: pdpte's ps flag is 1\n");//DEBUG
            return (unsigned long*) pdpte_addr;
    }
    printk("in syscall: pdpte's ps flag is 0\n");//DEBUG
    if ((pdpte &amp;amp; 1) == 0) {
            printk("in syscall: pdpte's valid bit is not set\n");//DEBUG
            return NULL;
    }
    printk("in syscall: pdpte's valid bit is set\n");//DEBUG
    pd_addr = pdpte &amp;amp; 0x000ffffffffff000;
    printk("in syscall: pd_addr=%lx\n", pd_addr);//DEBUG
    vaddr21thru29 = (vaddr &amp;gt;&amp;gt; 18) &amp;amp; 0xff8;
    printk("in syscall: vaddr21thru29=%lx\n", vaddr21thru29);//DEBUG
    pde_addr = pd_addr | vaddr21thru29;
    printk("in syscall: physical pde_addr=%lx\n", pde_addr);//DEBUG
    pde_addr = (unsigned long) __va(pde_addr);
    printk("in syscall: virtual pde_addr=%lx\n", pde_addr);//DEBUG
    pde = *((unsigned long*) pde_addr);
    printk("in syscall: pde=%lx\n", pde);//DEBUG
    if (((pde &amp;gt;&amp;gt; 7) &amp;amp; 1) == 1) {
            printk("in syscall: pde's ps flag is 1\n");//DEBUG
            return (unsigned long*) pde_addr;
    }
    printk("in syscall: pde's ps flag is 0\n");//DEBUG
    if ((pde &amp;amp; 1) == 0) {
            printk("in syscall: pde's valid bit is not set\n");//DEBUG
            return NULL;
    }
    printk("in syscall: pde's valid bit is set\n");//DEBUG
    pt_addr = pde &amp;amp; 0x000ffffffffff000;
    printk("in syscall: pt_addr=%lx\n", pt_addr);//DEBUG
    vaddr12thru20 = (vaddr &amp;gt;&amp;gt; 9) &amp;amp; 0xff8;
    printk("in syscall: vaddr12thru20=%lx\n", vaddr12thru20);//DEBUG
    pte_addr = pt_addr | vaddr12thru20;
    printk("in syscall: physical pte_addr=%lx\n", pte_addr);//DEBUG
    pte_addr = (unsigned long) __va(pte_addr);
    return (unsigned long*) pte_addr;
&lt;/code&gt;&lt;/pre&gt;</t>
  </si>
  <si>
    <t>2015-12-07 20:12:07.283000+00:00</t>
  </si>
  <si>
    <t>2015-12-08 03:33:49.847000+00:00</t>
  </si>
  <si>
    <t>linux|kernel|paging</t>
  </si>
  <si>
    <t>Dependency Injections with Mutable Objects</t>
  </si>
  <si>
    <t>&lt;p&gt;Would it be a bad idea to pass anything that could possibly not work in the future to a class?&lt;/p&gt;
&lt;p&gt;For instance, passing a database connection (or anything that can possibly have it's methods rendered useless) to multiple classes? With JavaScript, these are passed by reference, therefore if  the database connection is canceled outside of the class, the object within the classes wouldn't work? Now would this be bad, seeing now that all the models and things which use the database in methods will not work (without any notice that all the classes using the object now cannot be used).&lt;/p&gt;</t>
  </si>
  <si>
    <t>2014-06-16 21:59:01.947000+00:00</t>
  </si>
  <si>
    <t>2014-06-16 22:19:18.430000+00:00</t>
  </si>
  <si>
    <t>2014-06-16 22:17:05.133000+00:00</t>
  </si>
  <si>
    <t>user3448187</t>
  </si>
  <si>
    <t>javascript|dependency-injection</t>
  </si>
  <si>
    <t>How to increase the font size in Android Studio (MacOS High Sierra)?</t>
  </si>
  <si>
    <t>&lt;p&gt;There is a previous &lt;a href="https://stackoverflow.com/questions/16590216/how-to-increase-the-font-size-in-android-studio"&gt;question&lt;/a&gt; on this topic. The top answer says to go to "&lt;strong&gt;Preferences --&gt; Editor --&gt; Colors &amp;amp; Fonts&lt;/strong&gt;". However in &lt;strong&gt;MacOS High Sierra&lt;/strong&gt;, I cannot find "Editor" in the System Preferences panel:&lt;/p&gt;
&lt;p&gt;&lt;img src="https://i.stack.imgur.com/B70cI.png" alt="System Preference panel"&gt;&lt;/p&gt;
&lt;p&gt;The zoom in/out gesture on touchpad works. However I need to do the same for every tab, and when re-opening a closed tab, the previous font size setting is not kept. &lt;/p&gt;
&lt;p&gt;Where is the setting that allows me to change the font size?&lt;/p&gt;</t>
  </si>
  <si>
    <t>2018-07-02 13:33:50.933000+00:00</t>
  </si>
  <si>
    <t>2018-07-02 14:12:48.410000+00:00</t>
  </si>
  <si>
    <t>2018-07-02 13:47:06.023000+00:00</t>
  </si>
  <si>
    <t>android|macos|android-studio</t>
  </si>
  <si>
    <t>Cakephp many to many with same table</t>
  </si>
  <si>
    <t>&lt;p&gt;I am new to CakePHP so please be easy on me.&lt;/p&gt;
&lt;p&gt;I have this issue that I don't seem to be able to solve. I have a "contact" table and would like this table to have a many to many relationship with itself. The objective is to show that a contact is related to other contacts from the same company. So when clicking a contact's profile, I will be able to view other contacts that are related to that particular person. &lt;/p&gt;
&lt;p&gt;I have no idea how to approach this issue. I'm thinking of a join table but doesn't seem to be possible? or I might be wrong. If anyone has any idea how to do this, please leave as much detail as possible so that I can understand how to do this (as I'm new to CakePHP as stated earlier). &lt;/p&gt;
&lt;p&gt;Thanks!!&lt;/p&gt;
&lt;p&gt;Edit: Tried the method stated by User996302 but still not working.&lt;/p&gt;
&lt;p&gt;This is a portion of the Contact model for the relationship: &lt;/p&gt;
&lt;pre&gt;&lt;code&gt;public $hasAndBelongsToMany = array( 'Relation' =&amp;gt; array( 'className' =&amp;gt; 'Contact', 'joinTable' =&amp;gt; 'contacts_contacts', 'foreignKey' =&amp;gt; 'contact_id', 'associationForeignKey' =&amp;gt; 'related_id', 'unique' =&amp;gt; true, 'conditions' =&amp;gt; '', 'fields' =&amp;gt; '', 'order' =&amp;gt; '', 'limit' =&amp;gt; '', 'offset' =&amp;gt; '', 'finderQuery' =&amp;gt; '', 'deleteQuery' =&amp;gt; '', 'insertQuery' =&amp;gt; '' ) ); 
&lt;/code&gt;&lt;/pre&gt;
&lt;p&gt;I am using the saveAll function in the controller. 
In the add section of the controller, I have this at the end:&lt;/p&gt;
&lt;pre&gt;&lt;code&gt;$relations = $this-&amp;gt;Contact-&amp;gt;Relation-&amp;gt;find('list');     $this-&amp;gt;set(compact('relations'));
&lt;/code&gt;&lt;/pre&gt;
&lt;p&gt;In the add view page I have this line of code to display the selection box:&lt;/p&gt;
&lt;pre&gt;&lt;code&gt;echo $this-&amp;gt;Form-&amp;gt;input('Relation', array('type'=&amp;gt;'select', 'multiple' =&amp;gt; true));
&lt;/code&gt;&lt;/pre&gt;
&lt;p&gt;I have a contacts and a contacts_contacts table. The contacts_contacts table has three attributes: id, contact_id, related_id.&lt;/p&gt;
&lt;p&gt;I have done all these but the selection list in the form does not display any contact that I can choose from. 
Not sure where the problem is. Any help will be great!&lt;/p&gt;</t>
  </si>
  <si>
    <t>2012-07-29 11:05:37.993000+00:00</t>
  </si>
  <si>
    <t>2012-07-30 09:07:05.883000+00:00</t>
  </si>
  <si>
    <t>cakephp|many-to-many</t>
  </si>
  <si>
    <t>Parse XML with BS4</t>
  </si>
  <si>
    <t>&lt;p&gt;How would I go about getting the value under the tag declination units? I'm looking to return the '-6.43798' using BeautifulSoup4 in python.&lt;/p&gt;
&lt;pre&gt;&lt;code&gt;&amp;lt;html&amp;gt;&amp;lt;body&amp;gt;&amp;lt;maggridresult&amp;gt;
&amp;lt;version&amp;gt;
0.5.0.7
&amp;lt;/version&amp;gt;
&amp;lt;result&amp;gt;
&amp;lt;date&amp;gt;
2017.07671
&amp;lt;/date&amp;gt;
&amp;lt;latitude units="degree"&amp;gt;
42.26042
&amp;lt;/latitude&amp;gt;
&amp;lt;longitude units="degree"&amp;gt;
-84.46044
&amp;lt;/longitude&amp;gt;
&amp;lt;elevation units="km"&amp;gt;
0.00000
&amp;lt;/elevation&amp;gt;
&amp;lt;declination units="degree"&amp;gt;
-6.43798
&amp;lt;/declination&amp;gt;
&amp;lt;declination_sv units="degree"&amp;gt;
-0.03752
&amp;lt;/declination_sv&amp;gt;
&amp;lt;declination_uncertainty units="degree"&amp;gt;
0.37303
&amp;lt;/declination_uncertainty&amp;gt;
&amp;lt;/result&amp;gt;
&amp;lt;/maggridresult&amp;gt;
&amp;lt;/body&amp;gt;&amp;lt;/html&amp;gt;
&lt;/code&gt;&lt;/pre&gt;
&lt;p&gt;I think it has to do with the find or find all function but I'm not sure how in specific to implement it.&lt;/p&gt;
&lt;p&gt;Thanks!&lt;/p&gt;</t>
  </si>
  <si>
    <t>2017-01-30 04:22:47.683000+00:00</t>
  </si>
  <si>
    <t>2017-01-30 04:24:56.023000+00:00</t>
  </si>
  <si>
    <t>user4389863</t>
  </si>
  <si>
    <t>python|xml|beautifulsoup</t>
  </si>
  <si>
    <t>remove all white spaces in media query navigation bar</t>
  </si>
  <si>
    <t>&lt;p&gt;I created a media query for phones with 414px width size and less or iPhone 6 plus "portrait". I am trying to make a drop down menu and I got everything to work, its just the navigation bar is not moving. I gave it "margin:0,padding:0" left and right and all the above and nothing. If you open up my website in a "inspect element" and select "iPhone 6plus" version, you can see my navigation bar has a lot of white spaces and needs to be aligned left and all white margins and paddings cleared. Can someone please show me how I can bring it back to the top-left or atlas remove all the white spaces in my media query for "iphone 6plus " or screen sizes smaller than 414. My html will be uploaded here and the rest will be in a code pen.&lt;/p&gt;
&lt;p&gt;Demo: 
&lt;a href="http://codepen.io/anon/pen/NpwbJp" rel="nofollow noreferrer"&gt;http://codepen.io/anon/pen/NpwbJp&lt;/a&gt;&lt;/p&gt;
&lt;p&gt;Screen shot
&lt;a href="https://i.gyazo.com/605e7bb39ef78197fa24e2dcdab03427.png" rel="nofollow noreferrer"&gt;https://i.gyazo.com/605e7bb39ef78197fa24e2dcdab03427.png&lt;/a&gt;&lt;/p&gt;
&lt;p&gt;Html&lt;/p&gt;
&lt;pre&gt;&lt;code&gt;&amp;lt;html xmlns="http://www.w3.org/1999/xhtml" xml:lang="en"&amp;gt;
    &amp;lt;head&amp;gt;
        &amp;lt;meta name="viewport" content="width=device-width, initial-scale=1.0"&amp;gt;
        &amp;lt;link href="https://fonts.googleapis.com/css?family=Nunito:700" rel="stylesheet"&amp;gt;
        &amp;lt;link href="https://fonts.googleapis.com/css?family=Baloo" rel="stylesheet"&amp;gt;
        &amp;lt;link href="https://fonts.googleapis.com/css?family=Lobster" rel="stylesheet"&amp;gt;
        &amp;lt;link href="https://fonts.googleapis.com/css?family=Roboto" rel="stylesheet"&amp;gt; 
             &amp;lt;script src="https://ajax.googleapis.com/ajax/libs/jquery/1.12.4/jquery.min.js"&amp;gt;&amp;lt;/script&amp;gt;
        &amp;lt;link rel="stylesheet" href="https://ajax.googleapis.com/ajax/libs/jqueryui/1.12.1/themes/smoothness/jquery-ui.css"&amp;gt;
&amp;lt;script src="https://ajax.googleapis.com/ajax/libs/jqueryui/1.12.1/jquery-ui.min.js"&amp;gt;&amp;lt;/script&amp;gt;
        &amp;lt;link rel="stylesheet" type="text/css" href="magicstyle.css"&amp;gt;
        &amp;lt;/head&amp;gt;     
        &amp;lt;body&amp;gt;
            &amp;lt;!-- Section for Jobs Popup --&amp;gt;
            &amp;lt;div id="top-bar"&amp;gt;
                  &amp;lt;a class="burger-nav"&amp;gt;&amp;lt;/a&amp;gt;
                    &amp;lt;ul id="nav-menu" class="testAgain"&amp;gt;
                    &amp;lt;li id="job" class="testAgain"&amp;gt;Job&amp;lt;/li&amp;gt;
                    &amp;lt;li id="contact" class="testAgain"&amp;gt;Contact&amp;lt;/li&amp;gt;
                    &amp;lt;li id="press" class="testAgain"&amp;gt;Press&amp;lt;/li&amp;gt;
                    &amp;lt;li id="legal" class="testAgain"&amp;gt;Legal&amp;lt;/li&amp;gt;
                    &amp;lt;li id="support" class="testAgain"&amp;gt;Support&amp;lt;/li&amp;gt;
                &amp;lt;/ul&amp;gt;
                    &amp;lt;!--&amp;lt;div id="nav-menu"&amp;gt;
                    &amp;lt;span id="job"&amp;gt;Jobs&amp;lt;/span&amp;gt;
                    &amp;lt;span id="contact"&amp;gt;Contact&amp;lt;/span&amp;gt;
                    &amp;lt;span id="press"&amp;gt;Press&amp;lt;/span&amp;gt;
                    &amp;lt;span id="legal"&amp;gt;Legal&amp;lt;/span&amp;gt;
                    &amp;lt;span id="support"&amp;gt;Support&amp;lt;/span&amp;gt;
                    &amp;lt;/div&amp;gt; --&amp;gt;
                &amp;lt;/div&amp;gt;
                 &amp;lt;div id="job-popup"&amp;gt;
            &amp;lt;div class="x-div1"&amp;gt;&amp;lt;img class="x-icon1" id="fadeX1" src="Pictures/web%20x%20icon%20white.png" alt="Text alternative when image is not available"&amp;gt;&amp;lt;/div&amp;gt;
            &amp;lt;div id="job-content"&amp;gt;
                &amp;lt;h1 id="jobWords"&amp;gt;&amp;lt;/h1&amp;gt;
                &amp;lt;/div&amp;gt;
            &amp;lt;/div&amp;gt;
            &amp;lt;!-- Section for Contact Popup --&amp;gt;
            &amp;lt;div id="contact-popup"&amp;gt;
            &amp;lt;div class="x-div2"&amp;gt;&amp;lt;img class="x-icon2" id="fadeX2" src="Pictures/web%20x%20icon%20white.png"&amp;gt;&amp;lt;/div&amp;gt;
            &amp;lt;div id="contact-content"&amp;gt;
                &amp;lt;h1 id="contactWords"&amp;gt;&amp;lt;/h1&amp;gt;
                &amp;lt;/div&amp;gt;
            &amp;lt;/div&amp;gt;
            &amp;lt;!-- Section for Press Popu --&amp;gt;
             &amp;lt;div id="press-popup"&amp;gt;
            &amp;lt;div class="x-div3"&amp;gt;&amp;lt;img class="x-icon3" id="fadeX3" src="Pictures/web%20x%20icon%20white.png"&amp;gt;&amp;lt;/div&amp;gt;
            &amp;lt;div id="press-content"&amp;gt;
                &amp;lt;h1 id="pressWords"&amp;gt;&amp;lt;/h1&amp;gt;
                &amp;lt;/div&amp;gt;
            &amp;lt;/div&amp;gt;
            &amp;lt;div id="legal-popup"&amp;gt;
            &amp;lt;div class="x-div4"&amp;gt;&amp;lt;img class="x-icon4" id="fadeX4" src="Pictures/web%20x%20icon%20white.png"&amp;gt;&amp;lt;/div&amp;gt;
            &amp;lt;div id="legal-content"&amp;gt;
                &amp;lt;h1 id="legalWords"&amp;gt;&amp;lt;/h1&amp;gt;
                &amp;lt;/div&amp;gt;
            &amp;lt;/div&amp;gt;
            &amp;lt;div id="support-popup"&amp;gt;
            &amp;lt;div class="x-div5"&amp;gt;&amp;lt;img class="x-icon5" id="fadeX5" src="Pictures/web%20x%20icon%20white.png"&amp;gt;&amp;lt;/div&amp;gt;
            &amp;lt;div id="support-content"&amp;gt;
                &amp;lt;h1 id="supportWords"&amp;gt;&amp;lt;/h1&amp;gt;
                &amp;lt;/div&amp;gt;
            &amp;lt;/div&amp;gt;
            &amp;lt;div id="container"&amp;gt;
                &amp;lt;div id="name-div"&amp;gt;
                &amp;lt;h1 id="name"&amp;gt;Open Touch&amp;lt;/h1&amp;gt;
                &amp;lt;/div&amp;gt;
                &amp;lt;ul class="bubbles"&amp;gt;
            &amp;lt;li id="firstCircle"&amp;gt;&amp;lt;/li&amp;gt;
            &amp;lt;li id="secondCircle"&amp;gt;&amp;lt;/li&amp;gt;
            &amp;lt;li id="thirdCircle"&amp;gt;&amp;lt;/li&amp;gt;
            &amp;lt;li id="fourthCircle"&amp;gt;&amp;lt;/li&amp;gt;
            &amp;lt;li id="fifthCircle"&amp;gt;&amp;lt;/li&amp;gt;
            &amp;lt;li id="sixthCircle"&amp;gt;&amp;lt;/li&amp;gt;
            &amp;lt;/ul&amp;gt;
            &amp;lt;/div&amp;gt;
        &amp;lt;/body&amp;gt;
&amp;lt;/html&amp;gt;
&lt;/code&gt;&lt;/pre&gt;
&lt;p&gt;Any help at this point is greatly appreciated. &lt;/p&gt;</t>
  </si>
  <si>
    <t>2017-03-16 19:54:18.260000+00:00</t>
  </si>
  <si>
    <t>2017-03-17 00:07:49.550000+00:00</t>
  </si>
  <si>
    <t>2017-03-16 21:21:23.430000+00:00</t>
  </si>
  <si>
    <t>jquery|html|ios|css|css3</t>
  </si>
  <si>
    <t>Math equation validation regex for javascript</t>
  </si>
  <si>
    <t>&lt;p&gt;&lt;strong&gt;I want to have a validation for my Math equations&lt;/strong&gt;&lt;/p&gt;
&lt;p&gt;Let us assume I have equations as follows:&lt;/p&gt;
&lt;p&gt;&lt;strong&gt;1)&lt;/strong&gt; x + y = e // valid equation&lt;/p&gt;
&lt;p&gt;&lt;strong&gt;2)&lt;/strong&gt; x + sin(x) = y //valid equation &lt;/p&gt;
&lt;p&gt;&lt;strong&gt;3)&lt;/strong&gt; a + wq = c // invalid equation&lt;/p&gt;
&lt;p&gt;&lt;strong&gt;4)&lt;/strong&gt; sin(x) + s =y //invalid equation // as s is not wanted only x,y,e characters are allowed to type in&lt;/p&gt;
&lt;p&gt;&lt;strong&gt;I only want to allow equations which may contain x,y any other special character like e , also the functions like sin,cos,tan,sec,csc,cot,arcsin,asrccos,arctan,arcsec,arccot etc.
But if the equation contains a single letter like the above equation then the equation is not valid.&lt;/strong&gt;&lt;/p&gt;
&lt;p&gt;So can anybody provide me with a Math Regex that would help me validate?&lt;/p&gt;
&lt;p&gt;Thank in advance!!&lt;/p&gt;</t>
  </si>
  <si>
    <t>2015-08-16 11:06:21.603000+00:00</t>
  </si>
  <si>
    <t>2015-09-28 07:13:27.573000+00:00</t>
  </si>
  <si>
    <t>how to exit from a shell script in correct way using a function</t>
  </si>
  <si>
    <t>&lt;p&gt;i want to exit from a shell script. it is a function that i call in a another function&lt;/p&gt;
&lt;p&gt;i do this:&lt;/p&gt;
&lt;pre&gt;&lt;code&gt;exit_script()
{
    if [[ $? -eq 0 ]] ; then
        echo "exit from script with success"
        exit
    else
        echo "exit with error..."
        exit
    fi
}
&lt;/code&gt;&lt;/pre&gt;
&lt;p&gt;Is this correct to put "exit" or I must put an exit status after "exit" like "exit 1"?&lt;/p&gt;</t>
  </si>
  <si>
    <t>2016-05-19 16:41:56.347000+00:00</t>
  </si>
  <si>
    <t>2016-05-19 16:49:48.570000+00:00</t>
  </si>
  <si>
    <t>bash|shell|exit|status</t>
  </si>
  <si>
    <t>How do I make sure the rapidly changing data from my MySQL DB is accurately represented in php scripts?</t>
  </si>
  <si>
    <t>&lt;p&gt;I have a database with lots of game objects,
which is being queried by the following 3 PHP scripts.&lt;/p&gt;
&lt;ol&gt;
&lt;li&gt;&lt;strong&gt;List objects:&lt;/strong&gt; gets a JSON object with all the items I need&lt;/li&gt;
&lt;li&gt;&lt;strong&gt;Add object:&lt;/strong&gt; adds an object to the database&lt;/li&gt;
&lt;li&gt;&lt;strong&gt;Reset:&lt;/strong&gt; wipes all objects from the table&lt;/li&gt;
&lt;/ol&gt;
&lt;p&gt;All three of them work, somewhat. Although, there is a timing mismatch. When the game calls the reset function, it restarts. When the game restarts, it automatically loads all the objects. Unfortunately,and here's the problem, if the game has just been reset, objects will still be pulled by script 1.&lt;/p&gt;
&lt;p&gt;I know &lt;em&gt;of&lt;/em&gt; transactions, but I have never used them and I have no idea how I would implement those here, since my transaction is involving things from different scripts that are run at different times.&lt;/p&gt;
&lt;p&gt;For bonus credit: will this setup (AS3 &gt; php &gt; MySQL) get me in trouble with a heavy load? The game might get picked up by 10, 100, 1000 people, is there anything I can read about that subject?&lt;/p&gt;
&lt;p&gt;&lt;strong&gt;Edit: new idea/question&lt;/strong&gt;&lt;/p&gt;
&lt;p&gt;Currently, the wiping works as such: The objects table has a field 'deleted' which is set to '1' when the reset method is called. It might be smarter to copy the existing data into an archive table and then truncate the live table...&lt;/p&gt;
&lt;p&gt;&lt;strong&gt;Edit: Here's the (relevant) PHP code I'm using&lt;/strong&gt;&lt;/p&gt;
&lt;p&gt;Add Object:&lt;/p&gt;
&lt;pre&gt;&lt;code&gt;if ($db_found) {
$x = $_GET['x'];
$y = $_GET['y'];
$type = $_GET['type'];
$name = $_GET['name'];
$text = $_GET['text'];
$SQL = "INSERT INTO bodies  (x,y,type,name,text)
VALUES ('".$x."','".$y."','".$type."','".$name."','".$text."' )";
if (!mysql_query($SQL))
  {
  die('Error: ' . mysql_error());
  }
};
mysql_close($db_handle);
&lt;/code&gt;&lt;/pre&gt;
&lt;p&gt;List/Get Objects:&lt;/p&gt;
&lt;pre&gt;&lt;code&gt;if ($db_found) {
$SQL = "SELECT * FROM bodies WHERE deleted = 0";
$res = mysql_query($SQL);
    $rows = array();
    while($r = mysql_fetch_assoc($res)) {
        print $r['x'] . ','
        . $r['y']
        . ','
        . $r['type']
        . ','
        . $r['name']
        . ','
        . $r['text']
        .  ';';
    }
};
mysql_close($db_handle);
&lt;/code&gt;&lt;/pre&gt;
&lt;p&gt;Reset: &lt;strong&gt;(EDIT 2)&lt;/strong&gt;&lt;/p&gt;
&lt;pre&gt;&lt;code&gt;mysql_query("LOCK TABLES bodies WRITE;");
$SQL = " DELETE FROM bodies";
if (!mysql_query($SQL))
  {
  die('Error: ' . mysql_error());
  }
};
mysql_query("UNLOCK TABLES;");
&lt;/code&gt;&lt;/pre&gt;</t>
  </si>
  <si>
    <t>2012-04-11 22:43:43.893000+00:00</t>
  </si>
  <si>
    <t>2012-04-12 16:13:24.160000+00:00</t>
  </si>
  <si>
    <t>Kerberos and DNS lookup</t>
  </si>
  <si>
    <t>&lt;p&gt;Ok I been getting mixed signals on documents that I read online on Kerberos authentication&lt;/p&gt;
&lt;ol&gt;
&lt;li&gt;The KDC servers need to be resolvable by the client for authentication.&lt;/li&gt;
&lt;li&gt;Does the reverse also need to be true as well? Say if the client/principal is a host/service. Does the KDC need to resolve the client?&lt;/li&gt;
&lt;/ol&gt;
&lt;p&gt;There are some doc's that say that client and host needs to be resolvable both ways.. and in some other reference, I also read that KDC does NOT lookup DNS as it delays the time taken for authentication&lt;/p&gt;
&lt;p&gt;Any comments?&lt;/p&gt;
&lt;p&gt;Also, could someone shed some light on how KDC and the client validate/establish-trust with each other with/without DNS dependency..&lt;/p&gt;
&lt;p&gt;(Note: Not much interested in MS/AD details)&lt;/p&gt;</t>
  </si>
  <si>
    <t>2018-03-12 05:23:42.813000+00:00</t>
  </si>
  <si>
    <t>2018-03-12 05:35:28.460000+00:00</t>
  </si>
  <si>
    <t>dns|kerberos|reverse-dns</t>
  </si>
  <si>
    <t>Default Date for UIDatePicker in iOS</t>
  </si>
  <si>
    <t>&lt;p&gt;I am new in iOS development. I have this ViewController in my Storyboard (includes a UIDatePicker and a bar button):&lt;/p&gt;
&lt;p&gt;&lt;img src="https://i.stack.imgur.com/KnI6r.png" alt="enter image description here"&gt;&lt;/p&gt;
&lt;p&gt;I followed &lt;a href="http://developer.apple.com/library/ios/#samplecode/DateCell/Introduction/Intro.html" rel="nofollow noreferrer"&gt;Data Cell&lt;/a&gt; to call my DatePicker. When user click on a button in the page PickerDate pops up with a done bar button on the navigation bar:&lt;/p&gt;
&lt;p&gt;&lt;img src="https://i.stack.imgur.com/KCvUv.png" alt="enter image description here"&gt;&lt;/p&gt;
&lt;p&gt;The problem is it shows just the current date as &lt;code&gt;default&lt;/code&gt;. Nothing changes when I set it from Properties:&lt;/p&gt;
&lt;p&gt;&lt;img src="https://i.stack.imgur.com/P5sIA.png" alt="enter image description here"&gt;&lt;/p&gt;
&lt;p&gt;Do you know how can I fix it? (by &lt;code&gt;setting up the properties&lt;/code&gt; or programmatically).&lt;/p&gt;</t>
  </si>
  <si>
    <t>2012-08-07 09:41:04.060000+00:00</t>
  </si>
  <si>
    <t>2017-02-07 18:27:49.610000+00:00</t>
  </si>
  <si>
    <t>2012-08-07 10:10:26.650000+00:00</t>
  </si>
  <si>
    <t>iphone|objective-c|ios|xcode</t>
  </si>
  <si>
    <t>Convert 7 character Integer to Number between 0 and 100</t>
  </si>
  <si>
    <t>&lt;p&gt;I'm currently trying to implement a function that converts a random hex hash with 64 characters into a number between 0 and 100. I have following code so far:&lt;/p&gt;
&lt;pre&gt;&lt;code&gt;// Random hash
hash = 'f0ca70ef5e3942314d577ad32002d247cc28f0b503f775a0af2475917867708e';
function getResolvedTicket(hash) {
    let resolvedDecimal = parseInt(hash.substr(-6), 16);
    console.log(resolvedDecimal); // this always prints out a 7 character int, in this case '6779022'
    // Do something with resolvedDecimal to convert is to a number between 0 and 100 (with 2-3 decimals)
}
&lt;/code&gt;&lt;/pre&gt;
&lt;p&gt;What is an elegant way to do this? &lt;/p&gt;
&lt;p&gt;&lt;strong&gt;EDIT&lt;/strong&gt;:&lt;/p&gt;
&lt;p&gt;I am basically using this provably fair system, just without the nonce: &lt;a href="https://thebitcoinstrip.com/a-guide-to-provable-fairness-in-online-casinos/" rel="nofollow noreferrer"&gt;https://thebitcoinstrip.com/a-guide-to-provable-fairness-in-online-casinos/&lt;/a&gt;
If anyone is interested read this :)&lt;/p&gt;</t>
  </si>
  <si>
    <t>2017-10-15 11:21:29.727000+00:00</t>
  </si>
  <si>
    <t>2017-10-15 15:01:24.957000+00:00</t>
  </si>
  <si>
    <t>2017-10-15 12:32:48.470000+00:00</t>
  </si>
  <si>
    <t>javascript|node.js|math</t>
  </si>
  <si>
    <t>How to get the Index of a specific item in Multidimensional (nested) Arrays?</t>
  </si>
  <si>
    <t>&lt;pre&gt;&lt;code&gt;ary=[ [[0, 0], [0, 1], [0, 2]],
      [[0, 3], [0, 4], [0, 5]],
      [[0, 6], [0, 7], [0, 8]] ]
&lt;/code&gt;&lt;/pre&gt;
&lt;p&gt;I am trying to find the index in the "main" array that contains an array with &lt;code&gt;[0, 4]&lt;/code&gt; in it, which is &lt;code&gt;1&lt;/code&gt;.&lt;/p&gt;
&lt;p&gt;I've been working with the idea like this:&lt;/p&gt;
&lt;pre&gt;&lt;code&gt;ary.each_index.select{|index| #(return index if [0,4] matches) }
&lt;/code&gt;&lt;/pre&gt;</t>
  </si>
  <si>
    <t>2016-09-05 07:36:07.133000+00:00</t>
  </si>
  <si>
    <t>2016-09-05 11:59:39.993000+00:00</t>
  </si>
  <si>
    <t>2016-09-05 09:07:45.260000+00:00</t>
  </si>
  <si>
    <t>WCF Call Result</t>
  </si>
  <si>
    <t>&lt;p&gt;What would be a better approach when providing a wcf client with the call result.&lt;/p&gt;
&lt;p&gt;&lt;b&gt;1. Wrapping the result in an object  &lt;/b&gt;&lt;/p&gt;
&lt;pre&gt;&lt;code&gt;   public enum DefinedResult : short {
      Success = 0,
      TimeOut = 1,
      ServerFailure = 2,
      UserNotFount = 3,
      Uknown = 4,
      //etc.
   }
   [DataContract]       
   public class ServiceResult {
       readonly DefinedResults dResult;
       public ServiceResult(DefinedResult result) {
            this.dResult = result;
      }
      [DataMember]
      public bool IsSuccess 
      {
          get {return this.dResult == DefinedResult.Success;}
      }
   }
  //Client:
  WcfClient client = new WcfClient();
  ServiceResult result = client.DoWork();
&lt;/code&gt;&lt;/pre&gt;
&lt;p&gt;&lt;b&gt;2. Throwing a custom Exception: &lt;/b&gt;&lt;/p&gt;
&lt;pre&gt;&lt;code&gt;  [Serializable]
  public UserNotFoundException: Exception {
        public UserNotFoundException(string message): base(message) {}
  }
  //client:
  WcfClient client = new WcfClient();
  try {
    result = client.DoWork();
  }
  catch(FaultException&amp;lt;ExceptionDetail&amp;gt; ex) {
      switch(ex.Detail.Type) 
      {
          case "MyCompany.Framework.Exceptions.UserNotFound":
             //handle
             break;
          case "MyCompany.Framework.Exceptions.ServerError":
             //handle
             break;
      }
  }
&lt;/code&gt;&lt;/pre&gt;
&lt;p&gt;Now, the client can be another .net process (server side) or the same service can be called by java script, hence the question - which one of these (or may be there is something better) is a better approach to let the client know of what happened with the call?&lt;/p&gt;</t>
  </si>
  <si>
    <t>2011-01-19 20:22:44.103000+00:00</t>
  </si>
  <si>
    <t>2011-01-19 21:38:19.263000+00:00</t>
  </si>
  <si>
    <t>c#|.net|wcf|json|design</t>
  </si>
  <si>
    <t>Keep sizes proportion between image views for different screens</t>
  </si>
  <si>
    <t>&lt;p&gt;In my application I have a layout with 3 image views with different heights (apple, wine, fish), bottom aligned. The layout height is constant. This layout looks good on hdpi screens, but I want to use the same images on mdpi. The problem is that on mdpi some of the image views might be down scaled and the proportion between the image views won't be the same. So, if the wine is down scaled, the apple might be tall as the wine bottle. What is the best way to avoid this? I thought about setting the same height for the images (the largest height), at run time. Then, they will all be scaled, and the proportion will be kept. Is this posible. I hope this is clear. Thank you.&lt;/p&gt;</t>
  </si>
  <si>
    <t>2010-11-29 11:51:33.957000+00:00</t>
  </si>
  <si>
    <t>2010-11-29 17:04:28.747000+00:00</t>
  </si>
  <si>
    <t>Can I create array using while loop</t>
  </si>
  <si>
    <t>&lt;p&gt;==================================================================================&lt;/p&gt;
&lt;p&gt;&lt;strong&gt;Solution Code:&lt;/strong&gt;&lt;/p&gt;
&lt;pre&gt;&lt;code&gt;$array = array();
$i = 1;
while( $i &amp;lt;= $instance['posts_num'] ) {
    $array['tab'.$i.'_title'] = 'Category Heading';
    $array['tab'.$i.'_thumb'] = 'Insert link here';
    $array['tab'.$i.'_featured'] = 'Insert link here';
    $array['tab'.$i.'_description'] = 'Insert category desciption';
    $array['tab'.$i.'_link'] = 'Insert category link';          
$i += 1;
}   
$instance = wp_parse_args( (array)$instance, array(
    'heading' =&amp;gt; 'Featured Area', 
    'title' =&amp;gt; '',
    'posts_num' =&amp;gt; 1,
    (array) $array
) );
&lt;/code&gt;&lt;/pre&gt;
&lt;p&gt;==================================================================================&lt;/p&gt;
&lt;p&gt;how can I create array with while loop.&lt;/p&gt;
&lt;p&gt;I am trying to create an array with the help of while loop in simple wordpress plugin. my codes are below:&lt;/p&gt;
&lt;pre&gt;&lt;code&gt;    $instance = wp_parse_args( (array)$instance, array(
        'heading' =&amp;gt; 'Featured Area', 
        'title' =&amp;gt; '',
        'posts_num' =&amp;gt; 1,
        $array = array();
        $i = 1;
        while( $i &amp;lt;= $instance['posts_num'] ) {
            $array[] = 'tab'.$i.'_title' =&amp;gt; 'Category Heading',
            $array[] = 'tab'.$i.'_thumb' =&amp;gt; 'Insert link here',
            $array[] = 'tab'.$i.'_featured' =&amp;gt; 'Insert link here',
            $array[] = 'tab'.$i.'_description' =&amp;gt; 'Insert category desciption',
            $array[] = 'tab'.$i.'_link' =&amp;gt; 'Insert category link',
        $i += 1;
        }
    ) );
&lt;/code&gt;&lt;/pre&gt;
&lt;p&gt;I just want to confirm if i am doing correctly.&lt;/p&gt;
&lt;p&gt;I want to generate array like this :&lt;/p&gt;
&lt;pre&gt;&lt;code&gt;'tab1_title' =&amp;gt; 'Category Heading',
'tab1_thumb' =&amp;gt; 'Insert link here',
'tab1_featured' =&amp;gt; 'Insert link here',
'tab1_description' =&amp;gt; 'Insert category desciption',
'tab1_link' =&amp;gt; 'Insert category link',
'tab2_title' =&amp;gt; 'Category Heading',
'tab2_thumb' =&amp;gt; 'Insert link here',
'tab2_featured' =&amp;gt; 'Insert link here',
'tab2_description' =&amp;gt; 'Insert category desciption',
'tab2_link' =&amp;gt; 'Insert category link',
&lt;/code&gt;&lt;/pre&gt;</t>
  </si>
  <si>
    <t>2012-12-31 14:57:42.920000+00:00</t>
  </si>
  <si>
    <t>2012-12-31 15:43:04.577000+00:00</t>
  </si>
  <si>
    <t>2012-12-31 15:31:14.820000+00:00</t>
  </si>
  <si>
    <t>php|arrays|wordpress</t>
  </si>
  <si>
    <t>ajax refresh code</t>
  </si>
  <si>
    <t>&lt;p&gt;I need some ajax code to assign value to a session &lt;/p&gt;
&lt;p&gt;for example &lt;/p&gt;
&lt;p&gt;$_SESSION['verif_code']&lt;/p&gt;
&lt;p&gt;i am generating a random number to assign value to this session&lt;/p&gt;
&lt;p&gt;i need some ajax code to refresh this random number function and assign value to this session.&lt;/p&gt;
&lt;p&gt;does any one have an idea please share it with me&lt;/p&gt;
&lt;p&gt;Thanks&lt;/p&gt;</t>
  </si>
  <si>
    <t>2010-02-11 05:04:52.327000+00:00</t>
  </si>
  <si>
    <t>2010-02-11 17:31:10.263000+00:00</t>
  </si>
  <si>
    <t>php|javascript|ajax</t>
  </si>
  <si>
    <t>C++11: Variadic Template Function Parameter Pack Expansion Execution Order</t>
  </si>
  <si>
    <t>&lt;p&gt;Consider the following code:&lt;/p&gt;
&lt;pre&gt;&lt;code&gt;template&amp;lt;class T&amp;gt;
size_t f(T t, size_t&amp;amp; x) { return x++; }
template&amp;lt;class... Args&amp;gt;
void g(Args... args)
{
    size_t x = 0;
    size_t y[] = { f(args, x)... };
    for (size_t i = 0; i &amp;lt; sizeof...(args); i++)
        assert(y[i] == i);
}
&lt;/code&gt;&lt;/pre&gt;
&lt;p&gt;Is the assert guaranteed by the C++11 standard not to fire?  Why or why not?&lt;/p&gt;</t>
  </si>
  <si>
    <t>2012-08-21 03:52:36.507000+00:00</t>
  </si>
  <si>
    <t>2012-08-21 19:43:41.960000+00:00</t>
  </si>
  <si>
    <t>c++|c++11|variadic-templates|variadic-functions</t>
  </si>
  <si>
    <t>Generics parameter extends another parameter on java method</t>
  </si>
  <si>
    <t>&lt;p&gt;Sorry, maybe it is a silly question, but I can't find answer.&lt;/p&gt;
&lt;p&gt;Two generics parameters on a method, could one extends another?&lt;/p&gt;
&lt;pre&gt;&lt;code&gt;public class A {
}
public class B extends A {
}
public class C {
}
public class Foo {
    public static &amp;lt;R extends A&amp;gt; void f1 (A t, R r){
    }
    // T and R are generics parameter, R bounds on T
    public static &amp;lt;T, R extends T &amp;gt; void f2(T t, R r) {
    }
    public static void main(String[] args) {
        A a = new A();
        B b = new B();
        C c = new C();
        Foo.f1(a, b); // no error
        Foo.f1(a, c); // compile error, it's ok
        Foo.f2(a, b); // no error
        Foo.f2(a, c); // no error !  why? 
   }
}
&lt;/code&gt;&lt;/pre&gt;
&lt;p&gt;The last &lt;code&gt;f2&lt;/code&gt; method call has no compile error, but I think &lt;code&gt;C&lt;/code&gt; is not subclass of &lt;code&gt;A&lt;/code&gt;, compile error should be arised. Any help?&lt;/p&gt;</t>
  </si>
  <si>
    <t>2016-10-11 18:48:31.483000+00:00</t>
  </si>
  <si>
    <t>2016-10-11 19:32:57.497000+00:00</t>
  </si>
  <si>
    <t>Django error: AttributeError: 'NoneType' object has no attribute 'db'</t>
  </si>
  <si>
    <t>&lt;p&gt;Has anyone seen this error before?  It comes whenever I try to execute a query on a particular model of mine.  Querying the db directly works fine and it doesn't happen with other models.  &lt;/p&gt;
&lt;p&gt;For example, it's triggered by something like:&lt;/p&gt;
&lt;pre&gt;&lt;code&gt;MyModel.objects.get(name__iexact = 'an existent name')
&lt;/code&gt;&lt;/pre&gt;
&lt;p&gt;I believe this started immediately after a database migration with South.  I could roll back the migration but I don't want to make bad worse so I've come here first.&lt;/p&gt;
&lt;ul&gt;
&lt;li&gt;Django 1.3&lt;/li&gt;
&lt;li&gt;PostgreSQL 8.4.8&lt;/li&gt;
&lt;li&gt;Python 2.7.0&lt;/li&gt;
&lt;li&gt;iPython 0.10.2&lt;/li&gt;
&lt;li&gt;Ubuntu 10.10 64-bit&lt;/li&gt;
&lt;/ul&gt;
&lt;p&gt;Any ideas?&lt;/p&gt;
&lt;pre&gt;&lt;code&gt;ERROR: An unexpected error occurred while tokenizing input
The following traceback may be corrupted or invalid
The error message is: ('EOF in multi-line statement', (173, 0))
---------------------------------------------------------------------------
AttributeError                            Traceback (most recent call last)
/home/&amp;lt;path to python&amp;gt;/&amp;lt;ipython console&amp;gt; in &amp;lt;module&amp;gt;()
/home/&amp;lt;path to python&amp;gt;/python2.7/site-packages/django/db/models/manager.pyc in get(self, *args, **kwargs)
    130 
    131     def get(self, *args, **kwargs):
--&amp;gt; 132         return self.get_query_set().get(*args, **kwargs)
    133 
    134     def get_or_create(self, **kwargs):
/home/&amp;lt;path to python&amp;gt;/python2.7/site-packages/django/db/models/query.pyc in get(self, *args, **kwargs)
    342         if self.query.can_filter():
    343             clone = clone.order_by()
--&amp;gt; 344         num = len(clone)
    345         if num == 1:
    346             return clone._result_cache[0]
/home/&amp;lt;path to python&amp;gt;/python2.7/site-packages/django/db/models/query.pyc in __len__(self)
     80                 self._result_cache = list(self._iter)
     81             else:
---&amp;gt; 82                 self._result_cache = list(self.iterator())
     83         elif self._iter:
     84             self._result_cache.extend(self._iter)
/home/&amp;lt;path to python&amp;gt;/python2.7/site-packages/django/db/models/query.pyc in iterator(self)
    287 
    288                 # Store the source database of the object
--&amp;gt; 289                 obj._state.db = db
    290                 # This object came from the database; it's not being added.
    291                 obj._state.adding = False
AttributeError: 'NoneType' object has no attribute 'db'
&lt;/code&gt;&lt;/pre&gt;</t>
  </si>
  <si>
    <t>2011-08-21 22:37:16.080000+00:00</t>
  </si>
  <si>
    <t>2011-08-22 08:04:15.217000+00:00</t>
  </si>
  <si>
    <t>python|django|django-south</t>
  </si>
  <si>
    <t>Why does column_name = (select column_name) work and not column_name=null</t>
  </si>
  <si>
    <t>&lt;p&gt;I am fetching some rows for my model but the view has so many criteria i was getting tired of writing many models.To make work easier i don't want to write new select statements for every criteria selected so at first i tried to try and still return something from the select even when one of more of the available criteria are/is not supplied by the user.&lt;/p&gt;
&lt;pre&gt;&lt;code&gt;SELECT * FROM members WHERE member_id = null AND member_club_id = 1 AND membership_year = null;
&lt;/code&gt;&lt;/pre&gt;
&lt;p&gt;and returns nothing&lt;/p&gt;
&lt;p&gt;Finally i tried&lt;/p&gt;
&lt;pre&gt;&lt;code&gt;SELECT * FROM members WHERE member_id = (select member_id) AND member_club_id = (select member_club_id=1) AND membership_year = (select membership_year);
&lt;/code&gt;&lt;/pre&gt;
&lt;p&gt;and this works correctly.&lt;/p&gt;
&lt;p&gt;I am still new to mysql and i wanted to know why this second approach worked.&lt;/p&gt;
&lt;p&gt;Of interest is &lt;code&gt;select member_club_id=1&lt;/code&gt; and &lt;code&gt;member_id = (select member_id)&lt;/code&gt; for instance.&lt;/p&gt;
&lt;p&gt;In &lt;code&gt;member_id = (select member_id)&lt;/code&gt; i was thinking this would be read as &lt;code&gt;member_id=member_id&lt;/code&gt; since i had no variable called &lt;code&gt;member id&lt;/code&gt; and therefore fail.&lt;/p&gt;
&lt;p&gt;In &lt;code&gt;select member_club_id=1&lt;/code&gt; i thought i would get &lt;code&gt;unknown column&lt;/code&gt; error in &lt;code&gt;member_club_id&lt;/code&gt; and therefore fail.&lt;/p&gt;
&lt;p&gt;Someone help out.&lt;/p&gt;</t>
  </si>
  <si>
    <t>2013-07-31 12:35:14.617000+00:00</t>
  </si>
  <si>
    <t>2013-07-31 12:43:55.540000+00:00</t>
  </si>
  <si>
    <t>List of condition variables for WiX custom actions?</t>
  </si>
  <si>
    <t>&lt;p&gt;I'm grappling with a few issues as a first time WiX user. &lt;/p&gt;
&lt;p&gt;When it comes to &lt;code&gt;CustomAction&lt;/code&gt;'s, I've seen a few examples of people putting conditional statements in the element body - things like '&lt;code&gt;Installed&lt;/code&gt;', '&lt;code&gt;REINSTALL&lt;/code&gt;' and '&lt;code&gt;REMOVE&lt;/code&gt;', to determine whether or not they are executed.&lt;/p&gt;
&lt;p&gt;Where are these variables defined, and does there exist a complete list of them?&lt;/p&gt;</t>
  </si>
  <si>
    <t>2015-05-08 21:37:39.110000+00:00</t>
  </si>
  <si>
    <t>2016-12-29 15:52:13.703000+00:00</t>
  </si>
  <si>
    <t>wix|custom-action</t>
  </si>
  <si>
    <t>Adding dynamic fields in JIRA</t>
  </si>
  <si>
    <t>&lt;p&gt;we would like to create an issue in JIRA which tracks articles which a customer has purchased.
We would like to create a custom screen for this consisting of static customer data and a dynamic list containing the article and the article price.  When the user clicks on the "Add Article" button or link, a new entry would be made to the list of articles.&lt;/p&gt;
&lt;h1&gt;Our screen would look like this:&lt;/h1&gt;
&lt;p&gt;Customer Name :          ACME WIDGETS_______
&lt;br&gt;
Customer Address:       Hong Kong____________
&lt;br&gt;
Article Name&amp;nbsp;&amp;nbsp;&amp;nbsp;&amp;nbsp;&amp;nbsp;&amp;nbsp;Article Price
&lt;br&gt;&lt;/p&gt;
&lt;p&gt;Widget________&amp;nbsp;&amp;nbsp;&amp;nbsp;&amp;nbsp;&amp;nbsp;&amp;nbsp;                                100 HK_______
&lt;br&gt;
Sprocket_______ &amp;nbsp;&amp;nbsp;&amp;nbsp;&amp;nbsp;&amp;nbsp;&amp;nbsp;                                   200 HK _______
&lt;br&gt;
Gadget________  &amp;nbsp;&amp;nbsp;&amp;nbsp;&amp;nbsp;&amp;nbsp;&amp;nbsp;                                   300 HK ______
&lt;br&gt;&lt;br&gt;
Add Article&lt;/p&gt;
&lt;h1&gt;&lt;br&gt;&lt;/h1&gt;
&lt;p&gt;Creating a screen containing the static fields, customer name etc is not a problem, however we have found nothing appropriate for dynamic fields.
Is there any way to create an issue with dynamic fields or should we be taking a completely different approach to realise our objective.&lt;/p&gt;</t>
  </si>
  <si>
    <t>2017-05-30 09:25:42.777000+00:00</t>
  </si>
  <si>
    <t>2017-05-30 10:01:33.247000+00:00</t>
  </si>
  <si>
    <t>jira</t>
  </si>
  <si>
    <t>Adding a new node to database, how to automatically update rule-based links</t>
  </si>
  <si>
    <t>&lt;p&gt;Please excuse the simplicity of the question perhaps - I am a newbie!&lt;/p&gt;
&lt;p&gt;I have a few thousand nodes and a few tens of relationships, but the relationship are largely based on a series of rules and logic. &lt;/p&gt;
&lt;p&gt;To explain by example : if I have nodes defined as (c:CAT) and (d:DOG) and each node has a property called size, ie c.size, d.size, etc. then I could quite easily run some Cypher script to set up the relationship between nodes based on the following rule&lt;/p&gt;
&lt;pre&gt;&lt;code&gt;MATCH (c:CAT), (d:DOG) WHERE c.size&amp;lt;d.size
CREATE (c:CAT)-[r:SMALLER_THAN]-&amp;gt;(d:DOG)
RETURN c,d
&lt;/code&gt;&lt;/pre&gt;
&lt;p&gt;This is great and it all works well. Let's assume I now add a new NODE&lt;/p&gt;
&lt;pre&gt;&lt;code&gt;CREATE (c:CAT {type:"tiger", size:"4"})
RETURN c
&lt;/code&gt;&lt;/pre&gt;
&lt;p&gt;This won't have any links but I want the same logic to apply, ie &lt;/p&gt;
&lt;pre&gt;&lt;code&gt;CREATE (c:CAT)-[r:SMALLER_THAN]-&amp;gt;(d:DOG)
&lt;/code&gt;&lt;/pre&gt;
&lt;p&gt;Do I&lt;/p&gt;
&lt;ol&gt;
&lt;li&gt;remove all links and recreate them - ie apply rule to whole system&lt;/li&gt;
&lt;li&gt;run the same Cypher command as 'MERGE' rather than 'CREATE' therefore assuming that existing relationships won't be modified unless necessary to do so.&lt;/li&gt;
&lt;li&gt;Find the nodes that have no links and then run the command just on them&lt;/li&gt;
&lt;/ol&gt;
&lt;p&gt;I just want to update the links when I add new nodes because, at that time, I know the new node will have no links. Alternatively, should I change the size of a (:CAT) or (:DOG) then the link should be updated automatically.&lt;/p&gt;
&lt;p&gt;Any advice appreciated.&lt;/p&gt;</t>
  </si>
  <si>
    <t>2018-10-17 22:36:17.647000+00:00</t>
  </si>
  <si>
    <t>2018-10-17 23:23:24.240000+00:00</t>
  </si>
  <si>
    <t>2018-10-17 23:01:26.907000+00:00</t>
  </si>
  <si>
    <t>neo4j|hyperlink|cypher</t>
  </si>
  <si>
    <t>HTML image not working</t>
  </si>
  <si>
    <t>&lt;p&gt;I have a grid of images on my website, but some of the images randomly don't work. All the image sources are links, which are all generated from the same place. I'll show an example, with an image that works and one that doesn't&lt;code&gt;:&lt;/code&gt; &lt;/p&gt;
&lt;p&gt;&lt;a href="http://codepen.io/anon/pen/mJmaZE" rel="nofollow"&gt;http://codepen.io/anon/pen/mJmaZE&lt;/a&gt;&lt;/p&gt;
&lt;p&gt;As you can see the second image doesn't work, but if you visit the source link the image is there. Why is this happening? &lt;/p&gt;</t>
  </si>
  <si>
    <t>2015-06-09 15:18:24.090000+00:00</t>
  </si>
  <si>
    <t>2015-06-09 15:25:45.647000+00:00</t>
  </si>
  <si>
    <t>Pull data from API when form loads</t>
  </si>
  <si>
    <t>&lt;p&gt;So I am trying to find the most direct point to do a 'Get' from an API when a page loads. As an example, if in my app I go to "#/somepage", when I click on the link to do so, it also does a get from "http://{{host}}/api/common/trans/claim". That URI contains a single property with no name that looks like " "Bzc5YUL7dNjK6ApxpNK1XB%2bDtTU8cw7xRSGpjZ4XRuE%3d" ". So if I fire or add some listen event to this, what is the best way to store? I know that might be a seperate question, but legitimate here because of how the data is returned. Hopefully I provided and storied my question correctly. &lt;/p&gt;
&lt;p&gt;My queries have pointed to things like viewContentLoaded and DOM readiness, etc..., but those seem overkill for this when simply clicking a link an retrieving info from the API. &lt;/p&gt;
&lt;p&gt;Keep in mind, this API is local and private and the URI data is only available until after the user is logged in.&lt;/p&gt;</t>
  </si>
  <si>
    <t>2015-10-27 21:22:49.787000+00:00</t>
  </si>
  <si>
    <t>2015-10-27 21:28:52.903000+00:00</t>
  </si>
  <si>
    <t>html|angularjs|forms|api|anchor</t>
  </si>
  <si>
    <t>Last chosen selection goes to top of spinner options</t>
  </si>
  <si>
    <t>&lt;p&gt;I am working on an app and I am using spinners. &lt;/p&gt;
&lt;p&gt;However, there are a lot of options for the user to choose(18). &lt;/p&gt;
&lt;p&gt;Does anyone know if it is possible to code a spinner so that the last selection the user selected will go to the top of the spinner options? This way he/she will not need to scroll through the list again...&lt;/p&gt;
&lt;p&gt;Thanks!&lt;/p&gt;
&lt;p&gt;Adapters:&lt;/p&gt;
&lt;pre&gt;&lt;code&gt; final ArrayAdapter&amp;lt;String&amp;gt; myAdapter5 = new ArrayAdapter&amp;lt;&amp;gt;(MainActivity.this,
            R.layout.spinner_layout, getResources().getStringArray(R.array.Hours));
    myAdapter.setDropDownViewResource(R.layout.spinner_layout);
    spinnerDowntimeHours.setAdapter(myAdapter5);
    spinnerDowntimeHours.setOnItemSelectedListener(new AdapterView.OnItemSelectedListener() {
        @Override
        public void onItemSelected(AdapterView&amp;lt;?&amp;gt; adapterView, View view, int position2, long l) {
            switch (position2) {
                case 0:
                    break;
                case 1:
                    break;
                case 2:
                    break;
                case 3:
                    break;
                case 4:
                    break;
                case 5:
                    break;
                case 6:
                    break;
                default:
                    break;
            }
        }
        @Override
        public void onNothingSelected(AdapterView&amp;lt;?&amp;gt; adapterView) {
            String[] list = getResources().getStringArray(R.array.Hours);
            spinnerDowntimeHours.setSelection(Integer.parseInt(list[0]));
        }
    });
&lt;/code&gt;&lt;/pre&gt;</t>
  </si>
  <si>
    <t>2017-12-11 15:53:08.877000+00:00</t>
  </si>
  <si>
    <t>2017-12-12 18:44:22.510000+00:00</t>
  </si>
  <si>
    <t>2017-12-11 16:31:14.623000+00:00</t>
  </si>
  <si>
    <t>translating c++ callback function to llvm using c++ api</t>
  </si>
  <si>
    <t>&lt;p&gt;I want to translate a c callback function to an llvm function using the c++ api.
My example c++ function is like below.&lt;/p&gt;
&lt;pre&gt;&lt;code&gt;extern "C" void bindMe(int(*compare)(const int a))
{
    llvm::LLVMContext&amp;amp; context = llvm::getGlobalContext();
    llvm::Module *module = new llvm::Module("top", context);
    llvm::IRBuilder&amp;lt;&amp;gt; builder(context);
    //I want to create the corresponding llvm function here which is called compareLLVM
    llvm::BasicBlock *entry = llvm::BasicBlock::Create(context, "entrypoint", compareLLVM);
    builder.SetInsertPoint(entry);
    module-&amp;gt;dump();
}
&lt;/code&gt;&lt;/pre&gt;
&lt;p&gt;Basically I want to translate the argument of bindMe function, which is a c callback function, to a corresponding llvm function. Is something like this possible using the API ?&lt;/p&gt;
&lt;p&gt;I will really appreciate any ideas.&lt;/p&gt;
&lt;p&gt;Thank you&lt;/p&gt;</t>
  </si>
  <si>
    <t>2013-07-09 05:31:46.603000+00:00</t>
  </si>
  <si>
    <t>2013-07-09 09:24:35.863000+00:00</t>
  </si>
  <si>
    <t>c++|callback|llvm|llvm-c++-api</t>
  </si>
  <si>
    <t>How to get ProgressBar to show while OnClickListener is running?</t>
  </si>
  <si>
    <t>&lt;p&gt;I have a simple Android program that calculates how long it takes the phone to compute a certain mathematical problem. I want the mathematical problem to start when I hit the button, and while it is running I want a spinning progress bar to be displayed, and I want it to disappear after the math problem is done. This is the code I currently have:&lt;/p&gt;
&lt;pre&gt;&lt;code&gt;public class main extends AppCompatActivity {
private TextView mScore;
private Button mRunButton;
private TextView mScoreText;
private ProgressBar mSpinner;
@Override
protected void onCreate(Bundle savedInstanceState) {
    super.onCreate(savedInstanceState);
    setContentView(R.layout.activity_main);
    mScore = (TextView) findViewById(R.id.score);
    mRunButton = (Button) findViewById(R.id.runbutton);
    mScoreText = (TextView) findViewById(R.id.scoreText);
    mSpinner = (ProgressBar) findViewById(R.id.progress);
    mSpinner.setVisibility(View.GONE);
    View.OnClickListener listener = new View.OnClickListener(){
        @Override
        public void onClick(View v) {
            mSpinner.setVisibility(View.VISIBLE);
            long startTime = System.nanoTime();
            long start  = System.currentTimeMillis();
            long count = 0l;
            for(long x=0;x&amp;lt;Integer.MAX_VALUE ;x++){
                count+=1;
            }
            long end = System.currentTimeMillis();
            long endTime = System.nanoTime();
            long duration = ((endTime - startTime) / 1000000);
            mScore.setText(duration + "");
            mSpinner.setVisibility(View.GONE);
        }
    };
    mRunButton.setOnClickListener(listener);
}
&lt;/code&gt;&lt;/pre&gt;
&lt;p&gt;}&lt;/p&gt;
&lt;p&gt;From what I can tell, nothing in the view of the app updates until after the phone is done with the entire onClick method, which is not what I want it to do. I want the progress bar to be displayed ONLY while the program is 'working'. How would I go about doing this?&lt;/p&gt;
&lt;p&gt;Thank you&lt;/p&gt;</t>
  </si>
  <si>
    <t>2016-02-16 13:39:28.403000+00:00</t>
  </si>
  <si>
    <t>2016-02-16 14:41:42.790000+00:00</t>
  </si>
  <si>
    <t>java|android|button|onclicklistener|android-progressbar</t>
  </si>
  <si>
    <t>jquery-ui-resizable-alsoresize-reverse ��� how to have two adjacent divs resize in the same direction, from the adjacent edge</t>
  </si>
  <si>
    <t>&lt;p&gt;My goal should be obvious: &lt;/p&gt;
&lt;p&gt;I have two rectangular panels (divs) that are adjacent (left and right) to one another. 
I would like to grab the boundary between the two and expand the left panel eastward, so that its right edge moves east, while the right panel's left edge also moves east, and vice versa. This is a common feature in many application UI, to change the relative width of adjacent panels interactively.&lt;/p&gt;
&lt;p&gt;I am using the JQuery Resizable function, which has a alsoResize option. I have tried Simen Echholt's alsoResizeReverse function, documented here:
&lt;a href="https://stackoverflow.com/questions/3369045/jquery-ui-resizable-alsoresize-reverse"&gt;jQuery UI Resizable alsoResize reverse&lt;/a&gt;&lt;/p&gt;
&lt;p&gt;It does a very cool thing, but not specifically what I'm looking for.&lt;/p&gt;
&lt;p&gt;If anyone had an elegant solution, or could explain what mod to apply to the alsoResizeReverse function to make this work ?&lt;/p&gt;
&lt;p&gt;East-west (vertical boundary) resizing is my primary goal, but north-south (horizontal) would be useful as well. A generic solution is best.&lt;/p&gt;
&lt;p&gt;thanks&lt;/p&gt;
&lt;p&gt;Philippe&lt;/p&gt;</t>
  </si>
  <si>
    <t>2012-01-13 02:43:45.510000+00:00</t>
  </si>
  <si>
    <t>2013-05-08 11:10:19.870000+00:00</t>
  </si>
  <si>
    <t>2017-05-23 12:22:37.693000+00:00</t>
  </si>
  <si>
    <t>jquery|resizable</t>
  </si>
  <si>
    <t>Beaglebone black doesn't boot from s.d card?</t>
  </si>
  <si>
    <t>&lt;p&gt;Actually my s.d card contains the angstrom-cloud9-ide-gnome-eglibc-ipk-v2012.12-beaglebone-2013.06.20.img.xz.when I was typing sudo minicom the result was Welcome to minicom 2.7&lt;/p&gt;
&lt;pre&gt;&lt;code&gt;OPTIONS: I18n 
Compiled on Feb  7 2016, 13:37:27.
Port /dev/tty ACM0
Press CTRL-A Z for help on special keys
&lt;/code&gt;&lt;/pre&gt;
&lt;p&gt;but the four led's continues to flash it won't stop after the required time.&lt;/p&gt;</t>
  </si>
  <si>
    <t>2018-05-08 04:28:05.380000+00:00</t>
  </si>
  <si>
    <t>2018-05-08 09:29:20.263000+00:00</t>
  </si>
  <si>
    <t>beagleboneblack</t>
  </si>
  <si>
    <t>Codeigniter model Undefined property</t>
  </si>
  <si>
    <t>&lt;p&gt;i have following code in the controller file which check for post varible pdf and execute following code&lt;/p&gt;
&lt;pre&gt;&lt;code&gt;if(isset($_POST['pdf']) &amp;amp;&amp;amp; $_POST['pdf']=="pdf")
            {
                $this-&amp;gt;load-&amp;gt;model('voutput_model');
                $final_view = $data['frmReport'];
                $PDF_Name = "report.pdf";
                $this-&amp;gt;votput_model-&amp;gt;pdf($PDF_Name,$final_view);
            }
&lt;/code&gt;&lt;/pre&gt;
&lt;p&gt;I have following code in model file&lt;/p&gt;
&lt;pre&gt;&lt;code&gt;class Voutput_model extends CI_Model{
    public function __construct()
    {
        parent::__construct();
        $this-&amp;gt;CI = get_instance();
    }
    public function pdf($file_name,$filecontents){
        $this-&amp;gt;pdf_path = $this-&amp;gt;config-&amp;gt;item('pdf_path');
        $this-&amp;gt;load-&amp;gt;library('htmltopdf/Html2fpdf');
        $file['Attach_path'] = $this-&amp;gt;pdf_path.$file_name;
        $this-&amp;gt;html2fpdf-&amp;gt;generate_pdf($file['Attach_path'],$filecontents,'Y');
    }
}
&lt;/code&gt;&lt;/pre&gt;
&lt;p&gt;while i am executing the code i am getting error as below:&lt;/p&gt;
&lt;pre&gt;&lt;code&gt;Severity: Notice
Message: Undefined property: Voutput::$Voutput_model
Filename: controllers/voutput.php
Fatal error: Call to a member function pdf() on a non-object in 
            C:\xampp\htdocs\asset\application\controllers\voutput.php 
&lt;/code&gt;&lt;/pre&gt;</t>
  </si>
  <si>
    <t>2012-03-29 10:03:06.437000+00:00</t>
  </si>
  <si>
    <t>2012-03-29 13:26:04.940000+00:00</t>
  </si>
  <si>
    <t>awk or Perl to modify data</t>
  </si>
  <si>
    <t>&lt;p&gt;using the below awk and Perl solutions: I need to understand how to add additional field that don't repeat their output much like "name" in these examples.
ie devtwr1 only occurs once in the sample data, If i need to add additional fields that also only occur once, how is this done?
Sorry Tried extensively but can't work it out... &lt;/p&gt;
&lt;p&gt;here is the source:&lt;/p&gt;
&lt;p&gt;have a file: Ntab.txt which is a sample file of two hosts, there is numerous hosts in the real file one after each other.&lt;/p&gt;
&lt;p&gt;Each host has multiple "displayName"s (addresses) with corresponding figures for each 'displayName'.&lt;/p&gt;
&lt;pre&gt;&lt;code&gt;&amp;gt;cat Ntab.txt
name    devtwr1
displayName     00:67:BB
capacityInKB    104,857,600
consumedCapacityInKB    4,042,752
dpPoolID        20
displayName     00:7B:FD
capacityInKB    52,428,800
consumedCapacityInKB    14,880,768
dpPoolID        10
displayName     00:7C:28
capacityInKB    34,179,712
consumedCapacityInKB    29,804,544
dpPoolID        20
displayName     00:7C:29
capacityInKB    34,179,712
consumedCapacityInKB    5,462,016
dpPoolID        20
name    devtwr2
displayName     00:67:BB
capacityInKB    104,857,600
consumedCapacityInKB    4,042,752
dpPoolID        20
displayName     00:7B:FD
capacityInKB    52,428,800
consumedCapacityInKB    14,880,768
dpPoolID        10
displayName     00:7C:28
capacityInKB    34,179,712
consumedCapacityInKB    29,804,544
dpPoolID        20
displayName     00:7C:29
capacityInKB    34,179,712
consumedCapacityInKB    5,462,016
dpPoolID        20
&lt;/code&gt;&lt;/pre&gt;
&lt;p&gt;I need to be able to produce the $2 data from the rows into columns after each 'name' (host) and in csv type format, headings optional. I cant use (,:) as separators as the data includes them so either (tab or ;).&lt;/p&gt;
&lt;p&gt;Like:&lt;/p&gt;
&lt;pre&gt;&lt;code&gt;name;displayName;capacityInKB;consumedCapacityInKB;dpPoolID        
devtwr1;00:67:BB;104,857,600;4,042,752;20
devtwr1;00:7B:FD;52,428,800;14,880,768;10
devtwr1;00:7C:28;34,179,712;29,804,544;20
devtwr1;00:7C:29;34,179,712;5,462,016;20
devtwr2;00:67:BB;104,857,600;4,042,752;20
devtwr1;00:7B:FD;52,428,800;14,880,768;10
devtwr1;00:7C:28;34,179,712;29,804,544;20
devtwr1;00:7C:29;34,179,712;5,462,016;20
&lt;/code&gt;&lt;/pre&gt;
&lt;p&gt;Here is a Awk solution but cant work out how to add additional field like "name" that dosn't have data in all fields.&lt;/p&gt;
&lt;pre&gt;&lt;code&gt;$ awk '$1=="name"{name=$2}
    $1 ~/^(displayName|capacityInKB|consumedCapacityInKB)$/{out=out";"$2} 
    $1=="dpPoolID"{print name out";"$2; out=""}' tmp2.txt
devtwr1;00:67:BB;104,857,600;4,042,752;20
devtwr1;00:7B:FD;52,428,800;14,880,768;10
devtwr1;00:7C:28;34,179,712;29,804,544;20
devtwr1;00:7C:29;34,179,712;5,462,016;20
devtwr2;00:67:BB;104,857,600;4,042,752;20
devtwr2;00:7B:FD;52,428,800;14,880,768;10
devtwr2;00:7C:28;34,179,712;29,804,544;20
devtwr2;00:7C:29;34,179,712;5,462,016;20
&lt;/code&gt;&lt;/pre&gt;
&lt;p&gt;And here is a Perl solution but once again couldn't work out how to add additional fields like the "name" field that dosn't always have data.&lt;/p&gt;
&lt;pre&gt;&lt;code&gt;perl -lane '
BEGIN {
  @fields = qw(name displayName capacityInKB consumedCapacityInKB dpPoolID);
  print join ";", @fields;
}
if (/^(name|displayName)/ &amp;amp;&amp;amp; $data{displayName}) {
  print join ";", @data{@fields};
  %data = ( name =&amp;gt; $data{name} );
}
$data{$F[0]} = $F[1];
END {
  print join ";",@data{@fields};
}' tmp2.txt &amp;gt; Report.csv
&lt;/code&gt;&lt;/pre&gt;
&lt;p&gt;Hope that provides enough info to get a firm understanding.
thanks in advance.&lt;/p&gt;</t>
  </si>
  <si>
    <t>2015-03-04 20:06:43.993000+00:00</t>
  </si>
  <si>
    <t>2015-05-11 01:29:55.587000+00:00</t>
  </si>
  <si>
    <t>2015-03-04 23:21:39.400000+00:00</t>
  </si>
  <si>
    <t>perl|csv|awk|transpose</t>
  </si>
  <si>
    <t>How to send clientIP in request headers using axios</t>
  </si>
  <si>
    <t>&lt;p&gt;My current Project structure is like this&lt;/p&gt;
&lt;pre&gt;&lt;code&gt;- MyApp
  - client
  - config
  - server
  - shared
    - src
        myReactApp.jsx
    - services
        api.js
        userService.js
&lt;/code&gt;&lt;/pre&gt;
&lt;p&gt;I want to send the client's IP address to the API server in all requests as a header
I am using Axios to make requests to the server
my &lt;code&gt;api.js&lt;/code&gt; file has this&lt;/p&gt;
&lt;pre&gt;&lt;code&gt;import axios from 'axios';
export default () =&amp;gt;
  axios.create({
    baseURL: config('apiUrl')
  });
&lt;/code&gt;&lt;/pre&gt;
&lt;p&gt;and in my user service I call api.js like this&lt;/p&gt;
&lt;pre&gt;&lt;code&gt;import api from './api'
export default {
  fetchUserProfileDetails() {
    return api().get('/user/profile')
  }
}
&lt;/code&gt;&lt;/pre&gt;
&lt;p&gt;which I then use in my components as &lt;/p&gt;
&lt;pre&gt;&lt;code&gt;import UserService from '../userService'
...
componentDidMount () {
  UserService.fetchUserProfileDetails()
  .then(results =&amp;gt; {
    // do stuff with the results
  })
}
&lt;/code&gt;&lt;/pre&gt;
&lt;p&gt;what I want to know is how to send in the client's IP address in every request when I have this kind of setup
The application is react based and is also Server-Side Rendered using &lt;code&gt;express&lt;/code&gt; as the server
I am able to get the Client's IP using &lt;code&gt;req.connection.socket.remoteAddress.split(",")[0]&lt;/code&gt; and am also able to send that into the react application.&lt;/p&gt;
&lt;p&gt;How to actually use that in axios?&lt;/p&gt;
&lt;p&gt;I am using react's context API to send the IP inside the react application, is that a proper way to send information from the server to the react application?&lt;/p&gt;</t>
  </si>
  <si>
    <t>2018-10-02 17:34:42.510000+00:00</t>
  </si>
  <si>
    <t>2018-10-02 18:16:33.630000+00:00</t>
  </si>
  <si>
    <t>2018-10-02 17:46:15.643000+00:00</t>
  </si>
  <si>
    <t>javascript|reactjs|express|axios|ssr</t>
  </si>
  <si>
    <t>jQuery/PHP and multilingual confirm/alert boxes</t>
  </si>
  <si>
    <t>&lt;p&gt;Just when I was about to post this question, I came up with &lt;s&gt;an easy solution&lt;/s&gt; kind-of-a solution.&lt;/p&gt;
&lt;p&gt;The problem was that I needed confirmation messages in multiple languages, depending on the selected language by the user. Since I always grab certain information from the HTML, I was trying to do it that way, but got stuck around this point:&lt;/p&gt;
&lt;p&gt;Here's simple delete-button for the user, using a title attribute with the correct message (in this example it's just text; in the code it's a variable containing the correct translation):&lt;/p&gt;
&lt;pre&gt;&lt;code&gt;&amp;lt;input type="submit" name="delete" value="Delete me" title="Are you sure?" /&amp;gt;&lt;/code&gt;&lt;/pre&gt;
&lt;p&gt;And then I retrieve that line with jQuery and display it in the confirm box, like so:&lt;/p&gt;
&lt;pre&gt;&lt;code&gt;$("input[type='submit'][name='delete']").click(function() {
  return confirm($(this).attr('title'));
});&lt;/code&gt;&lt;/pre&gt;
&lt;p&gt;However, this would still mean that the input element had a title that's visible with a mouseover, which I don't like. Removing it wasn't really an option, because cancelling the confirm box and clicking the button again would then result in an empty message.&lt;/p&gt;
&lt;p&gt;Anyway, this whole approach just wasn't working for me for retrieve a simple line of text. Then I thought of $.get() &amp;mdash; and I don't know why I didn't think of that earlier, because I use it all the time in other scenarios.&lt;/p&gt;
&lt;p&gt;So I guess this is a pretty good solution in general for directly getting the correct texts into JavaScript, without having to deal with the HTML and reading out titles or other attributes.&lt;/p&gt;
&lt;pre&gt;&lt;code&gt;
$("input[type='submit'][name='delete']").click(function() {
    $.get('something.php', {
            action: 'getText',
            variable: 'confirm_delete'
        }, function(text) {
            return confirm(text); // doesn't return instantly...
      });
    return false; // breaks the form action...
});
&lt;/code&gt;&lt;/pre&gt;
&lt;p&gt;&lt;br /&gt;&lt;b&gt;UPDATE&lt;/b&gt;&lt;br /&gt;
Ok, now I turn this back into a question about the last part of the jQuery script. It seems that &lt;code&gt;$.get()&lt;/code&gt; needs some time to retrieve the information. It's propably not much time at all, but it's some, and in the mean time, the form is already being submitted. The &lt;code&gt;return false&lt;/code&gt; at the bottom solves this in part, because it's the first thing that gets returned. But then, when the &lt;code&gt;return confirm&lt;/code&gt; follows, clicking OK won't do much of anything, since &lt;code&gt;return false&lt;/code&gt; already stopped the default button action.&lt;/p&gt;
&lt;p&gt;So.. my question is: is there a way to retrieve the text using &lt;code&gt;$.get()&lt;/code&gt;, and in such a way that the form submission waits until the &lt;code&gt;return confirm&lt;/code&gt; is loaded?&lt;/p&gt;</t>
  </si>
  <si>
    <t>2009-08-06 21:01:49.773000+00:00</t>
  </si>
  <si>
    <t>2009-08-18 12:23:31.113000+00:00</t>
  </si>
  <si>
    <t>2009-08-06 21:12:53.463000+00:00</t>
  </si>
  <si>
    <t>php|jquery|semantics</t>
  </si>
  <si>
    <t>Bootstrap accordion/collapsible not working with ul/li navigation</t>
  </si>
  <si>
    <t>&lt;p&gt;Im using latest bootstrap, and accordion is not working at all.. I mean, when i open Test 1 with nested 'ul', it toggles, but then when i click on test 2 with another nested 'ul', it toggles also,but without closing test 1... &lt;/p&gt;
&lt;p&gt;Any one can help me ? It looks like it wont work with 'ul' and 'li' (without panel class).&lt;/p&gt;
&lt;p&gt;Thanks in advance.&lt;/p&gt;
&lt;p&gt;p.s. Here is the complete code of my accordion try.. Everything is working except auto closing previous opened.&lt;/p&gt;
&lt;p&gt;&lt;a href="http://jsbin.com/OKOjUlu/1/edit?html,output" rel="nofollow"&gt;http://jsbin.com/OKOjUlu/1/edit?html,output&lt;/a&gt;&lt;/p&gt;
&lt;pre&gt;&lt;code&gt;&amp;lt;div class="row"&amp;gt;
    &amp;lt;div class="page-header"&amp;gt;
        &amp;lt;h3&amp;gt;Proizvodi&amp;lt;/h3&amp;gt;
    &amp;lt;/div&amp;gt;
    &amp;lt;div class="col-md-3"&amp;gt;
        &amp;lt;ul class="nav nav-stacked" id="accordion1"&amp;gt;
            &amp;lt;li&amp;gt; &amp;lt;a data-toggle="collapse" data-parent="#accordion1" href="#firstLink"&amp;gt;Test12&amp;lt;/a&amp;gt;
                &amp;lt;ul id="firstLink" class="collapse"&amp;gt;
                    &amp;lt;li&amp;gt;SubTest1&amp;lt;/li&amp;gt;
                    &amp;lt;li&amp;gt;SubTest1&amp;lt;/li&amp;gt;
                    &amp;lt;li&amp;gt;SubTest1&amp;lt;/li&amp;gt;
                &amp;lt;/ul&amp;gt;
            &amp;lt;/li&amp;gt;
            &amp;lt;li&amp;gt; &amp;lt;a data-toggle="collapse" data-parent="#accordion1" href="#secondLink"&amp;gt;Test2&amp;lt;/a&amp;gt;
                &amp;lt;ul id="secondLink" class="collapse"&amp;gt;
                    &amp;lt;li&amp;gt;SubTest2&amp;lt;/li&amp;gt;
                    &amp;lt;li&amp;gt;SubTest2&amp;lt;/li&amp;gt;
                    &amp;lt;li&amp;gt;SubTest2&amp;lt;/li&amp;gt;
                    &amp;lt;li&amp;gt;SubTest2&amp;lt;/li&amp;gt;
                &amp;lt;/ul&amp;gt;
            &amp;lt;/li&amp;gt;
            &amp;lt;li&amp;gt;&amp;lt;a href="#"&amp;gt;Test1&amp;lt;/a&amp;gt;
            &amp;lt;/li&amp;gt;
            &amp;lt;li&amp;gt;&amp;lt;a href="#"&amp;gt;Test1&amp;lt;/a&amp;gt;
            &amp;lt;/li&amp;gt;
        &amp;lt;/ul&amp;gt;
    &amp;lt;/div&amp;gt;
    &amp;lt;div class="col-md-9"&amp;gt;&amp;lt;/div&amp;gt;
&amp;lt;/div&amp;gt;
&lt;/code&gt;&lt;/pre&gt;</t>
  </si>
  <si>
    <t>2013-11-26 02:40:20.197000+00:00</t>
  </si>
  <si>
    <t>2014-09-30 01:33:54.257000+00:00</t>
  </si>
  <si>
    <t>javascript|jquery|css|twitter-bootstrap|accordion</t>
  </si>
  <si>
    <t>Separate configuration from main execution in RequireJS</t>
  </si>
  <si>
    <t>&lt;p&gt;I have included requirejs with the &lt;code&gt;data-main&lt;/code&gt; entry point as described &lt;a href="http://requirejs.org/docs/api.html#data-main" rel="nofollow"&gt;here in the docs&lt;/a&gt;.&lt;/p&gt;
&lt;pre&gt;&lt;code&gt;&amp;lt;script data-main="js/app-main" src="js/lib/require.js"&amp;gt;&amp;lt;/script&amp;gt;
&lt;/code&gt;&lt;/pre&gt;
&lt;p&gt;The &lt;em&gt;app-main.js&lt;/em&gt; file looks like this:&lt;/p&gt;
&lt;pre&gt;&lt;code&gt;requirejs.config({
    baseUrl: 'js/myapp/',
    ...
});
requirejs(['main']);
&lt;/code&gt;&lt;/pre&gt;
&lt;p&gt;I want to &lt;strong&gt;separate the require configuration from the main execution&lt;/strong&gt; (to share the config between production and testing environments for example).&lt;/p&gt;
&lt;p&gt;So basically I need an &lt;em&gt;app.js&lt;/em&gt; file (with configuration only):&lt;/p&gt;
&lt;pre&gt;&lt;code&gt;requirejs.config({
    baseUrl: 'js/myapp/',
    ...
});
&lt;/code&gt;&lt;/pre&gt;
&lt;p&gt;and the &lt;em&gt;main.js&lt;/em&gt; file which starts the app execution (not included in testing environment).&lt;/p&gt;
&lt;p&gt;How can I include those two files (in the correct order) with the single &lt;code&gt;data-main&lt;/code&gt; entry point?&lt;/p&gt;
&lt;hr&gt;
&lt;p&gt;I have tried with an &lt;em&gt;app-main.js&lt;/em&gt; file containing &lt;code&gt;require(['app','main']);&lt;/code&gt; but it doesn't works.&lt;/p&gt;</t>
  </si>
  <si>
    <t>2014-08-04 17:19:30.950000+00:00</t>
  </si>
  <si>
    <t>2014-08-04 21:53:56.860000+00:00</t>
  </si>
  <si>
    <t>2014-08-04 17:29:39.970000+00:00</t>
  </si>
  <si>
    <t>javascript|requirejs</t>
  </si>
  <si>
    <t>How to create a multiple range sliders control?</t>
  </si>
  <si>
    <t>&lt;p&gt;I'm working on a user control to create and manipulate multiple time slots on the timeline. On the image below is an example of one row (representing a task) with three time slots:&lt;/p&gt;
&lt;p&gt;&lt;a href="https://i.stack.imgur.com/EjxyF.png" rel="nofollow noreferrer"&gt;&lt;img src="https://i.stack.imgur.com/EjxyF.png" alt="Time slots"&gt;&lt;/a&gt;&lt;/p&gt;
&lt;p&gt;The time slots will be bepossible to add, remove and manipulate - resize and move (slide) with mouse. Resizing will be done with dragging the edges/thumbs of time slot. A slot is resizable only if there are days that are not taken by another slot (no slot overlapping will be possible). &lt;/p&gt;
&lt;p&gt;There will be multiple rows with the slots representing other tasks.&lt;/p&gt;
&lt;p&gt;I'm able to create one slot as a range slider (with ticks as days) however I do not know if it's possible to create a collection of range sliders to represent multiple slots or I should choose an another approach to design such a control.&lt;/p&gt;
&lt;p&gt;Thanks for any ideas how to design such a control.&lt;/p&gt;</t>
  </si>
  <si>
    <t>2016-04-28 20:42:55.397000+00:00</t>
  </si>
  <si>
    <t>2016-04-28 22:06:26.847000+00:00</t>
  </si>
  <si>
    <t>c#|wpf|xaml|slider</t>
  </si>
  <si>
    <t>PIG - Hbase - RowKeyDistributorByHashPrefix - DistributedScanner</t>
  </si>
  <si>
    <t>&lt;p&gt;We are using &lt;code&gt;RowKeyDistributorByHashPrefix&lt;/code&gt; to avoid region hotspots.  Can I still  use the -lte &amp;amp; -gte options on HbaseStorage to limit the scan?  My gut feel is that I can't...I have a feeling that HbaseStorage doesn't use DistributedScanner.&lt;/p&gt;</t>
  </si>
  <si>
    <t>2013-09-27 18:56:09.277000+00:00</t>
  </si>
  <si>
    <t>2013-09-27 19:27:36.053000+00:00</t>
  </si>
  <si>
    <t>hadoop|hbase|apache-pig</t>
  </si>
  <si>
    <t>Downloading a full remote directory via FTP from the command line</t>
  </si>
  <si>
    <t>&lt;p&gt;I'm looking to put together a simple scriptable backup utility to grab all the files on a remote ftp server and drop them in a backup directory on my machine. I already tried the built-in Windows "ftp" command and Filezilla's limited command line options, but neither seems to be able to grab the whole document tree in one go. Any ideas about how I can accomplish this from the command line (with free command line software if necessary) so I can set it up as a scheduled task?&lt;/p&gt;
&lt;p&gt;Thanks in advance!&lt;/p&gt;</t>
  </si>
  <si>
    <t>2010-08-27 03:57:43.340000+00:00</t>
  </si>
  <si>
    <t>2012-11-09 15:36:14.923000+00:00</t>
  </si>
  <si>
    <t>2010-08-27 04:20:47.177000+00:00</t>
  </si>
  <si>
    <t>windows|command-line|ftp|backup</t>
  </si>
  <si>
    <t>Use cordova in remote app</t>
  </si>
  <si>
    <t>&lt;p&gt;I want to use cordoca.js features in a website application.
So i've done cordova android app setup and setted my website as app url in activity with &lt;code&gt;super.loadUrl(App_Url);&lt;/code&gt;
In remote page i'm waiting for "deviceready" event but it never occur.
I'm using cordova 3.4.
Do you have experience with this task? How i can use cordova feats in website?&lt;/p&gt;
&lt;p&gt;Thank you&lt;/p&gt;</t>
  </si>
  <si>
    <t>2014-05-28 08:19:45.900000+00:00</t>
  </si>
  <si>
    <t>android|ios|cordova</t>
  </si>
  <si>
    <t>Export all tables to txt files with export specification</t>
  </si>
  <si>
    <t>&lt;p&gt;I have a Access DB containing several different tables, each with a different structure (number &amp;amp; names of fields, number of rows, title).&lt;/p&gt;
&lt;p&gt;What I would like to do is to export all these tables into txt files, with a given separator ("|"), point as decimal separator, quotes for strings.&lt;/p&gt;
&lt;p&gt;I have browsed the internet and what I got was:&lt;/p&gt;
&lt;ul&gt;
&lt;li&gt;use &lt;code&gt;DoCmd.TransferText acExportDelim&lt;/code&gt; command&lt;/li&gt;
&lt;li&gt;save a customized export specification and apply it&lt;/li&gt;
&lt;/ul&gt;
&lt;p&gt;I get an error messagge ("object does not exist") and I think it is related to the fact that the export specification is "sheet-specific", i.e. does not apply to tables with different fields and fieldnames.&lt;/p&gt;
&lt;p&gt;Can you help me?
thanks!!&lt;/p&gt;
&lt;p&gt;EDIT.
I post also the original code I run. As I said before, I am new to VBA, so I just looked for a code on the web, adapted it to my needs, and run.&lt;/p&gt;
&lt;pre&gt;&lt;code&gt;Public Sub ExportDatabaseObjects()
On Error GoTo Err_ExportDatabaseObjects
Dim db As Database
Dim db As DAO.Database
Dim td As TableDef
Dim sExportLocation As String
Dim a As Long
Set db = CurrentDb()
sExportLocation = "C:\" 'Do not forget the closing back slash! ie: C:\Temp\
For a = 0 To db.TableDefs.Count - 1
    If Not (db.TableDefs(a).Name Like "MSys*") Then
        DoCmd.TransferText acExportDelim, "Export_specs",  db.TableDefs(a).Name, sExportLocation &amp;amp; db.TableDefs(a).Name &amp;amp; ".txt", True
    End If
Next a
Set db = Nothing
MsgBox "All database objects have been exported as a text file to " &amp;amp; sExportLocation, vbInformation
Exit_ExportDatabaseObjects:
Exit Sub
Err_ExportDatabaseObjects:
MsgBox Err.Number &amp;amp; " - " &amp;amp; Err.Description
Resume Exit_ExportDatabaseObjects
End Sub
&lt;/code&gt;&lt;/pre&gt;
&lt;p&gt;Before running the code, I manually exported the first table saving the Export_specs to a file.&lt;/p&gt;
&lt;p&gt;Consider a db with two tables, A and B.
When I run the code A is properly exported, then I get the following errore message "3011 - The Microsoft Access database engine could not find the object 'B#txt'. Make sure the object exists and that you spell its name and the path name correctly. If 'B#txt' is not a local object, check your network connection or contact the server administration".&lt;/p&gt;</t>
  </si>
  <si>
    <t>2016-11-04 11:38:42.470000+00:00</t>
  </si>
  <si>
    <t>2016-11-07 09:25:18.573000+00:00</t>
  </si>
  <si>
    <t>Defining multiple variables in a while loop in C++</t>
  </si>
  <si>
    <t>&lt;p&gt;While I've seen some people answer this for Python, I don't know how to do so in C++. Bear in mind, I'm still learning.&lt;/p&gt;
&lt;p&gt;As the title should tell you, I'm trying to define multiple variables in a C++ program via a while loop. Specifically, I am trying to make it so it will read through the first 8 characters of a string, and then assign them to their dedicated char values of c1, c2, c3, c4, c5, c6, c7, and c8. However, I can't figure out an easy way to make it do this.&lt;/p&gt;
&lt;p&gt;For an example, it should see the string "FAR OUT!" and print the following characters to each c1-8 variable:&lt;/p&gt;
&lt;blockquote&gt;
  &lt;ol&gt;
  &lt;li&gt;F&lt;/li&gt;
  &lt;li&gt;A&lt;/li&gt;
  &lt;li&gt;R&lt;/li&gt;
  &lt;li&gt;(space)&lt;/li&gt;
  &lt;li&gt;O&lt;/li&gt;
  &lt;li&gt;U&lt;/li&gt;
  &lt;li&gt;T&lt;/li&gt;
  &lt;li&gt;!&lt;/li&gt;
  &lt;/ol&gt;
&lt;/blockquote&gt;
&lt;p&gt;The most recent attempt seems to believe I am referring to a variable called "c", and not consider the fact I'm telling it to take the value of the variable check, add 1 to it, and then add that number to the end of c, and then take the variable that is that output.&lt;/p&gt;
&lt;pre&gt;&lt;code&gt;#include &amp;lt;iostream&amp;gt;
#include &amp;lt;string&amp;gt;
using namespace std;
int main()
{
    // varaible declaration(s)
    char c1;
    char c2;
    char c3;
    char c4;
    char c5;
    char c6;
    char c7;
    char c8;
    string phonenumber;
    int check = 0;
    // accept user input
    cout &amp;lt;&amp;lt; "Phone number in letters: ";
    cin &amp;gt;&amp;gt; phonenumber;
    // convert string to char
    while(check &amp;lt; 8)
    {
        phonenumber[check] = c(check + 1);
        check = check + 1;
    }
    // start while loop
    // program logic and output
    cout &amp;lt;&amp;lt; endl &amp;lt;&amp;lt; c1 &amp;lt;&amp;lt; c2 &amp;lt;&amp;lt; c3 &amp;lt;&amp;lt; c4 &amp;lt;&amp;lt; c5 &amp;lt;&amp;lt; c6 &amp;lt;&amp;lt; c7 &amp;lt;&amp;lt; c8 &amp;lt;&amp;lt; endl;
}
&lt;/code&gt;&lt;/pre&gt;</t>
  </si>
  <si>
    <t>2017-10-03 15:57:51.527000+00:00</t>
  </si>
  <si>
    <t>2017-10-03 16:27:23.870000+00:00</t>
  </si>
  <si>
    <t>2017-10-03 16:02:20.687000+00:00</t>
  </si>
  <si>
    <t>c++|string|variables|while-loop|char</t>
  </si>
  <si>
    <t>User-controlled 'rate of speech' tool</t>
  </si>
  <si>
    <t>&lt;p&gt;I can post-process an audio file to compress (speed up) the rate of speech. What i want instead is an application that sits server-side and is user-controlled via my webpage.&lt;/p&gt;
&lt;p&gt;
Programming in that i'm being asked to implement it programmaticlly. Server-side is iis7, .net v4. I wonder if an embeddedable flash control covers this use case.&lt;/p&gt;
&lt;p&gt;thx&lt;/p&gt;</t>
  </si>
  <si>
    <t>2011-03-07 15:41:34.920000+00:00</t>
  </si>
  <si>
    <t>2011-03-08 13:58:22.470000+00:00</t>
  </si>
  <si>
    <t>audio</t>
  </si>
  <si>
    <t>UIView Error from implementing iAd</t>
  </si>
  <si>
    <t>&lt;p&gt;I am trying to implement a very simple iAd into my game and I am getting an error. I am new to Xcode and have trouble reading error codes. I've tried the exact same method in a new SpriteKit project and it worked perfectly. I'm guessing this must have something to do with my game.&lt;/p&gt;
&lt;p&gt;The error is as follows.&lt;/p&gt;
&lt;p&gt;&lt;code&gt;2014-03-30 17:18:35.966 MyGame[672:60b] -[UIView setPaused:]: unrecognized selector sent to instance 0xa764120
2014-03-30 17:18:35.970 MyGame[672:60b] *** Terminating app due to uncaught exception 'NSInvalidArgumentException', reason: '-[UIView setPaused:]: unrecognized selector sent to instance 0xa764120'
*** First throw call stack:
(
    0   CoreFoundation                      0x019901e4 __exceptionPreprocess + 180
    1   libobjc.A.dylib                     0x0170f8e5 objc_exception_throw + 44
    2   CoreFoundation                      0x01a2d243 -[NSObject(NSObject) doesNotRecognizeSelector:] + 275
    3   CoreFoundation                      0x0198050b ___forwarding___ + 1019
    4   CoreFoundation                      0x019800ee _CF_forwarding_prep_0 + 14
    5   MyGame                              0x00012331 -[AppDelegate applicationDidBecomeActive:] + 225
    6   UIKit                               0x002a6ca6 -[UIApplication _stopDeactivatingForReason:] + 329
    7   UIKit                               0x002ac891 -[UIApplication _runWithURL:payload:launchOrientation:statusBarStyle:statusBarHidden:] + 1378
    8   UIKit                               0x002c0f92 -[UIApplication handleEvent:withNewEvent:] + 3517
    9   UIKit                               0x002c1555 -[UIApplication sendEvent:] + 85
    10  UIKit                               0x002ae250 _UIApplicationHandleEvent + 683
    11  GraphicsServices                    0x025d9f02 _PurpleEventCallback + 776
    12  GraphicsServices                    0x025d9a0d PurpleEventCallback + 46
    13  CoreFoundation                      0x0190bca5 __CFRUNLOOP_IS_CALLING_OUT_TO_A_SOURCE1_PERFORM_FUNCTION__ + 53
    14  CoreFoundation                      0x0190b9db __CFRunLoopDoSource1 + 523
    15  CoreFoundation                      0x0193668c __CFRunLoopRun + 2156
    16  CoreFoundation                      0x019359d3 CFRunLoopRunSpecific + 467
    17  CoreFoundation                      0x019357eb CFRunLoopRunInMode + 123
    18  UIKit                               0x002abd9c -[UIApplication _run] + 840
    19  UIKit                               0x002adf9b UIApplicationMain + 1225
    20  MyGame                              0x0001250d main + 141
    21  libdyld.dylib                       0x02ad8701 start + 1
)
libc++abi.dylib: terminating with uncaught exception of type NSException
(lldb)&lt;/code&gt;&lt;/p&gt;
&lt;p&gt;My ViewController.m is as follows&lt;/p&gt;
&lt;pre&gt;&lt;code&gt;- (void)viewDidLoad
{
    [super viewDidLoad];
    // Configure the view.
    SKView * skView = (SKView *)self.view;
    skView.showsFPS = YES;
    skView.showsNodeCount = YES;
    // Create and configure the scene.
    SKScene * scene = [StartGameScene sceneWithSize:skView.bounds.size];
    scene.scaleMode = SKSceneScaleModeAspectFill;
    self.canDisplayBannerAds = YES;
    // Present the scene.
    [skView presentScene:scene];
}
&lt;/code&gt;&lt;/pre&gt;</t>
  </si>
  <si>
    <t>2014-03-30 21:30:23.500000+00:00</t>
  </si>
  <si>
    <t>2014-10-17 16:09:36.527000+00:00</t>
  </si>
  <si>
    <t>2014-03-31 14:56:52.763000+00:00</t>
  </si>
  <si>
    <t>objective-c|uikit|sprite-kit|iad</t>
  </si>
  <si>
    <t>VsSolutionBuildManager: How to enable the build while debugging?</t>
  </si>
  <si>
    <t>&lt;p&gt;We implement the build and debug features in our product. When user make some change, user could require validate. We use the VS buildmanager service to perform the validation:&lt;/p&gt;
&lt;pre&gt;&lt;code&gt;IVsSolutionBuildManager2 buildManager = this.project.GetService(typeof(SVsSolutionBuildManager)) as IVsSolutionBuildManager2;
int result = buildManager.StartUpdateSpecificProjectConfigurations(
    1,
    new IVsProjectCfg[] { projectCfg },
    new uint[] { 0 },
    new uint[] { VSConstants.VS_BUILDABLEPROJECTCFGOPTS_BUILD_SELECTION_ONLY },
    new uint[] { 0 },
    (uint)VSSOLNBUILDUPDATEFLAGS.SBF_OPERATION_BUILD,
    0);
&lt;/code&gt;&lt;/pre&gt;
&lt;p&gt;And we override the BuildableProjectConfig.StartBuild method, put the validation logic in it.&lt;/p&gt;
&lt;p&gt;When user invokes the validation during debug, StartUpdateSpecificProjectConfigurations will pop up a dialog to ask whether to stop the debug; it will exit unless you choose stop debugging.&lt;/p&gt;
&lt;p&gt;Now we want to enable the validation during debug session, just like the ���Edit and run���. How to make the StartUpdateSpecificProjectConfigurations continue while debug doesn���t stop?&lt;/p&gt;</t>
  </si>
  <si>
    <t>2012-03-08 03:44:04.393000+00:00</t>
  </si>
  <si>
    <t>c#|.net|build</t>
  </si>
  <si>
    <t>python gnupg sign, and verify</t>
  </si>
  <si>
    <t>&lt;p&gt;I am trying to see if I can get the python-gnupg module working to sign and verify a file using a python script. I have the following code, which does not interpret any errors when called. &lt;/p&gt;
&lt;p&gt;However the code prints "unverified" at the end, when I thought that I had signed the file (&lt;code&gt;example.txt&lt;/code&gt;). &lt;/p&gt;
&lt;p&gt;I must be missing something in the documentation but after I read it this is what I came up with for signing and verifying. Any help please?&lt;/p&gt;
&lt;pre&gt;&lt;code&gt;import gnupg
gpg = gnupg.GPG(gnupghome="/home/myname") 
stream = open("example.txt", "rb")
signed_data = gpg.sign_file(stream)
verified = gpg.verify_file(stream)
print "Verified" if verified else "Unverified"
&lt;/code&gt;&lt;/pre&gt;</t>
  </si>
  <si>
    <t>2012-06-27 13:28:41.533000+00:00</t>
  </si>
  <si>
    <t>2013-04-10 03:10:43.143000+00:00</t>
  </si>
  <si>
    <t>2012-06-28 04:04:13.663000+00:00</t>
  </si>
  <si>
    <t>python|gnupg</t>
  </si>
  <si>
    <t>Run a task continuously without delay inside a Java TimerTask</t>
  </si>
  <si>
    <t>&lt;p&gt;How do I run a specific set of instructions inside the TimerTask continuously without delay for a set amount of time ? Below are the codes I am attempting to implement the above.&lt;/p&gt;
&lt;pre&gt;&lt;code&gt;Timer timer = new Timer();
timer.schedule(new TimerTask() {
    public void run() {
        System.out.println("Test started at: " + new Date());
        // Do something continuously without delay
        System.out.println("Test finished at: " + new Date());                           
    }
}, 0);
&lt;/code&gt;&lt;/pre&gt;</t>
  </si>
  <si>
    <t>2016-03-19 12:39:03.633000+00:00</t>
  </si>
  <si>
    <t>2016-03-21 14:47:40.497000+00:00</t>
  </si>
  <si>
    <t>2016-03-20 08:24:43.207000+00:00</t>
  </si>
  <si>
    <t>java|loops|timertask</t>
  </si>
  <si>
    <t>how do I make my answer on a single line instead of four separate lines</t>
  </si>
  <si>
    <t>&lt;p&gt;so I have made a script which is telling if a line is below, above or on equal to a y value. However i want to be able to put in my values on a single line so that it would be like 3, 6, 7, 9   something like that. and so when you press enter it will put out the answer. my code:&lt;/p&gt;
&lt;pre&gt;&lt;code&gt;package computing.line.linetest;
/**  * Created by Jakob on 07-02-2015.  */ public class LineTest {
    public static void main (String[] arg) {
            java.util.Scanner tastatur = new java.util.Scanner(System.in);
        System.out.println("Inds��t a, x, b og y v��rdierne her og tryk retur");
        int a, x, b, y;
        a = tastatur.nextInt();
        x = tastatur.nextInt();
        b = tastatur.nextInt();
        y = tastatur.nextInt();
        System.out.println ("a er "+a+", x er "+x+", b er "+b+", y er "+y+"");
            if (a * x + b == y) System.out.println("Linje");
            else if (a * x + b &amp;gt; y) System.out.println("Under");
            else System.out.println("Over");
    } }
&lt;/code&gt;&lt;/pre&gt;</t>
  </si>
  <si>
    <t>2015-02-07 15:59:02.353000+00:00</t>
  </si>
  <si>
    <t>2015-02-07 16:48:15.070000+00:00</t>
  </si>
  <si>
    <t>2015-02-07 16:00:39.607000+00:00</t>
  </si>
  <si>
    <t>memcpy extremely unexpected behavior</t>
  </si>
  <si>
    <t>&lt;p&gt;I'm using memcpy to copy information from and to an array that is getting written on disk. I'm storing &lt;strong&gt;a char* of 256 bytes (name array)*&lt;/strong&gt;, &lt;strong&gt;3 long numbers&lt;/strong&gt;, and &lt;strong&gt;a short number&lt;/strong&gt;. I thought it was going to work correctly until I tried it and it didn't. When saving the information to disk, everything seems to work just fine. But when trying to read off the information, memcpy simply malfunctions, leaving the variable directly after the name array at 0, and when my program needs it to load up something else, I end up with a seg fault.&lt;/p&gt;
&lt;p&gt;At first I thought the information could've been getting corrupted when written to disk, or when being loaded from it, but I couldn't find any huge issues with the saving or loading procedures, so what I did next was to print out every single byte on the array (with Qt's qDebug), see if I could spot anything wrong with it.&lt;/p&gt;
&lt;p&gt;Needless to say, it didn't work out as planned since qDebug only printed non null characters, and the "name array" has a lot of those, but it did something ridiculously surprising: it somehow made memcpy work and not work, since now it would successfully copy the first long number, but it would then corrupt the second long number. Thing is, the whole thing is pretty much unrelated!&lt;/p&gt;
&lt;pre&gt;&lt;code&gt;            char* block = new char[FreeBlock::TablaMTD_v]; //3958 bytes long
            fRead.seekg(toLoad, ios::beg); //toLoad being an unsigned long file pointer, fRead being a working ifstream
            fRead.read(block, FreeBlock::TablaMTD_v); //reading all 3958 bytes to block
            fRead.close();
            short bsize = 0, pos = 0;
            memcpy(&amp;amp;bsize, block, 2);
            pos+=2;
            for(short i = 0; i &amp;lt; bsize; i++){
                char* tname = new char[257];
                unsigned long ptrmtd = 0, ptrdt = 0, ptrind = 0;
                unsigned short indmtd = 0;
                memcpy(tname, &amp;amp;block[pos], 256);
                tname[256] = 0;
                pos+=256;
                memcpy(&amp;amp;ptrmtd, &amp;amp;block[pos], 8); //without qdebug loop, stays at 0. otherwise, has correct value
                pos+=8;
                memcpy(&amp;amp;ptrdt, &amp;amp;block[pos], 8); //with qdebug loop, stays at 0. otherwise, has correct value
                pos+=8;
                memcpy(&amp;amp;ptrind, &amp;amp;block[pos], 8);
                pos+=8;
                memcpy(&amp;amp;indmtd, &amp;amp;block[pos], 2);
                pos+=2;
                for(int i = 0; i &amp;lt; FreeBlock::TablaMTD_v; i++){
                    qDebug()&amp;lt;&amp;lt;block[i]; //miracle solution, somehow
                }
                CampoMTDB* cmtd = nextCampoMTDB(ptrmtd, true); //based on ptrmtd, which if 0, returns null pointer
                unsigned long nextcmtdb = cmtd-&amp;gt;next; //seg fault due to null pointer
&lt;/code&gt;&lt;/pre&gt;
&lt;p&gt;Since that for loop is the only thing I have added, and commenting it/uncommenting it actually changes the outcome of the entire procedure, I'm quite honestly baffled. Sort of sets a new record for me on the "unexpected behavior" plane.&lt;/p&gt;
&lt;p&gt;Taking into consideration I'm somewhat new to C++, and I've until recently heard of random dangerous practices I'm using here that apparently I should not be using, I still don't see how or why adding a random for loop AFTER memcpy operations would have any impact whatsoever on these operations, or why memcpy wouldn't work like it should in the first place.&lt;/p&gt;
&lt;p&gt;Also note that after I saved my file, I didn't touch it again, it hasn't changed at all, yet the output from reading it changes.&lt;/p&gt;
&lt;p&gt;In case it helps to know, I'm using VC2013 in Qt 5.3, x64 Windows 7&lt;/p&gt;</t>
  </si>
  <si>
    <t>2014-06-24 11:03:21.267000+00:00</t>
  </si>
  <si>
    <t>2014-06-24 11:33:16.937000+00:00</t>
  </si>
  <si>
    <t>Cannot subscript a value of [AnyObject]? with an index of type Int</t>
  </si>
  <si>
    <t>&lt;p&gt;This is in a class extending &lt;a href="https://www.parse.com/docs/ios/api/Classes/PFQueryTableViewController.html" rel="noreferrer"&gt;PFQueryTableViewController&lt;/a&gt; and I am getting the following error. The rows will be &lt;code&gt;PFUser&lt;/code&gt; only.&lt;br&gt;
Why am I not able to cast it? Is there a way around this?&lt;/p&gt;
&lt;p&gt;The error is:&lt;/p&gt;
&lt;pre&gt;&lt;code&gt;Cannot subscript a value of [AnyObject]? with an index of type Int
&lt;/code&gt;&lt;/pre&gt;
&lt;p&gt;...for this line:&lt;/p&gt;
&lt;pre&gt;&lt;code&gt;var user2 = self.objects[indexPath.row] as! PFUser
&lt;/code&gt;&lt;/pre&gt;
&lt;p&gt;&lt;img src="https://i.stack.imgur.com/he2JC.png" alt="enter image description here"&gt;&lt;/p&gt;</t>
  </si>
  <si>
    <t>2015-04-26 06:13:36.403000+00:00</t>
  </si>
  <si>
    <t>2018-10-04 17:03:00.330000+00:00</t>
  </si>
  <si>
    <t>2015-10-28 23:42:32.957000+00:00</t>
  </si>
  <si>
    <t>ios|xcode|swift|parse.com|xcode6.3</t>
  </si>
  <si>
    <t>Binding to DataContext outside current ItemsSource context</t>
  </si>
  <si>
    <t>&lt;p&gt;I have a &lt;code&gt;DataSet&lt;/code&gt; bound to the &lt;code&gt;Window.DataContext&lt;/code&gt;; I also have a &lt;code&gt;DataGrid&lt;/code&gt;:&lt;/p&gt;
&lt;pre&gt;&lt;code&gt;&amp;lt;DataGrid ItemsSource={Binding Tables[Items]}&amp;gt;
    &amp;lt;DataGrid.Columns&amp;gt;
        &amp;lt;DataGridTextBoxColumn Header={Binding Path=DataContext.Tables[Names]/Test, RelativeSource={RelativeSource FindAncestor, AncestorType={x:Type Window}}} /&amp;gt;
    &amp;lt;/DataGrid.Columns&amp;gt;
&amp;lt;/DataGrid&amp;gt;
&lt;/code&gt;&lt;/pre&gt;
&lt;p&gt;Basically, I'm trying to bind the Header of that column to DataTable "Names", Column "Test", first row.&lt;/p&gt;
&lt;p&gt;However, I can't get it right.  Note that I can bind it fine outside the DataGrid.  The Grid's ItemsSource changes the data context and I don't know how to refer outside to the original DataContext.&lt;/p&gt;
&lt;p&gt;It seems that the binding succeeds; but the problem is that the current item (first row) of the Tables[Names] in the Window.DataContext got lost.&lt;/p&gt;
&lt;p&gt;If I make the DataSet static and access it via {x:Static local:dataset} then things work fine.  But I can't use static datasets because there will be multiple instances (multi-user).&lt;/p&gt;
&lt;p&gt;Can anyone please point me in the right direction?&lt;/p&gt;</t>
  </si>
  <si>
    <t>2010-10-13 00:34:10.947000+00:00</t>
  </si>
  <si>
    <t>2015-08-09 01:19:35.803000+00:00</t>
  </si>
  <si>
    <t>2013-04-01 02:09:18.577000+00:00</t>
  </si>
  <si>
    <t>wpf|data-binding|datagrid|itemssource|relativesource</t>
  </si>
  <si>
    <t>Insert ellipsis to the partial text inside the anchor tag</t>
  </si>
  <si>
    <t>&lt;p&gt;&lt;code&gt;&amp;lt;a href="#" &amp;gt;some lengthy text -- 07 May 2014 -- order ID#12345 &amp;lt;/a&amp;gt;&lt;/code&gt;&lt;/p&gt;
&lt;p&gt;I have an anchor tag inside that I have some text,date, number(text -- date -- number format) like as shown above I want to ellipsis only the text according to the out div in such a way that whole anchor content(text,number,date) should not wrap to new line.&lt;/p&gt;
&lt;p&gt;In the above example I want to ellipsis only text(some lengthy text) It should not disturb the number and date &lt;/p&gt;
&lt;p&gt;I tried putting &lt;code&gt;&amp;lt;p&amp;gt;&lt;/code&gt; tag around text with some CSS it is able to ellipsis properly but the issue is underline for anchor tag looks like made up of 2 piece I don't want that
&lt;a href="http://jsfiddle.net/Vc4N6/3/" rel="nofollow"&gt;http://jsfiddle.net/Vc4N6/3/&lt;/a&gt;&lt;/p&gt;
&lt;p&gt;Is there a better way of doing this in javascript ? so that I don't have to struggle with CSS(with different browser IE8&amp;amp;9 is must along other browser. )&lt;/p&gt;
&lt;p&gt;&lt;strong&gt;NOTE: I don't use jQuery solution should be in pure javascript&lt;/strong&gt;&lt;/p&gt;
&lt;p&gt;&lt;strong&gt;EDIT:&lt;/strong&gt;&lt;/p&gt;
&lt;p&gt;I got solution for above question but my requirement is bit more I will be using these line item in list, after adding to list it is introducing space between text and date if I have varying text in each line item.see here &lt;a href="http://jsfiddle.net/Vc4N6/13/" rel="nofollow"&gt;http://jsfiddle.net/Vc4N6/13/&lt;/a&gt;&lt;/p&gt;
&lt;p&gt;Ideally It should look like &lt;/p&gt;
&lt;ul&gt;
&lt;li&gt;this is very lengthy text lengthy text.. -- 07 May 2014 -- order
ID#12345 &lt;/li&gt;
&lt;li&gt;short text -- 06 Jun 2015 --    order
ID#46453&lt;/li&gt;
&lt;/ul&gt;</t>
  </si>
  <si>
    <t>2014-05-07 17:27:35.247000+00:00</t>
  </si>
  <si>
    <t>2014-05-16 22:24:47.230000+00:00</t>
  </si>
  <si>
    <t>2014-05-16 18:55:49.130000+00:00</t>
  </si>
  <si>
    <t>javascript|html|css|ellipsis|elasticlayout</t>
  </si>
  <si>
    <t>Minimum point link in 8-neighborhood</t>
  </si>
  <si>
    <t>&lt;p&gt;This is my probleme, I've got a list of point in matrix and I want to link all of these points and minimize this cover.
I work on 8-neighborhood, and link must be also on point. &lt;/p&gt;
&lt;p&gt;For example, one solution :&lt;/p&gt;
&lt;pre&gt;&lt;code&gt;���������������������������������������������������������������������������������������������������������������������������
���   ��� * ���*2 ���   ���   ���   ���   ���   ���   ���   ���
���������������������������������������������������������������������������������������������������������������������������
��� 5*���   ���   ���   ���   ���   ���   ���   ���   ���   ���
���������������������������������������������������������������������������������������������������������������������������
���   ��� * ���   ���   ��� 3*���   ���   ���   ���   ���   ���
���������������������������������������������������������������������������������������������������������������������������
���   ��� * ���   ���   ��� * ���   ���   ���   ���   ���   ���
���������������������������������������������������������������������������������������������������������������������������
���   ���   ��� * ��� * ���   ��� * ���   ��� * ��� * ���*4 ���
���������������������������������������������������������������������������������������������������������������������������
���   ��� 1*���   ���   ���   ���   ��� 6*���   ���   ���   ���
���������������������������������������������������������������������������������������������������������������������������
&lt;/code&gt;&lt;/pre&gt;
&lt;p&gt;One other :&lt;/p&gt;
&lt;pre&gt;&lt;code&gt;���������������������������������������������������������������������������������������������������������������������������
���   ���   ���*2 ���   ���   ���   ���   ���   ���   ���   ���
���������������������������������������������������������������������������������������������������������������������������
��� 5*��� * ���   ���   ���   ���   ���   ���   ���   ���   ���
���������������������������������������������������������������������������������������������������������������������������
���   ���   ��� * ���   ��� 3*���   ���   ���   ���   ���   ���
���������������������������������������������������������������������������������������������������������������������������
���   ���   ���   ��� * ���   ��� * ���   ���   ���   ���   ���
���������������������������������������������������������������������������������������������������������������������������
���   ���   ��� * ���   ���   ���   ��� * ��� * ��� * ���*4 ���
���������������������������������������������������������������������������������������������������������������������������
���   ��� 1*���   ���   ���   ���   ��� 6*���   ���   ���   ���
���������������������������������������������������������������������������������������������������������������������������
&lt;/code&gt;&lt;/pre&gt;
&lt;p&gt;So I search an algorithm to find this minimal cover of my set of points.
I search on internet but I don't find what I need but similar problems like Minimum spanning tree, Minimal vertex cover ...&lt;/p&gt;
&lt;p&gt;Some ideas would be appreciated&lt;/p&gt;</t>
  </si>
  <si>
    <t>2017-10-23 18:59:42.420000+00:00</t>
  </si>
  <si>
    <t>2017-10-25 22:18:36.690000+00:00</t>
  </si>
  <si>
    <t>2017-10-24 06:26:19.970000+00:00</t>
  </si>
  <si>
    <t>algorithm|matrix|optimization|cover</t>
  </si>
  <si>
    <t>How do you make a Function in Pseudocode</t>
  </si>
  <si>
    <t>&lt;p&gt;So I have given myself a task to make a Pseudocode BubbleSort Algorithm (In accending order) Function to use in a bigger program, I am quite new to Pseudocode so I would love the support. I have the Python Code: 
    # Python: BubbleSort&lt;/p&gt;
&lt;pre&gt;&lt;code&gt;def bubblesort(myList):
    for i in range(0, len(myList) - 1):
        for j in range(0, len(myList) - 1 - i):
            if myList[j] &amp;lt; myList[j+1]:
                myList[j], myList[j+1] = myList[j+1], myList[j]
                return myList
&lt;/code&gt;&lt;/pre&gt;
&lt;p&gt;But how would I go about making this into Pseudocode?&lt;/p&gt;</t>
  </si>
  <si>
    <t>2018-02-01 19:28:44.767000+00:00</t>
  </si>
  <si>
    <t>2018-02-01 19:42:21.220000+00:00</t>
  </si>
  <si>
    <t>2018-02-01 19:35:52.720000+00:00</t>
  </si>
  <si>
    <t>pseudocode|bubble-sort</t>
  </si>
  <si>
    <t>Need to Generate List of 12 Months with Number of Days</t>
  </si>
  <si>
    <t>&lt;p&gt;I need to generate a list of the last 12 months, with their number of days in each month, without using a lookup table. The requirement not to use tables was given by my jobgiver, also this query must work in any sql server.&lt;/p&gt;
&lt;p&gt;I've found a solution for first column but it does not work: &lt;/p&gt;
&lt;pre&gt;&lt;code&gt;WITH R(N) AS ( 
   SELECT 0 
   UNION ALL 
   SELECT N+1 
   FROM R 
   WHERE N &amp;lt; 12 
) 
SELECT 
    LEFT(DATENAME(MONTH,DATEADD(MONTH,-N,GETDATE())),3) AS [month] 
FROM R
&lt;/code&gt;&lt;/pre&gt;
&lt;p&gt;Does this solution must work, and tell me please what means R(N)? 
Also if you think it cannot be done on any RDBMS, please help me to do this in mysql?&lt;/p&gt;</t>
  </si>
  <si>
    <t>2018-04-02 10:07:11.440000+00:00</t>
  </si>
  <si>
    <t>2018-04-02 11:48:02.847000+00:00</t>
  </si>
  <si>
    <t>2018-04-02 11:03:41.137000+00:00</t>
  </si>
  <si>
    <t>Modifying Dynamic Text with Actionscript 3</t>
  </si>
  <si>
    <t>&lt;p&gt;At the moment I'm working on a project that involves increasing/decreasing the alpha and scale of text within a flash movie (at the moment it randomly chooses between several groups of symbols, increases the alpha for the chosen symbol, and then scales the symbol out while decreasing the alpha). Each bit of text to be modified is its own symbol occupying a separate layer of the movie. And, for the initial project it's serving quite well, but I'd like to be able to reuse the code for similar projects in the future without having to create new symbols to be modified.&lt;/p&gt;
&lt;p&gt;I'd like to find a way to create a single source for text objects to be modified (like a text array that can be modified/displayed), but I haven't been able to find one thus far. What I've found about Text fields seem promising, but I can't find anything about being able to modify the alpha or scale values of them. Can anyone point me in the right direction, or at least tell me if text fields would be appropriate for the use I'd like to put them?&lt;/p&gt;</t>
  </si>
  <si>
    <t>2013-04-23 09:55:32.130000+00:00</t>
  </si>
  <si>
    <t>actionscript-3</t>
  </si>
  <si>
    <t>jQuery How to add/remove dynamically created elements from dynamically created divs?</t>
  </si>
  <si>
    <t>&lt;p&gt;I am attempting to make a form that has 3 fields. It also has buttons to add another set of fields called modules. This part works. Each module that is created, should then be able to create more sets of fields below them called tasks.&lt;/p&gt;
&lt;p&gt;The hierarchy goes:  &lt;/p&gt;
&lt;pre&gt;&lt;code&gt; Project:
    Module:
      Task 1:
      Task 2:
    Module 2:
      Task 3:
      Task 4:
&lt;/code&gt;&lt;/pre&gt;
&lt;p&gt;The problem I'm having is when I add tasks. You can add modules, and they correctly push down the original form buttons. When I try to add tasks to a div that lies within the module div, both dynamically created, it adds the tasks to the wrong place and they just run through the content below them. The fiddle below is the current state I'm in:&lt;/p&gt;
&lt;p&gt;&lt;a href="http://jsfiddle.net/smkarber/ezdk96z3/16/" rel="nofollow"&gt;http://jsfiddle.net/smkarber/ezdk96z3/16/&lt;/a&gt;&lt;/p&gt;</t>
  </si>
  <si>
    <t>2015-03-09 12:15:44.163000+00:00</t>
  </si>
  <si>
    <t>2015-03-09 13:16:03.867000+00:00</t>
  </si>
  <si>
    <t>2015-03-09 12:21:26.533000+00:00</t>
  </si>
  <si>
    <t>jquery|dynamic|selector</t>
  </si>
  <si>
    <t>Submit html form without action</t>
  </si>
  <si>
    <t>&lt;p&gt;I need to submit a form without reloading or even interrupting the page. The "submit" input should only start a php code where a sql INSERT query gets executed. &lt;/p&gt;
&lt;p&gt;This is what I use at the Moment:&lt;/p&gt;
&lt;pre&gt;&lt;code&gt;echo "
    &amp;lt;form method='post'&amp;gt;
        &amp;lt;input type='hidden' visibility='hidden' value='hiddenID' name='userid' id='userid'/&amp;gt;
        &amp;lt;textarea class='form-control' rows='5' name='newmessage' id='newmessage'&amp;gt;&amp;lt;/textarea&amp;gt;&amp;lt;br/&amp;gt;
        &amp;lt;input class='btn btn-primary' type='submit' name='submit_chatmessage' value='Send'&amp;gt;
    &amp;lt;/form&amp;gt;";
    if($_POST[newmessage] == ""){
    } else {
        date_default_timezone_set('Europe/Berlin'); // CDT
        $current_stamp = date('Y-m-d H:i:s');
        $sql="
        INSERT INTO tbl_messages (`tbl_users_ID`, `time`, `message`, `from_admin`) VALUES ($_POST[userid],'$current_stamp','$_POST[newmessage]',1)";
        mysql_query($sql);
        }
    }
&lt;/code&gt;&lt;/pre&gt;
&lt;p&gt;I already tried things like an onsubmit handler or &lt;code&gt;action="javascript:void(0);"&lt;/code&gt; but that wasn't working. There was no new data in the database so the query wasn't executed.&lt;/p&gt;
&lt;p&gt;If I submit the form normally, the query gets executed as expected, but the page reloads.&lt;/p&gt;</t>
  </si>
  <si>
    <t>2017-02-28 19:47:19.457000+00:00</t>
  </si>
  <si>
    <t>2017-02-28 21:18:03.677000+00:00</t>
  </si>
  <si>
    <t>php|jquery|html|mysql|sql</t>
  </si>
  <si>
    <t>Class constraint must come before any other constraints</t>
  </si>
  <si>
    <t>&lt;p&gt;I am attempting to create the following class name signature:&lt;/p&gt;
&lt;pre&gt;&lt;code&gt;public class MyClass&amp;lt;T&amp;gt; where T : struct, MyBase
&lt;/code&gt;&lt;/pre&gt;
&lt;p&gt;(I am using struct to constrain to Enums)&lt;/p&gt;
&lt;p&gt;I am getting error &lt;/p&gt;
&lt;pre&gt;&lt;code&gt;The class type constraint 'MyBase' must come before any other constraints
&lt;/code&gt;&lt;/pre&gt;
&lt;p&gt;I understand the message, however, rearranging the code I cannot get past that or some other syntax error. How can I fix that line if at all?&lt;/p&gt;
&lt;p&gt;If I have to, I will remove &lt;code&gt;struct&lt;/code&gt;.&lt;/p&gt;
&lt;p&gt;Thank you&lt;/p&gt;</t>
  </si>
  <si>
    <t>2012-02-01 00:11:15.810000+00:00</t>
  </si>
  <si>
    <t>2012-02-01 17:02:17.600000+00:00</t>
  </si>
  <si>
    <t>c#|class|generics</t>
  </si>
  <si>
    <t>How to make sense of or interpret the first call to partition in Quicksort?</t>
  </si>
  <si>
    <t>&lt;p&gt;This covers "a software algorithm" from &lt;a href="https://stackoverflow.com/help/on-topic"&gt;https://stackoverflow.com/help/on-topic&lt;/a&gt; or in this case, the quicksort algorithm to sort a set of numbers.&lt;/p&gt;
&lt;p&gt;Here is the quicksort algorithm code I am using (From cracking the coding interview 5th edition)&lt;/p&gt;
&lt;pre&gt;&lt;code&gt;static void quickSort(int[] arr, int left, int right) {
    int index = partition(arr, left, right);
    if(left &amp;lt; index - 1) {
        //sort left half
        quickSort(arr, left, index - 1);
    }
    if(index &amp;lt; right) {
        //sort right half 
        quickSort(arr, index, right);
    }
}
static int partition(int[] arr, int left, int right) {
    int pivot = arr[ (left + right) / 2];
    while(left &amp;lt;= right) {
        while(arr[left] &amp;lt; pivot) {
            left ++;
        }
        while(arr[right] &amp;gt; pivot) {
            right --;
        }
        if(left &amp;lt;= right) {
            swap(arr, left, right);
            left ++;
            right --;
        }
    }
    return left;
}
static void swap(int arr[], int one, int two) {
    int temp = arr[one];
    arr[one] = arr[two];
    arr[two] = temp;
} 
&lt;/code&gt;&lt;/pre&gt;
&lt;p&gt;I know a summary of quicksort algorithm is to have all the elements less than the pivot be on the left of the pivot and all the elements greater than the pivot are on the right of the pivot. By the way, is there a rule for where elements that are the same as pivot are supposed to go?&lt;/p&gt;
&lt;p&gt;So my test run is this unsorted array from &lt;a href="https://www.hackerrank.com/challenges/angry-children" rel="nofollow noreferrer"&gt;https://www.hackerrank.com/challenges/angry-children&lt;/a&gt;&lt;/p&gt;
&lt;pre&gt;&lt;code&gt;{10, 100, 300, 200, 1000, 20, 30}
&lt;/code&gt;&lt;/pre&gt;
&lt;p&gt;After the first call to partition, this is the state of my array &lt;/p&gt;
&lt;pre&gt;&lt;code&gt;[10, 100, 30, 20, 1000, 200, 300]
&lt;/code&gt;&lt;/pre&gt;
&lt;p&gt;The pivot I chose based on this algorithm was the value 200. However after this first call, I don't know how to make sense of this because everything to the left of 200 is not less than 200(the 1000). I know this algorithm works because I got the end result sorted array. &lt;/p&gt;
&lt;p&gt;Can someone help me interpret the results of the first call to partition?&lt;/p&gt;</t>
  </si>
  <si>
    <t>2015-02-08 00:34:43.723000+00:00</t>
  </si>
  <si>
    <t>2015-03-22 20:13:04.550000+00:00</t>
  </si>
  <si>
    <t>2017-05-23 12:08:03.383000+00:00</t>
  </si>
  <si>
    <t>java|arrays|algorithm|sorting|quicksort</t>
  </si>
  <si>
    <t>Toggle using pure JavaScript</t>
  </si>
  <si>
    <t>&lt;pre&gt;&lt;code&gt;&amp;lt;script&amp;gt;
function toggleMenu() {
    var thisMenu = document.getElementById(id).getElementsByTagName('ul')[0];
    if( thisMenu.style.display == 'block' ) {
        thisMenu.style.display = 'none';
    } else { 
        thisMenu.style.display = 'block';
    }
    return thisMenu;
}
&amp;lt;li class="NavLinks test2" id="menuItem"&amp;gt;
    &amp;lt;a onclick="toggleMenu('menuItem');"&amp;gt;Tutorial&amp;lt;/a&amp;gt;
    &amp;lt;ul&amp;gt;
        &amp;lt;li&amp;gt;&amp;lt;a href="http://www.google.com"&amp;gt;google&amp;lt;/a&amp;gt;&amp;lt;/li&amp;gt;     
        &amp;lt;li&amp;gt;&amp;lt;a href="http://www.yahoo.com"&amp;gt;yahoo&amp;lt;/a&amp;gt;&amp;lt;/li&amp;gt;
    &amp;lt;/ul&amp;gt;
&amp;lt;/li&amp;gt;
&amp;lt;/script&amp;gt;
&lt;/code&gt;&lt;/pre&gt;
&lt;p&gt;&lt;em&gt;&lt;strong&gt;&lt;/em&gt;**&lt;/strong&gt;&lt;em&gt;description&lt;/em&gt;&lt;strong&gt;&lt;em&gt;*&lt;/em&gt;**&lt;em&gt;*&lt;/em&gt;**&lt;em&gt;*&lt;/em&gt;*&lt;/strong&gt;&lt;/p&gt;
&lt;p&gt;onClick on Tutorial hide's the submenu items but if I click on Tutorial and hover over submenu items and hovers out the item list item are not hiding. Please let me know if my code needs to modify.&lt;/p&gt;</t>
  </si>
  <si>
    <t>2012-04-27 18:06:14.600000+00:00</t>
  </si>
  <si>
    <t>2013-12-14 19:07:17.623000+00:00</t>
  </si>
  <si>
    <t>WPF Program 'XYZ' does not contain a static 'Main' method suitable for an entry point</t>
  </si>
  <si>
    <t>&lt;p&gt;When I create new WPF stand-alone app from template in VS 2013, I could not start it in debug for this exception. &lt;/p&gt;
&lt;blockquote&gt;
  &lt;p&gt;error CS5001: Program 'XYZ' does not contain a static 'Main' method suitable for an entry point. The command exited with code 1.&lt;/p&gt;
&lt;/blockquote&gt;
&lt;p&gt;Although I checked out if App.xaml is build as ApplicationDefinition = true, project is with 'Windows Application' output type, I reinstall all templates from command line, I am running brand new (reinstalled) VS 2013 with .net 4.5 and all project templates seems to be okay.
And problem still occurs.&lt;/p&gt;
&lt;p&gt;Anybody else is having this one too? There are similar questions with answers but no one did help me. So it's not a duplication (moderators). &lt;/p&gt;
&lt;p&gt;I did not want to create new thread for answers but after moderators down vote and delete this question in similar thread I had to. &lt;/p&gt;</t>
  </si>
  <si>
    <t>2015-10-08 21:15:04.370000+00:00</t>
  </si>
  <si>
    <t>2017-11-13 10:13:33.220000+00:00</t>
  </si>
  <si>
    <t>.net|wpf|visual-studio|executable</t>
  </si>
  <si>
    <t>UITableViewCell does not animate properly if width is less than screen size</t>
  </si>
  <si>
    <t>&lt;p&gt;I have a subclass of UITableViewCell and I am wanting to provide some custom animations when events occur. I have been struggling to figure out why I kept receiving the same animation (I'm assuming UITableViewRowAnimationFade, the cell would just disappear and the one below it slid up) and I finally decided to dig into the problem. I found that when I set the size of the cell to be less than 320 (or I'm assuming exactly equal to the size of the screen you presently on) it will fall back to this default animation. &lt;/p&gt;
&lt;p&gt;My custom cell is like a floating box (I have 1 cell per section, with many sections) and I set it up like so&lt;/p&gt;
&lt;pre&gt;&lt;code&gt;self.frame = CGRectMake(5, self.frame.origin.y, 310, self.frame.size.height);
self.contentView.frame = CGRectMake(0, 0, 310, self.frame.size.height);
&lt;/code&gt;&lt;/pre&gt;
&lt;p&gt;but I get the default animation every time. If I change it to&lt;/p&gt;
&lt;pre&gt;&lt;code&gt;self.frame = CGRectMake(5, self.frame.origin.y, 320, self.frame.size.height);
self.contentView.frame = CGRectMake(0, 0, 320, self.frame.size.height);
&lt;/code&gt;&lt;/pre&gt;
&lt;p&gt;The different animations work just fine. &lt;/p&gt;
&lt;p&gt;Does anyone have any clue why this would be? I'm wondering if it is intended to work this way and I need to change the way my cell is setup or if there is a workaround.&lt;/p&gt;
&lt;p&gt;Thanks.&lt;/p&gt;
&lt;p&gt;EDIT: Screen Shot&lt;/p&gt;
&lt;p&gt;&lt;img src="https://i.stack.imgur.com/3oTqZ.png" alt="enter image description here"&gt;&lt;/p&gt;</t>
  </si>
  <si>
    <t>2012-10-11 19:27:26.673000+00:00</t>
  </si>
  <si>
    <t>2012-10-12 11:26:14.930000+00:00</t>
  </si>
  <si>
    <t>2012-10-11 22:04:08.827000+00:00</t>
  </si>
  <si>
    <t>ios|animation|uitableview</t>
  </si>
  <si>
    <t>Correct Way to Remove Values from Nested Dictionary</t>
  </si>
  <si>
    <t>&lt;p&gt;I am working with a data set from a csv file. &lt;/p&gt;
&lt;p&gt;I import the data into a dictionary with this &lt;code&gt;dic = df.to_dict()&lt;/code&gt;&lt;/p&gt;
&lt;p&gt;This works well but because of the way the data is structured I get a dictionary of dictionaries. The nested dictionary has multiple "nan" values. I need to remove all nan values and the dictionaries can remain nested or I could use a normal dictionary. &lt;/p&gt;
&lt;p&gt;The data prints from the dictionary in this format: &lt;/p&gt;
&lt;p&gt;&lt;code&gt;{'1/13/2018': {0: 'Monday', 1: 'Red', 2: 'Violet', 3: 'Aqua', 4: 'Pink', 5: 'White', 6: nan, 7: nan, 8: nan},&lt;/code&gt;&lt;/p&gt;
&lt;p&gt;Here is a sample of my code:&lt;/p&gt;
&lt;pre&gt;&lt;code&gt;df = pd.read_csv(infile, parse_dates=True, infer_datetime_format=True)
dic = df.to_dict()
&lt;/code&gt;&lt;/pre&gt;
&lt;p&gt;I have tried the advice &lt;a href="https://stackoverflow.com/questions/5447494/best-way-to-remove-an-item-from-a-python-dictionary"&gt;here&lt;/a&gt; and attempted to do this with some comprehension but I think because of the nested nature I am not sure how to adapt it. &lt;/p&gt;
&lt;p&gt;I have also tried looping in this way:&lt;/p&gt;
&lt;pre&gt;&lt;code&gt;value_list = []
key_list = []
for k, v in dic.items():
    key_list.append(k)
    for c, q in v.items():
        if str(q) != 'nan':
            value_list.append(q)
        else:
            pass
&lt;/code&gt;&lt;/pre&gt;
&lt;p&gt;I was hoping with this I could create a new dic from the two lists. However there is data blurs together and it becomes hard to separate value sets. There must be a better more pythonic way to do this. &lt;/p&gt;</t>
  </si>
  <si>
    <t>2018-02-08 16:10:44.957000+00:00</t>
  </si>
  <si>
    <t>2018-02-08 16:24:27.887000+00:00</t>
  </si>
  <si>
    <t>python|python-3.x|dictionary|dictionary-comprehension</t>
  </si>
  <si>
    <t>How to validate a dynamic xpath/href of edit/delete button of a list using selenium webdriver</t>
  </si>
  <si>
    <t>&lt;p&gt;I am validating an application where after creating a link that is showing on a list where all other same types of links are present. When I inspect the element of displayed links on the list I am getting a "HREF" with the same sequence but on last numerical number is showing which is dynamic. So my question is that how can I validate this using selenium web driver after creating a new link and then clicking on this link.&lt;/p&gt;
&lt;p&gt;&lt;strong&gt;Example of the HREF pattern: /admin/dashboard/quicklink/edit/2--&gt;when I create another new link the href of the new link becomes /admin/dashboard/quicklink/edit/3. How can I locate this dynamic href?&lt;/strong&gt;&lt;/p&gt;
&lt;p&gt;My purpose is that the link which have been created when I run the code and without changing my code I want to click the newly created link after creation&lt;/p&gt;</t>
  </si>
  <si>
    <t>2018-02-13 10:00:29.307000+00:00</t>
  </si>
  <si>
    <t>2018-02-13 14:03:38.733000+00:00</t>
  </si>
  <si>
    <t>selenium|xpath</t>
  </si>
  <si>
    <t>How to set parameters to fragment in runtime</t>
  </si>
  <si>
    <t>&lt;p&gt;I am using a fragment that contains one TextView and two NumberPicker to handle as a single reusable component (DATAPICKER). One number picker is for units and the other one is for decimals, and text view for title.&lt;/p&gt;
&lt;p&gt;My activity contains instructions text, three fragments (DATAPICKER) and one button, and correctly displays the layout.&lt;/p&gt;
&lt;p&gt;How to send parameters values to each fragment corresponding to its title and max/min values for internal number pickers?&lt;/p&gt;</t>
  </si>
  <si>
    <t>2015-04-23 21:43:45.437000+00:00</t>
  </si>
  <si>
    <t>2015-04-23 23:14:56.293000+00:00</t>
  </si>
  <si>
    <t>android|android-fragments|android-custom-view</t>
  </si>
  <si>
    <t>Speeding up a linq entitiy query</t>
  </si>
  <si>
    <t>&lt;p&gt;I currently have a query which not takes a long time and sometimes crashes because of the amount of data in the database.&lt;/p&gt;
&lt;p&gt;Can someone notice anything i can do to help speed it up?&lt;/p&gt;
&lt;pre&gt;&lt;code&gt;public IList&amp;lt;Report&amp;gt; GetReport(CmsEntities context, long manufacturerId, long? regionId, long? vehicleTypeId)
        {
            var now = DateTime.Now;
            var today = new DateTime(now.Year, now.Month, 1);
            var date1monthago = today.AddMonths(-1);
            var date2monthago = today.AddMonths(-2);
            var date3monthago = today.AddMonths(-3);
            var date4monthago = today.AddMonths(-4);
            var date5monthago = today.AddMonths(-5);
            var date6monthago = today.AddMonths(-6);
            today = TimeManager.EndOfDay(new DateTime(now.AddMonths(-1).Year, today.AddMonths(-1).Month, DateTime.DaysInMonth(now.Year, today.AddMonths(-1).Month)));             
            var query = from item in context.Invoices
                         where item.Repair.Job.Bodyshop.Manufacturer2Bodyshop.Select(x =&amp;gt; x.ManufacturerId).Contains(manufacturerId)
                         &amp;amp;&amp;amp; (item.InvoiceDate &amp;gt;= date6monthago &amp;amp;&amp;amp; item.InvoiceDate &amp;lt;= today)
                         &amp;amp;&amp;amp; (regionId.HasValue &amp;amp;&amp;amp; regionId.Value &amp;gt; 0 ? item.Repair.Job.Bodyshop.Manufacturer2Bodyshop.Select(x =&amp;gt; x.RegionId).Contains(regionId.Value) : true)
                         &amp;amp;&amp;amp; (item.InvType == "I" || item.InvType == null)
                         &amp;amp;&amp;amp; (vehicleTypeId.HasValue &amp;amp;&amp;amp; vehicleTypeId.Value &amp;gt; 0 ? item.Repair.Job.Vehicle.Model.VehicleTypes.Select(x =&amp;gt; x.Id).Contains(vehicleTypeId.Value) : true)
                         select item;
            var query2 = from item in query
                         group item by new { item.Repair.Job.Bodyshop } into g
                         let manufJobs = query.Where(x =&amp;gt; x.Repair.Job.Vehicle.Model.ManufacturerId == manufacturerId &amp;amp;&amp;amp; x.Repair.Job.BodyshopId == g.Key.Bodyshop.Id)
                         let allJobs = query.Where(x =&amp;gt; x.Repair.Job.BodyshopId == g.Key.Bodyshop.Id)
                         select new tReport
                         {                                     
    MonthSixManufJobTotal = manufJobs.Where(x =&amp;gt; x.InvoiceDate.Month == date6monthago.Month &amp;amp;&amp;amp; x.InvoiceDate.Year == date6monthago.Year).GroupBy(x =&amp;gt; x.Repair.Job).Count(),
    MonthSixJobTotal = allJobs.Where(x =&amp;gt; x.InvoiceDate.Month == date6monthago.Month &amp;amp;&amp;amp; x.InvoiceDate.Year == date6monthago.Year).GroupBy(x =&amp;gt; x.Repair.Job).Count(),
    MonthFiveManufJobTotal = manufJobs.Where(x =&amp;gt; x.InvoiceDate.Month == date5monthago.Month &amp;amp;&amp;amp; x.InvoiceDate.Year == date5monthago.Year).GroupBy(x =&amp;gt; x.Repair.Job).Count(),
    MonthFiveJobTotal = allJobs.Where(x =&amp;gt; x.InvoiceDate.Month == date5monthago.Month &amp;amp;&amp;amp; x.InvoiceDate.Year == date5monthago.Year).GroupBy(x =&amp;gt; x.Repair.Job).Count(),
    MonthFourManufJobTotal = manufJobs.Where(x =&amp;gt; x.InvoiceDate.Month == date4monthago.Month &amp;amp;&amp;amp; x.InvoiceDate.Year == date4monthago.Year).GroupBy(x =&amp;gt; x.Repair.Job).Count(),
    MonthFourJobTotal = allJobs.Where(x =&amp;gt; x.InvoiceDate.Month == date4monthago.Month &amp;amp;&amp;amp; x.InvoiceDate.Year == date4monthago.Year).GroupBy(x =&amp;gt; x.Repair.Job).Count(),
    MonthThreeManufJobTotal = manufJobs.Where(x =&amp;gt; x.InvoiceDate.Month == date3monthago.Month &amp;amp;&amp;amp; x.InvoiceDate.Year == date3monthago.Year).GroupBy(x =&amp;gt; x.Repair.Job).Count(),
    MonthThreeJobTotal = allJobs.Where(x =&amp;gt; x.InvoiceDate.Month == date3monthago.Month &amp;amp;&amp;amp; x.InvoiceDate.Year == date3monthago.Year).GroupBy(x =&amp;gt; x.Repair.Job).Count(),
    MonthTwoManufJobTotal = manufJobs.Where(x =&amp;gt; x.InvoiceDate.Month == date2monthago.Month &amp;amp;&amp;amp; x.InvoiceDate.Year == date2monthago.Year).GroupBy(x =&amp;gt; x.Repair.Job).Count(),
    MonthTwoJobTotal = allJobs.Where(x =&amp;gt; x.InvoiceDate.Month == date2monthago.Month &amp;amp;&amp;amp; x.InvoiceDate.Year == date2monthago.Year).GroupBy(x =&amp;gt; x.Repair.Job).Count(),
    MonthOneManufJobTotal = manufJobs.Where(x =&amp;gt; x.InvoiceDate.Month == date1monthago.Month &amp;amp;&amp;amp; x.InvoiceDate.Year == date1monthago.Year).GroupBy(x =&amp;gt; x.Repair.Job).Count(),
    MonthOneJobTotal = allJobs.Where(x =&amp;gt; x.InvoiceDate.Month == date1monthago.Month &amp;amp;&amp;amp; x.InvoiceDate.Year == date1monthago.Year).GroupBy(x =&amp;gt; x.Repair.Job).Count(),
    ManufTotal = manufJobs.GroupBy(x =&amp;gt; x.Repair.Job).Count(),
    Total = allJobs.GroupBy(x =&amp;gt; x.Repair.Job).Count(),
    PercentageOf = ((decimal)manufJobs.GroupBy(x =&amp;gt; x.Repair.Job).Count() / (decimal)allJobs.GroupBy(x =&amp;gt; x.Repair.Job).Count()) * 100
                         };
            return query2.OrderBy(x =&amp;gt; x).ToList();
        }
&lt;/code&gt;&lt;/pre&gt;
&lt;p&gt;EDIT&lt;/p&gt;
&lt;pre&gt;&lt;code&gt;var query = from item in context.Invoices.AsNoTracking()
                    where item.Repair.Job.Bodyshop.Manufacturer2Bodyshop.Any(x =&amp;gt; x.ManufacturerId == manufacturerId)
                    &amp;amp;&amp;amp; (item.InvoiceDate &amp;gt;= date12monthago &amp;amp;&amp;amp; item.InvoiceDate &amp;lt;= today)
                    &amp;amp;&amp;amp; (item.InvType == "I" || item.InvType == null)
                    select item;
        if (regionId.HasValue &amp;amp;&amp;amp; regionId.Value &amp;gt; 0)
        {
            query = query.Where(item =&amp;gt; item.Repair.Job.Bodyshop.Manufacturer2Bodyshop.Select(x =&amp;gt; x.RegionId).Contains(regionId.Value));
        }
        if (vehicleTypeId.HasValue &amp;amp;&amp;amp; vehicleTypeId.Value &amp;gt; 0)
        {
            query = query.Where(item =&amp;gt; item.Repair.Job.Vehicle.Model.VehicleTypes.Select(x =&amp;gt; x.Id).Contains(vehicleTypeId.Value));
        }
              var query2 = from item in hey
                     group item by new { item.Repair.Job.Bodyshop, item.InvoiceDate.Month } into m
                     select new TReport
                     {
                         Bodyshop = m.Key.Bodyshop.Name,
                         Bays = m.Key.Bodyshop.Bays,
                         Region = m.Key.Bodyshop.Manufacturer2Bodyshop.FirstOrDefault(x =&amp;gt; x.ManufacturerId == manufacturerId).Region.Name,
                         BodyshopCode = m.Key.Bodyshop.Manufacturer2Bodyshop.FirstOrDefault(x =&amp;gt; x.ManufacturerId == manufacturerId).BodyshopCode,
                         Total = m.Count(),
                         ManufTotal = m.Where(x =&amp;gt; x.Repair.Job.Vehicle.Model.ManufacturerId == manufacturerId).Count(),
                         Totals = m.GroupBy(j =&amp;gt; j.InvoiceDate.Month).Select(j =&amp;gt; new TPercentReportInner
                         {
                             Month = j.Key,
                             ManufTotal = j.Where(x =&amp;gt; x.Repair.Job.Vehicle.Model.ManufacturerId == manufacturerId).Count(),
                             AllTotal = j.Count()
                         })
                     };
&lt;/code&gt;&lt;/pre&gt;
&lt;p&gt;Ive cut the query down. But even this is performing now worse than before?&lt;/p&gt;</t>
  </si>
  <si>
    <t>2015-09-10 14:28:55.793000+00:00</t>
  </si>
  <si>
    <t>2015-10-12 14:00:56.947000+00:00</t>
  </si>
  <si>
    <t>c#|.net|performance|entity-framework|linq</t>
  </si>
  <si>
    <t>Java Concurrency in Practice: 3.5.4 Effectively immutable objects: Do we need Thread-Safe Collection containers for effectively immutable objects</t>
  </si>
  <si>
    <t>&lt;p&gt;Section 3.5.4 discusses about effectively immutable objects, that is, once an object is safely and fully constructed, its state would not be changed by any code of any code-path.&lt;/p&gt;
&lt;p&gt;Sir Goetz has given an example:&lt;/p&gt;
&lt;blockquote&gt;
  &lt;p&gt;For example, &lt;code&gt;Date&lt;/code&gt; is mutable, but if you use it as if it were
  immutable you may be able to eliminate the locking that would
  otherwise be required when shared[sharing] a Date across threads.
  Suppose you want to maintain a Map storing the last login time of each
  user:&lt;/p&gt;
&lt;pre&gt;&lt;code&gt;public Map&amp;lt;String, Date&amp;gt; lastLogin = 
Collections.synchronizedMap(new HashMap&amp;lt;String, Date&amp;gt;());
&lt;/code&gt;&lt;/pre&gt;
  &lt;p&gt;If the &lt;code&gt;Date&lt;/code&gt; values are not modified after they are placed in the
  &lt;code&gt;Map&lt;/code&gt;, then the synchronization in the &lt;code&gt;synchronizedMap&lt;/code&gt;
  implementation is sufficient to publish the &lt;code&gt;Date&lt;/code&gt; values safely, and
  no additional synchronization is needed when accessing them.&lt;/p&gt;
&lt;/blockquote&gt;
&lt;p&gt;The point that I am not able to understand is that why do we want to use &lt;code&gt;synchronizedMap&lt;/code&gt; and bear the extra overhead of its internal lockings when we could have simply used unsafe &lt;code&gt;Map&lt;/code&gt;, because after all we would be placing effectively immutable &lt;code&gt;Date&lt;/code&gt; objects in it - which means, that once properly and fully constructed and published, it would not be mutated anymore. And so even if the &lt;code&gt;Map&lt;/code&gt; itself be unsafe, there would be just no code in any of the code-paths which could concurrently mutate any &lt;code&gt;Date&lt;/code&gt; instance while other thread(s) has retrieved it from the Unsafe &lt;code&gt;Map&lt;/code&gt;.&lt;/p&gt;
&lt;p&gt;To sum up, the very premise of effectively immutable objects does not necessitate need of any Thread-safe containers since we should just not have any mutator code in any code-path for effectively immutable objects.&lt;/p&gt;</t>
  </si>
  <si>
    <t>2015-11-14 17:28:56.913000+00:00</t>
  </si>
  <si>
    <t>2015-11-15 00:15:09.383000+00:00</t>
  </si>
  <si>
    <t>java|multithreading|concurrency|immutability</t>
  </si>
  <si>
    <t>background screen splits when using linear gradient css html</t>
  </si>
  <si>
    <t>&lt;p&gt;Hi we are working on a uni project. i am having a problem with the design. we have to use linear gradient as requirement from the client. it works fine on normal pages but when i use it in a page where i use a "form to submit data into a table" the screen splits into multiple portions. sometimes in 2 sometimes more.&lt;/p&gt;
&lt;p&gt;here is the problem image
&lt;a href="http://i.stack.imgur.com/eymai.png" rel="noreferrer"&gt;the problem screenshot&lt;/a&gt;&lt;/p&gt;
&lt;p&gt;It should be seem less like other pages background&lt;/p&gt;
&lt;p&gt;like this &lt;a href="http://i.stack.imgur.com/fSOUH.png" rel="noreferrer"&gt;should be like this image&lt;/a&gt;&lt;/p&gt;
&lt;p&gt;Here is my css code&lt;/p&gt;
&lt;p&gt;&lt;div class="snippet" data-lang="js" data-hide="false" data-console="true" data-babel="false"&gt;_x000D_
&lt;div class="snippet-code"&gt;_x000D_
&lt;pre class="snippet-code-css lang-css prettyprint-override"&gt;&lt;code&gt;@charset "utf-8";_x000D_
/* CSS Document */_x000D_
body,ol,h1,h2,h3,h4,h5,h6,p,th,td,dl,dd,fieldset,legend,input,textarea,select{background-color:none; list-style:none; margin:0; padding:0;}_x000D_
body {background:linear-gradient(to bottom, #86090F 0%, #EA3C22 100%) repeat scroll 0 0 rgba(0, 0, 0, 0); font-family:Roboto,sans-serif; font-weight:300;}_x000D_
a{display:block; text-decoration:none;}_x000D_
a:hover{text-decoration:none;}_x000D_
img{border:none; vertical-align:middle;}_x000D_
.clear{overflow:hidden; display:block; height:0; font-size:0; line-height:0; clear:both;}_x000D_
.fl{float:left;width:100%;}_x000D_
.fr{float:right;width:100%;}_x000D_
_x000D_
_x000D_
.logout{_x000D_
  display: inline-block;_x000D_
  padding: 15px 25px;_x000D_
  font-size: 24px;_x000D_
  width: 6%;_x000D_
  cursor: pointer;_x000D_
  text-align: center;_x000D_
  text-decoration: none;_x000D_
  outline: none;_x000D_
  color: #fff;_x000D_
  background-color: #63513D;_x000D_
  border: none;_x000D_
  border-radius: 15px;_x000D_
  float:left;_x000D_
_x000D_
  margin-top: 15px;_x000D_
}_x000D_
_x000D_
.button {_x000D_
  display: inline-block;_x000D_
  padding: 15px 25px;_x000D_
  font-size: 15px;_x000D_
  width: 15%;_x000D_
  cursor: pointer;_x000D_
  text-align: center;_x000D_
  text-decoration: none;_x000D_
  outline: none;_x000D_
  color: #63513D;_x000D_
  background-color: #D6D2C2;_x000D_
  border: none;_x000D_
  border-radius: 15px;_x000D_
  margin-top: 15px;_x000D_
 _x000D_
}_x000D_
_x000D_
.button:hover {background-color: #EAE8E0;}_x000D_
_x000D_
.button:active {_x000D_
  background-color: #3e8e41;_x000D_
  box-shadow: 0 5px #666;_x000D_
  transform: translateY(4px);_x000D_
}   _x000D_
_x000D_
_x000D_
_x000D_
.container{_x000D_
         width:70%;_x000D_
   margin:0 auto; _x000D_
   font-size: 150%;_x000D_
   _x000D_
        }_x000D_
header{      _x000D_
            width:100%;_x000D_
   margin:0 auto;_x000D_
   height:85px;_x000D_
   border-bottom:2px solid #404040;_x000D_
   background-color:rgb(245, 242, 228);_x000D_
      }_x000D_
   b_x000D_
.img{_x000D_
    width:150px;_x000D_
    border-right:1px solid #333;_x000D_
    height:85px;_x000D_
    margin-left:2%;_x000D_
   }_x000D_
_x000D_
   _x000D_
.content1{ width:50%;_x000D_
   height:20%;_x000D_
 _x000D_
font-size: 20px;_x000D_
   text-align: left;_x000D_
           margin:0 auto;_x000D_
    }_x000D_
    _x000D_
.content1 h3{ _x000D_
              font: blone 14px Arial;_x000D_
     text-align:center;_x000D_
     margin-left:5px;_x000D_
     }_x000D_
.content1 table{_x000D_
              width:100%;_x000D_
     _x000D_
     border-bottom:1px solid #999;_x000D_
     border-right:1px solid #999;_x000D_
     border-left:none;_x000D_
     border-top:none;_x000D_
     margin-top:10px;_x000D_
     margin-left:5px;_x000D_
     background-color: rgb(245, 242, 228);_x000D_
     }_x000D_
.content1 table td{_x000D_
              width:200px;_x000D_
     text-align:left;_x000D_
     border-left:1px solid #999;_x000D_
                 border-top:1px solid #999;_x000D_
     border-right:none;_x000D_
     border-bottom:none;_x000D_
     height:25px;_x000D_
     font: 20px Impact, Arial;_x000D_
         line-height: 95%;_x000D_
_x000D_
                  }_x000D_
.content1 table tr{_x000D_
                   border:none;_x000D_
       _x000D_
      _x000D_
                  }_x000D_
.box{_x000D_
  width:1050px;_x000D_
  margin:0 auto;_x000D_
  margin-top:15px;_x000D_
  }_x000D_
.content2{ _x000D_
           width:490px; _x000D_
           float:left;_x000D_
    _x000D_
     _x000D_
     }_x000D_
.content2 h3{ _x000D_
              font:blone 14px Arial;_x000D_
     text-align: center;_x000D_
     }_x000D_
.lyb_box{ _x000D_
         width:100%;_x000D_
   margin-top:15px; _x000D_
   height:400px;_x000D_
   border:1px solid #000;_x000D_
   margin-left:1px;_x000D_
   background-color: rgb(245, 242, 228); _x000D_
   }_x000D_
.lyb_box_nr{ _x000D_
           float:left;_x000D_
     width:90%;_x000D_
     margin-top:20px;_x000D_
     }_x000D_
.lyb_box_nr p{ _x000D_
            font:normal 14px Arial;_x000D_
   float:left;_x000D_
   width:100%;_x000D_
   margin-left:7px;_x000D_
   _x000D_
   _x000D_
        }_x000D_
.lyb_box_nr input{ _x000D_
                 width:100%;_x000D_
     float:left;_x000D_
     margin-left:10px;_x000D_
     height:30px;_x000D_
     border:1px solid #CCC;_x000D_
                   }_x000D_
.lyb_box_nr select{ _x000D_
                 width:100%;_x000D_
     float:left;_x000D_
     margin-left:20px;_x000D_
     height:30px;_x000D_
     border:1px solid #CCC;_x000D_
                   }_x000D_
article{_x000D_
     width:40%;_x000D_
  border:2px solid #404040;_x000D_
  float:right;_x000D_
       }_x000D_
_x000D_
.search{_x000D_
   float:left;_x000D_
   width:150px; _x000D_
   border-radius:3px; _x000D_
   margin-top:20px;_x000D_
   color:#000; _x000D_
   text-align:center; _x000D_
   height:25px; _x000D_
   margin-left:330px;_x000D_
   }_x000D_
   _x000D_
.content3{ _x000D_
           float:right;_x000D_
     width:500px;_x000D_
     height:400px;_x000D_
     border:1px solid #404040;_x000D_
     margin-top:31px;_x000D_
      _x000D_
           _x000D_
}_x000D_
.content4{ _x000D_
           float:center;_x000D_
     width:500px;_x000D_
     height:400px;_x000D_
     border:1px solid #404040;_x000D_
     margin-left:700px;_x000D_
      _x000D_
           _x000D_
     }_x000D_
     _x000D_
#nav{_x000D_
 color: red;_x000D_
 text-align: center;_x000D_
 text-transform: uppercase;_x000D_
 line-height: 2.8;_x000D_
 word-spacing: 10px;_x000D_
    width: 80%;_x000D_
    margin: -50px auto;_x000D_
    height: 46px;_x000D_
    border-radius: 8px;_x000D_
    border: 1px solid #cbcbcb;_x000D_
    border-bottom: 4px solid #adadad;_x000D_
 margin-right:0px;_x000D_
 _x000D_
    _x000D_
}_x000D_
#nav a{_x000D_
    display: block;_x000D_
    width: 30%;_x000D_
    height: 46px;_x000D_
    line-height: 40px;_x000D_
    float: left;_x000D_
    border-bottom: 4px solid #adadad;_x000D_
    text-align: center;_x000D_
    text-decoration: none;_x000D_
    color: black;_x000D_
 _x000D_
}_x000D_
#nav a:active{_x000D_
 color:green;_x000D_
    background-color: white;_x000D_
 }_x000D_
_x000D_
#nav a:hover{_x000D_
    border-bottom: 4px solid red;_x000D_
    color: red;_x000D_
}_x000D_
_x000D_
_x000D_
footer{_x000D_
    clear: both;_x000D_
font-weight: bold;_x000D_
     font-size: 25px;_x000D_
color: #86090F;  _x000D_
    margin: 0 px auto;_x000D_
    position: absolute;_x000D_
    bottom: 0px;_x000D_
    width: 100%;_x000D_
 background-color:#2D251A_x000D_
 _x000D_
}_x000D_
#footer a:hover{text-decoration:underline;background-color:withe;}_x000D_
#footer a, #footer a:visited {color:#fff; text-decoration:none;}_x000D_
#legal {background-color:white; clear:both; list-style-type:none; overflow:hidden; padding:20px 120px 20px 24px;} _x000D_
li.first {padding-left:45%;}_x000D_
li:not(#flag) {float:left; padding-right:25px;list-style-type:none;}_x000D_
_x000D_
#k{_x000D_
        padding-left:40%;_x000D_
     width:500px;_x000D_
     height:400px;_x000D_
     border:0 px solid #404040;_x000D_
     margin-top:-10px;_x000D_
 _x000D_
}&lt;/code&gt;&lt;/pre&gt;_x000D_
&lt;pre class="snippet-code-html lang-html prettyprint-override"&gt;&lt;code&gt;&amp;lt;!DOCTYPE html PUBLIC "-//W3C//DTD XHTML 1.0 Transitional//EN" "http://www.w3.org/TR/xhtml1/DTD/xhtml1-transitional.dtd"&amp;gt;_x000D_
&amp;lt;html xmlns="http://www.w3.org/1999/xhtml"&amp;gt;_x000D_
&amp;lt;head&amp;gt;_x000D_
&amp;lt;? include("header.html"); ?&amp;gt;_x000D_
&amp;lt;/head&amp;gt;_x000D_
_x000D_
&amp;lt;body&amp;gt;_x000D_
_x000D_
    &amp;lt;h4&amp;gt;&amp;lt;?php echo $e; ?&amp;gt;&amp;lt;h4&amp;gt;_x000D_
                _x000D_
                &amp;lt;div&amp;gt;_x000D_
                    &amp;lt;form name="form1" action="" method="post" enctype="multipart/form-data"&amp;gt;_x000D_
                    &amp;lt;section class="content1"&amp;gt;_x000D_
     &amp;lt;table border="1"&amp;gt;_x000D_
                        _x000D_
      &amp;lt;tr&amp;gt;_x000D_
                            &amp;lt;td&amp;gt;_x000D_
                                &amp;lt;label&amp;gt;_x000D_
                                    User Name&amp;lt;/label&amp;gt;_x000D_
                          &amp;lt;/td&amp;gt;_x000D_
                            &amp;lt;td&amp;gt;_x000D_
                                &amp;lt;input type="text" name="username" style="width:200px;" required /&amp;gt;_x000D_
                          &amp;lt;/td&amp;gt;_x000D_
                        &amp;lt;/tr&amp;gt;_x000D_
      &amp;lt;tr&amp;gt;_x000D_
                            &amp;lt;td&amp;gt;_x000D_
                                &amp;lt;label&amp;gt;_x000D_
                                    Password&amp;lt;/label&amp;gt;_x000D_
                          &amp;lt;/td&amp;gt;_x000D_
                            &amp;lt;td&amp;gt;_x000D_
                                &amp;lt;input type="text" name="password" style="width:200px;" required /&amp;gt;_x000D_
                          &amp;lt;/td&amp;gt;_x000D_
                        &amp;lt;/tr&amp;gt;_x000D_
      &amp;lt;tr&amp;gt;_x000D_
                            &amp;lt;td&amp;gt;_x000D_
                                &amp;lt;label&amp;gt;_x000D_
                                    Name&amp;lt;/label&amp;gt;_x000D_
                          &amp;lt;/td&amp;gt;_x000D_
                            &amp;lt;td&amp;gt;_x000D_
                                &amp;lt;input type="text" name="name" style="width:200px;" required /&amp;gt;_x000D_
                          &amp;lt;/td&amp;gt;_x000D_
                        &amp;lt;/tr&amp;gt;_x000D_
                    _x000D_
&amp;lt;tr&amp;gt;_x000D_
                            &amp;lt;td&amp;gt;_x000D_
                                &amp;lt;label&amp;gt;_x000D_
                                    Email&amp;lt;/label&amp;gt;_x000D_
                          &amp;lt;/td&amp;gt;_x000D_
                            &amp;lt;td&amp;gt;_x000D_
                                &amp;lt;input type="text" name="email" style="width:200px;" required /&amp;gt;_x000D_
                          &amp;lt;/td&amp;gt;_x000D_
                        &amp;lt;/tr&amp;gt;_x000D_
      _x000D_
     _x000D_
     _x000D_
     _x000D_
      _x000D_
      &amp;lt;tr&amp;gt;_x000D_
                            &amp;lt;td&amp;gt;_x000D_
                                &amp;lt;label&amp;gt;_x000D_
                                    Campus&amp;lt;/label&amp;gt;_x000D_
                          &amp;lt;/td&amp;gt;_x000D_
                            &amp;lt;td&amp;gt;_x000D_
                                &amp;lt;input type="text" name="campus" style="width:200px;" required /&amp;gt;_x000D_
                          &amp;lt;/td&amp;gt;_x000D_
                        &amp;lt;/tr&amp;gt;_x000D_
      _x000D_
      &amp;lt;tr&amp;gt;_x000D_
                            &amp;lt;td&amp;gt;_x000D_
                                &amp;lt;label&amp;gt;_x000D_
                              &amp;lt;/label&amp;gt;_x000D_
                            &amp;lt;/td&amp;gt;_x000D_
                            &amp;lt;td&amp;gt;_x000D_
                                &amp;lt;input name="submit" type="submit" value="Submit" /&amp;gt;_x000D_
                            &amp;lt;/td&amp;gt;_x000D_
                        &amp;lt;/tr&amp;gt;_x000D_
      _x000D_
                     &amp;lt;/table&amp;gt;_x000D_
     &amp;lt;/section&amp;gt;_x000D_
     _x000D_
                    &amp;lt;/form&amp;gt;_x000D_
     &amp;lt;div clear="both"&amp;gt;&amp;lt;/div&amp;gt;_x000D_
     &amp;lt;a href="index.php" class="button"&amp;gt;Back to management&amp;lt;/a&amp;gt;&amp;lt;br/&amp;gt;_x000D_
&amp;lt;/body&amp;gt;_x000D_
&amp;lt;/html&amp;gt;&lt;/code&gt;&lt;/pre&gt;_x000D_
&lt;/div&gt;_x000D_
&lt;/div&gt;_x000D_
&lt;/p&gt;
&lt;p&gt;i am really stuck in this problem from a long time. what is wrong here?&lt;/p&gt;</t>
  </si>
  <si>
    <t>2016-08-28 01:03:58.537000+00:00</t>
  </si>
  <si>
    <t>2016-08-28 08:58:05.640000+00:00</t>
  </si>
  <si>
    <t>Grunt Task Will Not Execute Modules From Node Code Referenced With Require</t>
  </si>
  <si>
    <t>&lt;p&gt;I have the following grunt task:&lt;/p&gt;
&lt;pre&gt;&lt;code&gt;    module.exports = function(grunt) {
    var info = 'Syncs, updates English translations and downloads Chinese translations.';    
    grunt.registerTask('translations', info, function() {
        require('../../node/poeditor');
    });
};
&lt;/code&gt;&lt;/pre&gt;
&lt;p&gt;I want that require to execute the code within that node module, its laid out like this:&lt;/p&gt;
&lt;pre&gt;&lt;code&gt;var querystring = require('querystring'),
    fs = require('fs'),
    https = require('https');
// Sync Terms
console.log('Syncing Terms...');
var requestConfig = {
    options: {
        headers: {
            'Content-Type': 'application/x-www-form-urlencoded',
            'Content-Length': 0
        },
        host: 'poeditor.com',
        method: 'POST',
        path: '/api/',
        port: '443'
    },
    data: {
        api_token: API_KEY,
        action: 'sync_terms',
        id: PROJECT_ID,
        data: ''
    }
};
fs.readFile('public/js/languages/en.json', 'utf8', function(error, data) { console.log(data);
});
&lt;/code&gt;&lt;/pre&gt;
&lt;p&gt;The problem is no modules referenced in the above are being executed at all, what am I missing? Is there something special I have to do in Grunt or when requiring a module that requires other modules to execute code?&lt;/p&gt;</t>
  </si>
  <si>
    <t>2014-07-03 23:05:41.677000+00:00</t>
  </si>
  <si>
    <t>2014-07-03 23:21:37.957000+00:00</t>
  </si>
  <si>
    <t>Asp.net MVC, Web Api and AngularJS project after publishing via FileSystem, path to api rest calls doesn't work</t>
  </si>
  <si>
    <t>&lt;p&gt;I developed my Asp.net MVC app which also includes the Web Api. And on the client side I"m using AngularJS as below.&lt;/p&gt;
&lt;p&gt;Everything works very well from Visual Studio 2015. Now I did a File System publish, created a web application 'MyWebApp' in IIS.&lt;/p&gt;
&lt;p&gt;When I manually access the api calls like below, it works, returns JSON data.
&lt;a href="http://localhost/mywebapp/api/session/uid/pwd" rel="nofollow"&gt;http://localhost/mywebapp/api/session/uid/pwd&lt;/a&gt;.
But the same call made from the app via script, it throws 404 error.&lt;/p&gt;
&lt;pre&gt;&lt;code&gt;    $http({
        url: '/api/session/' + username + '/' + password,
        method: "GET"
    })
&lt;/code&gt;&lt;/pre&gt;
&lt;p&gt;I tried hardcoding the full path, it works, but I can't hard code it. How do I accomplish this?&lt;/p&gt;
&lt;pre&gt;&lt;code&gt;$http({
    url: 'http://localhost/mywebapp/api/session/' + username + '/' + password,
    method: "GET"
})
&lt;/code&gt;&lt;/pre&gt;
&lt;p&gt;Script from index.chtml&lt;/p&gt;
&lt;pre&gt;&lt;code&gt;&amp;lt;script&amp;gt;
    var app = angular.module('myApp', []);
    app.controller('myCtrl', function ($scope, $http) {
        $scope.getSession = function (username, password) {
            $http({
                url: '/api/session/' + username + '/' + password,
                method: "GET"
            })
                .then(function (response) {
                    // success
                    //my other code goes here, which I removed to keep the question simple
                },
                function (response) { // optional
                    // failed
                    alert('failed:' + response.data);
                });
        }
    });
&amp;lt;/script&amp;gt;
&lt;/code&gt;&lt;/pre&gt;</t>
  </si>
  <si>
    <t>2016-10-23 21:35:46.880000+00:00</t>
  </si>
  <si>
    <t>2016-10-23 21:55:07.673000+00:00</t>
  </si>
  <si>
    <t>angularjs|asp.net-mvc|asp.net-web-api</t>
  </si>
  <si>
    <t>Problems with Python Crawler</t>
  </si>
  <si>
    <t>&lt;p&gt;I'm new to python and I am trying to code a crawler, my issue is that I cannot get the &lt;code&gt;href&lt;/code&gt; links I am targeting to display in the console. Any help is appreciated, see below.   &lt;/p&gt;
&lt;pre&gt;&lt;code&gt;import requests
from bs4 import BeautifulSoup
def trade_spider(max_pages):
    page = 1
    while page &amp;lt;= max_pages:
        url = 'http://www.rent.ie/houses-to-let/renting_dublin/page_'+ str(page)
        source_code = requests.get(url)
        plain_text = source_code.text
        soup = BeautifulSoup(plain_text)
        special_divs = soup.findAll('div', {'class':'search_result_title_box'}) 
        for link in special_divs:
            gold = link.findAll('a')
            for link in gold:
                href = gold.get(link['href'])
                print(href)
        page += 1
trade_spider(3)
&lt;/code&gt;&lt;/pre&gt;</t>
  </si>
  <si>
    <t>2017-03-01 22:25:09.067000+00:00</t>
  </si>
  <si>
    <t>2017-03-01 22:31:16.673000+00:00</t>
  </si>
  <si>
    <t>ValueError: matplotlib display text must have all code points &lt; 128 or use Unicode strings (Using a path)</t>
  </si>
  <si>
    <t>&lt;p&gt;I have a path for matplotlib. When I am trying to use &lt;code&gt;savefig()&lt;/code&gt; method, there is appearing this error. &lt;code&gt;dirresoluc&lt;/code&gt; and &lt;code&gt;cualtes&lt;/code&gt; are defined in the code. Help me please.&lt;/p&gt;
&lt;pre&gt;&lt;code&gt;import matplotlib.pyplot as plt
...
...
...
rutaaux = os.path.join(dirresoluc,cualtes+'.png')
plt.savefig(rutaaux, dpi=1500)
plt.close()
ValueError: matplotlib display text must have all code points &amp;lt; 128 or use 
Unicode strings
&lt;/code&gt;&lt;/pre&gt;
&lt;p&gt;&lt;strong&gt;UPDATE&lt;/strong&gt;&lt;br&gt;
*cualtes&lt;br&gt;
&lt;code&gt;ressolic=str(raw_input('\Type here your text: '))
 cualtes = ressolic&lt;/code&gt;&lt;/p&gt;
&lt;p&gt;*dirresoluc&lt;br&gt;
&lt;code&gt;import os
 dirresoluc=r'ResolucionesEncontradasCREG\ResultadosHallados'
 if not os.path.exists(dirresoluc):
 os.makedirs(dirresoluc)&lt;/code&gt;&lt;/p&gt;</t>
  </si>
  <si>
    <t>2018-04-24 16:02:05.013000+00:00</t>
  </si>
  <si>
    <t>2018-04-24 16:17:59.160000+00:00</t>
  </si>
  <si>
    <t>Unable to understand angulajs dependency error</t>
  </si>
  <si>
    <t>&lt;p&gt;I am trying to implement a custom filter. I am getting a dependency error from angularjs. Please help me to resolve this. &lt;/p&gt;
&lt;p&gt;Below is my code...&lt;/p&gt;
&lt;p&gt;&lt;div class="snippet" data-lang="js" data-hide="false"&gt;_x000D_
&lt;div class="snippet-code"&gt;_x000D_
&lt;pre class="snippet-code-js lang-js prettyprint-override"&gt;&lt;code&gt;angular.module('Test', [])_x000D_
  .controller('TestController', ['$scope', function ($scope) {_x000D_
        $scope.myDate = 1456106575956;_x000D_
  }])_x000D_
  .filter('utcToDate', function(pUTCString) {_x000D_
    return function(pUTCString) {_x000D_
        return new Date(pUTCString);_x000D_
    }_x000D_
});_x000D_
_x000D_
_x000D_
  _x000D_
  _x000D_
  &lt;/code&gt;&lt;/pre&gt;_x000D_
&lt;pre class="snippet-code-html lang-html prettyprint-override"&gt;&lt;code&gt;&amp;lt;script src="https://ajax.googleapis.com/ajax/libs/angularjs/1.2.23/angular.min.js"&amp;gt;&amp;lt;/script&amp;gt;_x000D_
&amp;lt;body ng-app="Test" ng-controller="TestController"&amp;gt;_x000D_
  {{myDate | utcToDate:myDate }}_x000D_
&amp;lt;/body&amp;gt;&lt;/code&gt;&lt;/pre&gt;_x000D_
&lt;/div&gt;_x000D_
&lt;/div&gt;_x000D_
&lt;/p&gt;</t>
  </si>
  <si>
    <t>2016-03-08 04:24:22.103000+00:00</t>
  </si>
  <si>
    <t>2016-03-08 04:52:43.120000+00:00</t>
  </si>
  <si>
    <t>Pass %%local variables from dotenv run in jupyter to Azure HDInsight pyspark cluster</t>
  </si>
  <si>
    <t>&lt;h1&gt;Intro&lt;/h1&gt;
&lt;p&gt;&lt;a href="https://docs.microsoft.com/en-us/azure/hdinsight/hdinsight-apache-spark-jupyter-notebook-install-locally" rel="nofollow noreferrer"&gt;This link&lt;/a&gt; details how to install jupyter locally and work against an Azure HDInsight cluster. This works well getting things setup.&lt;/p&gt;
&lt;p&gt;However:&lt;/p&gt;
&lt;ol&gt;
&lt;li&gt;&lt;p&gt;Not all python packages that we have available locally are available on the cluster.&lt;/p&gt;&lt;/li&gt;
&lt;li&gt;&lt;p&gt;Some local processing may want to be done before 'submitting' a cell to the cluster.&lt;/p&gt;&lt;/li&gt;
&lt;/ol&gt;
&lt;p&gt;I'm aware that python packages that are not installed can be installed via &lt;a href="https://docs.microsoft.com/en-us/azure/hdinsight/hdinsight-apache-spark-python-package-installation" rel="nofollow noreferrer"&gt;script actions&lt;/a&gt; and &lt;a href="https://docs.microsoft.com/en-us/azure/hdinsight/hdinsight-apache-spark-jupyter-notebook-use-external-packages" rel="nofollow noreferrer"&gt;&lt;code&gt;%%configure&lt;/code&gt;&lt;/a&gt;, however given our use of &lt;code&gt;dotenv&lt;/code&gt; locally these don't seem to be viable solutions.&lt;/p&gt;
&lt;h1&gt;Problem&lt;/h1&gt;
&lt;ol&gt;
&lt;li&gt;Source control with git &lt;/li&gt;
&lt;li&gt;Git repos are local on dev machines We store
configuration/sensitive environment variables in &lt;code&gt;.env&lt;/code&gt; files
locally (they are not checked into git) &lt;/li&gt;
&lt;li&gt;&lt;code&gt;dotenv&lt;/code&gt; package is used to
read sensitive variables and set locally for execution &lt;/li&gt;
&lt;li&gt;blob storage
account names and keys are example of these variables&lt;/li&gt;
&lt;li&gt;&lt;strong&gt;how to pass these locally set variables to a pyspark cell?&lt;/strong&gt;&lt;/li&gt;
&lt;/ol&gt;
&lt;hr&gt;
&lt;h1&gt;Local cell example&lt;/h1&gt;
&lt;p&gt;&lt;a href="https://i.stack.imgur.com/4MpRa.png" rel="nofollow noreferrer"&gt;&lt;img src="https://i.stack.imgur.com/4MpRa.png" alt="enter image description here"&gt;&lt;/a&gt;&lt;/p&gt;
&lt;h1&gt;Followed by pyspark cell&lt;/h1&gt;
&lt;p&gt;&lt;a href="https://i.stack.imgur.com/aT0WY.png" rel="nofollow noreferrer"&gt;&lt;img src="https://i.stack.imgur.com/aT0WY.png" alt="enter image description here"&gt;&lt;/a&gt;&lt;/p&gt;</t>
  </si>
  <si>
    <t>2017-05-03 06:51:47.140000+00:00</t>
  </si>
  <si>
    <t>python|pyspark|azure-storage-blobs|jupyter-notebook|hdinsight</t>
  </si>
  <si>
    <t>Regular expression for capturing values - Perl</t>
  </si>
  <si>
    <t>&lt;p&gt;I am writing a parser that will capture the value from text file. Apart from two values I am able to capture all values.&lt;/p&gt;
&lt;p&gt;Can some one help me out to get those two values as well?&lt;/p&gt;
&lt;p&gt;Here is my code:&lt;/p&gt;
&lt;pre&gt;&lt;code&gt;use warnings;
open( my $fh, "&amp;lt;", "$tZPath\\Diag.txt" ) || print "can't open file filename : $!\n";
my ( $aBT_Slave, $iD, $hready, $address );
while ( defined( my $line = &amp;lt;$fh&amp;gt; ) ) {
    if ( $line =~ /ID\:\s*(.+?\W+)/i ) {
        $iD = $1;
        print " Id -&amp;gt; $iD \n";
    }
    elsif ( $line =~ /HREADY\:\s*(.+?\W+)/i ) {
        $hready = $1;
        print " hready -&amp;gt; $hready \n";
    }
    elsif ( $line =~ /ADDR0\w\s*(.+?\W+)/i ) {
        $address = $1;
        print " address -&amp;gt; $address \n";
    }
    elsif ( $line =~ /PCNOC\_(.*?\d+)/i ) {
        $aBT_Slave = "PCNOC_" . $1;
        print " aBT_Slave -&amp;gt; $aBT_Slave \n";
    }
}
&lt;/code&gt;&lt;/pre&gt;
&lt;p&gt;Log file content:&lt;/p&gt;
&lt;pre class="lang-none prettyprint-override"&gt;&lt;code&gt;ABT PCNOC_9 ID: 0x0000430c
ABT PCNOC_9 ADDR0: 0x000000e0
ABT PCNOC_9 ADDR1: 0x00000000
ABT PCNOC_9 HREADY: 0xfffffffd
ABT PCNOC_9 Slaves: 5
Fatal Error: AHB_TIMEOUT
&lt;/code&gt;&lt;/pre&gt;
&lt;p&gt;Can anyone please help me out to get the &lt;code&gt;ADDR0&lt;/code&gt; value and &lt;code&gt;PCNOC_9&lt;/code&gt; from the log?
Please let me know if have kept unclear expiation here.&lt;/p&gt;</t>
  </si>
  <si>
    <t>2016-04-05 09:03:38.677000+00:00</t>
  </si>
  <si>
    <t>2016-04-05 11:24:01.590000+00:00</t>
  </si>
  <si>
    <t>2016-04-05 11:07:43.347000+00:00</t>
  </si>
  <si>
    <t>Error C4430 - VS2012</t>
  </si>
  <si>
    <t>&lt;p&gt;I am getting the errors C4430: missing type specifier - int assumed. Note: C++ does not support default-int
C2143: syntax error : missing ';' before '&amp;lt;'
C2238: C2238: unexpected token(s) preceding ';'
on the following line.&lt;/p&gt;
&lt;pre&gt;&lt;code&gt;typedef STD_::reverse_bidirectional_iterator&amp;lt;iterator, DataObj&amp;gt;; reverse_iterator;
&lt;/code&gt;&lt;/pre&gt;
&lt;p&gt;What do I need to do to get rid of these errors?
This is being done in Visual Studio 2012 on Windows 8.&lt;/p&gt;</t>
  </si>
  <si>
    <t>2013-10-24 04:34:53.130000+00:00</t>
  </si>
  <si>
    <t>2013-10-24 04:36:46.147000+00:00</t>
  </si>
  <si>
    <t>One row returned sporadically</t>
  </si>
  <si>
    <t>&lt;p&gt;There are no triggers on this table, though this tSQL script returns only one row, sporadically...  There is an index on LabNumber.&lt;/p&gt;
&lt;pre&gt;&lt;code&gt;SELECT  *
FROM    dbo.MiniDataEntry
WHERE   LabNumber IN ( SELECT   labnumber
                       FROM     dbo.MiniDataEntry
                       WHERE    EnteredDate &amp;gt; '7/10/2015'
                       GROUP BY LabNumber
                       HAVING   COUNT(*) &amp;gt; 1 )
&lt;/code&gt;&lt;/pre&gt;
&lt;p&gt;I am attempting to determine if there are duplicate lab numbers today, there should not be.&lt;/p&gt;</t>
  </si>
  <si>
    <t>2015-07-10 16:25:21.247000+00:00</t>
  </si>
  <si>
    <t>2015-07-10 16:35:31.293000+00:00</t>
  </si>
  <si>
    <t>2015-07-10 16:30:26.367000+00:00</t>
  </si>
  <si>
    <t>Could not find class: org.junit.tests.AllTests - OSX</t>
  </si>
  <si>
    <t>&lt;p&gt;I'm having a little trouble getting started with JUnit tests. This should be pretty basic. I downloaded junit-4.8.2.jar from JUnit.org and placed it in my home directory. &lt;/p&gt;
&lt;p&gt;If I try to test my setup in a TCSH terminal with the following command:&lt;/p&gt;
&lt;pre&gt;&lt;code&gt;java -cp ~/junit-4.8.2.jar org.junit.runner.JUnitCore org.junit.tests.AllTests
&lt;/code&gt;&lt;/pre&gt;
&lt;p&gt;I receive the following output&lt;/p&gt;
&lt;pre&gt;&lt;code&gt;JUnit version 4.8.2
Could not find class: org.junit.tests.AllTests
Time: 0.003
OK (0 tests)
&lt;/code&gt;&lt;/pre&gt;
&lt;p&gt;Any help would be greatly appreciated. Thanks.&lt;/p&gt;</t>
  </si>
  <si>
    <t>2010-08-27 18:20:32.987000+00:00</t>
  </si>
  <si>
    <t>2011-10-04 11:08:01.147000+00:00</t>
  </si>
  <si>
    <t>2010-08-27 18:32:57.450000+00:00</t>
  </si>
  <si>
    <t>java|macos|junit</t>
  </si>
  <si>
    <t>Access custom attributes via jquery</t>
  </si>
  <si>
    <t>&lt;p&gt;I need to access to the custom attribute or data of my link but I can't. My code is simple yet in repeater. I don't know if this is causing a problem. Here is the code:&lt;/p&gt;
&lt;pre&gt;&lt;code&gt; &amp;lt;a class="showAllComm" data-userid='&amp;lt;%# DataBinder.Eval(Container.DataItem, "USER_ID")%&amp;gt;' href="#sa"&amp;gt;Show all comments&amp;lt;/a&amp;gt;
&lt;/code&gt;&lt;/pre&gt;
&lt;p&gt;Here is my click event:&lt;/p&gt;
&lt;pre&gt;&lt;code&gt;$('.showAllComm').click(function(index, element) {
            var commId = $(element).data("userid");
 })
&lt;/code&gt;&lt;/pre&gt;
&lt;p&gt;commId is undefined but I can see it in the source code that it has value of 1.&lt;/p&gt;
&lt;p&gt;how can I access to the userId?&lt;/p&gt;
&lt;p&gt;Thank you&lt;/p&gt;</t>
  </si>
  <si>
    <t>2011-09-14 22:27:43.603000+00:00</t>
  </si>
  <si>
    <t>2011-09-14 22:31:40.210000+00:00</t>
  </si>
  <si>
    <t>javascript|jquery|attributes</t>
  </si>
  <si>
    <t>handling 2nd response when doing multiple GET requests in React</t>
  </si>
  <si>
    <t>&lt;p&gt;I've manage to pass the first response into the state name data (this.state.data) of the component. But when I trying doing a second request for data1 from another API, it's not showing up. Both responses are good from checking in dev tool and the first one I can use the data.&lt;/p&gt;
&lt;pre&gt;&lt;code&gt;class WeatherApp extends React.Component {
constructor(props) {
  super(props);
  this.state = {
    error: null,
    isLoaded: false,
    data: [],
    data1: []
  };
}
componentDidMount() {
  Promise.all([
      fetch("weatherAPI.php"),
      fetch("weatherAPIToday.php")
    ]).then(([res, res1]) =&amp;gt; res.json())
    .then((result, result1) =&amp;gt; {
        this.setState({
          isLoaded: true,
          data: result,
          data1: result1
        }, console.log(result));
      },
      (error) =&amp;gt; {
        this.setState({
          isLoaded: true,
          error
        });
      }
    );
}
&lt;/code&gt;&lt;/pre&gt;</t>
  </si>
  <si>
    <t>2018-11-06 02:29:09.470000+00:00</t>
  </si>
  <si>
    <t>2018-11-06 02:48:41.643000+00:00</t>
  </si>
  <si>
    <t>javascript|jquery|html|reactjs|get</t>
  </si>
  <si>
    <t>Pinterest PinUtils variable not created on pinit.js exec</t>
  </si>
  <si>
    <t>&lt;p&gt;In &lt;a href="https://developers.pinterest.com/docs/widgets/pin-it/" rel="nofollow"&gt;official cookbook&lt;/a&gt; of Pinterest I read: &lt;/p&gt;
&lt;blockquote&gt;
  &lt;p&gt;Including pinit.js gives you a global variable, PinUtils.&lt;/p&gt;
  &lt;p&gt;PinUtils.pinOne() -- This function opens the Pin Create form [...] to saving an image you have chosen from your site. &lt;/p&gt;
&lt;/blockquote&gt;
&lt;p&gt;I tried to call this function:&lt;/p&gt;
&lt;pre&gt;&lt;code&gt;PinUtils.pinOne({ 'media': 'http://dcstat.ru/facades/img/fasad_565f0f8558ff1.jpeg' })
&lt;/code&gt;&lt;/pre&gt;
&lt;p&gt;But seems like there was no PinUtils variable created on pinit.js execution.&lt;/p&gt;
&lt;p&gt;Please, take a look at &lt;a href="http://jsfiddle.net/vatavale/8tvf4snn/1/" rel="nofollow"&gt;jsFeedle&lt;/a&gt;.&lt;/p&gt;</t>
  </si>
  <si>
    <t>2015-12-04 09:29:08.777000+00:00</t>
  </si>
  <si>
    <t>2015-12-04 11:24:04.180000+00:00</t>
  </si>
  <si>
    <t>javascript|pinterest</t>
  </si>
  <si>
    <t>How to represent this in a table?</t>
  </si>
  <si>
    <t>&lt;p&gt;I have a collection of data like so&lt;/p&gt;
&lt;pre&gt;&lt;code&gt;Programme title |  Episode  |  Subtitle  |  Performers  |  Description
&lt;/code&gt;&lt;/pre&gt;
&lt;p&gt;Initially I normalised this into two table like so&lt;/p&gt;
&lt;pre&gt;&lt;code&gt;PROGRAMME
progid  |  progtitle  |  description
EPISODE
epid  |  progid  |  episode  |  subtitle  |  description
&lt;/code&gt;&lt;/pre&gt;
&lt;p&gt;I'm thinking I'd like to represent the performers in another table though, but not sure how to represent it. From what I can tell the following relationships exist&lt;/p&gt;
&lt;ul&gt;
&lt;li&gt;One to Many: A programme can have many performers&lt;/li&gt;
&lt;li&gt;One to Many: A performer could feature in many programmes&lt;/li&gt;
&lt;/ul&gt;
&lt;p&gt;I'm not sure how I would represent this?&lt;/p&gt;
&lt;p&gt;&lt;strong&gt;EDIT&lt;/strong&gt;  Ah I see so I'd actually have tables like this for example?&lt;/p&gt;
&lt;pre&gt;&lt;code&gt;PERFORMER
performerid  |  performer
PROGRAMME
progid  |  progtitle  |  description
EPISODE
epid  |  progid  |  episode  |  subtitle  |  description
PROG_PERFORMER
progid  |  performerid
&lt;/code&gt;&lt;/pre&gt;</t>
  </si>
  <si>
    <t>2011-01-20 16:37:18.800000+00:00</t>
  </si>
  <si>
    <t>2014-02-20 05:28:11.397000+00:00</t>
  </si>
  <si>
    <t>database|database-normalization|database-table</t>
  </si>
  <si>
    <t>Editing a single field for a model in its show view</t>
  </si>
  <si>
    <t>&lt;p&gt;I am working to update a value for an item in its show view, so I have embedded a form with a submit button, in the view, however I have a second button at the bottom of the page which carries out a different action and reloads the page. I would like to have one button to both reload the page and update the value for the item at the same time; as opposed to needing to press two buttons. So far I haven't figured out how to do it.&lt;/p&gt;
&lt;p&gt;the embedded form:&lt;/p&gt;
&lt;pre&gt;&lt;code&gt;        &amp;lt;%= form_for @item, :url =&amp;gt; { :action =&amp;gt; "update" } do |f| %&amp;gt;
        &amp;lt;b&amp;gt;Amount to be Requested:&amp;lt;b&amp;gt;  
        &amp;lt;%= f.text_field :quantity %&amp;gt;
         &amp;lt;%= f.submit "Add" %&amp;gt;
        &amp;lt;% end %&amp;gt;
&lt;/code&gt;&lt;/pre&gt;
&lt;p&gt;the button at the bottom of the page:&lt;/p&gt;
&lt;pre&gt;&lt;code&gt;&amp;lt;p&amp;gt;&amp;lt;%= button_to "Add to my Request", add_list_item_path(@item), :id =&amp;gt; "add_button" %&amp;gt;&amp;lt;/p&amp;gt;
&lt;/code&gt;&lt;/pre&gt;</t>
  </si>
  <si>
    <t>2012-06-07 23:55:10.427000+00:00</t>
  </si>
  <si>
    <t>2012-06-14 01:53:19.593000+00:00</t>
  </si>
  <si>
    <t>2012-06-13 21:54:32.733000+00:00</t>
  </si>
  <si>
    <t>Overriding error404.html.twig entailing a 500 error (Twig &amp; Symfony3)</t>
  </si>
  <si>
    <t>&lt;p&gt;I encountered this problem : when I want to replace the default error pages of the twig bundle (following for that the requested methods everyone can see &lt;a href="https://symfony.com/doc/current/controller/error_pages.html" rel="nofollow"&gt;here&lt;/a&gt;), I'm in peace as long as I'm not creating a generic &lt;code&gt;error.html.twig&lt;/code&gt;, or a &lt;code&gt;error404.html.twig&lt;/code&gt;. But, oddly, my &lt;code&gt;error403.html.twig&lt;/code&gt; works as a wonder.&lt;/p&gt;
&lt;p&gt;I compared my error templates with each other, using the OS X Kaleidoscope, and the few differences are completely benign.&lt;/p&gt;
&lt;p&gt;I give you my error.html.twig, as an instance :&lt;/p&gt;
&lt;pre&gt;&lt;code&gt;{% extends (is_mobile() and not is_tablet())? 
':Mobile:layout.html.twig' 
:
':Full:layout.html.twig'
%}
{% block title %}
   Une erreur est survenue : {{ status_text }}
{% endblock %}
{% block content %}
{% endblock %}
{% block footer %}
   &amp;lt;div id="h1-error"&amp;gt;Aie !&amp;lt;br&amp;gt;Le serveur ne r��pond pas&amp;lt;/div&amp;gt;
{% set table=[
["*","*","*","*","*","*","*","*","*"],
["*","*","*","*","5","0","0","*","*"],
["*","*","*","*","*","*","*","*","*"],
["*","*","A","U","C","U","N","E","*"],
["*","*","*","*","*","*","*","*","*"],
["*","*","*","*","*","*","*","*","*"],
["*","*","*","*","*","*","*","*","*"],
["*","R","��","P","O","N","S","E","*"],
["*","*","*","*","*","*","*","*","*"]
]
%}
&amp;lt;div id="table"&amp;gt;
&amp;lt;table border-collapse="separate"&amp;gt;
  {% for i in 0..8 %}
  &amp;lt;tr&amp;gt;
    {% for j in 0..8 %}
      {% if table[i][j]!='*' %}
        &amp;lt;td class="special"&amp;gt;
          &amp;lt;span id="symbol"&amp;gt;
            {{table[i][j]}}
          &amp;lt;/span&amp;gt;
        &amp;lt;/td&amp;gt;
      {% else %}
        &amp;lt;td&amp;gt;
          &amp;lt;span id="symbol"&amp;gt;
            {{random('QWERTZUIOPLKJHGFDSAYXCVBNM')}}
          &amp;lt;/span&amp;gt;
        &amp;lt;/td&amp;gt;
      {% endif %}
    {% endfor %}
  &amp;lt;/tr&amp;gt;
  {% endfor %}
&amp;lt;/table&amp;gt;
&amp;lt;/div&amp;gt;
&amp;lt;div id="backHome"&amp;gt;
&amp;lt;br&amp;gt;
    &amp;lt;a class="mr-btn mr-btn-primary" id="back-button" href="{{path('mr_platform_home')}}"&amp;gt;
  Retour �� l'accueil
    &amp;lt;/a&amp;gt;
&amp;lt;br&amp;gt;
&amp;lt;/div&amp;gt;
{{ parent() }}
{% endblock %}
&lt;/code&gt;&lt;/pre&gt;
&lt;p&gt;Furthermore, the path of those files is the right one : &lt;code&gt;app/Resources/TwigBundle/views/Exception/[file]&lt;/code&gt;&lt;/p&gt;
&lt;p&gt;And, as a final point, my prod log is the following, when I try a test url like &lt;a href="http://localhost:8888/AugustProject/web/test" rel="nofollow"&gt;http://localhost:8888/AugustProject/web/test&lt;/a&gt; (I'm working on a local server, but the same problem occurs on a distant one) :&lt;/p&gt;
&lt;pre&gt;&lt;code&gt;request.ERROR: Uncaught PHP Exception Symfony\Component\HttpKernel\Exception\NotFoundHttpException: "No route found for "GET /test"" at /Applications/MAMP/htdocs/MamyRoom/var/cache/prod/classes.php line 2774 {"exception":"[object] (Symfony\\Component\\HttpKernel\\Exception\\NotFoundHttpException(code: 0): No route found for \"GET /test\" at /Applications/MAMP/htdocs/MamyRoom/var/cache/prod/classes.php:2774, Symfony\\Component\\Routing\\Exception\\ResourceNotFoundException(code: 0):  at /Applications/MAMP/htdocs/MamyRoom/var/cache/prod/appProdUrlMatcher.php:1000)"} []
&lt;/code&gt;&lt;/pre&gt;
&lt;p&gt;...letting one think that the code was not the source of the bug (?)&lt;/p&gt;
&lt;p&gt;What step did I miss ?&lt;/p&gt;
&lt;p&gt;Thanks a lot, in advance !&lt;/p&gt;</t>
  </si>
  <si>
    <t>2016-08-05 13:30:06.527000+00:00</t>
  </si>
  <si>
    <t>php|templates|twig|symfony</t>
  </si>
  <si>
    <t>Biggest Missing Features in Basecamp for Software Development Management &amp; Collaboration</t>
  </si>
  <si>
    <t>&lt;p&gt;What features might our team find lacking if we adopted &lt;a href="http://basecamphq.com" rel="nofollow noreferrer"&gt;Basecamp&lt;/a&gt; for bug tracking, task tracking, external documentation, collaboration, and project management?&lt;/p&gt;
&lt;p&gt;I've used the free version before and think that 37Signals makes excellent products - but I wanted to hear from you what the drawbacks might be.&lt;/p&gt;</t>
  </si>
  <si>
    <t>2008-11-11 02:18:41.423000+00:00</t>
  </si>
  <si>
    <t>2014-09-11 05:27:34.863000+00:00</t>
  </si>
  <si>
    <t>2008-11-11 04:12:53.003000+00:00</t>
  </si>
  <si>
    <t>tvanfosson</t>
  </si>
  <si>
    <t>pc1oad1etter</t>
  </si>
  <si>
    <t>project-management|collaboration|basecamp</t>
  </si>
  <si>
    <t>Pipe the output of a command into variable and use it later</t>
  </si>
  <si>
    <t>&lt;p&gt;I have the command &lt;code&gt;mysqldump -u root -ppassword myDb | 7z a -si test.7z&lt;/code&gt;&lt;/p&gt;
&lt;p&gt;What I want to do is execute the command1 and save the pipe into a variable, and redirect it with the command2 later. The reason I am doing it is I want to check whether the command1 is successful or not, if it is success then proceed with the next command, if not, exit the batch file with errorlevel return by the command1. I want to do something like:&lt;/p&gt;
&lt;pre&gt;&lt;code&gt;mysqldump -u root -ppassword myDb | myvariable
if(errorlevel == 0) 
{
    myvaiable | 7z a -si test.7z
}
exit /B %errorlevel%
&lt;/code&gt;&lt;/pre&gt;
&lt;p&gt;is it possible to do it with batch file?&lt;/p&gt;</t>
  </si>
  <si>
    <t>2018-09-12 08:00:31.267000+00:00</t>
  </si>
  <si>
    <t>windows|batch-file</t>
  </si>
  <si>
    <t>How to control mono/stereo in WebRTC audio call?</t>
  </si>
  <si>
    <t>&lt;p&gt;I'm trying to force my audio calls to mono-only, I'm willing to use PCMU, G.729, OPUS and SpeeX as my codecs for this calls.&lt;/p&gt;
&lt;p&gt;Right now I'm using the following code to search for the chosen codec in my sdp message:&lt;/p&gt;
&lt;pre&gt;&lt;code&gt;function maybePreferCodec(sdp, type, dir, codec) {
    var str = type + ' ' + dir + ' codec';
    if (codec === '') {
        return sdp;
    }
    var sdpLines = sdp.split('\r\n');
     // Search for m line.
    var mLineIndex = findLine(sdpLines, 'm=', type);
    if (mLineIndex === null) {
        return sdp;
    }
    // If the codec is available, set it as the default in m line.
    var codecIndex = findLine(sdpLines, 'a=rtpmap', codec);
    console.log('codecIndex', codecIndex);
    if (codecIndex) {
        var payload = getCodecPayloadType(sdpLines[codecIndex]);
        if (payload) {
             sdpLines[mLineIndex] = setDefaultCodec(sdpLines[mLineIndex],       payload);
        }
    }
    sdp = sdpLines.join('\r\n');
    return sdp;
}
&lt;/code&gt;&lt;/pre&gt;
&lt;p&gt;The other functions can be found here:&lt;/p&gt;
&lt;p&gt;&lt;a href="http://www.codeforge.com/read/252733/sdputils.js__html" rel="nofollow noreferrer"&gt;http://www.codeforge.com/read/252733/sdputils.js__html&lt;/a&gt;&lt;/p&gt;
&lt;p&gt;There are many other functions on the link but I don't know if they'll properly work on my selected codecs.&lt;/p&gt;
&lt;p&gt;Thanks in advance!&lt;/p&gt;</t>
  </si>
  <si>
    <t>2017-02-08 16:57:29.583000+00:00</t>
  </si>
  <si>
    <t>2017-03-08 18:16:19.330000+00:00</t>
  </si>
  <si>
    <t>javascript|webrtc|rtp|sdp</t>
  </si>
  <si>
    <t>How to configure testlink to connect to jira per user?</t>
  </si>
  <si>
    <t>&lt;p&gt;How to configure Testlink wherein username and password in "Issue Tracker Management" is empty and will populate based on testlink user accounts?&lt;/p&gt;
&lt;p&gt;OR&lt;/p&gt;
&lt;p&gt;How to configure testlink wherein username and password in "Issue Tracker Management" is empty and will prompt for username and password whenever you try to add a new bug?&lt;/p&gt;</t>
  </si>
  <si>
    <t>2015-05-27 08:42:39.310000+00:00</t>
  </si>
  <si>
    <t>2015-05-28 10:21:47.863000+00:00</t>
  </si>
  <si>
    <t>jira|testlink</t>
  </si>
  <si>
    <t>Clustering as a dimension reduction technique, and how to pick representatives elements for each cluster?</t>
  </si>
  <si>
    <t>&lt;p&gt;I have some dataset in which some observations are highly correlated. I am doing a clustering analysis on the distance matrix obtained from the correlation matrix. Some elements in this datasets are redundant and I want to select some representatives elements with a minimal mutual correlation. I think that a brute-force method is to simply choose one element from each cluster. But I want to know if there are more formal methods for such conceived dimensionality reduction in R ?
For instance, we are doing the clustering on the mtcars dataset in the following manner:&lt;/p&gt;
&lt;pre&gt;&lt;code&gt;&amp;gt; m=cor(t(mtcars))
&amp;gt; hc=hclust(as.dist(m),"ave")
&amp;gt; plot(hc)
&lt;/code&gt;&lt;/pre&gt;
&lt;p&gt;We are obtaining the following dendrogram:&lt;/p&gt;
&lt;p&gt;&lt;a href="https://i.stack.imgur.com/BpbxK.png" rel="nofollow noreferrer"&gt;&lt;img src="https://i.stack.imgur.com/BpbxK.png" alt="enter image description here"&gt;&lt;/a&gt;&lt;/p&gt;
&lt;p&gt;How to extract from the above dendrograms essential elements ? This mean elements which are minimally mutually correlated ?&lt;/p&gt;</t>
  </si>
  <si>
    <t>2018-11-17 00:37:05.583000+00:00</t>
  </si>
  <si>
    <t>2018-11-17 02:26:10.203000+00:00</t>
  </si>
  <si>
    <t>r|cluster-analysis</t>
  </si>
  <si>
    <t>Rename files to md5 sum + extension on Windows 7 (with CMD or PowerShell 2013)</t>
  </si>
  <si>
    <t>&lt;p&gt;I'm struggling to come up with a solution. All so far have been crutches since I cannot get my tools only to output the plain md5 string, to write it into a variable 2 and use it later on to rename the file I stored in a variable 1.&lt;/p&gt;
&lt;p&gt;The solutions I found are for *nix or PHP and were not helpful with my problem.&lt;/p&gt;</t>
  </si>
  <si>
    <t>2014-11-14 12:30:48.543000+00:00</t>
  </si>
  <si>
    <t>2014-11-14 13:02:22.487000+00:00</t>
  </si>
  <si>
    <t>powershell|cmd|md5|rename</t>
  </si>
  <si>
    <t>After creating an array of matplotlib.figure.Figure, how do I draw them as subplots of One figure?</t>
  </si>
  <si>
    <t>&lt;p&gt;I have a method that returns an array of matplotlib.figure.Figure objects, I call pyplot.close() afterwards an keep the objects. I want to redraw those Figure objects as subplots of one Figure.&lt;/p&gt;
&lt;p&gt;It looks like this&lt;/p&gt;
&lt;pre&gt;&lt;code&gt;import matplotlib.pyplot as plt
FIGS = list()
for indx, i in enumerate(HISTARR):
    FIGS.append(subHistogramClientWrapper(indx, LIST, HISTARR.size(), i))
plt.close()
for each in FIGS:
    plt.draw()
plt.show()
## This code below will crash, since add_subplot can't receive a figure
figo_help_me = plt.figure(1, figsize=(12, 3))
for each in FIGS:
    figo_help_me.add_subplot(each)
plt.show()
&lt;/code&gt;&lt;/pre&gt;
&lt;p&gt;&lt;strong&gt;Should I return one figure with subplots?&lt;/strong&gt;&lt;/p&gt;
&lt;p&gt;&lt;strong&gt;If so, how do I redraw a figure after calling plt.close()?&lt;/strong&gt;&lt;/p&gt;</t>
  </si>
  <si>
    <t>2013-07-31 16:54:41.780000+00:00</t>
  </si>
  <si>
    <t>2013-08-12 07:36:17.067000+00:00</t>
  </si>
  <si>
    <t>python|matplotlib|plot|figure</t>
  </si>
  <si>
    <t>PHP - JSON saved in a wrong format when unset a value</t>
  </si>
  <si>
    <t>&lt;p&gt;I have an array of videos Ids and when a user clicks on a button the videoId of the clicked video appends to the array.&lt;/p&gt;
&lt;p&gt;When the user clicks again on the same button, the code search for the videoId and if it is found, the video ID is deleted from the array.&lt;/p&gt;
&lt;p&gt;The array is saved on a json file and its formatted as &lt;code&gt;["aaa","bob"...]&lt;/code&gt; however, when I delete a value from the array the json file is transformed to &lt;code&gt;{"1":"aaa", "2":"bbb"...}&lt;/code&gt; &lt;/p&gt;
&lt;p&gt;How can I prevent this from Happening?&lt;/p&gt;
&lt;p&gt;PHP:&lt;/p&gt;
&lt;pre&gt;&lt;code&gt;$NameFileJSON = $_GET["NameFile"];
$VideoId = $_GET["VideoId"];
$removeVideoId = $_GET["RemoveVideoId"];
$results = array($VideoId);
&lt;/code&gt;&lt;/pre&gt;
&lt;p&gt;SAVE VIDEOID:&lt;/p&gt;
&lt;pre&gt;&lt;code&gt;if (($NameFileJSON != "")&amp;amp;&amp;amp;($VideoId != "")&amp;amp;&amp;amp;($removeVideoId == "")){
        $filename = "json/likesJSON/$NameFileJSON.json";
        if (file_exists($filename)) {
            echo "The file $filename exist";
            $inp = file_get_contents("json/likesJSON/$NameFileJSON.json");
            $arr = json_decode($inp);
            array_push($arr, $results[0]);
            $fp_login = fopen("json/$NameFileJSON.json", w);
            fwrite($fp_login, json_encode($arr));
            fclose($fp_login);
        } else {
             echo "The file $filename does not exist";
            $fp_login = fopen("json/$NameFileJSON.json", w);
            fwrite($fp_login, json_encode($results));
            fclose($fp_login);
        }
&lt;/code&gt;&lt;/pre&gt;
&lt;p&gt;}&lt;/p&gt;
&lt;p&gt;DELETE VIDEOID:&lt;/p&gt;
&lt;pre&gt;&lt;code&gt;if (($NameFileJSON != "")&amp;amp;&amp;amp;($VideoId == "")&amp;amp;&amp;amp;($removeVideoId != "")){
    $inp = file_get_contents("json/$NameFileJSON.json");
            $arr = json_decode($inp);
    if (($index = array_search($removeVideoId, $arr)) !== false) {
        echo  $index;
        unset($arr[$index]);
    }
            $fp_login = fopen("json/$NameFileJSON.json", w);
            fwrite($fp_login, json_encode($arr));
            fclose($fp_login);      
}
print_r(json_encode($arr)
&lt;/code&gt;&lt;/pre&gt;</t>
  </si>
  <si>
    <t>2015-11-07 00:12:01.790000+00:00</t>
  </si>
  <si>
    <t>2015-11-07 00:26:10.247000+00:00</t>
  </si>
  <si>
    <t>2015-11-07 00:17:15.157000+00:00</t>
  </si>
  <si>
    <t>php|arrays|json</t>
  </si>
  <si>
    <t>Angular 5: hash routing makes IE fail to update view</t>
  </si>
  <si>
    <t>&lt;p&gt;In my use case (Angular 5 app embedded in a greater website), I am using hash location strategy&lt;/p&gt;
&lt;pre&gt;&lt;code&gt;@NgModule({
  imports: [RouterModule.forRoot(routes, {useHash: true})]
})
&lt;/code&gt;&lt;/pre&gt;
&lt;p&gt;So my application paths are like &lt;code&gt;website.com/#/home&lt;/code&gt; and &lt;code&gt;website.com/#/profile&lt;/code&gt;&lt;/p&gt;
&lt;p&gt;App works ok, but I run into one problem in Internet Explorer 11 (which I have to support): Angular change detection doesn't seem to be fully working.  Specifically, If I make a UI change to a component, navigate to another path, then return, the old view is shown. Routing works fine, but it's as if the browser cached the view and won't let Angular update the component view.&lt;/p&gt;
&lt;p&gt;Not sure where to even start looking for a cause, let alone a fix.&lt;/p&gt;</t>
  </si>
  <si>
    <t>2018-04-04 20:47:43.190000+00:00</t>
  </si>
  <si>
    <t>2018-04-06 10:51:29.620000+00:00</t>
  </si>
  <si>
    <t>angular|internet-explorer</t>
  </si>
  <si>
    <t>Simple Content Search with javascript</t>
  </si>
  <si>
    <t>&lt;p&gt;First of all this is how the script works: &lt;a href="http://jsfiddle.net/dynamyc/7Rm8U/7/light/" rel="nofollow"&gt;jsfiddle&lt;/a&gt;&lt;/p&gt;
&lt;p&gt;So, I want to make the plugin to search through images (thumbnails) by a attribute like "title" for example or something else.
Here is my markup : &lt;a href="http://jsfiddle.net/dynamyc/KqCP5/embedded/result/" rel="nofollow"&gt;http://jsfiddle.net/dynamyc/KqCP5/embedded/result/&lt;/a&gt;
I can't make the script to search through that images, I know something is wrong, maybe I didn't put the correct path for &lt;/p&gt;
&lt;p&gt;'searchList' : 'home_proj li',&lt;/p&gt;
&lt;p&gt;'searchItem' : 'img'&lt;/p&gt;
&lt;p&gt;The code below will activate the plugin:&lt;/p&gt;
&lt;pre&gt;&lt;code&gt;$(document).ready(function(){
    $('.searchFilter').simpleContentSearch({
        'active' : 'searchBoxActive',
        'normal' : 'searchBoxNormal',
        'searchList' : 'home_proj li',
        'searchItem' : 'img'
    });
});
&lt;/code&gt;&lt;/pre&gt;
&lt;p&gt;The 'searchList' setting specifies the content that will be searched. In this case it is searchable tr. Finally, the 'searchItem' setting allows to dive in and specify an individual element to search. In this case, I use 'td'.&lt;/p&gt;
&lt;p&gt;Hope you understand what I'm trying to achieve. &lt;/p&gt;</t>
  </si>
  <si>
    <t>2012-05-23 16:41:12.673000+00:00</t>
  </si>
  <si>
    <t>2012-05-26 18:47:16.410000+00:00</t>
  </si>
  <si>
    <t>2012-05-23 17:04:04.160000+00:00</t>
  </si>
  <si>
    <t>javascript|html|search|jquery-plugins</t>
  </si>
  <si>
    <t>shouldOverrideUrlLoading() never gets called</t>
  </si>
  <si>
    <t>&lt;p&gt;The shouldOverrideUrlLoading() never gets called if I click a link within the webview.
(It doesn't show the toast or logs anything). I've tried also onPageFinished and it doesn't get called too. I read other posts where users are having problems that this is not called only sometimes, but in my case it's completely ignored.&lt;/p&gt;
&lt;pre&gt;&lt;code&gt;    webview = new WebView(MyActivity.this);
    webview.getSettings().setBuiltInZoomControls(true);
    webview.getSettings().setDisplayZoomControls(false);
    webview.loadData(Html.getHtml(), "text/html", "UTF-8");
    webview.getSettings().setJavaScriptEnabled(true);
    webview.setWebViewClient(new WebViewClient() {
        @Override
        public boolean  shouldOverrideUrlLoading(WebView view, String url) {
            new M("shouldOverrideUrlLoading",getApplicationContext());
            Log.v("ESSE3", "shouldOverrideUrlLoading()");
            System.out.println(url);
            System.out.println(Html.getHtml());
            webview.loadData(Html.getHtml(), "text/html", "UTF-8");
                            return true;
        }
    });
    webview.setWebViewClient(new WebViewClient());
    setContentView(webview);
&lt;/code&gt;&lt;/pre&gt;
&lt;p&gt;Tried with/without javascript enabled or returning true or false within the method.&lt;/p&gt;</t>
  </si>
  <si>
    <t>2012-09-18 13:51:17.493000+00:00</t>
  </si>
  <si>
    <t>2018-09-19 03:41:23.587000+00:00</t>
  </si>
  <si>
    <t>android|webview|android-webview</t>
  </si>
  <si>
    <t>Is it possible to dynamically change the PXSelect a view is using programatically?</t>
  </si>
  <si>
    <t>&lt;p&gt;I have a button in which, when pressed, I want to show or hide rows in a grid based on certain criteria. Is it possible to change the PXSelect a view uses on the fly so that it re-queries the database and retrieves different results? I will, of course, be querying the same table and not changing up the structure of the View or grid.&lt;/p&gt;</t>
  </si>
  <si>
    <t>2018-11-15 17:30:12.440000+00:00</t>
  </si>
  <si>
    <t>2018-11-18 15:36:45.763000+00:00</t>
  </si>
  <si>
    <t>acumatica</t>
  </si>
  <si>
    <t>Getting separate characters from a java Scanner</t>
  </si>
  <si>
    <t>&lt;p&gt;In Java's Scanner class, why does the syntax &lt;code&gt;nextChar()&lt;/code&gt; not exist, and is there a command would do something similar with out using the &lt;code&gt;String&lt;/code&gt; variable?&lt;/p&gt;</t>
  </si>
  <si>
    <t>2013-01-07 21:56:50.273000+00:00</t>
  </si>
  <si>
    <t>2017-12-01 10:21:20.937000+00:00</t>
  </si>
  <si>
    <t>2013-01-07 22:03:44.077000+00:00</t>
  </si>
  <si>
    <t>Working with layout object attributes and variables in FileMaker</t>
  </si>
  <si>
    <t>&lt;p&gt;This is the first time I'm encountering &lt;code&gt;GetLayoutObjectAttribute&lt;/code&gt; and I am having serious issues with it. My variable &lt;code&gt;$web&lt;/code&gt; won't set. I think it's because &lt;code&gt;PD_WebV&lt;/code&gt; isn't the right object name to refer to, but I don't know how to find the right object name. I can't find the objects name when I hit &lt;code&gt;Edit Layout&lt;/code&gt;, so does anyone know how to find an layout objects name?&lt;/p&gt;
&lt;pre&gt;&lt;code&gt;Loop
     Pause/Resume Script [Duration (seconds): 1]
     Set Variable[$Web; Value: GetLayoutObjectAttribute("PD_WebV";"content")]
     If[$Web="done"]
          #execute if statements
&lt;/code&gt;&lt;/pre&gt;
&lt;p&gt;&lt;a href="https://i.stack.imgur.com/6PASg.png" rel="nofollow noreferrer"&gt;&lt;img src="https://i.stack.imgur.com/6PASg.png" alt="enter image description here"&gt;&lt;/a&gt;&lt;/p&gt;
&lt;p&gt;After Edit:&lt;/p&gt;
&lt;p&gt;After some troubleshooting, I found out that &lt;code&gt;PD_WebV&lt;/code&gt; is the right object name to refer and it's refered to correctly, so my new question is why doesn't the script go to the line &lt;code&gt;If[$Web="done"]&lt;/code&gt; and how could I fix it? Ss my &lt;code&gt;If&lt;/code&gt; statement not evaluating something it should be? Is my &lt;code&gt;$web&lt;/code&gt; variable never set to &lt;code&gt;done&lt;/code&gt; or is the issue something completely different? Would the problem possibly have to do with my &lt;code&gt;WebDirect&lt;/code&gt; sharing settings? Any guidance would help. Thanks. &lt;/p&gt;
&lt;p&gt;After, After Edit:
So now that my application is getting past &lt;code&gt;Set Variable[$Web; Value: GetLayoutObjectAttribute("PD_WebV";"content")]&lt;/code&gt;, the variable &lt;code&gt;$web&lt;/code&gt; only equals &lt;code&gt;&amp;lt;HTML&amp;gt;&amp;lt;/HTML&amp;gt;&lt;/code&gt;. Does anyone know a way, without using javascript, to test the inside of the &lt;code&gt;html&lt;/code&gt; tags?&lt;/p&gt;
&lt;p&gt;Also, I printed the &lt;code&gt;bounds&lt;/code&gt; of the webViewer &lt;code&gt;PD_WebV&lt;/code&gt; that I can't locate on the layout but am referring to in the script. The bounds that are printed are different each time I run the script. Is the usual or unusual? My source is also &lt;code&gt;about:blank&lt;/code&gt; so it doesn't look like I'm sourcing from a URL&lt;/p&gt;</t>
  </si>
  <si>
    <t>2015-07-24 20:19:51.003000+00:00</t>
  </si>
  <si>
    <t>2016-07-02 14:56:57.557000+00:00</t>
  </si>
  <si>
    <t>filemaker</t>
  </si>
  <si>
    <t>Get euler rotation from Quaternion?</t>
  </si>
  <si>
    <t>&lt;p&gt;I'm using FlyControls for moving and rotation my plane (I'm doing a flight sim), and it works pretty well. However now I have ran into a problem where one possible solution would be to know the euler angles of my plane.
Unfortunately FlyControls is using Quaternion. Is there a possible way to get the angles somehow? Of course, I could rewrite the FlyControls module to use euler angles. But I would like to avoid that if possible.&lt;/p&gt;</t>
  </si>
  <si>
    <t>2012-10-08 15:30:05.647000+00:00</t>
  </si>
  <si>
    <t>2014-12-09 23:49:32.673000+00:00</t>
  </si>
  <si>
    <t>three.js</t>
  </si>
  <si>
    <t>Correct way to pass data in JSX clicks</t>
  </si>
  <si>
    <t>&lt;p&gt;&lt;strong&gt;&lt;em&gt;First&lt;/em&gt;&lt;/strong&gt;&lt;/p&gt;
&lt;pre&gt;&lt;code&gt;&amp;lt;div tabIndex="0"
  onKeyPress={this.onHandleClick.bind(null, 'first')}
  onClick={this.onHandleClick.bind(null, 'first')}&amp;gt;
&lt;/code&gt;&lt;/pre&gt;
&lt;p&gt;&lt;strong&gt;&lt;em&gt;Second&lt;/em&gt;&lt;/strong&gt;&lt;/p&gt;
&lt;pre&gt;&lt;code&gt;onHandleClick = (event) =&amp;gt; {
  $(event.currentTarget).data('circle')
}
&amp;lt;div tabIndex="0"
  data-circle="first"
  onClick={this.onHandleClick}&amp;gt;
&lt;/code&gt;&lt;/pre&gt;
&lt;p&gt;Is there another way to do this thats cleaner and the right way? Both of these feel like hacks: Especially using bind within the JSX.&lt;/p&gt;</t>
  </si>
  <si>
    <t>2016-04-11 13:29:29.910000+00:00</t>
  </si>
  <si>
    <t>2016-04-12 04:39:55.933000+00:00</t>
  </si>
  <si>
    <t>javascript|reactjs|react-jsx|jsx</t>
  </si>
  <si>
    <t>Can we use UI Automation tools with the iPhone Simulator?</t>
  </si>
  <si>
    <t>&lt;p&gt;I���ve been using the new UI automation tools with Instruments and the iPhone SDK 4.0, but so far I haven���t been able to get it to run under the iPhone Simulator. I���ve tried setting the target to every location possible���my build folder, the app folder in ~/Library/Application Support/iPhone Simulator, etc.���but I get an error message when I try to run it:&lt;/p&gt;
&lt;blockquote&gt;
  &lt;p&gt;Unexpected error in -[UIATarget_0x5a1e3b0 frontMostApp], /SourceCache/UIAutomation_Sim/UIAutomation-37/Framework/UIATargetElements.m line 437,&lt;/p&gt;
&lt;/blockquote&gt;
&lt;p&gt;Has anyone gotten this to work?&lt;/p&gt;</t>
  </si>
  <si>
    <t>2010-08-03 14:53:23.153000+00:00</t>
  </si>
  <si>
    <t>2011-09-05 16:57:02.690000+00:00</t>
  </si>
  <si>
    <t>iphone|ios|ios-simulator|ui-automation|ios-ui-automation</t>
  </si>
  <si>
    <t>Submitting apps for ios5 or above?</t>
  </si>
  <si>
    <t>&lt;p&gt;I've recently submitted an app to the app store for ios6 only, since going live I now have people asking to support ios5 now! Can someone advise how this can be done?&lt;/p&gt;
&lt;p&gt;Thanks.&lt;/p&gt;</t>
  </si>
  <si>
    <t>2012-11-12 21:49:48.697000+00:00</t>
  </si>
  <si>
    <t>2012-11-12 22:02:09.393000+00:00</t>
  </si>
  <si>
    <t>iphone|xcode|ios5|ios6</t>
  </si>
  <si>
    <t>Why isn't CompositeByteBuf used for ByteToMessageDecoder?</t>
  </si>
  <si>
    <t>&lt;p&gt;In the ByteToMessage decoder (&lt;a href="https://github.com/netty/netty/blob/master/codec/src/main/java/io/netty/handler/codec/ByteToMessageDecoder.java" rel="nofollow"&gt;https://github.com/netty/netty/blob/master/codec/src/main/java/io/netty/handler/codec/ByteToMessageDecoder.java&lt;/a&gt;), which ReplayingDecoder derives from, the cumulation ByteBuf (used to accumulate data until enough has been read from the network to begin decoding) seems to be implemented like a dynamic array. &lt;/p&gt;
&lt;p&gt;By this I mean that, if the current cumulation ByteBuf has the capacity to retain the incoming data, it is copied to the cumulation ByteBuf. If there is insufficient capacity, the cumulation ByteBuf is expanded and both the previous cumulation ByteBuf and the incoming data are written to the newly allocated instance. Is there a reason that a CompositeByteBuf with a bounded number of components is not used here instead? &lt;/p&gt;
&lt;p&gt;Using a PooledByteBufAllocator should help reduce the number of memory allocations, but it still seems to me that using a CompositeByteBuf in conjunction with a PooledByteBufAllocator would be the most efficient solution as it would attempt to both optimize memory allocations and copies. &lt;/p&gt;
&lt;p&gt;However, before I go down the rabbit hole of implementing my own pipeline stage for zero copy aggregation, I wanted to ask if there is a particular reason for the current implementation (e.g. Is the construction of a CompositeByteBuf being performed under the hood by one of the copy calls, or has someone already found that the current strategy is empirically better?)&lt;/p&gt;
&lt;p&gt;Thanks in advance&lt;/p&gt;</t>
  </si>
  <si>
    <t>2014-11-09 16:09:41.243000+00:00</t>
  </si>
  <si>
    <t>2014-11-10 14:18:21.567000+00:00</t>
  </si>
  <si>
    <t>java|netty|zero-copy</t>
  </si>
  <si>
    <t>isnumeric(textbox.value) and manipulating textbox.values into and out to percentages</t>
  </si>
  <si>
    <t>&lt;p&gt;I am attempting to "assist" the user of the text input box on my userform in entering percentages.&lt;/p&gt;
&lt;p&gt;As of now, my input box converts any input into percentage form. This means that typing "6" would convert the value to 600%. As seen below&lt;/p&gt;
&lt;p&gt;databaseViewer is the list (which gets data off a worksheet) that the inputbox populates from&lt;/p&gt;
&lt;pre&gt;&lt;code&gt;Sub pctTextInput(header As String, inputbox As Object)
    If IsNull(databaseViewer.Value) Or inputbox.Text = "" Then
        GoTo 0
    Else
        With Cells(databaseViewerGetSelectedRow, getApplicableColumn(header))
         .Value = inputbox.Text
         .NumberFormat = "0.0%"
        End With
        Exit Sub
    End If
0:
inputbox.Value = ""
End Sub
&lt;/code&gt;&lt;/pre&gt;
&lt;p&gt;My problem now is that I am trying to &lt;/p&gt;
&lt;ol&gt;
&lt;li&gt;Do a validate case with the textbox user input for numeric values, if not return an error&lt;/li&gt;
&lt;/ol&gt;
&lt;p&gt;I actually tried the isnumeric(textbox.value) on the above but it always returns false EVEN on a cell that has a % value in it already&lt;/p&gt;
&lt;ol start="2"&gt;
&lt;li&gt;simplify the user input process so that instead of having to type 0.6 to get 60%; the person only needs to type 60 to get 60% (i.e. more intuitive.)&lt;/li&gt;
&lt;/ol&gt;
&lt;p&gt;For this I attempted to do something like this, which returns type mismatch even if i try to CDbl(inputbox.text) or Clng(inputbox.text), which leads me to believe that I am not educated on the format of textboxes, which I had assumed to be type String.&lt;/p&gt;
&lt;blockquote&gt;
&lt;pre&gt;&lt;code&gt;    Dim x As Long
    x = inputbox.Text / 100
    inputbox.Text = x
&lt;/code&gt;&lt;/pre&gt;
&lt;/blockquote&gt;
&lt;p&gt;EDIT: Updated with new code that still returns type mismatch based on the comments by @urdearboy&lt;/p&gt;
&lt;pre&gt;&lt;code&gt;Sub pctTextInputDUPLICATED(header As String, textbox As Object) 'this TEXTbox will trigger on value change
Dim userEntryOrDefault As Variant
Dim modifiedUserEntryOrDefault As Variant
userEntryOrDefault = textbox.Value
    If IsNull(databaseViewer.Value) Or textbox.Text = "" Then
        textbox.Value = ""
        Exit Sub
    ElseIf Not IsNumeric(userEntryOrDefault) Then
        textbox.Value = ""
        Exit Sub
    ElseIf userEntryOrDefault &amp;lt;&amp;gt; Cells(databaseViewerGetSelectedRow, getApplicableColumn(header)) Then
        modifiedUserEntryOrDefault = Format(userEntryOrDefault / 100, "percent")
    Else
        With Cells(databaseViewerGetSelectedRow, getApplicableColumn(header))
         .Value = textbox.Text
         .NumberFormat = "0.0%"
        End With
        Exit Sub
    End If
End Sub
Sub userform1_Activate() 'populate with cell value if any
    With textbox
        .Value = Format(Cells(databaseViewerGetSelectedRow, getApplicableColumn("Adequacy")), "0.0%")
    End With
End Sub
&lt;/code&gt;&lt;/pre&gt;</t>
  </si>
  <si>
    <t>2018-06-14 02:30:07.387000+00:00</t>
  </si>
  <si>
    <t>2018-06-15 06:29:53.017000+00:00</t>
  </si>
  <si>
    <t>2018-06-14 05:56:28.333000+00:00</t>
  </si>
  <si>
    <t>excel|vba|excel-vba|userform</t>
  </si>
  <si>
    <t>Why does appending a textarea only work with .text and not .val?</t>
  </si>
  <si>
    <t>&lt;p&gt;Slowly working up my javascript and jquery skills right now and I had been attempting to reset a textarea with .val('') and found that I could not append to it after I had reset it.&lt;/p&gt;
&lt;pre&gt;&lt;code&gt;var console = $('#console');
function Initialize(data){
    console.text(data);
};
function AddText(data){
    console.append(data);
};
function clearConsole(){
    console.val('');
};
&lt;/code&gt;&lt;/pre&gt;
&lt;p&gt;Now if I change &lt;code&gt;console.text(data)&lt;/code&gt; to &lt;code&gt;console.val(data)&lt;/code&gt; then I cannot append at all, rather I can only set the value. Now I also know there are more methods of getting the text from the textarea, such as &lt;code&gt;.value()&lt;/code&gt;, but I haven't messed around with that much because I got my code working by using &lt;code&gt;.text('')&lt;/code&gt; instead of &lt;code&gt;.val('')&lt;/code&gt; &lt;/p&gt;
&lt;p&gt;But I ran into some really strange behavior that is easier to just show instead of type out a description:&lt;/p&gt;
&lt;p&gt;&lt;div class="snippet" data-lang="js" data-hide="false" data-console="true" data-babel="false"&gt;_x000D_
&lt;div class="snippet-code"&gt;_x000D_
&lt;pre class="snippet-code-js lang-js prettyprint-override"&gt;&lt;code&gt;var ta, tb, tc;_x000D_
_x000D_
$(document).ready(function() {_x000D_
  ta = $('#ta');_x000D_
  tb = $('#tb');_x000D_
  tc = $('#tc');_x000D_
});_x000D_
_x000D_
//first textarea_x000D_
function AddText() {_x000D_
  if (ta.text()) {_x000D_
    ta.append(Math.random() + "\n");_x000D_
  } else {_x000D_
    ta.text(Math.random() + "\n");_x000D_
  }_x000D_
};_x000D_
_x000D_
function ClearText() {_x000D_
  ta.text('');_x000D_
}_x000D_
_x000D_
//second textarea_x000D_
function AddVal() {_x000D_
  tb.append(Math.random() + "\n");_x000D_
};_x000D_
_x000D_
function ClearVal() {_x000D_
  tb.val('');_x000D_
}_x000D_
_x000D_
//third textarea_x000D_
function AddVal2() {_x000D_
  if (tc.val()) {_x000D_
    tc.append(Math.random() + "\n");_x000D_
    alert('Append is being called, but not appending.');_x000D_
  } else {_x000D_
    tc.val(Math.random() + "\n");_x000D_
  }_x000D_
};_x000D_
_x000D_
function ClearVal2() {_x000D_
  tc.val('');_x000D_
}&lt;/code&gt;&lt;/pre&gt;_x000D_
&lt;pre class="snippet-code-html lang-html prettyprint-override"&gt;&lt;code&gt;&amp;lt;script src="https://ajax.googleapis.com/ajax/libs/jquery/2.2.4/jquery.min.js"&amp;gt;&amp;lt;/script&amp;gt;_x000D_
&amp;lt;p&amp;gt; Using .text to initialize the textarea allows .append and clearing&amp;lt;/p&amp;gt;_x000D_
&amp;lt;textarea readonly cols=50 rows=5 placeholder="First textarea : A" id="ta"&amp;gt;&amp;lt;/textarea&amp;gt;_x000D_
&amp;lt;br&amp;gt;_x000D_
&amp;lt;button type="button" id="AddText" onclick="AddText()"&amp;gt;Add Text&amp;lt;/button&amp;gt;_x000D_
&amp;lt;button type="button" id="ClearText" onclick="ClearText()"&amp;gt;Clear&amp;lt;/button&amp;gt;_x000D_
&amp;lt;br&amp;gt;_x000D_
&amp;lt;p&amp;gt;Using .val to initialize the textarea does not allow .append after clearing&amp;lt;/p&amp;gt;_x000D_
&amp;lt;textarea readonly cols=50 rows=5 placeholder="Second textarea : B" id="tb"&amp;gt;&amp;lt;/textarea&amp;gt;_x000D_
&amp;lt;br&amp;gt;_x000D_
&amp;lt;button type="button" id="AddVal" onclick="AddVal()"&amp;gt;Add Text&amp;lt;/button&amp;gt;_x000D_
&amp;lt;button type="button" id="ClearVal" onclick="ClearVal()"&amp;gt;Clear&amp;lt;/button&amp;gt;_x000D_
&amp;lt;br&amp;gt;_x000D_
&amp;lt;p&amp;gt;Using .val to initialize the textarea with the extra checks doesn't append at all._x000D_
&amp;lt;br&amp;gt;An alert is generated to show the append is called, but no appending occurs.&amp;lt;/p&amp;gt;_x000D_
&amp;lt;textarea readonly cols=50 rows=5 placeholder="Third textarea : C" id="tc"&amp;gt;&amp;lt;/textarea&amp;gt;_x000D_
&amp;lt;br&amp;gt;_x000D_
&amp;lt;button type="button" id="AddVal2" onclick="AddVal2()"&amp;gt;Add Text&amp;lt;/button&amp;gt;_x000D_
&amp;lt;button type="button" id="ClearVal2" onclick="ClearVal2()"&amp;gt;Clear&amp;lt;/button&amp;gt;&lt;/code&gt;&lt;/pre&gt;_x000D_
&lt;/div&gt;_x000D_
&lt;/div&gt;_x000D_
&lt;/p&gt;
&lt;p&gt;Can someone explain to me this behavior and the best practice to use? Or is it all really the same and it's just up to preference? Thanks.&lt;/p&gt;
&lt;p&gt;&lt;strong&gt;EDIT:&lt;/strong&gt; &lt;a href="https://jsfiddle.net/rxy4382n/9/" rel="nofollow"&gt;Bonus jfiddle&lt;/a&gt;&lt;/p&gt;</t>
  </si>
  <si>
    <t>2016-06-22 23:39:21.167000+00:00</t>
  </si>
  <si>
    <t>2016-06-23 01:41:39.440000+00:00</t>
  </si>
  <si>
    <t>Laravel 5 - Multi Language Website for (LTR and RTL)</t>
  </si>
  <si>
    <t>&lt;p&gt;Hi to all developers...&lt;/p&gt;
&lt;p&gt;I'm new to Laravel. I want to build a complex web application and it's important to support at least 2 language. Unfortunately, One of these language is &lt;strong&gt;LTR&lt;/strong&gt; and other is &lt;strong&gt;RTL&lt;/strong&gt;!&lt;br&gt;My questions are:&lt;/p&gt;
&lt;ol&gt;
&lt;li&gt;Some parts of website have static content, like headers, navigation items, sidebar content or... . As I understand, I must create files in lang directory and based on selected language, load proper data. Is it right? In this way, Is it possible to load these static data from lang directory files &lt;strong&gt;cause slower app and bad performance?&lt;/strong&gt; (compare with static views, blade files that have content and don't need to load small piece of data from lang directory).&lt;br&gt;&lt;/li&gt;
&lt;li&gt;Considering first question, is it better to have &lt;strong&gt;one set of views for one language and another set of views for second language?&lt;/strong&gt; (each set of views have their static data and don't require use lang files to full parts of header, sidebar and...)&lt;/li&gt;
&lt;li&gt;As I said, I must have a LTR and a RTL layout in order to have best UI. So I must have separate stylesheets and loads based on choosen language, is it right?&lt;br&gt;&lt;br&gt;&lt;/li&gt;
&lt;/ol&gt;
&lt;p&gt;I have some questions for multi language database design, but I start a new discussion later. Thanks for your attention and I hope that you guide me and say your opinions...&lt;/p&gt;</t>
  </si>
  <si>
    <t>2017-03-22 10:40:04.453000+00:00</t>
  </si>
  <si>
    <t>2017-03-22 11:17:11.863000+00:00</t>
  </si>
  <si>
    <t>php|laravel|laravel-5|multilanguage</t>
  </si>
  <si>
    <t>for statement/file processing in batch script</t>
  </si>
  <si>
    <t>&lt;p&gt;Using this as am example
&lt;a href="https://stackoverflow.com/questions/39615/how-to-loop-through-files-matching-wildcard-in-batch-file"&gt;For statement in batch script from SO&lt;/a&gt;&lt;/p&gt;
&lt;p&gt;tried the following&lt;/p&gt;
&lt;pre&gt;&lt;code&gt;for %%f in (c:\username\desktop\Test\*.log) do (
    echo %%~nf
)
&lt;/code&gt;&lt;/pre&gt;
&lt;p&gt;I get the following error: &lt;code&gt;%%f was unexpected at this time&lt;/code&gt;&lt;/p&gt;
&lt;p&gt;My goal is to move [n] files from one dir to another, wait [x] seconds and then move the next [n] files&lt;/p&gt;
&lt;p&gt;I can do the time wait by doing a ping for an unknown site and force the delay or use timeout [not yet tested as this would need to be done without any user intervention]&lt;/p&gt;
&lt;p&gt;If there is a better way to do this, i am open as this is my first dab at this type of scripting.&lt;/p&gt;</t>
  </si>
  <si>
    <t>2014-04-28 21:19:38.483000+00:00</t>
  </si>
  <si>
    <t>2014-04-29 23:18:16.310000+00:00</t>
  </si>
  <si>
    <t>2017-05-23 12:28:35.847000+00:00</t>
  </si>
  <si>
    <t>windows|batch-file|command-line</t>
  </si>
  <si>
    <t>alternative to intersect operation in mysql</t>
  </si>
  <si>
    <t>&lt;p&gt;When I try below code I got error like &lt;/p&gt;
&lt;p&gt;&lt;strong&gt;"ERROR 1064 (42000): You have an error in your SQL syntax; check the manual that corresponds to your MySQL server version for the right syntax to use near 'intersect
select sc1.section_identifier,sc2."&lt;/strong&gt;&lt;/p&gt;
&lt;p&gt;and I searched in internet and found new fact that mysql doesn't support intersect operation. 
How can I fix my code having same function with 'intersect'. Please help me!!&lt;/p&gt;
&lt;pre&gt;&lt;code&gt;select g1.section_identifier, g2.section_identifier
from grade_report g1, grade_report g2
where g1.student_number=g2.student_number and  
g1.section_identifier&amp;lt;g2.section_identifier
intersect
select sc1.section_identifier,sc2.section_identifier
from section sc1, section sc2
where sc1.course_number=sc2.course_number and     
sc1.section_identifier&amp;lt;sc2.section_identifier;
&lt;/code&gt;&lt;/pre&gt;</t>
  </si>
  <si>
    <t>2016-11-13 11:28:08.417000+00:00</t>
  </si>
  <si>
    <t>2016-11-13 11:34:42.613000+00:00</t>
  </si>
  <si>
    <t>mysql|relational-database|intersect</t>
  </si>
  <si>
    <t>Flask - custom route decorator</t>
  </si>
  <si>
    <t>&lt;p&gt;How to combine decorators that take parameters?&lt;/p&gt;
&lt;p&gt;Currently I have:&lt;/p&gt;
&lt;pre&gt;&lt;code&gt;@app.route('/create/&amp;lt;id&amp;gt;', methods=['POST'])
@requiresAdmin
def create_room(id):
    pass
@app.route('/join/&amp;lt;id&amp;gt;')
@requiresAdmin
def join_room(id):
    pass
&lt;/code&gt;&lt;/pre&gt;
&lt;p&gt;I would like to have:&lt;/p&gt;
&lt;pre&gt;&lt;code&gt;@adminRoute('/create/&amp;lt;id&amp;gt;', methods=['POST'])
def create_room(id):
    pass
@adminRoute('/join/&amp;lt;id&amp;gt;')
def join_room(id):
    pass
&lt;/code&gt;&lt;/pre&gt;</t>
  </si>
  <si>
    <t>2017-12-22 19:10:31.890000+00:00</t>
  </si>
  <si>
    <t>2017-12-22 19:49:22.743000+00:00</t>
  </si>
  <si>
    <t>python|flask|decorator|python-decorators</t>
  </si>
  <si>
    <t>Python while loop condition check for string</t>
  </si>
  <si>
    <t>&lt;p&gt;In Codeacademy, I ran this simple python program:&lt;/p&gt;
&lt;pre&gt;&lt;code&gt;choice = raw_input('Enjoying the course? (y/n)')
while choice != 'y' or choice != 'Y' or choice != 'N' or choice != 'n':  # Fill in the condition (before the colon)
    choice = raw_input("Sorry, I didn't catch that. Enter again: ")
&lt;/code&gt;&lt;/pre&gt;
&lt;p&gt;I entered y at the console but the loop never exited&lt;/p&gt;
&lt;p&gt;So I did it in a different way&lt;/p&gt;
&lt;pre&gt;&lt;code&gt;choice = raw_input('Enjoying the course? (y/n)')
while True:  # Fill in the condition (before the colon)
    if choice == 'y' or choice == 'Y' or choice == 'N' or choice == 'n':
        break
    choice = raw_input("Sorry, I didn't catch that. Enter again: ")
&lt;/code&gt;&lt;/pre&gt;
&lt;p&gt;and this seems to work. No clue as to why&lt;/p&gt;</t>
  </si>
  <si>
    <t>2015-07-22 14:10:59.233000+00:00</t>
  </si>
  <si>
    <t>2015-07-22 14:12:48.403000+00:00</t>
  </si>
  <si>
    <t>python|while-loop</t>
  </si>
  <si>
    <t>More than one value at a time?</t>
  </si>
  <si>
    <t>&lt;p&gt;Is there a method to include more than one value at a time. Firstly, here is the script:&lt;/p&gt;
&lt;pre&gt;&lt;code&gt;$(document).ready(function() {
    $('.edit_link').click(function() {
        $('.text_wrapper').hide();
        var data=$('.text_wrapper').html();
        $('.edit').show();
        $('.editbox').html(data);
        $('.editbox').focus();
    });
    $(".editbox").mouseup(function() {
        return false
    });
    $(".editbox").change(function() {
        $('.edit').hide();
        var boxval = $(".editbox").val();
        var dataString = 'data=' + boxval;
        $.ajax({
            type: "POST",
            url: "update_profile_ajax.php",
            data: dataString,
            cache: false,
            success: function(html) {
                $('.text_wrapper').html(boxval);
                $('.text_wrapper').show();
            }
        });
    });
    $(document).mouseup(function() {
        $('.edit').hide();
        $('.text_wrapper').show();
    });
});
&lt;/code&gt;&lt;/pre&gt;
&lt;p&gt;I want to have more than one field. I want to edit more than one entry at a time, instead of simply re-writing the code for each different value. Is there a way I can include them in the code? I tried this but had no luck:&lt;/p&gt;
&lt;pre&gt;&lt;code&gt;$('.edit_link','.edit_link2','.edit_link3').click(function() {
    $('.text_wrapper','.text_wrapper2','.text_wrapper3').hide();
    var data=$('.text_wrapper','.text_wrapper2','.text_wrapper3').html();
&lt;/code&gt;&lt;/pre&gt;
&lt;p&gt;Hopefully you get what I mean by this, I want to include more values but cannot achieve this, does anyone have some advice or a simply way to do this?&lt;/p&gt;</t>
  </si>
  <si>
    <t>2013-04-14 22:29:33.960000+00:00</t>
  </si>
  <si>
    <t>2013-06-09 22:26:13.473000+00:00</t>
  </si>
  <si>
    <t>Detecting iPhone6 &amp; iPhone6 Plus using macros</t>
  </si>
  <si>
    <t>&lt;p&gt;I am attempting to detect whether the current device is iPhone5, iPhone6 or iPhone 6 Plus.&lt;/p&gt;
&lt;p&gt;In my app I am already using this macro to detect iPhone 5 which works perfectly.&lt;/p&gt;
&lt;pre&gt;&lt;code&gt;#define IS_IPHONE_5      (fabs((double)[[UIScreen mainScreen]bounds].size.height - (double)568) &amp;lt; DBL_EPSILON)
&lt;/code&gt;&lt;/pre&gt;
&lt;p&gt;Similarly, I use this macro to detect iPhone 6 and iPhone 6 Plus.&lt;/p&gt;
&lt;pre&gt;&lt;code&gt;#define IS_IPHONE_6      (fabs((double)[[UIScreen mainScreen]bounds].size.height - (double)667) &amp;lt; DBL_EPSILON)
#define IS_IPHONE_6_PLUS (fabs((double)[[UIScreen mainScreen]bounds].size.height - (double)736) &amp;lt; DBL_EPSILON)
&lt;/code&gt;&lt;/pre&gt;
&lt;p&gt;The IS_IPHONE_5 macro works as expected in any orientation.&lt;/p&gt;
&lt;p&gt;My problem is that the IS_IPHONE_6 and IS_IPHONE_6_PLUS macros do not return true when the device is held in LANDSCAPE. However they do work as expect while the device is held in PORTRAIT. What gives?&lt;/p&gt;
&lt;p&gt;Also if anyone has a better recommendation to detect iPhone5, 6 and 6 Plus please share.&lt;/p&gt;</t>
  </si>
  <si>
    <t>2014-10-01 18:18:06.630000+00:00</t>
  </si>
  <si>
    <t>2014-11-02 08:19:50.953000+00:00</t>
  </si>
  <si>
    <t>ios|iphone|macros|ios8|device</t>
  </si>
  <si>
    <t>Send HTTP request through browser to a program that is listening on a port</t>
  </si>
  <si>
    <t>&lt;p&gt;So I am trying to build a C Program that handles HTTP requests through a &lt;strong&gt;web browser&lt;/strong&gt;. The program is listening on a predefined port for incoming HTTP requests and responds appropriately. It is working totally fine when I place is it in the root directory but it doesnt work when I move it to directory on its own.&lt;/p&gt;
&lt;p&gt;For instance, this works:
localhost:9000&lt;/p&gt;
&lt;p&gt;but this doesnt:
localhost:9000/myprogram&lt;/p&gt;
&lt;p&gt;Any clues on how I may fix this?&lt;/p&gt;</t>
  </si>
  <si>
    <t>2014-10-11 22:55:03.940000+00:00</t>
  </si>
  <si>
    <t>2014-10-11 23:34:54.690000+00:00</t>
  </si>
  <si>
    <t>html|c|web-services|web|browser</t>
  </si>
  <si>
    <t>Data base export to remote server</t>
  </si>
  <si>
    <t>&lt;p&gt;I'm working on a website that has a data base (phpmyadmin) with several articles, what i want to do now is to put all off that on a remote server. I never did this with a website that has mysql, i tried this now and it seens it can't connect with the database ('Database error.'). So i have this code to do the connection:&lt;/p&gt;
&lt;pre&gt;&lt;code&gt;&amp;lt;?php
try {
    $pdo = new PDO ('mysql:host=localhost;dbname=mydatabase', 'username', 'password');
}
catch (PDOException $e) {
    exit('Database error.');
}
?&amp;gt;
&lt;/code&gt;&lt;/pre&gt;
&lt;p&gt;It all works at 100% on localhost so i guess what it's missing is just the connection. Do I have to do something on this piece of code? if yes, What is it? and do I have to do anything else? plz explain like i'm a child. Thanks very much&lt;/p&gt;</t>
  </si>
  <si>
    <t>2014-03-14 10:16:12.910000+00:00</t>
  </si>
  <si>
    <t>php|mysql|export</t>
  </si>
  <si>
    <t>How to check if it is a good captcha?</t>
  </si>
  <si>
    <t>&lt;p&gt;I'm implementing a captcha system using this code: &lt;a href="http://www.thomasmoore.it/webdesign/asp/captcha.asp" rel="nofollow noreferrer"&gt;http://www.thomasmoore.it/webdesign/asp/captcha.asp&lt;/a&gt;&lt;/p&gt;
&lt;p&gt;As you can see in that page there is an example of image with alphanumeric characters. &lt;/p&gt;
&lt;p&gt;Below an example:&lt;/p&gt;
&lt;p&gt;&lt;img src="https://i.stack.imgur.com/7nV8y.png" alt="enter image description here"&gt;&lt;/p&gt;
&lt;p&gt;I would like to understand if that image is strong enough or not. 
Do you know if there are scripts that can break it?&lt;/p&gt;
&lt;p&gt;Thank you!&lt;/p&gt;</t>
  </si>
  <si>
    <t>2013-03-18 17:22:04.753000+00:00</t>
  </si>
  <si>
    <t>2013-03-18 17:43:56.497000+00:00</t>
  </si>
  <si>
    <t>asp.net|asp-classic|captcha</t>
  </si>
  <si>
    <t>octave errors for columns that don't exist</t>
  </si>
  <si>
    <t>&lt;p&gt;I am trying to run the following script in octave: &lt;/p&gt;
&lt;p&gt;I write this script in notepad and save it as rectsin.m&lt;/p&gt;
&lt;pre&gt;&lt;code&gt;t = linspace(0, 10, 100);
y = abs(sin(t));
plot(t,y);
title('Rectified Sine Wave');
xlabel('t');
&lt;/code&gt;&lt;/pre&gt;
&lt;p&gt;I then try to call it in octave using the command&lt;/p&gt;
&lt;pre&gt;&lt;code&gt;rectsin
&lt;/code&gt;&lt;/pre&gt;
&lt;p&gt;but I get the following error:&lt;/p&gt;
&lt;pre&gt;&lt;code&gt;'rectsin' undefined near line 9 column 1
&lt;/code&gt;&lt;/pre&gt;
&lt;p&gt;now sure what to do here, any  ideas as to what causes this ?&lt;/p&gt;</t>
  </si>
  <si>
    <t>2014-12-03 03:31:14.207000+00:00</t>
  </si>
  <si>
    <t>2014-12-03 10:38:00.630000+00:00</t>
  </si>
  <si>
    <t>matlab|error-handling|octave</t>
  </si>
  <si>
    <t>Application canot load dll</t>
  </si>
  <si>
    <t>&lt;p&gt;I wrote simple console application.&lt;/p&gt;
&lt;pre&gt;&lt;code&gt;static void Main(string[] args)
{
    new HttpClient().PostAsJsonAsync("URL", "Text");
}
&lt;/code&gt;&lt;/pre&gt;
&lt;p&gt;And added &lt;code&gt;System.Net.Http&lt;/code&gt; and &lt;code&gt;System.Net.Http.Formatting&lt;/code&gt; referenes to project.&lt;/p&gt;
&lt;p&gt;I get this exception:&lt;/p&gt;
&lt;blockquote&gt;
  &lt;p&gt;An unhandled exception of type 'System.IO.FileLoadException' occurred
  in System.Net.Http.Formatting.dll&lt;/p&gt;
  &lt;p&gt;Additional information: Could not load file or assembly
  'Newtonsoft.Json, Version=4.5.0.0, Culture=neutral,
  PublicKeyToken=30ad4fe6b2a6aeed' or one of its dependencies. The
  located assembly's manifest definition does not match the assembly
  reference. (Exception from HRESULT: 0x80131040)&lt;/p&gt;
&lt;/blockquote&gt;</t>
  </si>
  <si>
    <t>2015-02-02 21:24:00.457000+00:00</t>
  </si>
  <si>
    <t>2015-02-02 21:45:20.073000+00:00</t>
  </si>
  <si>
    <t>2015-02-02 21:29:18.987000+00:00</t>
  </si>
  <si>
    <t>Can Groovy objects be invoked like functions with parameters?</t>
  </si>
  <si>
    <t>&lt;p&gt;In Groovy, I can make an object invokable like a function by monkey-patching the metaclass' &lt;code&gt;call&lt;/code&gt; method:&lt;/p&gt;
&lt;pre&gt;&lt;code&gt;myObject.metaClass.call = { "hello world" }
println myObject() // prints "hello world"
&lt;/code&gt;&lt;/pre&gt;
&lt;p&gt;patching &lt;code&gt;call&lt;/code&gt; only allows me to invoke the object with no arguments. Is there a way of allowing objects to be invoked with arguments using standard function-like syntax?&lt;/p&gt;
&lt;hr&gt;
&lt;p&gt;&lt;strong&gt;edit:&lt;/strong&gt; one answer is exactly as tim_yates suggests, although it's worth noting from ataylor's comment that you can simply override &lt;code&gt;call&lt;/code&gt; without explicit metaprogramming:&lt;/p&gt;
&lt;pre&gt;&lt;code&gt;class MyType {
    def call(...args) {
        "args were: $args"
    }
}
def myObject = new MyType()
println myObject("foo", "bar") // prints 'args were ["foo", "bar"]'
&lt;/code&gt;&lt;/pre&gt;
&lt;p&gt;Apparently the trick is the variadic signature using &lt;code&gt;...args&lt;/code&gt;.&lt;/p&gt;</t>
  </si>
  <si>
    <t>2012-11-20 15:57:26.473000+00:00</t>
  </si>
  <si>
    <t>2012-11-21 10:21:27.590000+00:00</t>
  </si>
  <si>
    <t>groovy|metaprogramming|metaclass</t>
  </si>
  <si>
    <t>How do I check a typed pointer is properly aligned for that type?</t>
  </si>
  <si>
    <t>&lt;p&gt;Suppose I have a templated function that deals with pointers to yet unknown type &lt;code&gt;T&lt;/code&gt;. Now if type &lt;code&gt;T&lt;/code&gt; happens to be &lt;code&gt;void*&lt;/code&gt; on 64-bit platform then it must be 8-bytes aligned, but if &lt;code&gt;T&lt;/code&gt; happens to be &lt;code&gt;char&lt;/code&gt; it must be 1-byte aligned and if &lt;code&gt;T&lt;/code&gt; happens to be a class then its alignment requirements will depend on its member variables.&lt;/p&gt;
&lt;p&gt;This all can be computed on paper, but how do I make the compiler yield the alignment requirements for a given type &lt;code&gt;T&lt;/code&gt;?&lt;/p&gt;
&lt;p&gt;Is there a way to find during compile time the alignment requirements for a given type?&lt;/p&gt;</t>
  </si>
  <si>
    <t>2012-11-06 11:16:06.397000+00:00</t>
  </si>
  <si>
    <t>2012-11-06 11:28:30.323000+00:00</t>
  </si>
  <si>
    <t>c++|alignment</t>
  </si>
  <si>
    <t>remove whole line from file with 2 column from a text file with 1 column in linux</t>
  </si>
  <si>
    <t>&lt;p&gt;E.G &lt;/p&gt;
&lt;p&gt;&lt;strong&gt;File A&lt;/strong&gt;  &lt;/p&gt;
&lt;p&gt;abc 123  &lt;/p&gt;
&lt;p&gt;def 456  &lt;/p&gt;
&lt;p&gt;ghi 789     &lt;/p&gt;
&lt;p&gt;&lt;strong&gt;File B&lt;/strong&gt; &lt;/p&gt;
&lt;p&gt;def            &lt;/p&gt;
&lt;p&gt;&lt;strong&gt;Resultfile&lt;/strong&gt;&lt;/p&gt;
&lt;p&gt;abc 123&lt;/p&gt;
&lt;p&gt;ghi 789&lt;/p&gt;
&lt;p&gt;I tried it with sed, grep but it just won't work. I just stated learning linux and coudn't find anything similiar.&lt;/p&gt;
&lt;p&gt;Thank you&lt;/p&gt;
&lt;p&gt;//*-----------&lt;/p&gt;
&lt;p&gt;grep -wvf  worked but now i see that i have a problem with sting where a "#" is in front. those will be removed too. By modifying to grep -w&lt;strong&gt;x&lt;/strong&gt;vf, the command won't work at all. Do i need another command other than grep?&lt;/p&gt;</t>
  </si>
  <si>
    <t>2016-07-26 11:13:57.607000+00:00</t>
  </si>
  <si>
    <t>2016-07-27 06:46:13.163000+00:00</t>
  </si>
  <si>
    <t>2016-07-26 11:54:24.170000+00:00</t>
  </si>
  <si>
    <t>linux|bash|shell|sed|grep</t>
  </si>
  <si>
    <t>How to programmatically expand/collapse Vertical UIViews build with constraints?</t>
  </si>
  <si>
    <t>&lt;p&gt;i'm not very familiar with autolay-out and constraints.
I have build a view with 7 subviews which are build with constraints to fit landscape and portait mode. Everything is fine (see picture).&lt;/p&gt;
&lt;p&gt;Here under a sample code used for the 6th subview.
The width constraint has mediumPriority and the others (left, top, bottom) have highPriority.&lt;/p&gt;
&lt;pre&gt;&lt;code&gt;    6View = UIView()
    mainScrollView.addSubview(6View)
    6View.backgroundColor = UIColor(red: 120/255, green: 120/255, blue: 120/255, alpha: 1.0)
    6View.translatesAutoresizingMaskIntoConstraints = false
    // constraints
    let topConstraint = NSLayoutConstraint(item: 6View, attribute: .top, relatedBy: .equal, toItem: mainScrollView, attribute: .top, multiplier: 1, constant: kMainMargin)
    topConstraint.priority = highContraintPriority
    mainScrollView.addConstraint(topConstraint)
    let leftConstraint = NSLayoutConstraint(item: 6View, attribute: .left, relatedBy: .equal, toItem: day5View, attribute: .right, multiplier: 1, constant: kMainMargin)
    leftConstraint.priority = highContraintPriority
    mainScrollView.addConstraint(leftConstraint)
    let bottomConstraint = NSLayoutConstraint(item: 6View, attribute: .bottom, relatedBy: .equal, toItem: mainScrollView, attribute: .bottom, multiplier: 1, constant: kMainMargin)
    bottomConstraint.priority = highContraintPriority
    mainScrollView.addConstraint(bottomConstraint)
    let widthConstraint = NSLayoutConstraint(item: 6View, attribute: .width, relatedBy: .equal, toItem: mainScrollView, attribute: .width, multiplier: (1/7), constant: -1)
    widthConstraint.priority = mediumContraintPriority
    mainScrollView.addConstraint(widthConstraint)
&lt;/code&gt;&lt;/pre&gt;
&lt;p&gt;Now i'd like when i touch any of the 7 views to see the touched view to expand (double size) and the other 6 views to collapse.&lt;/p&gt;
&lt;p&gt;How would you achieve this ?&lt;/p&gt;
&lt;p&gt;Thanks a lot for your help.&lt;/p&gt;
&lt;p&gt;Best regards.&lt;/p&gt;
&lt;p&gt;&lt;a href="https://i.stack.imgur.com/TOjUn.png" rel="nofollow noreferrer"&gt;&lt;img src="https://i.stack.imgur.com/TOjUn.png" alt="enter image description here"&gt;&lt;/a&gt;&lt;/p&gt;</t>
  </si>
  <si>
    <t>2018-08-05 19:57:29.457000+00:00</t>
  </si>
  <si>
    <t>2018-08-05 20:45:48.773000+00:00</t>
  </si>
  <si>
    <t>ios|swift|constraints|nsautolayout</t>
  </si>
  <si>
    <t>RxJs piped subject not emitting value</t>
  </si>
  <si>
    <t>&lt;p&gt;I have some implementation for WebSockets that i've done with RxJs support.&lt;/p&gt;
&lt;pre&gt;&lt;code&gt;listen&amp;lt;T&amp;gt;(action: Action): Observable&amp;lt;T&amp;gt; {
    return this.subject
      .pipe(
          filter(value =&amp;gt; value.action === action),
          map(value =&amp;gt; {
              delete value.action;
              delete value.id;
              return value;
          })
      );
}
&lt;/code&gt;&lt;/pre&gt;
&lt;p&gt;This method returns piped instance of Subject that emits all messages that comes to WebSocket instance in websocket.onmessage callback.&lt;/p&gt;
&lt;pre&gt;&lt;code&gt;ws.onmessage = ({data}) =&amp;gt; this.subject.next(JSON.parse(data));
&lt;/code&gt;&lt;/pre&gt;
&lt;p&gt;The problem is that i have two components that uses this method to listen some type of messages and i only can listen one action at all.
For example, if i have somethig like this:&lt;/p&gt;
&lt;pre&gt;&lt;code&gt;this.websocketService.listen('incomingStream').subscribe(m =&amp;gt; console.log(1));
this.websocketService.listen('incomingStream').subscribe(m =&amp;gt; console.log(2));
&lt;/code&gt;&lt;/pre&gt;
&lt;p&gt;and i always get 1 in console. I want to listen this event in multiple times at the same time.&lt;/p&gt;
&lt;p&gt;&lt;strong&gt;UPD.1&lt;/strong&gt;&lt;/p&gt;
&lt;p&gt;i use
"rxjs": "^6.2.1",
"rxjs-compat": "^6.2.1",&lt;/p&gt;
&lt;p&gt;&lt;strong&gt;UPD.2&lt;/strong&gt;&lt;/p&gt;
&lt;p&gt;i just return property &lt;code&gt;source&lt;/code&gt; and it started to work properly &lt;/p&gt;
&lt;pre&gt;&lt;code&gt;listen&amp;lt;T&amp;gt;(action: Action): Observable&amp;lt;T&amp;gt; {
    return this.subject
      .pipe(
        filter(value =&amp;gt; value.action === action),
        map(value =&amp;gt; {
          delete value.action;
          delete value.id;
          return value;
        })
      )
      .source;
  }
&lt;/code&gt;&lt;/pre&gt;
&lt;p&gt;i done it randomly and now i don't understand why that's started to work&lt;/p&gt;</t>
  </si>
  <si>
    <t>2018-06-18 14:25:51.640000+00:00</t>
  </si>
  <si>
    <t>2018-07-17 11:01:32.720000+00:00</t>
  </si>
  <si>
    <t>2018-06-18 17:31:14.950000+00:00</t>
  </si>
  <si>
    <t>angular|websocket|rxjs</t>
  </si>
  <si>
    <t>Write files to the Blobstore</t>
  </si>
  <si>
    <t>&lt;p&gt;&lt;strong&gt;Objective:&lt;/strong&gt; Suppose the client submits a string or text file to the server (Google App Engine) using a web form. I want the server to modify the original file and serve it back to the client.&lt;/p&gt;
&lt;p&gt;I think the only way to serve files from GAE is using the Blobstore, right? Then, as we cannot modify blobs, I believe a solution would be:&lt;/p&gt;
&lt;ol&gt;
&lt;li&gt;Client uploads a file using HttpRequest&lt;/li&gt;
&lt;li&gt;Server reads the uploaded file and copies it to a temp buffer (not sure if is there a method to do this)&lt;/li&gt;
&lt;li&gt;Server deletes original blob&lt;/li&gt;
&lt;li&gt;Server modifies data in the temp buffer&lt;/li&gt;
&lt;li&gt;Server writes the modified buffer to the Blobstore&lt;/li&gt;
&lt;li&gt;Server serves the new blob to the client&lt;/li&gt;
&lt;/ol&gt;
&lt;p&gt;Would this work? Could you think about any other solution?&lt;/p&gt;
&lt;p&gt;Thanks&lt;/p&gt;</t>
  </si>
  <si>
    <t>2012-01-05 00:30:47.373000+00:00</t>
  </si>
  <si>
    <t>2012-01-05 23:13:09.333000+00:00</t>
  </si>
  <si>
    <t>2012-01-05 08:42:18.990000+00:00</t>
  </si>
  <si>
    <t>google-app-engine|httprequest|blobstore</t>
  </si>
  <si>
    <t>How do I elegantly manipulate this Deedle.Frame in F#</t>
  </si>
  <si>
    <t>&lt;p&gt;I have been struggling with F# and especially working with Deedle.Frame and Deedle.Series.&lt;/p&gt;
&lt;ol&gt;
&lt;li&gt;I need to create two new columns with values that depend on the other columns.&lt;/li&gt;
&lt;li&gt;For some rows, I need to insert a new row.&lt;/li&gt;
&lt;/ol&gt;
&lt;p&gt;My current solution is very ugly, basically filter the Frame according to each if-statement and return a new Frame with the new columns only. Then I merge this into the original Frame. This works since the cases or mutually exclusive. The case when I need to insert a new row is made such that I will reindex the new frame so that the during a merge it simply be appended at the bottom (after last row) of the original Frame.&lt;/p&gt;
&lt;p&gt;However, since the different if-cases/patterns are many, I have to work with a lot of merging of frames and make sure that the complement of the IF-statements are handled (otherwise there will be missing values).&lt;/p&gt;
&lt;p&gt;&lt;a href="https://i.stack.imgur.com/mKgJe.jpg" rel="nofollow noreferrer"&gt;&lt;img src="https://i.stack.imgur.com/mKgJe.jpg" alt="Input Frame -&amp;gt; Target Frame (row order not important)"&gt;&lt;/a&gt;&lt;/p&gt;
&lt;pre&gt;&lt;code&gt;// ****** PSEUDO CODE ******
// Create new columns as copies.
Add column ["NEWTYPE"] = ["TYPE"] 
Add column ["NEWVALUE"] = ["VALUE"]
// Iterate over rows.
foreach row in table
    IF row["GROUP"] == A
        typeParts = row["TYPE"].Split('/')
        // Swap order X/Y -&amp;gt; Y/X.
        IF typeParts[0] == "X" &amp;amp;&amp;amp; typeParts[1] != "X"
          row["NEWTYPE"] = typeParts[1] + "/" + "X"
          row["NEWVALUE"] = row["VALUE"] / 10.0
        // Split row into two rows Z/Y -&amp;gt; {Z/X, Y/X}.
        ElseIF typeParts[0] != "X" &amp;amp;&amp;amp; typeParts[1] != "X"
            Insert extraRow = row
            extraRow["NEWTYPE"] = typeParts[0] + "/" + "X"
            extraRow.["NEWVALUE"] = row["VALUE"] * 2.0
            row["NEWTYPE"] = typeParts[1] + "/" + "X"
            row["NEWVALUE"] = row["VALUE"] * 3.0
        ELSE
            // Do nothing, new columns already copied.
    ELSE
          // Do nothing, new columns already copied.
&lt;/code&gt;&lt;/pre&gt;
&lt;p&gt;A Gold star for anyone able to come up with a good solution. I guess it could be solved by returning a List of Frames (since a new row might be created) and then flatten and mergeAll?&lt;/p&gt;
&lt;pre&gt;&lt;code&gt;***** Here is my current ugly F# code: *****
let subA =
    inputFrame
    |&amp;gt; Frame.filterRowValues(fun row -&amp;gt; row.GetAs&amp;lt;string&amp;gt;("GROUP") = "A")
let grpSwap =
    subA 
    |&amp;gt; Frame.filterRowValues(fun row -&amp;gt; 
        let typeParts = row.GetAs&amp;lt;string&amp;gt;("TYPE").Split('/')
        typeParts.[0] = "X" &amp;amp;&amp;amp; typeParts.[1] &amp;lt;&amp;gt; "X")
    |&amp;gt; Frame.mapRowValues(fun r -&amp;gt; 
        let typeParts = r.GetAs&amp;lt;string&amp;gt;("TYPE").Split('/')
        series ["NEWTYPE" =&amp;gt; box (typeParts.[1] + "/" + typeParts.[0]); "NEWVALUE" =&amp;gt; box (r.GetAs&amp;lt;float&amp;gt;("VALUE") / 10.0)])
    |&amp;gt; Frame.ofRows
let grpCopy =
    subA 
    |&amp;gt; Frame.filterRowValues(fun row -&amp;gt; 
        let typeParts = row.GetAs&amp;lt;string&amp;gt;("TYPE").Split('/')
        typeParts.[0] &amp;lt;&amp;gt; "X" &amp;amp;&amp;amp; typeParts.[1] = "X")
    |&amp;gt; Frame.mapRowValues(fun r -&amp;gt; 
        series ["NEWTYPE" =&amp;gt; box (r.GetAs&amp;lt;string&amp;gt;("TYPE")); "NEWVALUE" =&amp;gt; box (r.GetAs&amp;lt;float&amp;gt;("VALUE"))])
    |&amp;gt; Frame.ofRows
let rowsToSplit =
    subA 
    |&amp;gt; Frame.filterRowValues(fun row -&amp;gt; 
        let typeParts = row.GetAs&amp;lt;string&amp;gt;("TYPE").Split('/')
        typeParts.[0] &amp;lt;&amp;gt; "X" &amp;amp;&amp;amp; typeParts.[1] &amp;lt;&amp;gt; "X")
let grpSplit1 =
    rowsToSplit 
    |&amp;gt; Frame.mapRowValues(fun r -&amp;gt; 
        let typeParts = r.GetAs&amp;lt;string&amp;gt;("TYPE").Split('/')
        series ["NEWTYPE" =&amp;gt; box (typeParts.[0] + "/" + "X"); "NEWVALUE" =&amp;gt; box (r.GetAs&amp;lt;float&amp;gt;("VALUE") * 2.0)])
    |&amp;gt; Frame.ofRows
let grpSplit2 =
    rowsToSplit
    |&amp;gt; Frame.mapRowValues(fun r -&amp;gt; 
        let typeParts = r.GetAs&amp;lt;string&amp;gt;("TYPE").Split('/')
        series ["NEWTYPE" =&amp;gt; box (typeParts.[1] + "/" + "X"); "NEWVALUE" =&amp;gt; box (r.GetAs&amp;lt;float&amp;gt;("VALUE") * 3.0)])
    |&amp;gt; Frame.ofRows
let grpAComplement =
    inputFrame 
    |&amp;gt; Frame.filterRowValues(fun row -&amp;gt; 
        row.GetAs&amp;lt;string&amp;gt;("GROUP") &amp;lt;&amp;gt; "A")
    |&amp;gt; Frame.mapRowValues(fun r -&amp;gt; 
        series ["NEWTYPE" =&amp;gt; box (r.GetAs&amp;lt;string&amp;gt;("TYPE")); "NEWVALUE" =&amp;gt; box (r.GetAs&amp;lt;float&amp;gt;("VALUE"))])
    |&amp;gt; Frame.ofRows
let outputFrame = 
    let final0 = Frame.mergeAll([inputFrame; grpSwap; grpCopy; grpSplit1; grpAComplement])
    let appendFromIndex = (final0.RowCount)
    let appendToIndex = appendFromIndex + (grpSplit2.RowCount-1)
    let newRow = grpSplit2 |&amp;gt; Frame.merge rowsToSplit
    newRow |&amp;gt; Frame.indexRowsWith [appendFromIndex..appendToIndex] |&amp;gt; Frame.merge final0
&lt;/code&gt;&lt;/pre&gt;</t>
  </si>
  <si>
    <t>2017-01-18 11:44:27.127000+00:00</t>
  </si>
  <si>
    <t>2017-01-18 13:46:25.703000+00:00</t>
  </si>
  <si>
    <t>visual-studio-2015|f#|deedle</t>
  </si>
  <si>
    <t>Retain username and password in android webview</t>
  </si>
  <si>
    <t>&lt;p&gt;I have webpage which contains username and password fields. In android webview, I loads that page and enter the user credentials to login. Now if the user logs out and logs in again, I want the previous username and password values to be retained in the fields of the webview where we enter the credentials. I have seen some methods like setHttpAuthUsernamePassword,savePassword like this in webview class of android. I ve tried with these methods to save the credentials and tried to get the values by this method getHttpAuthUsernamePassword. But it is not working. May I know how to do this using these methods or is there any other way to do this ? Any help appreciated greatly.&lt;/p&gt;</t>
  </si>
  <si>
    <t>2010-11-22 07:54:04.793000+00:00</t>
  </si>
  <si>
    <t>2018-08-17 18:22:06.143000+00:00</t>
  </si>
  <si>
    <t>android|passwords|webview|username|retain</t>
  </si>
  <si>
    <t>How can I make Apache Spark workers to import libraries before running map</t>
  </si>
  <si>
    <t>&lt;p&gt;I wanted to make a traffic report on country from nginx access.log file. This is my code snippet using Apache Spark on Python:&lt;/p&gt;
&lt;pre&gt;&lt;code&gt;from pyspark import SparkContext
if __name__ == "__main__":
    sc = SparkContext(appName="PythonAccessLogAnalyzer")
    def get_country_from_line(line):
        try:
            from geoip import geolite2
            ip = line.split(' ')[0]
            match = geolite2.lookup(ip)
            if match is not None:
                return match.country
            else:
                return "Unknown"
        except IndexError:
            return "Error"
    rdd = sc.textFile("/Users/victor/access.log").map(get_country_from_line)
    ips = rdd.countByValue()
    print ips
    sc.stop()
&lt;/code&gt;&lt;/pre&gt;
&lt;p&gt;On a 6GB log file, it took an hour to complete the task (I ran on my Macbook Pro, 4 cores) which is too slow. I think the bottle neck is that whenever spark maps a line, it has to import &lt;code&gt;geolite2&lt;/code&gt; which has to load some database I think. &lt;strong&gt;Is there anyway for me to import &lt;code&gt;geolite2&lt;/code&gt; on each worker instead of each line?&lt;/strong&gt; Would it boost the performance? Any suggestion to improve that code?&lt;/p&gt;</t>
  </si>
  <si>
    <t>2015-03-10 08:38:08.430000+00:00</t>
  </si>
  <si>
    <t>2015-03-10 10:30:58.343000+00:00</t>
  </si>
  <si>
    <t>python|nginx|parallel-processing|apache-spark|traffic-measurement</t>
  </si>
  <si>
    <t>wijdatasource error</t>
  </si>
  <si>
    <t>&lt;p&gt;Is there a way to debug or get an error when wijdatasource complete is request with a wijhttpproxy and have some problems with the data?&lt;/p&gt;
&lt;pre&gt;&lt;code&gt;data: new wijdatasource({
    dynamic: true,
    proxy: new wijhttpproxy({
        url: "@Url.Action("List")",
        type: "POST",
        dataType: "json"
    }),
    reader: {
        read: function (datasource) {
                    alert(datasource);
            var count = datasource.data.TotalRowCount;
            datasource.data = datasource.data.Items;
            datasource.data.totalRows = count;
            new wijarrayreader([
                    { name: "CdCF", mapping: "CdCF" },
                    { name: "Descrizione", mapping: "Descrizione" }
                ]).read(datasource);
        }
    }
})
&lt;/code&gt;&lt;/pre&gt;
&lt;p&gt;With the internet explorer debugger I can see the call is made with a 200 HTTP response to the List action but "alert(datasource);" is never executed.
I want to get the error that make the datasource not parse the data (if this is the error).
In a standard ajax call I could have had an "error" callback to try to debug the problem.&lt;/p&gt;
&lt;pre&gt;&lt;code&gt;$.ajax({
    error: function (error) {
            alert("error: " + error);
        },
    url: '@Url.Action("List")',
    success: function (code) {
        var myModel = {
            items: eval(code)
        };
    }
});
&lt;/code&gt;&lt;/pre&gt;</t>
  </si>
  <si>
    <t>2011-09-05 08:59:21.490000+00:00</t>
  </si>
  <si>
    <t>2016-09-16 17:39:05.297000+00:00</t>
  </si>
  <si>
    <t>javascript|model-view-controller|wijmo</t>
  </si>
  <si>
    <t>Bootstrap 4 badge overlay top-left, and stay on navbar link even on collapse</t>
  </si>
  <si>
    <t>&lt;p&gt;I want to add notification badge to a nav link, and I have 2 problems:&lt;/p&gt;
&lt;p&gt;1) I can't make it be over the image top-left.&lt;/p&gt;
&lt;p&gt;2) When the navbar is collapsed, the badge goes all the way to the left:&lt;/p&gt;
&lt;p&gt;&lt;div class="snippet" data-lang="js" data-hide="false" data-console="true" data-babel="false"&gt;_x000D_
&lt;div class="snippet-code"&gt;_x000D_
&lt;pre class="snippet-code-html lang-html prettyprint-override"&gt;&lt;code&gt;&amp;lt;script src="https://ajax.googleapis.com/ajax/libs/jquery/2.1.1/jquery.min.js"&amp;gt;&amp;lt;/script&amp;gt;_x000D_
&amp;lt;script src="https://stackpath.bootstrapcdn.com/bootstrap/4.1.0/js/bootstrap.min.js"&amp;gt;&amp;lt;/script&amp;gt;_x000D_
&amp;lt;link href="https://stackpath.bootstrapcdn.com/bootstrap/4.1.0/css/bootstrap.min.css" rel="stylesheet"/&amp;gt;_x000D_
&amp;lt;nav class="navbar navbar-expand-lg navbar-light fixed-top" &amp;gt;_x000D_
    &amp;lt;div class="container"&amp;gt;_x000D_
        &amp;lt;a class="navbar-brand mx-auto" href="#"&amp;gt;_x000D_
   Logo_x000D_
        &amp;lt;/a&amp;gt;_x000D_
        &amp;lt;button class="navbar-toggler" type="button" data-toggle="collapse" data-target="#navbarTogglerDemo02" aria-controls="navbarTogglerDemo02" aria-expanded="false" aria-label="Toggle navigation"&amp;gt;_x000D_
            &amp;lt;span class="navbar-toggler-icon"&amp;gt;&amp;lt;/span&amp;gt;_x000D_
        &amp;lt;/button&amp;gt;_x000D_
        &amp;lt;div class="collapse navbar-collapse text-right" id="navbarTogglerDemo02"&amp;gt;         _x000D_
            &amp;lt;ul class="navbar-nav ml-auto mt-2 mt-lg-0"&amp;gt;_x000D_
                &amp;lt;li class="nav-item main-nav"&amp;gt;_x000D_
                    &amp;lt;a id="chats_link" class="nav-link" href="/group_chats.php" style="margin-right:15px;color:white;"&amp;gt;                        _x000D_
                        &amp;lt;img title="Chats" src="/resources/chat_navbar.png" alt="Chats" width="25" height="25" style="z-index:10;"&amp;gt;_x000D_
                        &amp;lt;span class="badge badge-primary" style="z-index:15;float:left;margin-bottom:-10px;left:5px; top:-10px;position:relative;"&amp;gt;9&amp;lt;/span&amp;gt;)    _x000D_
                    &amp;lt;/a&amp;gt;_x000D_
                &amp;lt;/li&amp;gt; _x000D_
           &amp;lt;/ul&amp;gt;_x000D_
_x000D_
        &amp;lt;/div&amp;gt;_x000D_
    &amp;lt;/div&amp;gt;_x000D_
&amp;lt;/nav&amp;gt;&lt;/code&gt;&lt;/pre&gt;_x000D_
&lt;/div&gt;_x000D_
&lt;/div&gt;_x000D_
&lt;/p&gt;</t>
  </si>
  <si>
    <t>2018-04-29 17:54:33.230000+00:00</t>
  </si>
  <si>
    <t>2018-04-29 19:38:10.653000+00:00</t>
  </si>
  <si>
    <t>2018-04-29 19:29:18.390000+00:00</t>
  </si>
  <si>
    <t>css|twitter-bootstrap|bootstrap-4</t>
  </si>
  <si>
    <t>PhantomJS / SlimerJS cannot click on canvas element</t>
  </si>
  <si>
    <t>&lt;p&gt;I am trying to automate a canvas element on a website using PhantomJS or SlimerJS. I am having a hard time getting the canvas element to detect my click buttons. From the screen shots, I can tell that the mouse is hovering over the buttons, but it refuses to click on them.&lt;/p&gt;
&lt;pre&gt;&lt;code&gt;var page = require('webpage').create()
page.viewportSize={width: 1280, height: 768};
var fs = require('fs');
page.open('http://www.soulofsoccer.com/app/',function(){
    setTimeout(function(){ //wait for canvas to load
        page.render('soccer/step1.png','png');
        page.sendEvent("click",50,718); //menu button
         //test to click a second time
        setTimeout(function(){
            page.sendEvent("click",50,718);
            page.render('soccer/test1.png','png');
        },1000);
        //final screenshot
        setTimeout(function(){
            page.render('soccer/test.png','png');
            //phantom.exit();
            //slimer.exit();
        },2000);
    },10000); //wait for canvas to load
});
&lt;/code&gt;&lt;/pre&gt;
&lt;p&gt;Can someone please indicate to me where my error is?&lt;/p&gt;
&lt;p&gt;PhantomJS version: 1.9.8&lt;br&gt;
SlimerJS version: 0.9.5&lt;/p&gt;</t>
  </si>
  <si>
    <t>2015-04-30 04:35:57.170000+00:00</t>
  </si>
  <si>
    <t>2015-04-30 07:11:54.597000+00:00</t>
  </si>
  <si>
    <t>2015-04-30 06:40:17.117000+00:00</t>
  </si>
  <si>
    <t>javascript|canvas|automation|phantomjs|slimerjs</t>
  </si>
  <si>
    <t>RApply function is ouputting Zeroes</t>
  </si>
  <si>
    <t>&lt;p&gt;I want to apply a rolling function to a data set but I am getting the wrong output using rollapply. I provided a dataset you can test.&lt;/p&gt;
&lt;p&gt;Here is my dataset:&lt;/p&gt;
&lt;pre&gt;&lt;code&gt;library(zoo)
source('k.r')
set.seed(2)
data&amp;lt;-runif(60, min= 1, max= 4) ########this is my data
cbind(data)
#this is a call to rollapply and my "k" function
k&amp;lt;-rollapply(data, 21, FUN="k")
k
################here is my "k" function
k&amp;lt;- function(data)
{
  minData&amp;lt;-min(data)
  maxData&amp;lt;-max(data)
  value &amp;lt;-   ( data[length(data)]- minData)/(maxData - minData)    * 100
}
&lt;/code&gt;&lt;/pre&gt;
&lt;p&gt;The output of k is below and my question is why are there 2 "0" elements and a "100" element. When I paste the value of the data vector in excel and perform this calcualtion I do not get 0 or 100. &lt;/p&gt;
&lt;p&gt;As a double check if you paste the values of cbind(data) into excel you can use this formula to see that there should not be "0" or "100":
=(B22-MIN(B2:B21))/(MAX(B2:B21)-MIN(B2:B21))*100&lt;/p&gt;
&lt;pre&gt;&lt;code&gt;65.1105969
34.6753392
84.5233679
8.378125
30.2071295
45.9047099
8.2389469
31.2932327
98.4741346
6.3669142
0
15.9658672
82.7940886
88.8675737
52.1610354
63.8501035
87.5854463
28.8224679
68.9761351
14.7081374
100
29.5060511
10.7760849
15.7298722
96.120093
80.7617139
99.2752118
34.8676243
50.6072898
82.3609341
0
0.7782399
69.3906549
94.6637968
27.5279067
82.57081
79.9050722
100
61.80975
71.6114912
&lt;/code&gt;&lt;/pre&gt;
&lt;p&gt;Any ideas why rollapply is returing "0" and "100"?&lt;/p&gt;
&lt;p&gt;Thank you.&lt;/p&gt;</t>
  </si>
  <si>
    <t>2014-03-14 17:27:31.310000+00:00</t>
  </si>
  <si>
    <t>2014-03-14 17:59:48.937000+00:00</t>
  </si>
  <si>
    <t>&lt;p&gt;I have a file ./src/test.cpp:&lt;/p&gt;
&lt;pre&gt;&lt;code&gt;#include "test.h"
void Hi() {
std::cout &amp;lt;&amp;lt; "Hi, indeed..." &amp;lt;&amp;lt; std::endl;
}
&lt;/code&gt;&lt;/pre&gt;
&lt;p&gt;test.h is located in ./include folder.&lt;/p&gt;
&lt;p&gt;This is my makefile:&lt;/p&gt;
&lt;pre&gt;&lt;code&gt;CC = g++
CFLAGS = -Wall
INCLUDES = -I./include
SRCS = $(shell find ./src/ -name '*.cpp')
.PHONY: clean depend
OBJS = $(SRCS:.cpp=.o)
OBJS := $(OBJS:./src%=.%)
release: $(OBJS)
        $(CC) $(CFLAGS) -o app_name $(OBJS)
VPATH = ./src
../%.o: %.cpp
        $(CC) $(CFLAGS) $(INCLUDES) -c $*.cpp
depend: .depend
.depend: $(SRCS)
        rm -f ./.depend
        $(CC) $(CFLAGS) -MM $^ &amp;gt; ./.depend;
include .depend
&lt;/code&gt;&lt;/pre&gt;
&lt;p&gt;As a result I get an error:&lt;/p&gt;
&lt;pre&gt;&lt;code&gt;g++    -c -o test.o ./src/test.cpp
./src/test.cpp:1:18: fatal error: test.h: No such file or directory
compilation terminated.
&amp;lt;builtin&amp;gt;: recipe for target 'test.o' failed
make: *** [test.o] Error 1
&lt;/code&gt;&lt;/pre&gt;
&lt;p&gt;Also the file &lt;code&gt;.depend&lt;/code&gt; is completely empty.&lt;/p&gt;
&lt;p&gt;How to resolve the issue? The makefile is in root directory:&lt;/p&gt;
&lt;pre&gt;&lt;code&gt;./
makefile
./src/
      test.cpp
      main.cpp
./include/
          test.h
&lt;/code&gt;&lt;/pre&gt;</t>
  </si>
  <si>
    <t>2016-11-14 19:52:08.150000+00:00</t>
  </si>
  <si>
    <t>2016-11-14 20:14:29.847000+00:00</t>
  </si>
  <si>
    <t>2016-11-14 19:57:40.307000+00:00</t>
  </si>
  <si>
    <t>user3927220</t>
  </si>
  <si>
    <t>c++|makefile</t>
  </si>
  <si>
    <t>boost asio ssl async_shutdown always finishes with an error?</t>
  </si>
  <si>
    <t>&lt;p&gt;I have a small ssl client that I've programmed in boost 1.55 asio, and I'm trying to figure out why &lt;code&gt;boost::asio::ssl::stream::async_shutdown()&lt;/code&gt; always fails. The client is very similar (almost identical) to the ssl client examples in the boost documentation, in that it goes through an &lt;code&gt;boost::asio::ip::tcp::resolver::async_resolve()&lt;/code&gt; -&gt; &lt;code&gt;boost::asio::ssl::stream::async_connect()&lt;/code&gt; -&gt; &lt;code&gt;boost::asio::ssl::stream::async_handshake()&lt;/code&gt; callback sequence. All of this works as expected and the &lt;code&gt;async_handshake()&lt;/code&gt; callback gets an all-clear &lt;code&gt;boost::system::error_code&lt;/code&gt;.&lt;/p&gt;
&lt;p&gt;From the &lt;code&gt;async_handshake()&lt;/code&gt; callback, I call &lt;code&gt;async_shutdown()&lt;/code&gt; (I don't transfer any data - this object is more for testing the handshake):&lt;/p&gt;
&lt;pre&gt;&lt;code&gt;void ClientCertificateFinder::handle_handshake(const boost::system::error_code&amp;amp; e)
{
    if ( !e )
    {
        m_socket.async_shutdown( boost::bind( &amp;amp;ClientCertificateFinder::handle_shutdown_after_success, 
            this, 
            boost::asio::placeholders::error ) );
    }
    else
    {
        m_handler( e, IssuerNameList() );
    }
}
&lt;/code&gt;&lt;/pre&gt;
&lt;p&gt;&lt;code&gt;handle_shutdown_after_success()&lt;/code&gt; is then called, but always with an error? The error is value=2 in &lt;code&gt;asio.misc&lt;/code&gt;, which is 'End of file'. I've tried this with a variety of ssl servers, and I always seem to get this &lt;code&gt;asio.misc&lt;/code&gt; error. That this isn't an underlying openssl error suggests to me that I might be misusing asio in some way...?&lt;/p&gt;
&lt;p&gt;Anyone know why this might be happening? I was under the impression that shutting down the connection with &lt;code&gt;async_shutdown()&lt;/code&gt; was The Right Thing To Do, but I guess I could just call &lt;code&gt;boost::asio::ssl::stream.lowestlayer().close()&lt;/code&gt; to close the socket out from under openssl if that's the expected way to do this (and indeed the asio ssl examples seem to indicate that this is the right way of shutting down). &lt;/p&gt;</t>
  </si>
  <si>
    <t>2014-08-30 22:51:54.810000+00:00</t>
  </si>
  <si>
    <t>2017-05-25 10:31:46.047000+00:00</t>
  </si>
  <si>
    <t>2014-08-31 14:43:45.060000+00:00</t>
  </si>
  <si>
    <t>c++|ssl|boost|openssl|boost-asio</t>
  </si>
  <si>
    <t>Is it possible to update the position of a button after a CAKeyFrameAnimation?</t>
  </si>
  <si>
    <t>&lt;p&gt;I have been trying to update the position of button(s) after the completion of a &lt;code&gt;CAKeyFrameAnimation&lt;/code&gt;. As of now, I have stopped the animation at a certain angle on the arc (final angle) but, it seems the touches the buttons take is at the point it was earlier in before the animation takes place. &lt;/p&gt;
&lt;p&gt;Here's the code that I have been using:&lt;/p&gt;
&lt;pre&gt;&lt;code&gt;for(int i = 0; i &amp;lt;numberOfButtons; i++)
{
    double angle = [[self.buttonsArray objectAtIndex:i] angle];
    if(angle != -50 &amp;amp;&amp;amp; angle !=270){
        CGPoint arcStart = CGPointMake([[self.buttonsArray objectAtIndex:i] buttonForCricle].center.x, [[self.buttonsArray objectAtIndex:i] buttonForCricle].center.y);
        CGPoint arcCenter = CGPointMake(centerPoint.x, centerPoint.y);
        CGMutablePathRef arcPath = CGPathCreateMutable();
        CGPathMoveToPoint(arcPath, NULL, arcStart.x, arcStart.y);
        CGPathAddArc(arcPath, NULL, arcCenter.x, arcCenter.y, 150, ([[self.buttonsArray objectAtIndex:i] angle]*M_PI/180), (-50*M_PI/180), YES);
        UIButton *moveButton = (UIButton *)[self.view viewWithTag:i+1];
        CAKeyframeAnimation *pathAnimation = [CAKeyframeAnimation animationWithKeyPath:@"position"];
        pathAnimation.calculationMode = kCAAnimationPaced;
        pathAnimation.fillMode = kCAFillModeForwards;
        // pathAnimation.values = @[@0];
        pathAnimation.removedOnCompletion = NO;
        pathAnimation.duration = 1.0;
        pathAnimation.path = arcPath;
        CGPathRelease(arcPath);
        //  UIView* drawArcView = nil;
        //  drawArcView = [[UIView alloc] initWithFrame: self.view.bounds];
        //  CAShapeLayer* showArcLayer = [[CAShapeLayer alloc] init];
        //  showArcLayer.frame = drawArcView.layer.bounds;
        //  showArcLayer.path = arcPath;
        //  showArcLayer.strokeColor = [[UIColor blackColor] CGColor];
        //  showArcLayer.fillColor = nil;
        //  showArcLayer.lineWidth = 1.0;
        //  [drawArcView.layer addSublayer: showArcLayer];
        //  [self.view addSubview:drawArcView];
        [moveButton.layer addAnimation:pathAnimation forKey:@"arc"];
        [CATransaction commit];
        [self.view bringSubviewToFront:moveButton];
    }  
}
&lt;/code&gt;&lt;/pre&gt;
&lt;p&gt;How can I update the buttons position after this?&lt;/p&gt;</t>
  </si>
  <si>
    <t>2016-11-03 08:13:17.820000+00:00</t>
  </si>
  <si>
    <t>2016-11-03 10:16:55.760000+00:00</t>
  </si>
  <si>
    <t>2016-11-03 09:04:54.677000+00:00</t>
  </si>
  <si>
    <t>ios|objective-c|animation</t>
  </si>
  <si>
    <t>FPDF chinese encode</t>
  </si>
  <si>
    <t>&lt;p&gt;I using FPDF to generate order invoice to customer, so far everything is working fine, except of some of our item name are mixed with chinese text, and the output is somehow become alien's wording, as attached screenshot:&lt;/p&gt;
&lt;p&gt;&lt;a href="https://i.stack.imgur.com/QsXdW.jpg" rel="nofollow noreferrer"&gt;&lt;img src="https://i.stack.imgur.com/QsXdW.jpg" alt="chinese wording doesn&amp;#39;t display correctly"&gt;&lt;/a&gt;&lt;/p&gt;
&lt;p&gt;&lt;strong&gt;Script to generate PDF invoice:&lt;/strong&gt;&lt;/p&gt;
&lt;pre&gt;&lt;code&gt;    &amp;lt;?php
require('fpdf.php');
//function hex2dec
//returns an associative array (keys: R,G,B) from a hex html code (e.g. #3FE5AA)
function hex2dec($couleur = "#000000"){
    $R = substr($couleur, 1, 2);
    $rouge = hexdec($R);
    $V = substr($couleur, 3, 2);
    $vert = hexdec($V);
    $B = substr($couleur, 5, 2);
    $bleu = hexdec($B);
    $tbl_couleur = array();
    $tbl_couleur['R']=$rouge;
    $tbl_couleur['G']=$vert;
    $tbl_couleur['B']=$bleu;
    return $tbl_couleur;
}
//conversion pixel -&amp;gt; millimeter in 72 dpi
function px2mm($px){
    return $px*25.4/72;
}
function txtentities($html){
    $trans = get_html_translation_table(HTML_ENTITIES);
    $trans = array_flip($trans);
    return strtr($html, $trans);
}
class PDF extends FPDF 
{
    //variables of html parser
    protected $B;
    protected $I;
    protected $U;
    protected $HREF;
    protected $fontList;
    protected $issetfont;
    protected $issetcolor;
    function __construct($orientation='P', $unit='mm', $format='A4')
    {
        //Call parent constructor
        parent::__construct($orientation,$unit,$format);
        //Initialization
        $this-&amp;gt;B=0;
        $this-&amp;gt;I=0;
        $this-&amp;gt;U=0;
        $this-&amp;gt;HREF='';
        $this-&amp;gt;tableborder=0;
        $this-&amp;gt;tdbegin=false;
        $this-&amp;gt;tdwidth=0;
        $this-&amp;gt;tdheight=0;
        $this-&amp;gt;tdalign="L";
        $this-&amp;gt;tdbgcolor=false;
        $this-&amp;gt;oldx=0;
        $this-&amp;gt;oldy=0;
        $this-&amp;gt;fontlist=array("arial","times","courier","helvetica","symbol");
        $this-&amp;gt;issetfont=false;
        $this-&amp;gt;issetcolor=false;
    }
    //////////////////////////////////////
    //html parser
    function WriteHTML($html)
    {
        $html=strip_tags($html,"&amp;lt;b&amp;gt;&amp;lt;u&amp;gt;&amp;lt;i&amp;gt;&amp;lt;a&amp;gt;&amp;lt;img&amp;gt;&amp;lt;p&amp;gt;&amp;lt;br&amp;gt;&amp;lt;strong&amp;gt;&amp;lt;em&amp;gt;&amp;lt;font&amp;gt;&amp;lt;tr&amp;gt;&amp;lt;blockquote&amp;gt;&amp;lt;hr&amp;gt;&amp;lt;td&amp;gt;&amp;lt;tr&amp;gt;&amp;lt;table&amp;gt;&amp;lt;sup&amp;gt;"); //remove all unsupported tags
        $html=str_replace("\n",'',$html); //replace carriage returns with spaces
        $html=str_replace("\t",'',$html); //replace carriage returns with spaces
        $a=preg_split('/&amp;lt;(.*)&amp;gt;/U',$html,-1,PREG_SPLIT_DELIM_CAPTURE); //explode the string
        foreach($a as $i=&amp;gt;$e)
        {
            if($i%2==0)
            {
                //Text
                if($this-&amp;gt;HREF)
                    $this-&amp;gt;PutLink($this-&amp;gt;HREF,$e);
                elseif($this-&amp;gt;tdbegin) {
                    if(trim($e)!='' &amp;amp;&amp;amp; $e!="&amp;amp;nbsp;") {
                        $this-&amp;gt;Cell($this-&amp;gt;tdwidth,$this-&amp;gt;tdheight,$e,$this-&amp;gt;tableborder,'',$this-&amp;gt;tdalign,$this-&amp;gt;tdbgcolor);
                    }
                    elseif($e=="&amp;amp;nbsp;") {
                        $this-&amp;gt;Cell($this-&amp;gt;tdwidth,$this-&amp;gt;tdheight,'',$this-&amp;gt;tableborder,'',$this-&amp;gt;tdalign,$this-&amp;gt;tdbgcolor);
                    }
                }
                else
                    $this-&amp;gt;Write(5,stripslashes(txtentities($e)));
            }
            else
            {
                //Tag
                if($e[0]=='/')
                    $this-&amp;gt;CloseTag(strtoupper(substr($e,1)));
                else
                {
                    //Extract attributes
                    $a2=explode(' ',$e);
                    $tag=strtoupper(array_shift($a2));
                    $attr=array();
                    foreach($a2 as $v)
                    {
                        if(preg_match('/([^=]*)=["\']?([^"\']*)/',$v,$a3))
                            $attr[strtoupper($a3[1])]=$a3[2];
                    }
                    $this-&amp;gt;OpenTag($tag,$attr);
                }
            }
        }
    }
    function OpenTag($tag, $attr)
    {
        //Opening tag
        switch($tag){
            case 'SUP':
                if( !empty($attr['SUP']) ) {    
                    //Set current font to 6pt     
                    $this-&amp;gt;SetFont('','',6);
                    //Start 125cm plus width of cell to the right of left margin         
                    //Superscript "1" 
                    $this-&amp;gt;Cell(2,2,$attr['SUP'],0,0,'L');
                }
                break;
            case 'TABLE': // TABLE-BEGIN
                if( !empty($attr['BORDER']) ) $this-&amp;gt;tableborder=$attr['BORDER'];
                else $this-&amp;gt;tableborder=0;
                break;
            case 'TR': //TR-BEGIN
                break;
            case 'TD': // TD-BEGIN
                if( !empty($attr['WIDTH']) ) $this-&amp;gt;tdwidth=($attr['WIDTH']/4);
                else $this-&amp;gt;tdwidth=40; // Set to your own width if you need bigger fixed cells
                if( !empty($attr['HEIGHT']) ) $this-&amp;gt;tdheight=($attr['HEIGHT']/6);
                else $this-&amp;gt;tdheight=6; // Set to your own height if you need bigger fixed cells
                if( !empty($attr['ALIGN']) ) {
                    $align=$attr['ALIGN'];        
                    if($align=='LEFT') $this-&amp;gt;tdalign='L';
                    if($align=='CENTER') $this-&amp;gt;tdalign='C';
                    if($align=='RIGHT') $this-&amp;gt;tdalign='R';
                }
                else $this-&amp;gt;tdalign='R'; // Set to your own
                if( !empty($attr['BGCOLOR']) ) {
                    $coul=hex2dec($attr['BGCOLOR']);
                        $this-&amp;gt;SetFillColor($coul['R'],$coul['G'],$coul['B']);
                        $this-&amp;gt;tdbgcolor=true;
                    }
                $this-&amp;gt;tdbegin=true;
                break;
            case 'HR':
                if( !empty($attr['WIDTH']) )
                    $Width = $attr['WIDTH'];
                else
                    $Width = $this-&amp;gt;w - $this-&amp;gt;lMargin-$this-&amp;gt;rMargin;
                $x = $this-&amp;gt;GetX();
                $y = $this-&amp;gt;GetY();
                $this-&amp;gt;SetLineWidth(0.2);
                $this-&amp;gt;Line($x,$y,$x+$Width,$y);
                $this-&amp;gt;SetLineWidth(0.2);
                $this-&amp;gt;Ln(1);
                break;
            case 'STRONG':
                $this-&amp;gt;SetStyle('B',true);
                break;
            case 'EM':
                $this-&amp;gt;SetStyle('I',true);
                break;
            case 'B':
            case 'I':
            case 'U':
                $this-&amp;gt;SetStyle($tag,true);
                break;
            case 'A':
                $this-&amp;gt;HREF=$attr['HREF'];
                break;
            case 'IMG':
                if(isset($attr['SRC']) &amp;amp;&amp;amp; (isset($attr['WIDTH']) || isset($attr['HEIGHT']))) {
                    if(!isset($attr['WIDTH']))
                        $attr['WIDTH'] = 0;
                    if(!isset($attr['HEIGHT']))
                        $attr['HEIGHT'] = 0;
                    $this-&amp;gt;Image($attr['SRC'], $this-&amp;gt;GetX(), $this-&amp;gt;GetY(), px2mm($attr['WIDTH']), px2mm($attr['HEIGHT']));
                }
                break;
            case 'BLOCKQUOTE':
            case 'BR':
                $this-&amp;gt;Ln(5);
                break;
            case 'P':
                $this-&amp;gt;Ln(10);
                break;
            case 'FONT':
                if (isset($attr['COLOR']) &amp;amp;&amp;amp; $attr['COLOR']!='') {
                    $coul=hex2dec($attr['COLOR']);
                    $this-&amp;gt;SetTextColor($coul['R'],$coul['G'],$coul['B']);
                    $this-&amp;gt;issetcolor=true;
                }
                if (isset($attr['FACE']) &amp;amp;&amp;amp; in_array(strtolower($attr['FACE']), $this-&amp;gt;fontlist)) {
                    $this-&amp;gt;SetFont(strtolower($attr['FACE']));
                    $this-&amp;gt;issetfont=true;
                }
                if (isset($attr['FACE']) &amp;amp;&amp;amp; in_array(strtolower($attr['FACE']), $this-&amp;gt;fontlist) &amp;amp;&amp;amp; isset($attr['SIZE']) &amp;amp;&amp;amp; $attr['SIZE']!='') {
                    $this-&amp;gt;SetFont(strtolower($attr['FACE']),'',$attr['SIZE']);
                    $this-&amp;gt;issetfont=true;
                }
                break;
        }
    }
    function CloseTag($tag)
    {
        //Closing tag
        if($tag=='SUP') {
        }
        if($tag=='TD') { // TD-END
            $this-&amp;gt;tdbegin=false;
            $this-&amp;gt;tdwidth=0;
            $this-&amp;gt;tdheight=0;
            $this-&amp;gt;tdalign="L";
            $this-&amp;gt;tdbgcolor=false;
        }
        if($tag=='TR') { // TR-END
            $this-&amp;gt;Ln();
        }
        if($tag=='TABLE') { // TABLE-END
            $this-&amp;gt;tableborder=0;
        }
        if($tag=='STRONG')
            $tag='B';
        if($tag=='EM')
            $tag='I';
        if($tag=='B' || $tag=='I' || $tag=='U')
            $this-&amp;gt;SetStyle($tag,false);
        if($tag=='A')
            $this-&amp;gt;HREF='';
        if($tag=='FONT'){
            if ($this-&amp;gt;issetcolor==true) {
                $this-&amp;gt;SetTextColor(0);
            }
            if ($this-&amp;gt;issetfont) {
                $this-&amp;gt;SetFont('arial');
                $this-&amp;gt;issetfont=false;
            }
        }
    }
    function SetStyle($tag, $enable)
    {
        //Modify style and select corresponding font
        $this-&amp;gt;$tag+=($enable ? 1 : -1);
        $style='';
        foreach(array('B','I','U') as $s) {
            if($this-&amp;gt;$s&amp;gt;0)
                $style.=$s;
        }
        $this-&amp;gt;SetFont('',$style);
    }
    function PutLink($URL, $txt)
    {
        //Put a hyperlink
        $this-&amp;gt;SetTextColor(0,0,255);
        $this-&amp;gt;SetStyle('U',true);
        $this-&amp;gt;Write(5,$txt,$URL);
        $this-&amp;gt;SetStyle('U',false);
        $this-&amp;gt;SetTextColor(0);
    }
    // Page header
    function Header()
    {
        // Logo
        $this-&amp;gt;Image(logo-mono.jpg',10,10,30);
        $this-&amp;gt;SetFont('Arial','B',15);
        $this-&amp;gt;Cell(138);
        $this-&amp;gt;Cell(70,5,'TAX INVOICE',0,0,'C');
        $this-&amp;gt;Ln(12);
        // Company Header
        $this-&amp;gt;SetFont('Arial','B',9);
        $this-&amp;gt;Cell(0,5,'ABC COMPANY (1063511-D)',0,0,'L');
        $this-&amp;gt;Ln(0);
        // Line break
        $this-&amp;gt;Ln(15);
    }
    // Page footer
    function Footer()
    {
        // Position at 1.5 cm from bottom
        $this-&amp;gt;SetY(-15);
        // Arial italic 8
        $this-&amp;gt;SetFont('Arial','I',8);
        // Page number
        $this-&amp;gt;Cell(0,10,'Page '.$this-&amp;gt;PageNo().'/{nb}',0,0,'C');
    }
}
//Fetching specific order data and prepare an invoice
$invoice = $buyer-&amp;gt;get_completed_transaction(
                        filter_var('1466404785-0J2XQR',FILTER_SANITIZE_STRING),
                        filter_var('T108869482600',FILTER_SANITIZE_STRING),
                        filter_var('LG6j3DYQbnylAFdaSdzcx5J0SYo=',FILTER_SANITIZE_STRING),
                        $mysqli
                    );
if($invoice !== FALSE){
    //Checkout with BRP+CASH or CASH only, 2=BRP+CASH.
    $checkout_method = $invoice-&amp;gt;checkout_method;
    //GENERATE INVOICE
    $shipping_addr_1 = $invoice-&amp;gt;shipping_address.',';
    $shipping_addr_2 = $invoice-&amp;gt;shipping_postcode.' '.$invoice-&amp;gt;shipping_city.',';
    $shipping_addr_3 = $invoice-&amp;gt;shipping_province.' '.$invoice-&amp;gt;shipping_country.'.';
    // Instanciation of inherited class
    $pdf = new PDF('P', 'mm', 'A4');
    $pdf-&amp;gt;AliasNbPages();
    $pdf-&amp;gt;AddPage();
    $pdf-&amp;gt;SetFont('Arial','B',9);
    $pdf-&amp;gt;setFillColor(230,230,230);
    $pdf-&amp;gt;Cell(50,5,'BILL TO',1,0,'L',1);
    $pdf-&amp;gt;Ln(3);
    //
    $pdf-&amp;gt;SetFont('Arial','',9);
    $pdf-&amp;gt;Cell(0,15,strtoupper($invoice-&amp;gt;recipient_name),0,0,'L');
    $pdf-&amp;gt;SetFont('Arial','B',8);
    $pdf-&amp;gt;Text(146,58,'DATE:');
    $pdf-&amp;gt;Text(146,63,'INVOICE #');
    $pdf-&amp;gt;Text(146,68,'CUSTOMER ID');
    $pdf-&amp;gt;SetFont('Arial','',8);
    $pdf-&amp;gt;Text(170,58,date('d/m/Y'));
    $pdf-&amp;gt;Text(170,63,$invoice-&amp;gt;order_num);
    $pdf-&amp;gt;Ln(5);
    $pdf-&amp;gt;SetFont('Arial','',8);
    $pdf-&amp;gt;Cell(0,15,ucwords(strtolower($shipping_addr_1)),0,0,'L');
    $pdf-&amp;gt;Ln(5);
    $pdf-&amp;gt;Cell(0,15,ucwords(strtolower($shipping_addr_2)),0,0,'L');
    $pdf-&amp;gt;Ln(5);
    $pdf-&amp;gt;Cell(0,15,ucwords(strtolower($shipping_addr_3)),0,0,'L');
    //
    /*
    $pdf-&amp;gt;Ln(5);
    $pdf-&amp;gt;SetFont('Arial','B',8);
    $pdf-&amp;gt;Cell(10,25,'Tel:');
    $pdf-&amp;gt;SetFont('Arial','',8);
    $pdf-&amp;gt;Cell(0,25,$invoice-&amp;gt;phone);
    //
    $pdf-&amp;gt;Ln(5);
    $pdf-&amp;gt;SetFont('Arial','B',8);
    $pdf-&amp;gt;Cell(10,25,'Email:');
    $pdf-&amp;gt;SetFont('Arial','',8);
    $pdf-&amp;gt;Cell(118,25,$invoice-&amp;gt;email);
    */
    //
    $pdf-&amp;gt;Ln(14);
    $pdf-&amp;gt;SetFont('Arial','',8);
    $html = '
    &amp;lt;table border="1"&amp;gt;
        &amp;lt;tr&amp;gt;
            &amp;lt;td width="30" height="30" bgcolor="#dddddd" align="left"&amp;gt;No&amp;lt;/td&amp;gt;
            &amp;lt;td width="90" height="30" bgcolor="#dddddd" align="left"&amp;gt;Item Code&amp;lt;/td&amp;gt;
            &amp;lt;td width="380" height="30" bgcolor="#dddddd" align="left"&amp;gt;Descriptions&amp;lt;/td&amp;gt;
            &amp;lt;td width="40" height="30" bgcolor="#dddddd"&amp;gt;Qty&amp;lt;/td&amp;gt;
            &amp;lt;td width="100" height="30" bgcolor="#dddddd"&amp;gt;Price/Unit&amp;lt;/td&amp;gt;
            &amp;lt;td width="120" height="30" bgcolor="#dddddd"&amp;gt;Amount&amp;lt;/td&amp;gt;
        &amp;lt;/tr&amp;gt;';
    $i = 1;
    $shipping_rate = SHIPPING_RATE_ALL;
    $total_payment = 0;
    //Loop order items
    $items = unserialize($invoice-&amp;gt;cart_item);
    foreach($items as $item){
        //$keys = array_keys($item);
        //$matches = preg_grep('~^p_alt\-variation\-\d+~i', $keys);
        $unit_price = ($checkout_method == 2) ? ($item['p_price']/2) : $item['p_price'];
        $subtotal   = ($checkout_method == 2) ? (($item['p_price']/2) * $item['p_qty']) : ($item['p_price'] * $item['p_qty']);
        $html .= '
            &amp;lt;tr&amp;gt;
                &amp;lt;td width="30" height="30" align="left"&amp;gt;'.$i.'&amp;lt;/td&amp;gt;
                &amp;lt;td width="90" height="30" align="left"&amp;gt;'.$item['p_code'].'&amp;lt;/td&amp;gt;
                &amp;lt;td width="380" height="30" align="left"&amp;gt;'.$item['p_name'].'&amp;lt;/td&amp;gt;
                &amp;lt;td width="40" height="30"&amp;gt;'.$item['p_qty'].'&amp;lt;/td&amp;gt;
                &amp;lt;td width="100" height="30"&amp;gt;'.number_format($unit_price, 2, '.', ',').'&amp;lt;/td&amp;gt;
                &amp;lt;td width="120" height="30"&amp;gt;'.number_format($subtotal, 2, '.', ',').'&amp;lt;/td&amp;gt;
            &amp;lt;/tr&amp;gt;';
        $i++;
        $gross_payment += $subtotal;
    }
    //End Loop
    $html .= '
        &amp;lt;tr&amp;gt;
            &amp;lt;td width="30" height="30"&amp;gt;&amp;amp;nbsp;&amp;lt;/td&amp;gt;
            &amp;lt;td width="90" height="30"&amp;gt;&amp;amp;nbsp;&amp;lt;/td&amp;gt;
            &amp;lt;td width="380" height="30"&amp;gt;&amp;amp;nbsp;&amp;lt;/td&amp;gt;
            &amp;lt;td width="40" height="30"&amp;gt;&amp;amp;nbsp;&amp;lt;/td&amp;gt;
            &amp;lt;td width="100" height="30"&amp;gt;&amp;amp;nbsp;&amp;lt;/td&amp;gt;
            &amp;lt;td width="120" height="30"&amp;gt;&amp;amp;nbsp;&amp;lt;/td&amp;gt;
        &amp;lt;/tr&amp;gt;
        &amp;lt;tr&amp;gt;
            &amp;lt;td width="30" height="30"&amp;gt;&amp;amp;nbsp;&amp;lt;/td&amp;gt;
            &amp;lt;td width="90" height="30"&amp;gt;&amp;amp;nbsp;&amp;lt;/td&amp;gt;
            &amp;lt;td width="380" height="30"&amp;gt;&amp;amp;nbsp;&amp;lt;/td&amp;gt;
            &amp;lt;td width="40" height="30"&amp;gt;&amp;amp;nbsp;&amp;lt;/td&amp;gt;
            &amp;lt;td width="100" height="30"&amp;gt;&amp;amp;nbsp;&amp;lt;/td&amp;gt;
            &amp;lt;td width="120" height="30"&amp;gt;&amp;amp;nbsp;&amp;lt;/td&amp;gt;
        &amp;lt;/tr&amp;gt;
    &amp;lt;/table&amp;gt;';
    $pdf-&amp;gt;WriteHTML($html);
    //
    $pdf-&amp;gt;Ln(2);
    $pdf-&amp;gt;SetFont('Arial','',8);
    $pdf-&amp;gt;Cell(156,5,'Subtotal',0,0,'R');
    $pdf-&amp;gt;Cell(8,5,'$',0,0,'R');
    $pdf-&amp;gt;Cell(0,5,number_format($gross_payment,2,'.',','),0,1,'R');
    $pdf-&amp;gt;Cell(0,5,'Thank you for your business',0,0,'L');
    $pdf-&amp;gt;Cell(-34,5,'Shipping Cost',0,0,'R');
    $pdf-&amp;gt;Cell(8,5,'$',0,0,'R');
    $pdf-&amp;gt;Cell(0,5,number_format($shipping_rate,2,'.',','),0,1,'R');
    if($checkout_method == 2){
        $pdf-&amp;gt;Cell(156,5,'BRP Consume',0,0,'R');
        $pdf-&amp;gt;Cell(8,5,'-',0,0,'R');
        $pdf-&amp;gt;Cell(0,5,number_format($invoice-&amp;gt;total_points_consume,0,'.',','),0,1,'R');
    }
    $pdf-&amp;gt;Ln(1);
    $pdf-&amp;gt;Cell(125,0,'',0,0,'R');
    $pdf-&amp;gt;Cell(65,0,'',1,0,'R');
    $pdf-&amp;gt;Ln(1);
    $pdf-&amp;gt;SetFont('Arial','B',8);
    $pdf-&amp;gt;Cell(156,10,'Total Including GST',0,0,'R');
    $pdf-&amp;gt;Cell(8,10,'$',0,0,'R',1);
    $pdf-&amp;gt;Cell(0,10,number_format($gst+$gross_payment+$shipping_rate,2,'.',','),0,1,'R',1);
    $pdf-&amp;gt;Ln(1);
    //GST calculation
    $gst = round((($gross_payment+$shipping_rate)*6.00)/100, 1);
    $pdf-&amp;gt;SetFont('Arial','',8);
    $pdf-&amp;gt;SetTextColor('88','88','88');
    $pdf-&amp;gt;Cell(156,5,'GST 6%',0,0,'R');
    $pdf-&amp;gt;Cell(8,5,'$',0,0,'R');
    $pdf-&amp;gt;Cell(0,5,number_format($gst,2,'.',','),0,1,'R');
    $pdf-&amp;gt;Ln(1);
    //
    $pdf-&amp;gt;Ln(10);
    //$pdf-&amp;gt;WriteHTML('&amp;lt;HR&amp;gt;');
    $pdf-&amp;gt;SetFont('Arial','B',8);
    $pdf-&amp;gt;Cell(90,5,'ABC COMPANY',0,0,'L',0);
    $pdf-&amp;gt;Ln(20);
    $pdf-&amp;gt;Cell(50,0,'',1,1,'L',0);
    $pdf-&amp;gt;Ln(1);
    $pdf-&amp;gt;SetFont('Arial','BI',8);
    $pdf-&amp;gt;Cell(90,5,'Authorised Signature',0,0,'L',0);
    $path = '/invoice/';
    $file = $invoice-&amp;gt;order_num.'.pdf';
    $pdf-&amp;gt;Output();
}
?&amp;gt;
&lt;/code&gt;&lt;/pre&gt;
&lt;p&gt;I've been look for the solution around and tried with &lt;a href="http://fpdf.org/en/script/script92.php" rel="nofollow noreferrer"&gt;tFPDF&lt;/a&gt;, I get error with &lt;/p&gt;
&lt;blockquote&gt;
  &lt;p&gt;Fatal error: Call to undefined method tFPDF::WriteHTML() in C:\pathto\create_invoice_test.php on line 448&lt;/p&gt;
&lt;/blockquote&gt;
&lt;p&gt;I have no idea of how to implement it into current scripts, I need workaround to solve this issue.&lt;/p&gt;</t>
  </si>
  <si>
    <t>2016-07-13 06:50:02.650000+00:00</t>
  </si>
  <si>
    <t>2016-07-13 07:26:52.590000+00:00</t>
  </si>
  <si>
    <t>pdf-generation|fpdf</t>
  </si>
  <si>
    <t>Where is the file for the apache default open directory display</t>
  </si>
  <si>
    <t>&lt;p&gt;With Apache it is possible to have the settings such that when a user requests access to a directory and that directory does not contain any index file then Apache displays a default directory listing as shown in the attached image.&lt;/p&gt;
&lt;p&gt;Can anybody tell me where that default directory listing file resides? I would like to modify it for responsive design as well as adding Google analytics code. &lt;/p&gt;
&lt;p&gt;I am getting responsive design warnings from Google Webmaster tools on the WordPress uploads directories. I don't want to block them but in fact would like search engines to crawl and index them. With that being said, I also don't want to get mobile usability errors on the same.&lt;/p&gt;
&lt;p&gt;&lt;a href="https://i.stack.imgur.com/9gpN5.png" rel="nofollow noreferrer"&gt;&lt;img src="https://i.stack.imgur.com/9gpN5.png" alt="enter image description here"&gt;&lt;/a&gt;&lt;/p&gt;</t>
  </si>
  <si>
    <t>2015-10-19 13:23:08.567000+00:00</t>
  </si>
  <si>
    <t>2015-10-19 13:50:11.727000+00:00</t>
  </si>
  <si>
    <t>Adding header files to the C++ library recursively from an external library</t>
  </si>
  <si>
    <t>&lt;p&gt;I'm trying to use an external library in my current C++ project. The header files in the library are in multiple folders and I need to add them into my make file (using cmake). I can add the header files by declaring each folder separately and ask the make file to find all header files in the folder. But is there a way to add all the headers inside multiple folders in one line of code?
Here's my cmake code for adding the headers in separate folders:&lt;/p&gt;
&lt;pre&gt;&lt;code&gt;FILE (GLOB LibraryFolderOneHeaders ExternalLibrary/ExternalLibraryFolderOne/*.h)
FILE (GLOB LibraryFolderTwoHeaders ExternalLibrary/ExternalLibraryFolderTwo/*.h)
SOURCE_GROUP("Header Files\\LibraryFolderOne" FILES ${LibraryFolderOneHeaders})
SOURCE_GROUP("Header Files\\LibraryFolderTwo" FILES ${LibraryFolderTwoHeaders })
...
&lt;/code&gt;&lt;/pre&gt;
&lt;p&gt;For all the folders.
Is there a way to find header files all at once?&lt;/p&gt;
&lt;p&gt;Thanks&lt;/p&gt;</t>
  </si>
  <si>
    <t>2016-06-20 16:22:07.120000+00:00</t>
  </si>
  <si>
    <t>2016-06-20 17:23:04.880000+00:00</t>
  </si>
  <si>
    <t>c++|cmake</t>
  </si>
  <si>
    <t>Qt StyleSheet Text Alignment</t>
  </si>
  <si>
    <t>&lt;p&gt;I am trying to change the appearance of a QGroupbox. The problem is about the border of it. After changing the style sheet, the text of the groupbox is not aligned with the border anymore. How can this be solved? &lt;/p&gt;
&lt;p&gt;In the first picture, the border is well aligned with the text:&lt;/p&gt;
&lt;p&gt;&lt;img src="https://s11.postimg.org/5tpepyws3/groupbox2.jpg" alt=""&gt;&lt;/p&gt;
&lt;p&gt;The style sheet related to this QGroupBox is like this:&lt;/p&gt;
&lt;pre&gt;&lt;code&gt;QGroupBox{
background-color: rgb(0,80,120);
color: white;
font: 14pt "MS Shell Dlg 2";
font: bold;
text-align:center;
}
&lt;/code&gt;&lt;/pre&gt;
&lt;p&gt;In the second picture, the border is aligned with the bottom of the text:&lt;/p&gt;
&lt;p&gt;&lt;img src="https://s11.postimg.org/jonp8fr77/groupbox1.jpg" alt=""&gt;&lt;/p&gt;
&lt;p&gt;The style sheet related to QGroupBox above is like this:&lt;/p&gt;
&lt;pre&gt;&lt;code&gt;QGroupBox{
background-color: rgb(0,80,120);
color: white;
font: 14pt "MS Shell Dlg 2";
font: bold;
text-align:center;
border-color: rgb(255,255,255);
border-width: 2px;
border-style: solid;
border-radius: 9px;
padding: 2px;
}
&lt;/code&gt;&lt;/pre&gt;
&lt;p&gt;As you can see, when I add border related parameters, text alignment somehow changes. I want the first style but with the text aligned properly with the border. What is wrong?&lt;/p&gt;
&lt;p&gt;Thanks.&lt;/p&gt;</t>
  </si>
  <si>
    <t>2013-09-23 11:32:34.660000+00:00</t>
  </si>
  <si>
    <t>2017-10-18 16:05:27.397000+00:00</t>
  </si>
  <si>
    <t>2017-02-08 14:47:21.267000+00:00</t>
  </si>
  <si>
    <t>qt|qss</t>
  </si>
  <si>
    <t>SMS by AT commands with GSM mobile is giving error</t>
  </si>
  <si>
    <t>&lt;p&gt;I am sending SMS by AT commands with GSM mobile phone. I wanna send bulk of message like thousands. I read that by GSM mobile we can send 6-8 sms per minute. But when I send messages then someone are going and someone not. I am getting information from excel file means destination number and message text. Can you tell me why some sms are going and some not. My code is&lt;/p&gt;
&lt;pre&gt;&lt;code&gt;        SmsFields smsObj = null;
        List&amp;lt;SmsFields&amp;gt; smsColl = null;
        SerialPort serialport = null;
        StringBuilder strbuild = new StringBuilder();
        try
        {
            //Validate the form 
            if (!Validation()) return;
            serialport = new SerialPort();
            ////Sets the properties of serial port object
            serialport.PortName = cboPort.SelectedItem.ToString();
            serialport.BaudRate = 9600;
            serialport.Parity = Parity.None;
            serialport.DataBits = 8;
            serialport.StopBits = StopBits.One;
            serialport.Handshake = Handshake.RequestToSend;
            serialport.DtrEnable = true;
            serialport.RtsEnable = true;
            //Open the port to send sms
            serialport.Open();
            //Check if port is opened or not
            if (!serialport.IsOpen)
            {
                MessageBox.Show("Serial port is not opened. Please try with other port");
                return;
            }
            //Create smsFields class's object and fill the data in the generic collection
            smsObj = SmsFields.Instance;
            smsColl = smsObj.FillData(txtFilePath.Text);
            if (smsColl == null)
            {
                MessageBox.Show("No data found in the excel table");
                return;
            }
            //Gets the single record from SmsFields class and sends the message
            foreach (SmsFields sms in smsColl)
            {
                //checks phone status
                serialport.WriteLine("AT" + Environment.NewLine);
                //Configures message as SMS (0 for PDU format) and (1 for text format)
                serialport.WriteLine("AT+CMGF=1" + Environment.NewLine);
                //Sets message center number
                serialport.WriteLine("AT+CSCA=\"" + txtServiceNo.Text + "\"" + Environment.NewLine);
                //Sets destination number
                serialport.WriteLine("AT+CMGS=\"" + sms.DestinationNo + "\"" + Environment.NewLine);
                //Specifies message and sends Ctrl+z
                serialport.WriteLine(sms.Message + (char)26);
                //Displays buffer containing output messages
                System.Threading.Thread.Sleep(4000);
   }
&lt;/code&gt;&lt;/pre&gt;</t>
  </si>
  <si>
    <t>2009-07-31 06:22:37.153000+00:00</t>
  </si>
  <si>
    <t>2010-02-02 06:01:50.270000+00:00</t>
  </si>
  <si>
    <t>2009-07-31 06:27:43.413000+00:00</t>
  </si>
  <si>
    <t>c#|at-command</t>
  </si>
  <si>
    <t>Can the Apache CXF properties for exceptionMessageCauseEnabled and faultStackTraceEnabled be set dynamically?</t>
  </si>
  <si>
    <t>&lt;p&gt;I am working on debugging a problem with a &lt;a href="https://www.healthit.gov/FHA/CONNECT" rel="nofollow noreferrer"&gt;CXF based application&lt;/a&gt;. This application is throwing errors like this:&lt;/p&gt;
&lt;pre&gt;&lt;code&gt;[#|2017-07-12T10:52:26.974-0700|WARNING|glassfish3.1.2|org.apache.cxf.phase.PhaseInterceptorChain|_ThreadID=321;_ThreadName=Thread-2;|Interceptor for {urn:ihe:iti:xcpd:2009}RespondingGateway_Service#{urn:ihe:iti:xcpd:2009}RespondingGateway_PRPA_IN201305UV02 has thrown exception, unwinding now
java.lang.NullPointerException
|#]
&lt;/code&gt;&lt;/pre&gt;
&lt;p&gt;I see in this &lt;a href="http://cxf.apache.org/docs/debugging-and-logging.html#DebuggingandLogging-Configurelogginglevels" rel="nofollow noreferrer"&gt;Apache CXF documentation&lt;/a&gt; that I can set properties for properties for exceptionMessageCauseEnabled and faultStackTraceEnabled. Is it possible to set these properties dynamically or without modifying the cxf.xml configuration file? For example can I pass these parameters as a system property, changing a setting in the application server, or making some sort of external API call?&lt;/p&gt;
&lt;p&gt;I reviewed the &lt;a href="http://cxf.apache.org/source-repository.html" rel="nofollow noreferrer"&gt;source code for CXF&lt;/a&gt; and see that these properties are accessed via a function defined by the &lt;code&gt;Message&lt;/code&gt; interface and that &lt;code&gt;MessageImpl&lt;/code&gt; stores these properties in a simple map. What I cannot find is if there is some tool or means to dynamically update that map other than by populating the CXF config file or changing code. &lt;/p&gt;</t>
  </si>
  <si>
    <t>2017-07-13 21:17:38.960000+00:00</t>
  </si>
  <si>
    <t>configuration|cxf</t>
  </si>
  <si>
    <t>How to use arrays 2048 Game clone - VB.NET</t>
  </si>
  <si>
    <t>&lt;p&gt;I have made a &lt;a href="http://gabrielecirulli.github.io/2048/" rel="nofollow"&gt;2048 Game&lt;/a&gt; clone, part of which deals with moving and combining the blocks. This is in VB.NET, .NET 4.5, Visual Studio 2013.&lt;/p&gt;
&lt;p&gt;&lt;strong&gt;How do I use arrays in my code? It additionally has the following problem:&lt;/strong&gt;&lt;/p&gt;
&lt;p&gt;The code seems to work fine for the uppermost column when moving up, and the leftmost when moving left, etc., but it doesn't do anything for the next columns, although they are in fact direct derivatives (ie copy + paste with a little change to adapt it) of the uppermost, leftmost etc. column. I have double checked, triple checked and 100 times checked but I still can't see the fault in my program. I'm hoping that using arrays might fix this.&lt;/p&gt;
&lt;p&gt;Any help with this greatly appreciated!&lt;/p&gt;
&lt;p&gt;Here is an extract of the code. It is the moving and combining part of the "Move Up" sub. (It uses a 4x4 block grid where Label1 is the top left block, Label2 to the right of that, Label3 to the right of Label2 and Label5 is below Label1, Label9 is below Label5, etc.)&lt;/p&gt;
&lt;pre&gt;&lt;code&gt;   If Label1.Text = Label5.Text And Not Label1.Text = "" And Not Label5.Text = "" Then
        Dim result As Integer = Convert.ToInt32(Label1.Text) + Convert.ToInt32(Label5.Text)
        Label1.Text = Convert.ToString(result)
        Label5.Text = ""
    End If
&lt;/code&gt;&lt;/pre&gt;
&lt;p&gt;Here is a further extract from this sub, the part where the blocks are moved ("gravitated") upwards as far as possible. It's repeated several times to make sure nothing is missed out/not moved as far as possible.&lt;/p&gt;
&lt;pre&gt;&lt;code&gt;    If Label1.Text = "" Then
        Label1.Text = Label5.Text
        Label5.Text = Label9.Text
        Label9.Text = Label13.Text
        Label13.Text = ""
    End If
&lt;/code&gt;&lt;/pre&gt;
&lt;p&gt;&lt;strong&gt;I want to know how to implement arrays into this, hopefully thereby improving it to make it work correctly for all the columns&lt;/strong&gt;. Any help much appreciated!&lt;/p&gt;</t>
  </si>
  <si>
    <t>2014-06-11 08:01:25.627000+00:00</t>
  </si>
  <si>
    <t>2014-06-12 14:26:33.393000+00:00</t>
  </si>
  <si>
    <t>2014-06-11 08:53:29.750000+00:00</t>
  </si>
  <si>
    <t>Conditional Formatting - Different color to value based on row</t>
  </si>
  <si>
    <t>&lt;p&gt;I'm using conditional formatting of color to the value 1. When the value 1 appears in the pair line, the cells are gray. And on the odd line, blue. I have done this manually. How can I do this automatically?&lt;/p&gt;
&lt;p&gt;&lt;a href="https://i.stack.imgur.com/1ki6K.png" rel="nofollow noreferrer"&gt;&lt;img src="https://i.stack.imgur.com/1ki6K.png" alt="enter image description here"&gt;&lt;/a&gt;&lt;/p&gt;</t>
  </si>
  <si>
    <t>2016-07-06 03:07:20.707000+00:00</t>
  </si>
  <si>
    <t>2016-07-06 14:46:22.503000+00:00</t>
  </si>
  <si>
    <t>excel|formatting|conditional|row</t>
  </si>
  <si>
    <t>usage of try catch</t>
  </si>
  <si>
    <t>&lt;p&gt;Which is best: Code Snippet 1 or Code Snippet 2 ? And Why?       &lt;/p&gt;
&lt;pre&gt;&lt;code&gt;/* Code Snippet 1
 * 
 * Write try-catch in function definition
 */
 void Main(string[] args)
 {
     AddMe();
 }
 void AddMe()
 {
     try
     { 
         // Do operations...
     }
     catch(Exception e)
     {
     }
 }
/* Code Snippet 2
 * 
 * Write try-catch where we call the function.
 */
 void Main(string[] args)
 {
     try
     {
         AddMe();
     }
     catch (Exception e)
     {
     }
 }
 void AddMe()
 {
     // Do operations...
 }
&lt;/code&gt;&lt;/pre&gt;</t>
  </si>
  <si>
    <t>2011-06-21 14:08:33.017000+00:00</t>
  </si>
  <si>
    <t>2011-06-22 13:29:30.163000+00:00</t>
  </si>
  <si>
    <t>2011-06-21 14:10:17.973000+00:00</t>
  </si>
  <si>
    <t>c#|try-catch</t>
  </si>
  <si>
    <t>Flashlight App loading delay</t>
  </si>
  <si>
    <t>&lt;p&gt;I developed a simple flash light.It's working fine in my xperia 
but the problem is, it takes a small delay to get started and it shows a white screen in the beginning.
How can i solve it.Here is the code, can any one tell me what's wrong with my code?&lt;/p&gt;
&lt;pre&gt;&lt;code&gt;@Override
protected void onCreate(Bundle savedInstanceState) {
    super.onCreate(savedInstanceState);
    setContentView(R.layout.activity_main);
    MobileAds.initialize(getApplicationContext(), "...");
    AdView mAdView = (AdView) findViewById(R.id.adView);
    AdRequest adRequest = new AdRequest.Builder().build();
    mAdView.loadAd(adRequest);
    imageButton = (ImageButton)findViewById(R.id.imageButton);
 if(getApplicationContext().getPackageManager().hasSystemFeature(PackageManager.FEATURE_CAMERA_FLASH))
    {
            camera = Camera.open();
            parameters = camera.getParameters();
            isflash = true;
    }
    imageButton.setOnClickListener(new View.OnClickListener() {
        @Override
        public void onClick(View view) {
            final MediaPlayer sound = MediaPlayer.create(MainActivity.this,R.raw.clicks);
            sound.start();
            if(isflash)
            {
                if (!isOn)
                {
                    imageButton.setImageResource(R.drawable.on);
                    parameters.setFlashMode(Camera.Parameters.FLASH_MODE_TORCH);
                    camera.setParameters(parameters);
                    camera.startPreview();
                    isOn = true;
                }
                else
                {
                    imageButton.setImageResource(R.drawable.off);
                    parameters.setFlashMode(Camera.Parameters.FLASH_MODE_OFF);
                    camera.setParameters(parameters);
                    camera.stopPreview();
                    isOn = false;
                }
            }
            else
            {
                AlertDialog.Builder builder = new AlertDialog.Builder(MainActivity.this);
                builder.setTitle("Error....");
                builder.setMessage("Flashlight is not support this device.....");
                builder.setPositiveButton("OK", new DialogInterface.OnClickListener() {
                    @Override
                    public void onClick(DialogInterface dialogInterface, int i) {
                        dialogInterface.dismiss();
                        finish();
                    }
                });
                AlertDialog alertDialog = builder.create();
                alertDialog.show();
            }
        }
    });
}
@Override
protected void onStop() {
    super.onStop();
    if(camera!=null)
    {
        camera.release();
        camera = null;
    }
 }
}
&lt;/code&gt;&lt;/pre&gt;</t>
  </si>
  <si>
    <t>2016-09-03 11:59:33.837000+00:00</t>
  </si>
  <si>
    <t>2016-09-03 12:32:08.460000+00:00</t>
  </si>
  <si>
    <t>Angular vs phonegap get trouble when building in android platform</t>
  </si>
  <si>
    <t>&lt;p&gt;I develop an application by angular js after that i use phonegap vs cordova to build this in android platform. However, when i start building this, in logCat windows show many error "Unknown chromium error: -6" by log tag chromium. In addition, My application screen always show white screen only. I follow phonegap guide for android platform. Can everybody help me, Thanks!&lt;/p&gt;</t>
  </si>
  <si>
    <t>2014-10-07 07:27:50.030000+00:00</t>
  </si>
  <si>
    <t>android|angularjs|cordova|phonegap-build</t>
  </si>
  <si>
    <t>Web publish is failing without error description</t>
  </si>
  <si>
    <t>&lt;p&gt;I have MVC.Net project in VS2015 and I am not able to publish solution to the network folder. I am getting probably connecting error, but connection is ok.&lt;/p&gt;
&lt;p&gt;&lt;a href="https://i.stack.imgur.com/CK9Dl.png" rel="nofollow noreferrer"&gt;&lt;img src="https://i.stack.imgur.com/CK9Dl.png" alt="enter image description here"&gt;&lt;/a&gt;&lt;/p&gt;
&lt;p&gt;Have anyone idea what could be a problem ? Once I had similar problem, but it was solved by settings attribute "Copy to local = true" on all referenced libraries, now it does not help.&lt;/p&gt;</t>
  </si>
  <si>
    <t>2018-03-26 07:32:05.927000+00:00</t>
  </si>
  <si>
    <t>2018-03-26 08:27:07.323000+00:00</t>
  </si>
  <si>
    <t>asp.net-mvc|visual-studio</t>
  </si>
  <si>
    <t>java.util.MissingResourceException while running jUnit in Spring application</t>
  </si>
  <si>
    <t>&lt;p&gt;&lt;strong&gt;Error Trace&lt;/strong&gt;&lt;/p&gt;
&lt;p&gt;java.util.MissingResourceException: Can't find bundle for base name logi4j, locale ja_JP&lt;br&gt;&lt;em&gt;at java.util.ResourceBundle.throwMissingResouceException(Unknown Souce)&lt;/em&gt;&lt;/p&gt;
&lt;p&gt;&lt;strong&gt;Junit file&lt;/strong&gt;&lt;/p&gt;
&lt;pre&gt;&lt;code&gt;@RunWith(SpringJunit4ClassRunner.class)
@ContextConfiguration("file:WEB-INF/spring/appServlet/servlet-context.xml")
@PropertySource("file:WEB-INF/prop/log4j/log4j.properties")
public class SearchServiceTest {
   @Autowired
   private SearchService service;
   @Before
   public void setUp() throws Exception{}
   @After
   public void tearDown() throws Exception{}
   @Test
   public void testService() {
      // Resource bundle is loaded inside this service and throws exception
      service.execute();
   }
}
&lt;/code&gt;&lt;/pre&gt;
&lt;p&gt;Service method is properly called from Junit and executing. Moreover the same program is working when deployed in application server. &lt;/p&gt;
&lt;p&gt;The problem could be property files are not in class path. So I have added PropertySource annotation to load the property file but Junit is not able to recognize the files. I have also tried by using @PropertySource("classpath*:WEB-INF/prop/log4j/log4j.properties") but it is not working. &lt;/p&gt;
&lt;p&gt;Any help is really appreciated.&lt;/p&gt;
&lt;p&gt;Thanks in advance.&lt;/p&gt;</t>
  </si>
  <si>
    <t>2016-11-25 08:08:08.950000+00:00</t>
  </si>
  <si>
    <t>2016-11-25 08:34:07.260000+00:00</t>
  </si>
  <si>
    <t>java|spring|junit</t>
  </si>
  <si>
    <t>How should I be using repository?</t>
  </si>
  <si>
    <t>&lt;p&gt;I'm trying to implement a repository, but I am having some trouble in my application layer.&lt;/p&gt;
&lt;p&gt;Note:&lt;/p&gt;
&lt;ul&gt;
&lt;li&gt;&lt;code&gt;TransactionModel&lt;/code&gt; is an NHibernate entity with some lazy loading&lt;/li&gt;
&lt;li&gt;&lt;code&gt;Transaction&lt;/code&gt; is a application level object&lt;/li&gt;
&lt;li&gt;&lt;code&gt;Mapper&lt;/code&gt; is AutoMapper, but not relevant to problem, so no tag added for this&lt;/li&gt;
&lt;/ul&gt;
&lt;p&gt;I used to have this in my application layer:&lt;/p&gt;
&lt;pre&gt;&lt;code&gt;public Transaction GetTransaction(string itemName)
{
  using (var context = _sessionFactory.OpenSession())
  {
    var tran = context.Get&amp;lt;TransactionModel&amp;gt;(itemName);
    return Mapper.Map&amp;lt;Transaction&amp;gt;(tran);
  }
}
&lt;/code&gt;&lt;/pre&gt;
&lt;p&gt;Which worked, but since introducing a repo to clean up app layer, I get problems mapping caused by the lazy loading &lt;code&gt;NHibernate.LazyInitializationException&lt;/code&gt;.&lt;/p&gt;
&lt;pre&gt;&lt;code&gt;public Transaction GetTransaction(string itemName)
{
    var tran = _transactionRepository.GetItem(itemName);
    return Mapper.Map&amp;lt;Transaction&amp;gt;(tran);
}
&lt;/code&gt;&lt;/pre&gt;
&lt;p&gt;Clearly the problem is that the context has been closed by the time it does the mapping. How should I be using a repository in conjunction with the context? Should I make the context in this application layer and pass it to the repo? Like this:&lt;/p&gt;
&lt;pre&gt;&lt;code&gt;public Transaction GetTransaction(string itemName)
{
  using (var context = _sessionFactory.OpenSession())
  {
    var tran = _transactionRepository.GetItem(context, itemName);
    return Mapper.Map&amp;lt;Transaction&amp;gt;(tran);
  }
}
&lt;/code&gt;&lt;/pre&gt;
&lt;p&gt;This not only affects this mapping issue, but other cases where I want to read, modify and put back &lt;code&gt;TransactionModel&lt;/code&gt;s&lt;/p&gt;</t>
  </si>
  <si>
    <t>2013-07-18 09:08:10.160000+00:00</t>
  </si>
  <si>
    <t>c#|nhibernate|domain-driven-design</t>
  </si>
  <si>
    <t>navigation child links behind div css z-index</t>
  </si>
  <si>
    <t>&lt;p&gt;I can get my z-index to work on the left (vertical) navigation on the following page, when hovering over the 'Refurbishments' parent link - the child links go behind the main content to the right:&lt;/p&gt;
&lt;p&gt;&lt;a href="http://www.mbc.theinternetconsultancy.co.uk" rel="nofollow"&gt;http://www.mbc.theinternetconsultancy.co.uk&lt;/a&gt;&lt;/p&gt;
&lt;p&gt;Any idea's?&lt;/p&gt;</t>
  </si>
  <si>
    <t>2013-09-24 08:38:41.057000+00:00</t>
  </si>
  <si>
    <t>2013-09-24 09:10:49.763000+00:00</t>
  </si>
  <si>
    <t>css|navigation|position|z-index</t>
  </si>
  <si>
    <t>documentation for ejabberd hooks?</t>
  </si>
  <si>
    <t>&lt;p&gt;&lt;a href="https://github.com/esl/MongooseIM/wiki/hooks-and-handlers"&gt;Hooks&lt;/a&gt; seem to be pretty handy to extend the funcionality of ejabberd.&lt;/p&gt;
&lt;p&gt;There are bunch of &lt;a href="https://www.process-one.net/en/wiki/ejabberd_events_and_hooks/"&gt;ejabberd hooks&lt;/a&gt; mentioned by the makers,but it difficult to understand which one is to be used when,apart from few.&lt;/p&gt;
&lt;p&gt;can anybody share some details from their experiences that explains what a particular hook does?&lt;/p&gt;</t>
  </si>
  <si>
    <t>2014-11-04 10:37:30.973000+00:00</t>
  </si>
  <si>
    <t>2016-04-02 19:13:39.113000+00:00</t>
  </si>
  <si>
    <t>2014-11-18 09:54:07.777000+00:00</t>
  </si>
  <si>
    <t>erlang|xmpp|hook|ejabberd</t>
  </si>
  <si>
    <t>mvc3 remote validation progress bar on username</t>
  </si>
  <si>
    <t>&lt;p&gt;I want to use small progress bar infront of UserName on the cshtml page. How do I do that?
Is there a way?&lt;/p&gt;
&lt;pre&gt;&lt;code&gt;[Required(ErrorMessage = "{0} is required.")]
[Remote("IsUsernameAvalilable", "Validation")]
public string UserName { get; set; }
public JsonResult IsUsernameAvalilable(string userName)
{
    if (!_repository.UserExists(userName))
        return Json(true, JsonRequestBehavior.AllowGet);
    return Json(String.Format(CultureInfo.InvariantCulture, "{0} is not available.", userName), JsonRequestBehavior.AllowGet);
}
&lt;/code&gt;&lt;/pre&gt;</t>
  </si>
  <si>
    <t>2010-12-09 06:08:33.733000+00:00</t>
  </si>
  <si>
    <t>Not being able to print a value corresponding to a particular "div" element using Beautiful Soup</t>
  </si>
  <si>
    <t>&lt;p&gt;I want to print both the CVE-IDs "CVE-2013-2566" and "CVE-2015-2808" under References and "tcp 23" which corresponds to &lt;strong&gt;Unencrypted telnet server&lt;/strong&gt; using beautiful soup. Couldn't think of a logic for that. &lt;/p&gt;
&lt;pre&gt;&lt;code&gt; &amp;lt;div xmlns="" style="box-sizing: border-box; width: 100%; margin: 0 0 10px 0; padding: 5px 10px; background: #fdc431; font-weight: bold; font-size: 14px; line-height: 20px; color: #fff;"&amp;gt;42263 - Unencrypted Telnet Server&amp;lt;/div&amp;gt;
    &amp;lt;div xmlns="" style="margin: 0 0 45px 0;"&amp;gt;
    &amp;lt;div class="details-header"&amp;gt;Risk Factor&amp;lt;div class="clear"&amp;gt;&amp;lt;/div&amp;gt;
    &amp;lt;/div&amp;gt;
    &amp;lt;div style="line-height: 20px; padding: 0 0 20px 0;"&amp;gt;Medium&amp;lt;div class="clear"&amp;gt;&amp;lt;/div&amp;gt;
    &amp;lt;div class="details-header"&amp;gt;Plugin Information: &amp;lt;div class="clear"&amp;gt;&amp;lt;/div&amp;gt;
    &amp;lt;/div&amp;gt;
    &amp;lt;div style="line-height: 20px; padding: 0 0 20px 0;"&amp;gt;Published: 2009/10/27, Modified: 2015/10/21&amp;lt;div class="clear"&amp;gt;&amp;lt;/div&amp;gt;
    &amp;lt;/div&amp;gt;
    &amp;lt;div class="details-header"&amp;gt;**References**&amp;lt;div class="clear"&amp;gt;&amp;lt;/div&amp;gt;
&amp;lt;/div&amp;gt;
&amp;lt;div id="idm8894160" style="display: block;" class="table-wrapper see-also"&amp;gt;
&amp;lt;table cellpadding="0" cellspacing="0"&amp;gt;
&amp;lt;thead&amp;gt;&amp;lt;tr&amp;gt;
&amp;lt;th width="15%"&amp;gt;&amp;lt;/th&amp;gt;
&amp;lt;th width="85%"&amp;gt;&amp;lt;/th&amp;gt;
&amp;lt;/tr&amp;gt;&amp;lt;/thead&amp;gt;
&amp;lt;tbody&amp;gt;
&amp;lt;tr class=""&amp;gt;
&amp;lt;td class="#ffffff"&amp;gt;CVE&amp;lt;/td&amp;gt;
&amp;lt;td class="#ffffff"&amp;gt;&amp;lt;a href="http://web.nvd.nist.gov/view/vuln/detail?vulnId=CVE-2013-2566" target="_blank"&amp;gt;CVE-2013-2566&amp;lt;/a&amp;gt;&amp;lt;/td&amp;gt;
&amp;lt;/tr&amp;gt;
&amp;lt;tr class=""&amp;gt;
&amp;lt;td class="#ffffff"&amp;gt;CVE&amp;lt;/td&amp;gt;
&amp;lt;td class="#ffffff"&amp;gt;&amp;lt;a href="http://web.nvd.nist.gov/view/vuln/detail?vulnId=CVE-2015-2808" target="_blank"&amp;gt;CVE-2015-2808&amp;lt;/a&amp;gt;&amp;lt;/td&amp;gt;
&amp;lt;/tr&amp;gt;
&amp;lt;/tbody&amp;gt;
    &amp;lt;div class="details-header"&amp;gt;Plugin Output&amp;lt;div class="clear"&amp;gt;&amp;lt;/div&amp;gt;
    &amp;lt;/div&amp;gt;
    &amp;lt;h2&amp;gt;tcp/23&amp;lt;/h2&amp;gt;
&lt;/code&gt;&lt;/pre&gt;
&lt;p&gt;This is what I have written and I am stuck where I have put the comments.
I am very much a beginner in bs4 so just bear with me please and I have to submit a report tomorrow so, please help.&lt;/p&gt;
&lt;p&gt;&lt;div class="snippet" data-lang="js" data-hide="false" data-console="true" data-babel="false"&gt;_x000D_
&lt;div class="snippet-code"&gt;_x000D_
&lt;pre class="snippet-code-html lang-html prettyprint-override"&gt;&lt;code&gt;from bs4 import BeautifulSoup_x000D_
import csv_x000D_
import urllib.request as urllib2_x000D_
_x000D_
with open(r"C:\Users\sourabhk076\Documents\CHIDRMUM_DR8016CHI1_CTSINWDB01_9xtqpj.html") as fp:_x000D_
    soup = BeautifulSoup(fp.read(), 'html.parser')_x000D_
_x000D_
f = csv.writer(open("Report.csv", "w"))_x000D_
f.writerow(["Observation", "Port", "CVE-ID"])_x000D_
_x000D_
medium = soup.find_all('div', attrs={'style':'box-sizing: border-box; width: 100%; margin: 0 0 10px 0; padding: 5px 10px; background: #fdc431; font-weight: bold; font-size: 14px; line-height: 20px; color: #fff;'})_x000D_
####this will search for text "Unencrypted telnet server"####_x000D_
for x in medium:_x000D_
    port = x.find('h2')_x000D_
    cve = x.find('div', class_='table-wrapper see-also').findAll('tr')_x000D_
    ######## don't know what to do next #############_x000D_
    obsv = x.text_x000D_
    portd = port.text_x000D_
    print([obsv,portd,cve])&lt;/code&gt;&lt;/pre&gt;_x000D_
&lt;/div&gt;_x000D_
&lt;/div&gt;_x000D_
&lt;/p&gt;</t>
  </si>
  <si>
    <t>2018-04-05 12:01:11.480000+00:00</t>
  </si>
  <si>
    <t>2018-04-08 17:51:49.053000+00:00</t>
  </si>
  <si>
    <t>2018-04-05 12:12:51.110000+00:00</t>
  </si>
  <si>
    <t>python|html|beautifulsoup</t>
  </si>
  <si>
    <t>incompatible types : java.lang.Object cannot be converted to T</t>
  </si>
  <si>
    <t>&lt;p&gt;Here is my code:&lt;/p&gt;
&lt;pre&gt;&lt;code&gt;package datastructures;
import java.util.Iterator;
public class Stack&amp;lt;T&amp;gt;{
    private class Node&amp;lt;T&amp;gt;{
        T data;
        Node next;
    }
    private int size;
    private Node head;
    private Node newNode(T data){
        Node new_node = new Node();
        new_node.data = data;
        new_node.next = null;
        return new_node;
    }
    public Stack(){
        size = 0;
        head = null;
    }
    public T pop() {
        if(head == null)
            return null;
        T ret_val = head.data; //Error here
        head = head.next;
        this.size--;
        return ret_val;
    }
}
&lt;/code&gt;&lt;/pre&gt;
&lt;p&gt;I get the error in the pop method, here is the error:&lt;/p&gt;
&lt;pre&gt;&lt;code&gt;Error: incompatible types : java.lang.Object cannot be converted to T
&lt;/code&gt;&lt;/pre&gt;
&lt;p&gt;I don't understand this error, I'm not using Object anywhere in my code.&lt;/p&gt;</t>
  </si>
  <si>
    <t>2016-06-16 11:37:17.443000+00:00</t>
  </si>
  <si>
    <t>2016-06-16 11:43:07.100000+00:00</t>
  </si>
  <si>
    <t>java|generics|stack</t>
  </si>
  <si>
    <t>Asp.net Forms Does not Match any rule defined in global.asax?</t>
  </si>
  <si>
    <t>&lt;p&gt;I have a rule:&lt;/p&gt;
&lt;pre&gt;&lt;code&gt;routes.MapPageRoute("routenamea", "{brandname}-prices/", "page.aspx")
&lt;/code&gt;&lt;/pre&gt;
&lt;p&gt;in &lt;code&gt;global.asax&lt;/code&gt; and the link &lt;code&gt;/dell-prices&lt;/code&gt;. &lt;/p&gt;
&lt;p&gt;However, the rule doesn't match and links redirectly to the home page. What is the problem please?&lt;/p&gt;</t>
  </si>
  <si>
    <t>2012-11-02 05:27:46.120000+00:00</t>
  </si>
  <si>
    <t>2012-11-02 06:50:34.427000+00:00</t>
  </si>
  <si>
    <t>url-rewriting|routing</t>
  </si>
  <si>
    <t>Reading binary files in C, on UNIX systems (Ubuntu 10.10)</t>
  </si>
  <si>
    <t>&lt;p&gt;this is my first time programming in C, and on a UNIX system.  I am trying to do something fairly simple.  I have a binary file that is an image of a Compact Flash camera card, and consists of a few JPG images.  I am trying to read through the file, find the byte sequence corresponding to FF D8 FF E0, or FF D8 FF E1, the signifiers of the beginning of a JPG file, then writing everything between that signifier and the next to a new jpg file.&lt;/p&gt;
&lt;p&gt;At the moment I am just trying to get my computer to print out the file as is, by reading it in 512 size blocks, the stated size of the blocks in the original file system. I have the following code:&lt;/p&gt;
&lt;pre&gt;&lt;code&gt;#include &amp;lt;fcntl.h&amp;gt;
#include &amp;lt;unistd.h&amp;gt;
#include &amp;lt;stdio.h&amp;gt;
int main (int argc, char *argv[])
{
    FILE * raw;
    FILE * currentimage;
    char buf[512];
    char beg1[32] = "11111111110110001111111111100001";
    char beg2[32] = "11111111110110001111111111100000";
    raw = fopen("card.raw", "rb");
    while((fread(buf, sizeof(raw), 512, raw) &amp;gt; 0))
    {
        printf(buf);
        printf("\n");
    }
}
&lt;/code&gt;&lt;/pre&gt;
&lt;p&gt;It just prints out the file formatted into what I presume is ASCII, so it looks like a bunch of gobbledegook.  How can I get this data formatted to either binary 1's and 0's or, even better, hex 0-F's?  &lt;/p&gt;
&lt;p&gt;Any help would be much appreciated.&lt;/p&gt;
&lt;p&gt;P.S. beg1 and beg2 correspond to the binary values of the hex values I am looking for, but they are not really relevant to the rest of the code I have at the moment.&lt;/p&gt;</t>
  </si>
  <si>
    <t>2010-11-14 23:50:32.127000+00:00</t>
  </si>
  <si>
    <t>2010-11-15 00:34:59.593000+00:00</t>
  </si>
  <si>
    <t>c|file-io|binaryfiles</t>
  </si>
  <si>
    <t>Replacing patterns</t>
  </si>
  <si>
    <t>&lt;p&gt;I am trying to build a regular expression that covers all these rules but
there I am having trouble. Someone can help me, please?
I did by brute force but it is slow. The rules are the following: &lt;/p&gt;
&lt;p&gt;if there are some words chain in Camel case (&lt;code&gt;Camel case&lt;/code&gt;) or a lower case(&lt;code&gt;lower case&lt;/code&gt;) on the beginning of the phrase, without being followed by a &lt;code&gt;:&lt;/code&gt; character, and there is an empty line under and above the chain of words, then it will convert the words' chain into &lt;code&gt;CAPSLOCK&lt;/code&gt; followed by the &lt;code&gt;:&lt;/code&gt; character&lt;/p&gt;
&lt;p&gt;if there are some words chain in 'CAPSLOCK' in the beginning  of the phrase NOT followed by a ':' character, and in the next line is the continuation of the text, that is, that there are no other words chain in the beginning of the line followed by  a &lt;code&gt;:&lt;/code&gt; character, then concat a &lt;code&gt;:&lt;/code&gt; character and the text right after the &lt;code&gt;:&lt;/code&gt; character.&lt;/p&gt;
&lt;p&gt;otherwise if there are some words chain in &lt;code&gt;CAPSLOCK&lt;/code&gt; in the beginning of the phrase NOT followed by a ':' character and the next line there is another chain of words that are at the beginning of the line followed by an &lt;code&gt;:&lt;/code&gt; character just remove the chain of words and replace it with a space. &lt;/p&gt;
&lt;p&gt;also, replace all the &lt;code&gt;\n * * * \n&lt;/code&gt; by a space and   replace all the &lt;code&gt;(Medical Transcription Sample Report)&lt;/code&gt; by an space too&lt;/p&gt;
&lt;p&gt;One file exemple:
SAMPLE TYPE / MEDICAL SPECIALTY:Speech - Language&lt;br&gt;
SAMPLE NAME: Speech Therapy - Discharge Summary - 2 &lt;/p&gt;
&lt;pre&gt;&lt;code&gt;DESCRIPTION:The patient was referred for outpatient skilled speech therapy, secondary to right hemisphere disorder, status post stroke. The patient attended nine outpatient skilled speech therapy sessions.  
(Medical Transcription Sample Report)  
* * *
The patient is a 69-year-old female, who was referred for outpatient skilled
speech therapy, secondary to right hemisphere disorder, status post stroke.
The patient attended nine outpatient skilled speech therapy sessions from her
initial evaluation on 12/01/08 to her last session on 01/09/09.  
The patient made some progress during therapy. She accomplished two and a half
out of her five short-term therapy goals. We did complete an oral mechanism
examination and clinical swallow evaluation, which showed her swallowing to be
within functional limits. The patient improved on her turn taking skills
during conversation, and she was able to listen to a narrative and recall the
main idea plus five details after a three-minute delay independently. The
patient continues to have difficulty with visual scanning in cancellation
task, secondary to her significant left neglect. She also did not accomplish
her sustained attention goal, which required her to complete tasks greater
than 80% accuracy for at least 15 minutes independently. Thus she also
continued to have difficulty with reading, comprehension, secondary to the
significance of her left neglect. The patient was initially authorized for 12
outpatient speech therapy sessions, but once again she only attended 9. Her
last session occurred on 01/09/09. She has not made any additional followup
sessions with me for over three weeks, so she is discharged from my services
at this time.  
KEYWORDS:speech - language, outpatient speech therapy, swallow evaluation, swallowing, skilled speech therapy, hemisphere disorder, speech therapy, speech
&lt;/code&gt;&lt;/pre&gt;
&lt;p&gt;Would be :&lt;/p&gt;
&lt;pre&gt;&lt;code&gt; SAMPLE TYPE / MEDICAL SPECIALTY:Speech - Language  
SAMPLE NAME: Speech Therapy - Discharge Summary - 2 
    DESCRIPTION:The patient was referred for outpatient skilled speech therapy, secondary to right hemisphere disorder, status post stroke. The patient attended nine outpatient skilled speech therapy sessions.    The patient is a 69-year-old female, who was referred for outpatient skilled speech therapy, secondary to right hemisphere disorder, status post stroke. The patient attended nine outpatient skilled speech therapy sessions from her  initial evaluation on 12/01/08 to her last session on 01/09/09. The patient made some progress during therapy. She accomplished two and a half out of her five short-term therapy goals. We did complete an oral mechanism examination and clinical swallow evaluation, which showed her swallowing to be   within functional limits. The patient improved on her turn taking skills
    during conversation, and she was able to listen to a narrative and recall the main idea plus five details after a three-minute delay independently. The patient continues to have difficulty with visual scanning in cancellation task, secondary to her significant left neglect. She also did not accomplish her sustained attention goal, which required her to complete tasks greater than 80% accuracy for at least 15 minutes independently. Thus she also continued to have difficulty with reading, comprehension, secondary to the significance of her left neglect. The patient was initially authorized for 12
    outpatient speech therapy sessions, but once again she only attended 9. Her last session occurred on 01/09/09. She has not made any additional followup sessions with me for over three weeks, so she is discharged from my services at this time.  
    KEYWORDS:speech - language, outpatient speech therapy, swallow evaluation, swallowing, skilled speech therapy, hemisphere disorder, speech therapy, speech
&lt;/code&gt;&lt;/pre&gt;
&lt;p&gt;another example:&lt;/p&gt;
&lt;pre&gt;&lt;code&gt;SAMPLE TYPE / MEDICAL SPECIALTY:Surgery  
SAMPLE NAME: Tonsillectomy &amp;amp;amp; Adenoidectomy - 3 
DESCRIPTION:Tonsillectomy and adenoidectomy. Obstructive adenotonsillar hypertrophy with chronic recurrent pharyngitis.  
(Medical Transcription Sample Report)  
* * *
PREOPERATIVE DIAGNOSIS: Obstructive adenotonsillar hypertrophy with chronic recurrent pharyngitis.  
POSTOPERATIVE DIAGNOSIS:Obstructive adenotonsillar hypertrophy with chronic recurrent pharyngitis.  
SURGICAL PROCEDURE PERFORMED:Tonsillectomy and adenoidectomy.  
ANESTHESIA:General endotracheal technique.  
SURGICAL FINDINGS: A 4+/4+ cryptic and hypertrophic tonsils with 2+/3+ hypertrophic adenoid pads.  
INDICATIONS:We were requested to evaluate the patient for complaints of enlarged tonsils, which cause difficulty swallowing, recurrent pharyngitis, and sleep-induced respiratory disturbance. She was evaluated and scheduled for an elective procedure.  
DESCRIPTION OF SURGERY: The patient was brought to the operative suite and placed supine on the operating room table. General anesthetic was administered. Once appropriate anesthetic findings were achieved, the patient was intubated and prepped and draped in the usual sterile manner for a tonsillectomy. He was placed in semi-Rose ___ position and a Crowe Davis-type mouth gag was introduced into the oropharynx. Under an operating headlight, the oropharynx was clearly visualized. The right tonsil was grasped with the fossa triangularis and using electrocautery enucleation technique, was removed from its fossa. This followed placing the patient in a suspension position using a McIvor-type mouth gag and a red rubber Robinson catheter via the right naris. Once the right tonsil was removed, the left tonsil was removed in a similar manner, once again using a needle point Bovie dissection at 20 watts. With the tonsils removed, it was possible to visualize the adenoid pads. The oropharynx was irrigated and the adenoid pad evaluated with an indirect mirror technique. The adenoid pad was greater than 2+/4 and hypertrophic. It was removed with successive passes of electrocautery suction. The tonsillar fossa was then once again hemostased with suction cautery, injected with 0.5% ropivacaine with 1:100,000 adrenal solution and then closed with 2-0 Monocryl on an SH needle. The redundant soft tissue of the uvula was removed posteriorly and cauterized with electrocautery to prevent swelling of the uvula in the postoperative period. The patient's oropharynx and nasopharynx were irrigated with copious amounts of normal saline contained with small amount of iodine, and she was recovered from her general endotracheal anesthetic. She was extubated and left the operating room in good condition to the postoperative recovery room area.  
Estimated blood loss was minimal. There were no complications. Specimens
produced were right and left tonsils. The adenoid pad was ablated with
electrocautery.  
KEYWORDS:surgery, obstructive adenotonsillar hypertrophy, pharyngitis, tonsillectomy, adenoidectomy, uvula, obstructive, adenotonsillar, hypertrophy, hypertrophic, fossa, tonsils, oropharynx, electrocautery, pads
&lt;/code&gt;&lt;/pre&gt;
&lt;p&gt;would be:&lt;/p&gt;
&lt;pre&gt;&lt;code&gt;SAMPLE TYPE / MEDICAL SPECIALTY:Surgery  
SAMPLE NAME: Tonsillectomy &amp;amp;amp; Adenoidectomy - 3 
DESCRIPTION:Tonsillectomy and adenoidectomy. Obstructive adenotonsillar hypertrophy with chronic recurrent pharyngitis.  
PREOPERATIVE DIAGNOSIS: Obstructive adenotonsillar hypertrophy with chronic recurrent pharyngitis.  
POSTOPERATIVE DIAGNOSIS:Obstructive adenotonsillar hypertrophy with chronic recurrent pharyngitis.  
SURGICAL PROCEDURE PERFORMED:Tonsillectomy and adenoidectomy.  
ANESTHESIA:General endotracheal technique.  
SURGICAL FINDINGS: A 4+/4+ cryptic and hypertrophic tonsils with 2+/3+ hypertrophic adenoid pads.  
INDICATIONS:We were requested to evaluate the patient for complaints of enlarged tonsils, which cause difficulty swallowing, recurrent pharyngitis, and sleep-induced respiratory disturbance. She was evaluated and scheduled for an elective procedure.  
DESCRIPTION OF SURGERY: The patient was brought to the operative suite and placed supine on the operating room table. General anesthetic was administered. Once appropriate anesthetic findings were achieved, the patient was intubated and prepped and draped in the usual sterile manner for a tonsillectomy. He was placed in semi-Rose ___ position and a Crowe Davis-type mouth gag was introduced into the oropharynx. Under an operating headlight, the oropharynx was clearly visualized. The right tonsil was grasped with the fossa triangularis and using electrocautery enucleation technique, was removed from its fossa. This followed placing the patient in a suspension position using a McIvor-type mouth gag and a red rubber Robinson catheter via the right naris. Once the right tonsil was removed, the left tonsil was removed in a similar manner, once again using a needle point Bovie dissection at 20 watts. With the tonsils removed, it was possible to visualize the adenoid pads. The oropharynx was irrigated and the adenoid pad evaluated with an indirect mirror technique. The adenoid pad was greater than 2+/4 and hypertrophic. It was removed with successive passes of electrocautery suction. The tonsillar fossa was then once again hemostased with suction cautery, injected with 0.5% ropivacaine with 1:100,000 adrenal solution and then closed with 2-0 Monocryl on an SH needle. The redundant soft tissue of the uvula was removed posteriorly and cauterized with electrocautery to prevent swelling of the uvula in the postoperative period. The patient's oropharynx and nasopharynx were irrigated with copious amounts of normal saline contained with small amount of iodine, and she was recovered from her general endotracheal anesthetic. She was extubated and left the operating room in good condition to the postoperative recovery room area. Estimated blood loss was minimal. There were no complications. Specimens produced were right and left tonsils. The adenoid pad was ablated with electrocautery.  
KEYWORDS:surgery, obstructive adenotonsillar hypertrophy, pharyngitis, tonsillectomy, adenoidectomy, uvula, obstructive, adenotonsillar, hypertrophy, hypertrophic, fossa, tonsils, oropharynx, electrocautery, pads
&lt;/code&gt;&lt;/pre&gt;
&lt;p&gt;Third exemple:&lt;/p&gt;
&lt;pre&gt;&lt;code&gt;  SAMPLE TYPE / MEDICAL SPECIALTY:Urology  
SAMPLE NAME: Laser Vaporization of Prostate 
DESCRIPTION:Cystopyelogram and laser vaporization of the prostate.  
(Medical Transcription Sample Report)  
* * *
PREOPERATIVE DIAGNOSIS:Benign prostatic hypertrophy.  
Postoperative Diagnosis:Benign prostatic hypertrophy.  
SURGERY: Cystopyelogram and laser vaporization of the prostate.  
amenesia:Spinal.  
ESTIMATED BLOOD LOSS:Minimal.  
FLUIDS:Crystalloid.  
BRIEF HISTORY:The patient is a 67-year-old male with a history of TURP, presented to us with urgency, frequency, and dribbling. The patient was started on alpha-blockers with some help, but had nocturia q.1h. The patient was given anticholinergics with minimal to no help. The patient had a cystoscopy done, which showed enlargement of the left lateral lobes of the prostate. At this point, options were discussed such as watchful waiting and laser vaporization to open up the prostate to get a better stream. Continuation of alpha-blockers and adding another anti-cholinergic at night to prevent bladder overactivity were discussed. The patient was told that his symptoms may be related to the mild-to-moderate trabeculation in the bladder, which can cause poor compliance.  
The patient understood and wanted to proceed with laser vaporization to see if
it would help improve his stream, which in turn might help improve emptying of
the bladder and might help his overactivity of the bladder. The patient was
told that he may need anticholinergics. There could be increased risk of
incontinence, stricture, erectile dysfunction, other complications and the
consent was obtained.  
PROCEDURE IN DETAIL: The patient was brought to the OR and anesthesia was applied. The patient was placed in dorsal lithotomy position. The patient was given preoperative antibiotics. The patient was prepped and draped in the usual sterile fashion. A #23-French scope was inserted inside the urethra into the bladder under direct vision. Bilateral pyelograms were normal. The rest of the bladder appeared normal except for some moderate trabeculations throughout the bladder. There was enlargement of the lateral lobes of the prostate. The old TUR scar was visualized right at the bladder neck. Using diode side-firing fiber, the lateral lobes were taken down. The verumontanum, the external sphincter, and the ureteral openings were all intact at the end of the procedure. Pictures were taken and were shown to the family. At the end of the procedure, there was good hemostasis. A total of about 15 to 20 minutes of lasering time was used. A #22 3-way catheter was placed. At the end of the procedure, the patient was brought to recovery in stable condition. Plan was for removal of the Foley catheter in 48 hours and continuation of use of anticholinergics at night.   
KEYWORDS:urology, laser vaporization of the prostate, cystopyelogram, benign prostatic hypertroph, benign prostatic hypertrophy, alpha blockers, laser vaporization, anticholinergics, laser, vaporization, prostate, bladder
&lt;/code&gt;&lt;/pre&gt;
&lt;p&gt;would be:&lt;/p&gt;
&lt;pre&gt;&lt;code&gt;SAMPLE TYPE / MEDICAL SPECIALTY:Urology  
SAMPLE NAME: Laser Vaporization of Prostate 
DESCRIPTION:Cystopyelogram and laser vaporization of the prostate.  
PREOPERATIVE DIAGNOSIS:Benign prostatic hypertrophy.  
POSTOPERATIVE DIAGNOSIS:Benign prostatic hypertrophy.  
SURGERY: Cystopyelogram and laser vaporization of the prostate.  
ANESTHESIA:Spinal.  
ESTIMATED BLOOD LOSS:Minimal.  
FLUIDS:Crystalloid.  
BRIEF HISTORY:The patient is a 67-year-old male with a history of TURP, presented to us with urgency, frequency, and dribbling. The patient was started on alpha-blockers with some help, but had nocturia q.1h. The patient was given anticholinergics with minimal to no help. The patient had a cystoscopy done, which showed enlargement of the left lateral lobes of the prostate. At this point, options were discussed such as watchful waiting and laser vaporization to open up the prostate to get a better stream. Continuation of alpha-blockers and adding another anti-cholinergic at night to prevent bladder overactivity were discussed. The patient was told that his symptoms may be related to the mild-to-moderate trabeculation in the bladder, which can cause poor compliance. The patient understood and wanted to proceed with laser vaporization to see if it would help improve his stream, which in turn might help improve emptying of the bladder and might help his overactivity of the bladder. The patient was told that he may need anticholinergics. There could be increased risk of incontinence, stricture, erectile dysfunction, other complications and the consent was obtained.   
PROCEDURE IN DETAIL: The patient was brought to the OR and anesthesia was applied. The patient was placed in dorsal lithotomy position. The patient was given preoperative antibiotics. The patient was prepped and draped in the usual sterile fashion. A #23-French scope was inserted inside the urethra into the bladder under direct vision. Bilateral pyelograms were normal. The rest of the bladder appeared normal except for some moderate trabeculations throughout the bladder. There was enlargement of the lateral lobes of the prostate. The old TUR scar was visualized right at the bladder neck. Using diode side-firing fiber, the lateral lobes were taken down. The verumontanum, the external sphincter, and the ureteral openings were all intact at the end of the procedure. Pictures were taken and were shown to the family. At the end of the procedure, there was good hemostasis. A total of about 15 to 20 minutes of lasering time was used. A #22 3-way catheter was placed. At the end of the procedure, the patient was brought to recovery in stable condition. Plan was for removal of the Foley catheter in 48 hours and continuation of use of anticholinergics at night.   
KEYWORDS:urology, laser vaporization of the prostate, cystopyelogram, benign prostatic hypertroph, benign prostatic hypertrophy, alpha blockers, laser vaporization, anticholinergics, laser, vaporization, prostate, bladder
&lt;/code&gt;&lt;/pre&gt;</t>
  </si>
  <si>
    <t>2018-01-20 11:33:29.637000+00:00</t>
  </si>
  <si>
    <t>2018-01-20 18:09:20.743000+00:00</t>
  </si>
  <si>
    <t>2018-01-20 12:09:53+00:00</t>
  </si>
  <si>
    <t>regex|string|python-3.x|preg-replace|regex-group</t>
  </si>
  <si>
    <t>Javascript to prevent invalid user input</t>
  </si>
  <si>
    <t>&lt;p&gt;I have written a set of javascript functions that allow me to validate user input on a form. I only want to accept valid input, and impose the following behaviour:&lt;/p&gt;
&lt;p&gt;When a user enters an invalid form, I display an alert and inform them that the value entered is incorrect. Crucially, the original (valid) value in the form is not changed.&lt;/p&gt;
&lt;p&gt;The value is only changed when the value has been validated.&lt;/p&gt;
&lt;p&gt;For example, suppose I want to accept only positive integers in a field.&lt;/p&gt;
&lt;p&gt;This is the sequence of events that describes the desired behaviour.&lt;/p&gt;
&lt;p&gt;&lt;strong&gt;Scenario 1 (valid input)&lt;/strong&gt;&lt;/p&gt;
&lt;ol&gt;
&lt;li&gt;Form loads with valid default in the input field&lt;/li&gt;
&lt;li&gt;User types in valid number&lt;/li&gt;
&lt;li&gt;Input field value is updated (as per normal form behaviour)&lt;/li&gt;
&lt;/ol&gt;
&lt;p&gt;&lt;strong&gt;Scenario 2 (INvalid input)&lt;/strong&gt;&lt;/p&gt;
&lt;ol&gt;
&lt;li&gt;Form loads with valid default in the input field&lt;/li&gt;
&lt;li&gt;User types in INvalid number&lt;/li&gt;
&lt;li&gt;Alert box is shown alert('Invalid value')&lt;/li&gt;
&lt;li&gt;Input field value is NOT CHANGED (i.e. the value is the same as BEFORE the user typed in the invalid number)&lt;/li&gt;
&lt;/ol&gt;
&lt;p&gt;&lt;strong&gt;[Edit]&lt;/strong&gt;&lt;/p&gt;
&lt;p&gt;&lt;strong&gt;The only problem I am facing at  the moment (i.e. what this question is seeking an answer for), is Scenario 2, action point 4. More specifically put, the question degenerates to the following question:&lt;/strong&gt;&lt;/p&gt;
&lt;p&gt;How do I stop the value of a field from changing, if I (somehow) determine that the value being entered by the user is invalid. This is really, all I'm trying to answer.&lt;/p&gt;
&lt;p&gt;I am also doing server side checks, this question is just about the front end - i.e. refusing to change a field (form text input) value if I determine that the value is incorrect.&lt;/p&gt;
&lt;p&gt;BTW, I am using jQuery, and would like to implement this in a manner that separates behaviour from display (I think this is what is meant by the term 'unobtrusive' ?)&lt;/p&gt;
&lt;p&gt;Any suggestions on how to implement this behaviour as described above, would be very much appreciated.&lt;/p&gt;
&lt;p&gt;PS: I dont want to use yet another jQuery plugin for this. I should be able to use jQuery + the simple javascript validation functions I have already written.&lt;/p&gt;</t>
  </si>
  <si>
    <t>2010-02-14 14:28:50.343000+00:00</t>
  </si>
  <si>
    <t>2010-02-14 16:39:41.887000+00:00</t>
  </si>
  <si>
    <t>2010-02-14 15:55:19.840000+00:00</t>
  </si>
  <si>
    <t>mysql connection state in visual studio 2012 c#</t>
  </si>
  <si>
    <t>&lt;p&gt;I have this application to retrieve data from &lt;code&gt;MySql&lt;/code&gt; database and I do not need to open connection to connect to database how is this possible? Usually you need to add like &lt;code&gt;connection.Open()&lt;/code&gt; and &lt;code&gt;connection.Close()&lt;/code&gt;. Am i missing something here? I use Visual studio 2012 and ADO.NET 4.0&lt;/p&gt;
&lt;p&gt;Code:&lt;/p&gt;
&lt;pre&gt;&lt;code&gt;public partial class Filter1 : Form
{
    public Filter1()
    {
        InitializeComponent();
    }
    private void Filter1_Load(object sender, EventArgs e)
    {
         MySqlConnection connection = new MySqlConnection("server=;database=;uid=;password=;");
         MySqlDataAdapter mySqlDataAdapter;
         DataSet DS = new Dataset();
         MySqlCommand command = connection.CreateCommand();
         command.CommandText = "SELECT * FROM table";
         mySqlDataAdapter = new MySqlDataAdapter(command.CommandText, connection);
         mySqlDataAdapter.Fill(DS.Tables[0]);
         ViewG.DataSource = DS.Tables[0];
    }
&lt;/code&gt;&lt;/pre&gt;</t>
  </si>
  <si>
    <t>2014-03-07 15:22:03.167000+00:00</t>
  </si>
  <si>
    <t>2014-03-07 15:30:11.617000+00:00</t>
  </si>
  <si>
    <t>c#|mysql|visual-studio-2012</t>
  </si>
  <si>
    <t>Which DB driver to use DbVisualiser with Azure SQL?</t>
  </si>
  <si>
    <t>&lt;p&gt;I have earlier used Microsoft SQL Server Management Studio &lt;a href="https://docs.microsoft.com/en-us/sql/ssms/use-sql-server-management-studio" rel="nofollow noreferrer"&gt;here&lt;/a&gt; with Azure SQL &lt;a href="https://azure.microsoft.com/en-us/services/sql-database/" rel="nofollow noreferrer"&gt;here&lt;/a&gt; but I want to try &lt;a href="http://www.dbvis.com/" rel="nofollow noreferrer"&gt;DbVis&lt;/a&gt; (a platform independent alternative). I am trying DbVis in OSX. I could find JDBC driver for SQL Server &lt;a href="https://docs.microsoft.com/en-us/sql/connect/jdbc/download-microsoft-jdbc-driver-for-sql-server" rel="nofollow noreferrer"&gt;here&lt;/a&gt; but not sure whether this required to use DbVis with Azure SQL in OSX.&lt;/p&gt;
&lt;p&gt;&lt;strong&gt;Which driver do I need to select to connect to the Azure SQL in DbVis?&lt;/strong&gt;&lt;/p&gt;
&lt;p&gt;&lt;a href="https://i.stack.imgur.com/R41St.png" rel="nofollow noreferrer"&gt;&lt;img src="https://i.stack.imgur.com/R41St.png" alt="enter image description here"&gt;&lt;/a&gt;&lt;/p&gt;
&lt;p&gt;&lt;a href="https://i.stack.imgur.com/29n6x.png" rel="nofollow noreferrer"&gt;&lt;img src="https://i.stack.imgur.com/29n6x.png" alt="enter image description here"&gt;&lt;/a&gt;&lt;/p&gt;
&lt;p&gt;&lt;strong&gt;Trial 1.&lt;/strong&gt; Error with admin credentials&lt;/p&gt;
&lt;blockquote&gt;
  &lt;p&gt;The settings are&lt;/p&gt;
  &lt;ul&gt;
  &lt;li&gt;Server name &lt;code&gt;myDB.database.windows.net&lt;/code&gt; as &lt;code&gt;Database URL&lt;/code&gt;&lt;/li&gt;
  &lt;li&gt;Azure SQL admin as &lt;code&gt;Database userid&lt;/code&gt;&lt;/li&gt;
  &lt;li&gt;Azure SQL password as &lt;code&gt;Database Password&lt;/code&gt;&lt;/li&gt;
  &lt;/ul&gt;
  &lt;p&gt;by which the error such that&lt;/p&gt;
&lt;pre&gt;&lt;code&gt;An error occurred while establishing the connection:
The selected Driver cannot handle the specified Database URL.
The most common reason for this error is that the database URL
contains a syntax error preventing the driver from accepting it.
The error also occurs when trying to connect to a database
with the wrong driver. Correct this and try again.
&lt;/code&gt;&lt;/pre&gt;
  &lt;p&gt;&lt;a href="https://i.stack.imgur.com/lLOvr.png" rel="nofollow noreferrer"&gt;&lt;img src="https://i.stack.imgur.com/lLOvr.png" alt="enter image description here"&gt;&lt;/a&gt;&lt;/p&gt;
&lt;/blockquote&gt;
&lt;p&gt;&lt;em&gt;Potentially related&lt;/em&gt;&lt;/p&gt;
&lt;ol&gt;
&lt;li&gt;&lt;p&gt;Connecting to Azure SQL in DB Vis under Ubuntu &lt;a href="https://support.dbvis.com/support/discussions/topics/1000077868" rel="nofollow noreferrer"&gt;here&lt;/a&gt; (Q&amp;amp;A thread)&lt;/p&gt;&lt;/li&gt;
&lt;li&gt;&lt;p&gt;Connect to Azure Management Data in Db Vis &lt;a href="https://www.cdata.com/kb/tech/azuremanagement-jdbc-dbv.rst" rel="nofollow noreferrer"&gt;here&lt;/a&gt; (some article)&lt;/p&gt;&lt;/li&gt;
&lt;li&gt;&lt;p&gt;Ticket in Db Vis asking for instructions to connect to Azure SQL dbs in Db Vis &lt;a href="https://support.dbvis.com/support/tickets/22389" rel="nofollow noreferrer"&gt;here&lt;/a&gt;.&lt;/p&gt;&lt;/li&gt;
&lt;/ol&gt;</t>
  </si>
  <si>
    <t>2017-05-14 21:26:32.263000+00:00</t>
  </si>
  <si>
    <t>2017-05-16 02:02:56.887000+00:00</t>
  </si>
  <si>
    <t>2017-05-14 23:33:45.870000+00:00</t>
  </si>
  <si>
    <t>sql-server|macos|azure|azure-sql-database|dbvisualizer</t>
  </si>
  <si>
    <t>Compile C to native library in Maven</t>
  </si>
  <si>
    <t>&lt;p&gt;I have a Java project that relies on C source files. I have the proper JNI header files, I just need to compile them with the C code to a &lt;code&gt;dll&lt;/code&gt; (or Linux/OSX equivalent) in &lt;em&gt;target/&lt;/em&gt;. My current &lt;em&gt;pom.xml&lt;/em&gt; builds the Java code, but doesn't build the &lt;code&gt;dll&lt;/code&gt;.
&lt;div class="snippet" data-lang="js" data-hide="false"&gt;_x000D_
&lt;div class="snippet-code"&gt;_x000D_
&lt;pre class="snippet-code-html lang-html prettyprint-override"&gt;&lt;code&gt;&amp;lt;?xml version="1.0" encoding="UTF-8"?&amp;gt;_x000D_
&amp;lt;project xmlns="http://maven.apache.org/POM/4.0.0" xmlns:xsi="http://www.w3.org/2001/XMLSchema-instance" xsi:schemaLocation="http://maven.apache.org/POM/4.0.0 http://maven.apache.org/maven-v4_0_0.xsd"&amp;gt;_x000D_
&amp;lt;modelVersion&amp;gt;4.0.0&amp;lt;/modelVersion&amp;gt;_x000D_
&amp;lt;groupId&amp;gt;xyz.jadonfowler&amp;lt;/groupId&amp;gt;_x000D_
&amp;lt;artifactId&amp;gt;o&amp;lt;/artifactId&amp;gt;_x000D_
&amp;lt;packaging&amp;gt;jar&amp;lt;/packaging&amp;gt;_x000D_
&amp;lt;version&amp;gt;2.0&amp;lt;/version&amp;gt;_x000D_
&amp;lt;properties&amp;gt;_x000D_
    &amp;lt;!-- Native compiler --&amp;gt;_x000D_
    &amp;lt;compiler-name&amp;gt;clang&amp;lt;/compiler-name&amp;gt;_x000D_
    &amp;lt;linker-name&amp;gt;clang&amp;lt;/linker-name&amp;gt;_x000D_
&amp;lt;/properties&amp;gt;_x000D_
&amp;lt;dependencies&amp;gt;_x000D_
    &amp;lt;dependency&amp;gt;_x000D_
        &amp;lt;groupId&amp;gt;com.sparkjava&amp;lt;/groupId&amp;gt;_x000D_
        &amp;lt;artifactId&amp;gt;spark-core&amp;lt;/artifactId&amp;gt;_x000D_
        &amp;lt;version&amp;gt;2.2&amp;lt;/version&amp;gt;_x000D_
    &amp;lt;/dependency&amp;gt;_x000D_
    &amp;lt;dependency&amp;gt;_x000D_
        &amp;lt;groupId&amp;gt;com.heroku.sdk&amp;lt;/groupId&amp;gt;_x000D_
        &amp;lt;artifactId&amp;gt;heroku-jdbc&amp;lt;/artifactId&amp;gt;_x000D_
        &amp;lt;version&amp;gt;0.1.0&amp;lt;/version&amp;gt;_x000D_
    &amp;lt;/dependency&amp;gt;_x000D_
    &amp;lt;dependency&amp;gt;_x000D_
        &amp;lt;groupId&amp;gt;commons-codec&amp;lt;/groupId&amp;gt;_x000D_
        &amp;lt;artifactId&amp;gt;commons-codec&amp;lt;/artifactId&amp;gt;_x000D_
        &amp;lt;version&amp;gt;1.9&amp;lt;/version&amp;gt;_x000D_
    &amp;lt;/dependency&amp;gt;_x000D_
    &amp;lt;dependency&amp;gt;_x000D_
    &amp;lt;groupId&amp;gt;junit&amp;lt;/groupId&amp;gt;_x000D_
    &amp;lt;artifactId&amp;gt;junit&amp;lt;/artifactId&amp;gt;_x000D_
    &amp;lt;version&amp;gt;4.12&amp;lt;/version&amp;gt;_x000D_
    &amp;lt;/dependency&amp;gt;_x000D_
&amp;lt;/dependencies&amp;gt;_x000D_
&amp;lt;build&amp;gt;_x000D_
    &amp;lt;defaultGoal&amp;gt;install&amp;lt;/defaultGoal&amp;gt;_x000D_
    &amp;lt;sourceDirectory&amp;gt;src&amp;lt;/sourceDirectory&amp;gt;_x000D_
    &amp;lt;testSourceDirectory&amp;gt;src&amp;lt;/testSourceDirectory&amp;gt;_x000D_
    &amp;lt;resources&amp;gt;_x000D_
        &amp;lt;resource&amp;gt;_x000D_
            &amp;lt;directory&amp;gt;res&amp;lt;/directory&amp;gt;_x000D_
        &amp;lt;/resource&amp;gt;_x000D_
    &amp;lt;/resources&amp;gt;_x000D_
    &amp;lt;plugins&amp;gt;_x000D_
        &amp;lt;plugin&amp;gt;_x000D_
            &amp;lt;groupId&amp;gt;org.apache.maven.plugins&amp;lt;/groupId&amp;gt;_x000D_
            &amp;lt;artifactId&amp;gt;maven-dependency-plugin&amp;lt;/artifactId&amp;gt;_x000D_
            &amp;lt;version&amp;gt;2.4&amp;lt;/version&amp;gt;_x000D_
            &amp;lt;executions&amp;gt;_x000D_
                &amp;lt;execution&amp;gt;_x000D_
                    &amp;lt;id&amp;gt;copy-dependencies&amp;lt;/id&amp;gt;_x000D_
                    &amp;lt;phase&amp;gt;package&amp;lt;/phase&amp;gt;_x000D_
                    &amp;lt;goals&amp;gt;_x000D_
                        &amp;lt;goal&amp;gt;copy-dependencies&amp;lt;/goal&amp;gt;_x000D_
                    &amp;lt;/goals&amp;gt;_x000D_
                &amp;lt;/execution&amp;gt;_x000D_
            &amp;lt;/executions&amp;gt;_x000D_
        &amp;lt;/plugin&amp;gt;_x000D_
        &amp;lt;plugin&amp;gt;_x000D_
            &amp;lt;groupId&amp;gt;org.apache.maven.plugins&amp;lt;/groupId&amp;gt;_x000D_
            &amp;lt;artifactId&amp;gt;maven-compiler-plugin&amp;lt;/artifactId&amp;gt;_x000D_
            &amp;lt;version&amp;gt;2.5.1&amp;lt;/version&amp;gt;_x000D_
            &amp;lt;configuration&amp;gt;_x000D_
                &amp;lt;source&amp;gt;1.8&amp;lt;/source&amp;gt;_x000D_
                &amp;lt;target&amp;gt;1.8&amp;lt;/target&amp;gt;_x000D_
                &amp;lt;optimize&amp;gt;true&amp;lt;/optimize&amp;gt;_x000D_
                &amp;lt;debug&amp;gt;true&amp;lt;/debug&amp;gt;_x000D_
            &amp;lt;/configuration&amp;gt;_x000D_
        &amp;lt;/plugin&amp;gt;_x000D_
        &amp;lt;plugin&amp;gt;_x000D_
            &amp;lt;groupId&amp;gt;org.apache.maven.plugins&amp;lt;/groupId&amp;gt;_x000D_
            &amp;lt;artifactId&amp;gt;maven-jar-plugin&amp;lt;/artifactId&amp;gt;_x000D_
            &amp;lt;version&amp;gt;2.4&amp;lt;/version&amp;gt;_x000D_
            &amp;lt;configuration&amp;gt;_x000D_
                &amp;lt;archive&amp;gt;_x000D_
                    &amp;lt;manifest&amp;gt;_x000D_
                        &amp;lt;mainClass&amp;gt;xyz.jadonfowler.o.WebIDE&amp;lt;/mainClass&amp;gt;_x000D_
                    &amp;lt;/manifest&amp;gt;_x000D_
                &amp;lt;/archive&amp;gt;_x000D_
            &amp;lt;/configuration&amp;gt;_x000D_
        &amp;lt;/plugin&amp;gt;_x000D_
        &amp;lt;plugin&amp;gt;_x000D_
            &amp;lt;groupId&amp;gt;org.apache.maven.plugins&amp;lt;/groupId&amp;gt;_x000D_
            &amp;lt;artifactId&amp;gt;maven-shade-plugin&amp;lt;/artifactId&amp;gt;_x000D_
            &amp;lt;version&amp;gt;2.1&amp;lt;/version&amp;gt;_x000D_
            &amp;lt;configuration&amp;gt;_x000D_
                &amp;lt;filters&amp;gt;_x000D_
                    &amp;lt;filter&amp;gt;_x000D_
                        &amp;lt;artifact&amp;gt;*:*&amp;lt;/artifact&amp;gt;_x000D_
                        &amp;lt;excludes&amp;gt;_x000D_
                            &amp;lt;exclude&amp;gt;META-INF/*.SF&amp;lt;/exclude&amp;gt;_x000D_
                            &amp;lt;exclude&amp;gt;META-INF/*.DSA&amp;lt;/exclude&amp;gt;_x000D_
                            &amp;lt;exclude&amp;gt;META-INF/*.RSA&amp;lt;/exclude&amp;gt;_x000D_
                        &amp;lt;/excludes&amp;gt;_x000D_
                    &amp;lt;/filter&amp;gt;_x000D_
                &amp;lt;/filters&amp;gt;_x000D_
            &amp;lt;/configuration&amp;gt;_x000D_
            &amp;lt;executions&amp;gt;_x000D_
                &amp;lt;execution&amp;gt;_x000D_
                    &amp;lt;phase&amp;gt;package&amp;lt;/phase&amp;gt;_x000D_
                    &amp;lt;goals&amp;gt;_x000D_
                        &amp;lt;goal&amp;gt;shade&amp;lt;/goal&amp;gt;_x000D_
                    &amp;lt;/goals&amp;gt;_x000D_
                    &amp;lt;configuration&amp;gt;_x000D_
                        &amp;lt;transformers&amp;gt;_x000D_
                            &amp;lt;transformer implementation="org.apache.maven.plugins.shade.resource.ManifestResourceTransformer"&amp;gt;_x000D_
                                &amp;lt;mainClass&amp;gt;xyz.jadonfowler.o.WebIDE&amp;lt;/mainClass&amp;gt;_x000D_
                            &amp;lt;/transformer&amp;gt;_x000D_
                        &amp;lt;/transformers&amp;gt;_x000D_
                    &amp;lt;/configuration&amp;gt;_x000D_
                &amp;lt;/execution&amp;gt;_x000D_
            &amp;lt;/executions&amp;gt;_x000D_
        &amp;lt;/plugin&amp;gt;_x000D_
        &amp;lt;plugin&amp;gt;_x000D_
            &amp;lt;groupId&amp;gt;com.alexkasko.maven&amp;lt;/groupId&amp;gt;_x000D_
            &amp;lt;artifactId&amp;gt;jni-headers-maven-plugin&amp;lt;/artifactId&amp;gt;_x000D_
            &amp;lt;version&amp;gt;1.0.6&amp;lt;/version&amp;gt;_x000D_
            &amp;lt;executions&amp;gt;_x000D_
                &amp;lt;!-- generate header for native methods --&amp;gt;_x000D_
                &amp;lt;execution&amp;gt;_x000D_
                    &amp;lt;id&amp;gt;javah&amp;lt;/id&amp;gt;_x000D_
                    &amp;lt;phase&amp;gt;compile&amp;lt;/phase&amp;gt;_x000D_
                    &amp;lt;goals&amp;gt;_x000D_
                        &amp;lt;goal&amp;gt;javah&amp;lt;/goal&amp;gt;_x000D_
                    &amp;lt;/goals&amp;gt;_x000D_
                    &amp;lt;configuration&amp;gt;_x000D_
                        &amp;lt;javahClass&amp;gt;xyz.jadonfowler.o.OCBindings&amp;lt;/javahClass&amp;gt;_x000D_
                        &amp;lt;javahOutputFilePath&amp;gt;${project.basedir}/xyz_jadonfowler_o_OCBindings.h&amp;lt;/javahOutputFilePath&amp;gt;_x000D_
                    &amp;lt;/configuration&amp;gt;_x000D_
                &amp;lt;/execution&amp;gt;_x000D_
                &amp;lt;!-- generate header for java methods --&amp;gt;_x000D_
                &amp;lt;!-- Not need atm_x000D_
                &amp;lt;execution&amp;gt;_x000D_
                    &amp;lt;id&amp;gt;javap&amp;lt;/id&amp;gt;_x000D_
                    &amp;lt;phase&amp;gt;compile&amp;lt;/phase&amp;gt;_x000D_
                    &amp;lt;goals&amp;gt;_x000D_
                        &amp;lt;goal&amp;gt;javap&amp;lt;/goal&amp;gt;_x000D_
                    &amp;lt;/goals&amp;gt;_x000D_
                    &amp;lt;configuration&amp;gt;_x000D_
                        &amp;lt;javapClass&amp;gt;xyz.jadonfowler.o.OCBindings&amp;lt;/javapClass&amp;gt;_x000D_
                        &amp;lt;javapOutputFilePath&amp;gt;${project.basedir}/my_header_callbacks.h&amp;lt;/javapOutputFilePath&amp;gt;_x000D_
                    &amp;lt;/configuration&amp;gt;_x000D_
                &amp;lt;/execution&amp;gt; --&amp;gt;_x000D_
            &amp;lt;/executions&amp;gt;_x000D_
        &amp;lt;/plugin&amp;gt;_x000D_
        &amp;lt;plugin&amp;gt;_x000D_
            &amp;lt;groupId&amp;gt;com.github.maven-nar&amp;lt;/groupId&amp;gt;_x000D_
            &amp;lt;artifactId&amp;gt;nar-maven-plugin&amp;lt;/artifactId&amp;gt;_x000D_
            &amp;lt;version&amp;gt;3.2.3&amp;lt;/version&amp;gt;_x000D_
            &amp;lt;extensions&amp;gt;true&amp;lt;/extensions&amp;gt;_x000D_
            &amp;lt;configuration&amp;gt;_x000D_
                &amp;lt;c&amp;gt;_x000D_
                    &amp;lt;name&amp;gt;${compiler-name}&amp;lt;/name&amp;gt;_x000D_
                    &amp;lt;debug&amp;gt;false&amp;lt;/debug&amp;gt;_x000D_
                    &amp;lt;includes&amp;gt;_x000D_
                        &amp;lt;include&amp;gt;*.h&amp;lt;/include&amp;gt;_x000D_
                        &amp;lt;include&amp;gt;*.c&amp;lt;/include&amp;gt;_x000D_
                    &amp;lt;/includes&amp;gt;_x000D_
                    &amp;lt;!-- Options for compiler --&amp;gt;_x000D_
                    &amp;lt;options combine.children="append"&amp;gt;_x000D_
                        &amp;lt;option&amp;gt;-I $JAVA_HOME&amp;lt;/option&amp;gt;_x000D_
                        &amp;lt;option&amp;gt;-I $JAVA_HOME/*&amp;lt;/option&amp;gt;_x000D_
                    &amp;lt;/options&amp;gt;_x000D_
                &amp;lt;/c&amp;gt;_x000D_
                &amp;lt;linker&amp;gt;_x000D_
                    &amp;lt;name&amp;gt;${linker-name}&amp;lt;/name&amp;gt;_x000D_
                &amp;lt;/linker&amp;gt;_x000D_
                &amp;lt;libraries&amp;gt;_x000D_
                    &amp;lt;library&amp;gt;_x000D_
                    &amp;lt;type&amp;gt;jni&amp;lt;/type&amp;gt;_x000D_
                    &amp;lt;narSystemPackage&amp;gt;xyz.jadonfowler.o&amp;lt;/narSystemPackage&amp;gt;_x000D_
                    &amp;lt;/library&amp;gt;_x000D_
                &amp;lt;/libraries&amp;gt;_x000D_
            &amp;lt;/configuration&amp;gt;_x000D_
        &amp;lt;/plugin&amp;gt;_x000D_
    &amp;lt;/plugins&amp;gt;_x000D_
&amp;lt;/build&amp;gt;_x000D_
&amp;lt;profiles&amp;gt;_x000D_
    &amp;lt;profile&amp;gt;_x000D_
        &amp;lt;id&amp;gt;windows-common&amp;lt;/id&amp;gt;_x000D_
        &amp;lt;activation&amp;gt;_x000D_
            &amp;lt;os&amp;gt;_x000D_
                &amp;lt;family&amp;gt;windows&amp;lt;/family&amp;gt;_x000D_
            &amp;lt;/os&amp;gt;_x000D_
        &amp;lt;/activation&amp;gt;_x000D_
        &amp;lt;build&amp;gt;_x000D_
            &amp;lt;plugins&amp;gt;_x000D_
                &amp;lt;plugin&amp;gt;_x000D_
                    &amp;lt;groupId&amp;gt;com.github.maven-nar&amp;lt;/groupId&amp;gt;_x000D_
                    &amp;lt;artifactId&amp;gt;nar-maven-plugin&amp;lt;/artifactId&amp;gt;_x000D_
                    &amp;lt;extensions&amp;gt;true&amp;lt;/extensions&amp;gt;_x000D_
                    &amp;lt;configuration&amp;gt;_x000D_
                        &amp;lt;cpp&amp;gt;_x000D_
                            &amp;lt;options combine.children="append"&amp;gt;_x000D_
                                &amp;lt;option&amp;gt;-mthreads&amp;lt;/option&amp;gt;_x000D_
                            &amp;lt;/options&amp;gt;_x000D_
                        &amp;lt;/cpp&amp;gt;_x000D_
                    &amp;lt;/configuration&amp;gt;_x000D_
                &amp;lt;/plugin&amp;gt;_x000D_
            &amp;lt;/plugins&amp;gt;_x000D_
        &amp;lt;/build&amp;gt;_x000D_
    &amp;lt;/profile&amp;gt;_x000D_
_x000D_
    &amp;lt;profile&amp;gt;_x000D_
        &amp;lt;id&amp;gt;linux-common&amp;lt;/id&amp;gt;_x000D_
        &amp;lt;activation&amp;gt;_x000D_
            &amp;lt;os&amp;gt;_x000D_
                &amp;lt;family&amp;gt;linux&amp;lt;/family&amp;gt;_x000D_
            &amp;lt;/os&amp;gt;_x000D_
        &amp;lt;/activation&amp;gt;_x000D_
        &amp;lt;build&amp;gt;_x000D_
            &amp;lt;plugins&amp;gt;_x000D_
                &amp;lt;plugin&amp;gt;_x000D_
                    &amp;lt;groupId&amp;gt;com.github.maven-nar&amp;lt;/groupId&amp;gt;_x000D_
                    &amp;lt;artifactId&amp;gt;nar-maven-plugin&amp;lt;/artifactId&amp;gt;_x000D_
                    &amp;lt;extensions&amp;gt;true&amp;lt;/extensions&amp;gt;_x000D_
                    &amp;lt;configuration&amp;gt;_x000D_
                        &amp;lt;cpp&amp;gt;_x000D_
                            &amp;lt;options combine.children="append"&amp;gt;_x000D_
                                &amp;lt;option&amp;gt;-pthread&amp;lt;/option&amp;gt;_x000D_
                            &amp;lt;/options&amp;gt;_x000D_
                        &amp;lt;/cpp&amp;gt;_x000D_
                    &amp;lt;/configuration&amp;gt;_x000D_
                &amp;lt;/plugin&amp;gt;_x000D_
            &amp;lt;/plugins&amp;gt;_x000D_
        &amp;lt;/build&amp;gt;_x000D_
    &amp;lt;/profile&amp;gt;_x000D_
&amp;lt;/profiles&amp;gt;_x000D_
&amp;lt;/project&amp;gt;&lt;/code&gt;&lt;/pre&gt;_x000D_
&lt;/div&gt;_x000D_
&lt;/div&gt;_x000D_
&lt;/p&gt;
&lt;p&gt;I'm using Java 8 with Clang. I have the &lt;em&gt;jni-headers-maven-plugin&lt;/em&gt;, but I don't think I need it because I don't need to generate the headers on-the-fly. I also have the &lt;em&gt;nar-maven-plugin&lt;/em&gt;, which I &lt;em&gt;think&lt;/em&gt; is configured correctly, but it isn't showing up in the log anywhere.&lt;/p&gt;</t>
  </si>
  <si>
    <t>2015-11-02 04:41:48.827000+00:00</t>
  </si>
  <si>
    <t>java|c|maven|jni|maven-nar-plugin</t>
  </si>
  <si>
    <t>storing python function in distributed computer</t>
  </si>
  <si>
    <t>&lt;p&gt;finally I a little understand about tornadoweb asynchronous&lt;/p&gt;
&lt;p&gt;the key of asynchronous response is&lt;/p&gt;
&lt;blockquote&gt;
&lt;pre&gt;&lt;code&gt;def new_messages(self, messages):
    cls = MessageMixin
    logging.info("Sending new message to %r listeners", len(cls.waiters))
    for callback in cls.waiters:
        try:
            callback(messages)
        except:
            logging.error("Error in waiter callback", exc_info=True)
    cls.waiters = []
&lt;/code&gt;&lt;/pre&gt;
&lt;/blockquote&gt;
&lt;p&gt;so Is there any solution to store the callback function in datastore
or solution if using several computer or process??&lt;/p&gt;
&lt;p&gt;e.g : 
A request updates to node1
B post data for A that handled by node2&lt;/p&gt;
&lt;p&gt;how to node2 call node1 callback??&lt;/p&gt;</t>
  </si>
  <si>
    <t>2011-06-06 17:24:07.600000+00:00</t>
  </si>
  <si>
    <t>2011-06-09 07:50:28.460000+00:00</t>
  </si>
  <si>
    <t>The Powers of 10</t>
  </si>
  <si>
    <t>&lt;pre&gt;&lt;code&gt;  #include &amp;lt;stdio.h&amp;gt;
  #include &amp;lt;stdlib.h&amp;gt;
  #define SIZEOF(arr) (sizeof(arr) / sizeof(arr[0]))
  #define PrintInt(expr) printf("%s:%d\n",#expr,(expr))
  int main()
  {
      /* The powers of 10 */
      int pot[] = {
          0001,
          0010,
          0100,
          1000
      };
      int i;
      for(i=0;i&amp;lt;SIZEOF(pot);i++)
          PrintInt(pot[i]);
      return 0;
  }
&lt;/code&gt;&lt;/pre&gt;
&lt;p&gt;The output of the following code is&lt;/p&gt;
&lt;blockquote&gt;
  &lt;p&gt;pot[i]:1&lt;br&gt;
  pot[i]:8&lt;br&gt;
  pot[i]:64&lt;br&gt;
  pot[i]:1000&lt;/p&gt;
&lt;/blockquote&gt;
&lt;p&gt;why does it give such output??`&lt;/p&gt;</t>
  </si>
  <si>
    <t>2014-08-08 17:10:09.250000+00:00</t>
  </si>
  <si>
    <t>2014-08-08 18:11:24.493000+00:00</t>
  </si>
  <si>
    <t>2014-08-08 17:23:23.837000+00:00</t>
  </si>
  <si>
    <t>input validation on HTTP_RAW_POST_DATA</t>
  </si>
  <si>
    <t>&lt;p&gt;I'm using jQuery webcam plugin from xarg.org, this plugin allow to use user webcam thanks to flash application and take snap.&lt;/p&gt;
&lt;p&gt;When taking a snap, image is sent to php script for saving image by HTTP_RAW_POST_DATA. The author propose this script:&lt;/p&gt;
&lt;pre&gt;&lt;code&gt;&amp;lt;?php
$str = file_get_contents("php://input");
file_put_contents("/tmp/upload.jpg", pack("H*", $str));
?&amp;gt;
&lt;/code&gt;&lt;/pre&gt;
&lt;p&gt;My problem is the input validation, I don't know how to test data from HTTP_RAW_POST_DATA.&lt;/p&gt;
&lt;p&gt;I add this test after the previous script:&lt;/p&gt;
&lt;pre&gt;&lt;code&gt;$imageOK=true;
$imagesize = getimagesize("views/img/order.jpg");
if(@is_array($imagesize)){
    if($imagesize[mime]!="" &amp;amp;&amp;amp; $imagesize[mime]=="image/jpeg"){
        $imageOK=true;
    }
    else {
    $imageOK=false;
    }
} else {
    $imageOK=false;
}
if(!$imageOK)
    unlink("views/img/order.jpg");
&lt;/code&gt;&lt;/pre&gt;
&lt;p&gt;Do you think it is secure? If not, which kind of test can I do?&lt;/p&gt;
&lt;p&gt;Thanks&lt;/p&gt;</t>
  </si>
  <si>
    <t>2016-11-23 08:34:55.893000+00:00</t>
  </si>
  <si>
    <t>2016-11-23 08:44:35.620000+00:00</t>
  </si>
  <si>
    <t>LDAP search filter</t>
  </si>
  <si>
    <t>&lt;p&gt;I have the following structure coming from my LDAP when I use this filter :&lt;/p&gt;
&lt;p&gt;&lt;strong&gt;(objectclass=bussoapprocessor)&lt;/strong&gt; . &lt;/p&gt;
&lt;pre&gt;&lt;code&gt;&amp;lt;data&amp;gt;
&amp;lt;GetSoapProcessorsResponse&amp;gt;
    &amp;lt;tuple&amp;gt;
        &amp;lt;old&amp;gt;
            &amp;lt;entry dn="cn=ABC" entryUUID="5ec82981-d111-4851-98cc-0ff7fd40c977"&amp;gt;
                &amp;lt;bussoapprocessorconfiguration&amp;gt;
                    &amp;lt;string&amp;gt;
                        &amp;lt;configurations autoStartCount="3"&amp;gt;
                            &amp;lt;cancelReplyInterval&amp;gt;30000&amp;lt;/cancelReplyInterval&amp;gt;
                            &amp;lt;gracefulCompleteTime&amp;gt;15&amp;lt;/gracefulCompleteTime&amp;gt;
                            &amp;lt;abortTime&amp;gt;5&amp;lt;/abortTime&amp;gt;
                            &amp;lt;routing ui_type="loadbalancing" ui_algorithm="failover"&amp;gt;
                                &amp;lt;preference&amp;gt;1&amp;lt;/preference&amp;gt;
                            &amp;lt;/routing&amp;gt;
                            &amp;lt;configuration implementation="applicationconnector.uddi.UDDIConnector" htmfile="/uddi/applicationconnector/uddi.caf"&amp;gt;
                                &amp;lt;startupDependency xmlns="http://schemas.abc.com/1.0/xmlstore"&amp;gt;
                                    &amp;lt;namespace&amp;gt;http://schemas.abc.com/1.0/xmlstore&amp;lt;/namespace&amp;gt;
                                &amp;lt;/startupDependency&amp;gt;
                                &amp;lt;isProxyEnabled&amp;gt;false&amp;lt;/isProxyEnabled&amp;gt;
                                &amp;lt;advancedoptions&amp;gt;
                                    &amp;lt;ignorecert&amp;gt;false&amp;lt;/ignorecert&amp;gt;
                                    &amp;lt;so_timeout&amp;gt;1800000&amp;lt;/so_timeout&amp;gt;
                                &amp;lt;/advancedoptions&amp;gt;
                            &amp;lt;/configuration&amp;gt;
                        &amp;lt;/configurations&amp;gt;
                    &amp;lt;/string&amp;gt;
                &amp;lt;/bussoapprocessorconfiguration&amp;gt;
                &amp;lt;computer&amp;gt;
                    &amp;lt;string&amp;gt;mycomp&amp;lt;/string&amp;gt;
                &amp;lt;/computer&amp;gt;
                &amp;lt;automaticstart&amp;gt;
                    &amp;lt;string&amp;gt;true&amp;lt;/string&amp;gt;
                &amp;lt;/automaticstart&amp;gt;
                &amp;lt;objectclass&amp;gt;
                    &amp;lt;string&amp;gt;top&amp;lt;/string&amp;gt;
                    &amp;lt;string&amp;gt;bussoapprocessor&amp;lt;/string&amp;gt;
                &amp;lt;/objectclass&amp;gt;
            &amp;lt;/entry&amp;gt;
        &amp;lt;/old&amp;gt;
    &amp;lt;/tuple&amp;gt;
    &amp;lt;tuple&amp;gt;
        &amp;lt;old&amp;gt;
            &amp;lt;entry dn="ABC 2"&amp;gt;
                &amp;lt;bussoapprocessorconfiguration&amp;gt;
                    &amp;lt;string&amp;gt;
                        &amp;lt;configurations autoStartCount="3"&amp;gt;
                            &amp;lt;cancelReplyInterval&amp;gt;30000&amp;lt;/cancelReplyInterval&amp;gt;
                            &amp;lt;gracefulCompleteTime&amp;gt;15&amp;lt;/gracefulCompleteTime&amp;gt;
                            &amp;lt;abortTime&amp;gt;5&amp;lt;/abortTime&amp;gt;
                            &amp;lt;jreconfig&amp;gt;
                                &amp;lt;param value="-Xmx256M"/&amp;gt;
                                &amp;lt;param value="-XX:PermSize=5m"/&amp;gt;
                            &amp;lt;/jreconfig&amp;gt;
                            &amp;lt;routing ui_type="loadbalancing" ui_algorithm="failover"&amp;gt;
                                &amp;lt;preference&amp;gt;1&amp;lt;/preference&amp;gt;
                            &amp;lt;/routing&amp;gt;
                            &amp;lt;configuration implementation="com.eibus.applicationconnector.sap.SAPMapper" htmfile="/bac/sap/sap.htm"&amp;gt;
                                &amp;lt;classpath&amp;gt;
                                    &amp;lt;location&amp;gt;/BAC/SAP/lib/sapjco.jar&amp;lt;/location&amp;gt;
                                    &amp;lt;location&amp;gt;/BAC/SAP/lib/sapidocjco.jar&amp;lt;/location&amp;gt;
                                    &amp;lt;location&amp;gt;/BAC/SAP/lib/sapidoc.jar&amp;lt;/location&amp;gt;
                                    &amp;lt;location&amp;gt;/BAC/SAP/lib/jdsr.jar&amp;lt;/location&amp;gt;
                                    &amp;lt;location&amp;gt;/BAC/SAP/lib/coelib.jar&amp;lt;/location&amp;gt;
                                    &amp;lt;location&amp;gt;/BAC/SAP/lib/wsdl4j.jar&amp;lt;/location&amp;gt;
                                    &amp;lt;location&amp;gt;/BAC/SAP/sapconnector.jar&amp;lt;/location&amp;gt;
                            &amp;lt;/configuration&amp;gt;
                        &amp;lt;/configurations&amp;gt;
                    &amp;lt;/string&amp;gt;
                &amp;lt;/bussoapprocessorconfiguration&amp;gt;
                &amp;lt;computer&amp;gt;
                    &amp;lt;string&amp;gt;mycomp&amp;lt;/string&amp;gt;
                &amp;lt;/computer&amp;gt;
                &amp;lt;automaticstart&amp;gt;
                    &amp;lt;string&amp;gt;true&amp;lt;/string&amp;gt;
                &amp;lt;/automaticstart&amp;gt;
                &amp;lt;cn&amp;gt;
                    &amp;lt;string&amp;gt;SAP R3 Connector&amp;lt;/string&amp;gt;
                &amp;lt;/cn&amp;gt;
                &amp;lt;objectclass&amp;gt;
                    &amp;lt;string&amp;gt;top&amp;lt;/string&amp;gt;
                    &amp;lt;string&amp;gt;bussoapprocessor&amp;lt;/string&amp;gt;
                &amp;lt;/objectclass&amp;gt;
            &amp;lt;/entry&amp;gt;
        &amp;lt;/old&amp;gt;
    &amp;lt;/tuple&amp;gt;
    &amp;lt;/GetSoapProcessorsResponse&amp;gt;
&lt;/code&gt;&lt;/pre&gt;
&lt;p&gt;&lt;/p&gt;
&lt;p&gt;I want to fetch that entry which has the implementation as "com.eibus.applicationconnector.sap.SAPMapper". Kindly suggest how I can make the query for the filtering according to the implementation attribute in the configuration tag? Thanks.&lt;/p&gt;</t>
  </si>
  <si>
    <t>2013-09-08 12:39:13.453000+00:00</t>
  </si>
  <si>
    <t>2013-09-08 13:47:09.447000+00:00</t>
  </si>
  <si>
    <t>filter|ldap</t>
  </si>
  <si>
    <t>WPF: NavigationService is NULL after 2nd page visit</t>
  </si>
  <si>
    <t>&lt;p&gt;Scenario:&lt;/p&gt;
&lt;p&gt;I have a NavigationWindow style like this:&lt;/p&gt;
&lt;pre&gt;&lt;code&gt;&amp;lt;Style TargetType="NavigationWindow" x:Key="{x:Type NavigationWindow}"&amp;gt;
        &amp;lt;Setter Property="Template"&amp;gt;
            &amp;lt;Setter.Value&amp;gt;
                &amp;lt;ControlTemplate TargetType="NavigationWindow" &amp;gt;
                    ...
&amp;lt;/Style&amp;gt;
&lt;/code&gt;&lt;/pre&gt;
&lt;p&gt;I start my app with loading a Page called Home.xaml.
In Home.xaml I have a button that navigates to another page called PersonalData:&lt;/p&gt;
&lt;pre&gt;&lt;code&gt;private void btnNewUser_Click(object sender, System.Windows.RoutedEventArgs e)
{
    PersonalData personalData = new PersonalData();
    this.NavigationService.Navigate(personalData);
}
&lt;/code&gt;&lt;/pre&gt;
&lt;p&gt;This works fine and the PersonalData Page gets loaded.
On that second Page I have a button "Home" that navigates back to the Home page:&lt;/p&gt;
&lt;pre&gt;&lt;code&gt;    private void btnHome_Click(object sender, System.Windows.RoutedEventArgs e)
    {
        Home home = new Home();
        this.NavigationService.Navigate(home);
    }
&lt;/code&gt;&lt;/pre&gt;
&lt;p&gt;I use "Navigate" here because I want to reuse that button on later forms too, to always have a button that leads to the start page.&lt;/p&gt;
&lt;p&gt;So this also works and the Home page gets loaded. I can even click btnNewUser there a second time and again, the PersonalData page gets opened without any problems.&lt;/p&gt;
&lt;p&gt;BUT, when I then click the "Home" button for the second time, I get an error that "this.NavigationService" is null..&lt;/p&gt;
&lt;p&gt;I've just started with WPF and I have no idea where to start on fixing this.. Anyone?&lt;/p&gt;</t>
  </si>
  <si>
    <t>2009-09-09 15:41:03.060000+00:00</t>
  </si>
  <si>
    <t>2015-03-06 22:13:50.420000+00:00</t>
  </si>
  <si>
    <t>wpf|navigation</t>
  </si>
  <si>
    <t>Seems bash won't return value from array assigned inside `while read` expression</t>
  </si>
  <si>
    <t>&lt;p&gt;Say I have a file with contents like this&lt;/p&gt;
&lt;pre&gt;&lt;code&gt;$ cat file
1
2
3
&lt;/code&gt;&lt;/pre&gt;
&lt;p&gt;Then I tried to parse its lines as array entries like this:&lt;/p&gt;
&lt;pre&gt;&lt;code&gt;$ abc=()
$ cat file | while read i; do abc=("${abc[@]}" "$i"); echo "${abc[@]}"; done
1
1 2
1 2 3
&lt;/code&gt;&lt;/pre&gt;
&lt;p&gt;But then when I did&lt;/p&gt;
&lt;pre&gt;&lt;code&gt;$ echo "${abc[@]}"
&lt;/code&gt;&lt;/pre&gt;
&lt;p&gt;It returns nothing. How does this happen? And what is the solution?&lt;/p&gt;</t>
  </si>
  <si>
    <t>2018-10-20 23:10:49.567000+00:00</t>
  </si>
  <si>
    <t>2018-10-21 04:36:08.097000+00:00</t>
  </si>
  <si>
    <t>arrays|bash|pipe|subshell</t>
  </si>
  <si>
    <t>Reason for infinite loop</t>
  </si>
  <si>
    <t>&lt;pre&gt;&lt;code&gt;signed char ch=5;
while(ch = ch--)
    printf("%d",ch);
&lt;/code&gt;&lt;/pre&gt;
&lt;p&gt;I read &lt;a href="http://en.wikipedia.org/wiki/Sequence_point" rel="nofollow"&gt;this&lt;/a&gt;. It is clearly stated that while statement and end of a statement(;) are sequence points.&lt;/p&gt;
&lt;p&gt;So i don't understand why the above one runs infinite time and prints same value[5]. &lt;/p&gt;</t>
  </si>
  <si>
    <t>2014-10-30 10:12:32.030000+00:00</t>
  </si>
  <si>
    <t>2014-10-30 10:17:13.693000+00:00</t>
  </si>
  <si>
    <t>c|sequence-points</t>
  </si>
  <si>
    <t>How to make a straighttable evaluate unique ids from previous months and not include the same ids the next month in Qlikview</t>
  </si>
  <si>
    <t>&lt;p&gt;Let's say that I have the following table&lt;/p&gt;
&lt;pre&gt;&lt;code&gt;    Name    Tattoo  Month  Team
    Bob     No      Jan    Team1
    Kelly   No      Jan    Team1
    Andrew  Yes     Jan    Team1
    Bob     No      Feb    Team1
    Kelly   No      Feb    Team1
    Andrew  Yes     Feb    Team1
&lt;/code&gt;&lt;/pre&gt;
&lt;p&gt;And the resulting straighttable that I want to create is this&lt;/p&gt;
&lt;pre&gt;&lt;code&gt;Month    Tattoos_Team_1
Jan      1
Feb      0
&lt;/code&gt;&lt;/pre&gt;
&lt;p&gt;In other words, if a person already had a tattoo the previous month, I don't want that same person to be included in the next month in the straighttable.&lt;/p&gt;
&lt;p&gt;This is what my script code currently looks like:&lt;/p&gt;
&lt;pre&gt;&lt;code&gt;Table1:
LOAD Distinct Name, 
     Tattoo, 
     if(Tattoo='Yes','TYes')as YesTattoo,
     Month, 
     Team,
     if(Team='Team1','Team 1') as Team_1,
     if(Team='Team2','Team 2') as Team_2,
     if(Team='Team3','Team 3') as Team_3
FROM
[Bok1.xlsx]
(ooxml, embedded labels);
&lt;/code&gt;&lt;/pre&gt;
&lt;p&gt;And in my straighttable i've set &lt;code&gt;Month&lt;/code&gt; as dimension and &lt;code&gt;Count(Distinct {&amp;lt;YesTattoo&amp;gt;}Team_1)&lt;/code&gt; as expression.&lt;/p&gt;
&lt;p&gt;Any help is appreciated!&lt;/p&gt;</t>
  </si>
  <si>
    <t>2017-06-27 13:56:12.177000+00:00</t>
  </si>
  <si>
    <t>2017-07-05 08:52:51.047000+00:00</t>
  </si>
  <si>
    <t>2017-06-27 18:03:53.607000+00:00</t>
  </si>
  <si>
    <t>qlikview</t>
  </si>
  <si>
    <t>see code for any event handler registered on any element's for any event</t>
  </si>
  <si>
    <t>&lt;p&gt;i'd like to know of a way in which i can select an element on a webpage and see all of the event handlers (the code) for any events registered on the element.  i'd like this to include:
    -the code
    -even if the handlers are anonymous functions&lt;/p&gt;
&lt;p&gt;is this possible?  how?  i've vaguely remember hearing about a firefox plugin which might assist...&lt;/p&gt;
&lt;p&gt;thanks!&lt;/p&gt;</t>
  </si>
  <si>
    <t>2011-04-29 13:46:16.780000+00:00</t>
  </si>
  <si>
    <t>2011-04-29 14:51:08.223000+00:00</t>
  </si>
  <si>
    <t>javascript|javascript-events|event-handling|jquery</t>
  </si>
  <si>
    <t>Common c# idioms including coalesce ?? operator</t>
  </si>
  <si>
    <t>&lt;p&gt;Everyone knows at least two common c# idioms including coalesce operator: &lt;/p&gt;
&lt;p&gt;a singleton one:&lt;/p&gt;
&lt;pre&gt;&lt;code&gt;return _staticField = _staticField ?? new SingletonConstructor();
&lt;/code&gt;&lt;/pre&gt;
&lt;p&gt;and a chain one:&lt;/p&gt;
&lt;pre&gt;&lt;code&gt;notNullableResult = nullable1 ?? nullable2 ?? nullable3 ?? default(someType);
&lt;/code&gt;&lt;/pre&gt;
&lt;p&gt;it's readable, consistent, worth using and recognizable in code. &lt;/p&gt;
&lt;p&gt;But, unfortunately, this is all. Sometimes it will need expanding or change. Sometimes i use them when i see a particular case - and always i hesitate to use it because i dont know if any other programmer will really read it easy.  &lt;/p&gt;
&lt;p&gt;Do you know any others? I would love to have more specific usages: e.g. Asp.net, EF, LINQ, anything - where coalesce is not only acceptable but remarkable. &lt;/p&gt;</t>
  </si>
  <si>
    <t>2010-02-24 23:14:10.320000+00:00</t>
  </si>
  <si>
    <t>2011-06-18 08:35:22.873000+00:00</t>
  </si>
  <si>
    <t>2010-02-24 23:55:38.707000+00:00</t>
  </si>
  <si>
    <t>c#|null-coalescing-operator</t>
  </si>
  <si>
    <t>installing R Studio on Red Hat Enterprise Linux</t>
  </si>
  <si>
    <t>&lt;p&gt;I'm trying to install rstudio on redhat linux machine using the command below but I get the following errors&lt;/p&gt;
&lt;pre&gt;&lt;code&gt;$ sudo yum install https://download1.rstudio.org/rstudio-0.99.489-x86_64.rpm
Error: Package: rstudio-0.99.489-1.x86_64 (/rstudio-0.99.489-x86_64)
       Requires: libc.so.6(GLIBC_2.15)(64bit)
Error: Package: rstudio-0.99.489-1.x86_64 (/rstudio-0.99.489-x86_64)
       Requires: libstdc++.so.6(GLIBCXX_3.4.15)(64bit)
Error: Package: rstudio-0.99.489-1.x86_64 (/rstudio-0.99.489-x86_64)
       Requires: libc.so.6(GLIBC_2.14)(64bit)
&lt;/code&gt;&lt;/pre&gt;
&lt;p&gt;So,I tried running&lt;/p&gt;
&lt;pre&gt;&lt;code&gt;$ sudo yum install libc.so.6
Package glibc-2.12-1.166.el6_7.3.i686 already installed and latest version
Nothing to do
$ sudo yum install libstdc++.so.6
Package libstdc++-4.4.7-16.el6.i686 already installed and latest version
Nothing to do
&lt;/code&gt;&lt;/pre&gt;
&lt;p&gt;Looks like glib and libstd are already installed. Probably R studio is not looking in the right dir for the libs. Can some one help me to troubleshoot this? I'm not sure how to do this.&lt;/p&gt;</t>
  </si>
  <si>
    <t>2015-12-04 16:26:02.863000+00:00</t>
  </si>
  <si>
    <t>2016-08-03 10:44:48.080000+00:00</t>
  </si>
  <si>
    <t>2015-12-04 17:12:31.583000+00:00</t>
  </si>
  <si>
    <t>linux|rstudio|redhat</t>
  </si>
  <si>
    <t>Web App that uses a database from a seperate API</t>
  </si>
  <si>
    <t>&lt;p&gt;I'm in the process of creating a web app and native mobile apps. I've done a good amount of research and the best approach so far is to set up a separate API to handle a shared database between the web app and the mobile apps. Essentially, the database will be seperate from the web app.&lt;/p&gt;
&lt;p&gt;For the web app, our stack is going to be React/Rails. I was wondering if someone could clarify ( what is probably really obvious ) how the rails controllers are going to communicate with the separate API ?&lt;/p&gt;
&lt;p&gt;How will we render the components from the API database?&lt;/p&gt;
&lt;p&gt;I'm probably over complicating things, but I could use some help.&lt;/p&gt;</t>
  </si>
  <si>
    <t>2016-10-24 23:25:07.247000+00:00</t>
  </si>
  <si>
    <t>2016-10-25 09:31:34.827000+00:00</t>
  </si>
  <si>
    <t>javascript|ruby-on-rails|reactjs|api-design</t>
  </si>
  <si>
    <t>how to handle onfocusout, html validation</t>
  </si>
  <si>
    <t>&lt;p&gt;In my code I have the following line of code: &lt;/p&gt;
&lt;pre&gt;&lt;code&gt;&amp;lt;input type="text" name="fname" id="first" onfocusout="firstNameHandler()"&amp;gt;
&lt;/code&gt;&lt;/pre&gt;
&lt;p&gt;when I run it through the HTML validator (required as it is for academic purposes), it flags that as a problem. Here's my problem, I require onfocusout as we have text input fields and when you write your name, such as for example, john, it turns it into John. This should only happen when you are no longer in focus of said text input field. &lt;/p&gt;
&lt;p&gt;Therefore, what is the proper way to handle this? &lt;/p&gt;</t>
  </si>
  <si>
    <t>2016-09-10 19:20:18.523000+00:00</t>
  </si>
  <si>
    <t>2016-09-10 19:50:19.707000+00:00</t>
  </si>
  <si>
    <t>jquery dialog close function</t>
  </si>
  <si>
    <t>&lt;p&gt;i want when click on close (X) button on dialog do some javascript function .
i test some code but no work for me .
do like this &lt;/p&gt;
&lt;pre&gt;&lt;code&gt;$(#dialog).close 
{
function one();
function two();
...
}
&lt;/code&gt;&lt;/pre&gt;
&lt;p&gt;tset this and not work :&lt;/p&gt;
&lt;pre&gt;&lt;code&gt;&amp;lt;script&amp;gt;
  function beh()
  {
  $(document).ready(function() {
    $("#dialog").dialog({
    beforeClose: function(event, ui) {
      alert('hi');
   },
    width: 660,
    height: 495,
    closeOnEscape: false,
    hide: "fadeout",
    resizable: false,
    }
    );
  });
  }
  &amp;lt;/script&amp;gt;
&lt;/code&gt;&lt;/pre&gt;</t>
  </si>
  <si>
    <t>2012-05-20 05:46:38.210000+00:00</t>
  </si>
  <si>
    <t>2012-05-20 06:08:54.197000+00:00</t>
  </si>
  <si>
    <t>javascript|jquery|dialog</t>
  </si>
  <si>
    <t>How to properly initiate WebSocket connection with Google Cloud Load Balancer to avoid connection timeout closures?</t>
  </si>
  <si>
    <t>&lt;p&gt;Utilizing socket.io, my WebSocket connections proxied through the GCLB are closed at the interval defined in the backend service configuration:&lt;/p&gt;
&lt;p&gt;&lt;a href="https://i.stack.imgur.com/kJstK.png" rel="nofollow noreferrer"&gt;&lt;img src="https://i.stack.imgur.com/kJstK.png" alt="timeout configuration"&gt;&lt;/a&gt;&lt;/p&gt;
&lt;p&gt;Obviously as pictured, the workaround is an impractically long timeout period, but for the sake of correctness, what is the proper way to configure the WebSocket connection through socket.io (or elsewhere if it is not a socket.io's problem) to avoid these closures? &lt;/p&gt;
&lt;p&gt;Reason for closure according to GCLB log is &lt;code&gt;"backend_connection_closed_after_partial_response_sent"&lt;/code&gt;.&lt;/p&gt;
&lt;p&gt;As stated in the Cloud Load Balancer documentation it would seem that we need to send a proper Upgrade response in order for the load balancer to keep the connection alive.&lt;/p&gt;
&lt;blockquote&gt;
  &lt;p&gt;When HTTP(S) Load Balancing recognizes a WebSocket Upgrade request from an HTTP(S) client &lt;strong&gt;and the request is followed by a successful Upgrade response&lt;/strong&gt; from the backend instance, the load balancer proxies bidirectional traffic &lt;strong&gt;for the duration of the current connection&lt;/strong&gt;. If the backend does not return a successful Upgrade response, the load balancer closes the connection.&lt;/p&gt;
&lt;/blockquote&gt;
&lt;p&gt;&lt;a href="https://cloud.google.com/load-balancing/docs/https/#websocket_proxy_support" rel="nofollow noreferrer"&gt;https://cloud.google.com/load-balancing/docs/https/#websocket_proxy_support&lt;/a&gt; (emphasis mine)&lt;/p&gt;
&lt;p&gt;How can this be done?&lt;/p&gt;</t>
  </si>
  <si>
    <t>2018-07-25 20:39:56.633000+00:00</t>
  </si>
  <si>
    <t>websocket|socket.io|google-cloud-platform</t>
  </si>
  <si>
    <t>Using JQuery/Javascript arrays to form two sided fading layout</t>
  </si>
  <si>
    <t>&lt;p&gt;When I do sites for clients I constantly get the request to have a two sided layout, where buttons on the left cause divs on the right to fade in and fade out appropriately.  For a long while I've been writing each case. (which is a bit silly and time consuming).  I want to systematize that, but I've been having a hard time since I don't understand how javascript/jquery works with .click() and arrays.&lt;/p&gt;
&lt;pre&gt;&lt;code&gt;$(document).ready(function(){
    var left = new Array($('#a'),$('#b'), $('#c'),$('#d'), $('#e'));
    var right = new Array($('#1'),$('#2'),$('#3'),$('#4'),$('#5'));
   // left[0].click(function(){right[0].fadeIn('fast');})
    var numbers = new Array(1,2,3,4,5);
    function fadey(x){
        left[x].click(function(){
          right[x].fadeIn('fast');
         })
    }
    for (var i = 0; i &amp;lt; left.length; i++) {
      fadey(i);
    };
})
&lt;/code&gt;&lt;/pre&gt;
&lt;p&gt;This code gets it so that the left hand side buttons cause the corresponding right hand div to appear.   The problem is that I can't seem to get the other divs to disappear without causing all the divs to disappear.&lt;/p&gt;
&lt;p&gt;Ideally it would be dope if I could have one line of code that simply checks when the left-hand jquery object array is clicked, gets its index value, and causes the corresponding right hand side jquery object array to appear, while also hiding the other ones.&lt;/p&gt;
&lt;p&gt;This way I can just plug elements into each array and then never have to worry about writing these cases one by one.  &lt;/p&gt;
&lt;p&gt;Thank you so much for your help! &lt;/p&gt;</t>
  </si>
  <si>
    <t>2013-02-28 20:19:01.067000+00:00</t>
  </si>
  <si>
    <t>2013-02-28 20:23:26.030000+00:00</t>
  </si>
  <si>
    <t>which parameters can i pass in bundle for facebook WebDialog (Facebook Android SDK 3.5)</t>
  </si>
  <si>
    <t>&lt;p&gt;I am learning Facebook Android SDK, and i am stucked here. I am creating Feed Dialog by following &lt;a href="https://developers.facebook.com/docs/android/feed-dialog/" rel="nofollow"&gt;Official guidlines from developer.facebook.com&lt;/a&gt;&lt;/p&gt;
&lt;p&gt;I want to know that which keys we can specify in the &lt;code&gt;Bundle&lt;/code&gt; that we are passing in the &lt;code&gt;WebDialog.FeedDialogBuilder&lt;/code&gt; method (as shown below in the code). As we can see that here we are passing &lt;code&gt;"name", "caption", "description", "link", "picture"&lt;/code&gt; (i want to know the other options)&lt;/p&gt;
&lt;pre&gt;&lt;code&gt;Bundle params = new Bundle();
    params.putString("name", "Facebook SDK for Android");
    params.putString("caption", "Build great social apps and get more installs.");
    params.putString("description", "The Facebook SDK for Android makes it easier and faster to develop Facebook integrated Android apps.");
    params.putString("link", "https://developers.facebook.com/android");
    params.putString("picture", "https://raw.github.com/fbsamples/ios-3.x-howtos/master/Images/iossdk_logo.png");
WebDialog.FeedDialogBuilder(getActivity(),
            Session.getActiveSession(),
            params))
&lt;/code&gt;&lt;/pre&gt;
&lt;p&gt;I could not find any useful resource on it. I have also looked at &lt;a href="https://developers.facebook.com/docs/reference/android/current/WebDialog/" rel="nofollow"&gt;WebDialog SDK Reference.&lt;/a&gt;&lt;/p&gt;
&lt;p&gt;Thanks in Advance. &lt;/p&gt;</t>
  </si>
  <si>
    <t>2013-08-30 12:30:46.033000+00:00</t>
  </si>
  <si>
    <t>2013-09-04 16:08:48.797000+00:00</t>
  </si>
  <si>
    <t>android|facebook|facebook-android-sdk</t>
  </si>
  <si>
    <t>How to get serach value of leaflet map</t>
  </si>
  <si>
    <t>&lt;pre&gt;&lt;code&gt;      L.control.scale({ position: 'bottomleft' }).addTo(leafletMap);
    var searchcontroloption={position: 'topleft'};
     L.Control.geocoder(searchcontroloption)
    .on('markgeocode', function(e) {
             })
.addTo(leafletMap); 
&lt;/code&gt;&lt;/pre&gt;
&lt;p&gt;I want to get serach value, which user has typed in leaflet serach box
is there anyway to get it. &lt;/p&gt;</t>
  </si>
  <si>
    <t>2017-03-16 12:59:25.193000+00:00</t>
  </si>
  <si>
    <t>2017-03-19 22:12:48.197000+00:00</t>
  </si>
  <si>
    <t>2017-03-16 20:40:39.440000+00:00</t>
  </si>
  <si>
    <t>javascript|leaflet</t>
  </si>
  <si>
    <t>How do I implement this Javascript differently?</t>
  </si>
  <si>
    <t>&lt;p&gt;I purchased this Javascript app and it is causing me alot of issues with any javascript functionality that is after it.&lt;/p&gt;
&lt;p&gt;I don't know javascript very well.  Is there any other way that I can write/run this script so that it doesn't affect all my other JS on the page? I don't understand JS very well.&lt;/p&gt;
&lt;p&gt;Any JS after this code is giving me this error: TypeError: $ is not a function&lt;/p&gt;
&lt;p&gt;Script: &lt;/p&gt;
&lt;pre&gt;&lt;code&gt;var hap_players = [];   
        jQuery(document).ready(function($) {
            /* SETTINGS */
            var rvp_settings = {
                /* mediaId: unique string for player identification (if multiple player instances were used, then strings need to be different!) */
                mediaId:'player1',
                /* useDeeplink: true, false */
                useDeeplink:false,
                /*activePlaylist: Active playlist to start with. If no deeplink is used, enter element 'id' attribute, or if deeplink is used enter (data-address) deeplink string like 'playlist1'.  */
                activePlaylist:'playlist2',
                /*activeItem: Active video to start with. Enter number, -1 = no video loaded, 0 = first video, 1 = second video etc */
                activeItem:0,
                /* GENERAL SETTINGS */
                /*defaultVolume: 0-1 */
                defaultVolume:0.5,
                /*autoPlay: true/false (defaults to false on mobile)*/
                autoPlay:false,
                /*randomPlay: true/false */
                randomPlay:false,
                /* loopingOn: on playlist end rewind to beginning (last item in playlist) */
                loopingOn: true,
                /*autoAdvanceToNextVideo: true/false (use this to loop video) */
                autoAdvanceToNextVideo:true,
                /*autoOpenDescription: true/false  */
                autoOpenDescription:false,
                usePlaylist:true,
                useControls:true,
                /*autoHideControls: auto hide player controls on mouse out: true/false. Defaults to false on mobile. */
                autoHideControls:false,
                /*controlsTimeout: time after which controls and playlist hides in fullscreen if screen is inactive, in miliseconds. */
                controlsTimeout:3000,
                /*playlistOrientation: vertical/horizontal  */
                playlistOrientation:'horizontal',
                /*scrollType: scroll/buttons  */
                scrollType:'buttons',
                /* YOUTUBE SETTINGS */
                ytAppId:'AISyBtJyKdfdqgmhMuR9uqhj14gm89r-y9IP6CnE',/* youtube api key: https://developers.google.com/youtube/registering_an_application */
                ytTheme:'dark',
                ytShowinfo:true,
                /*playlistList: dom element which holds list of playlists */
                playlistList:'#playlist_list',
                /* showControlsInAdvert: true/false (show controls while video advert plays)  */
                showControlsInAdvert:true,
                /* disableSeekbarInAdvert: true/false (disable seekbar while video advert plays)  */
                disableSeekbarInAdvert:true,
                /* showSkipButtonInAdvert: true/false (show skip button while video advert plays)  */
                showSkipButtonInAdvert:true,
                advertSkipBtnText:'SKIP AD &amp;gt;',
                advertSkipVideoText:'You can skip to video in',
                logoPath: 'http://www.interactivepixel.net/images/jqueryPreviews/helper/apvplp_logo.png',
                logoPosition: '',/* tl, tr, bl, br */
                logoXOffset: 5,
                logoYOffset: 5,
                logoUrl: 'http://www.google.com',
                logoTarget: '_blank',
                useShare: false,
                /*fsAppId: facebook application id (if you use facebook share, https://developers.facebook.com/apps) */
                fsAppId:''
            };
            hap_players[0] = $('#mainWrapper').aprvp(rvp_settings);
        }); 
&lt;/code&gt;&lt;/pre&gt;</t>
  </si>
  <si>
    <t>2015-05-10 04:01:00.610000+00:00</t>
  </si>
  <si>
    <t>2015-06-09 15:59:44.843000+00:00</t>
  </si>
  <si>
    <t>How to increase observation value by one?</t>
  </si>
  <si>
    <t>&lt;p&gt;I use the following code to find a specific entry in my dataset and set this value to &lt;code&gt;obsNum&lt;/code&gt;:&lt;/p&gt;
&lt;pre&gt;&lt;code&gt;originalSet(strcmp(originalSet.ABC, subset.DEF{row}) &amp;amp; strcmp(originalSet.FGH, task),21) = dataset(obsNum);
&lt;/code&gt;&lt;/pre&gt;
&lt;p&gt;However, I would like to increase the current value by &lt;code&gt;obsNum&lt;/code&gt; instead of setting it to obsNum, but I can't find a syntax for it. In Java I would simply write &lt;code&gt;+=&lt;/code&gt;, but how can I do that in Matlab?&lt;/p&gt;</t>
  </si>
  <si>
    <t>2013-07-05 17:26:40.807000+00:00</t>
  </si>
  <si>
    <t>2013-07-05 17:56:00.557000+00:00</t>
  </si>
  <si>
    <t>XNA Find point position after a transform</t>
  </si>
  <si>
    <t>&lt;p&gt;I assumed this was a straightforward problem but it has been plaguing me for days.&lt;/p&gt;
&lt;p&gt;My problem is: find a vertex position of a model after applying some transformation in worlds coordinates. &lt;/p&gt;
&lt;p&gt;I try to be more clearer: I have one simple model that I rotate. I can't find the positon of this model in the world. For example if I take the bounding sphere position, it does't change after the rotation. &lt;/p&gt;
&lt;p&gt;I very much appreciate any help.&lt;/p&gt;</t>
  </si>
  <si>
    <t>2011-10-21 15:30:26.077000+00:00</t>
  </si>
  <si>
    <t>2011-10-21 17:01:33.367000+00:00</t>
  </si>
  <si>
    <t>xna|rotation</t>
  </si>
  <si>
    <t>click in one slid and go to the other chart "javascript"</t>
  </si>
  <si>
    <t>&lt;p&gt;I have a pieChart with 2 slide and I want when I click in one slid, I can see a ComboChart.&lt;/p&gt;
&lt;p&gt;I can do it with " URL and GET " for having second chart in other page but i want to have the two chart (pieChart, ComboChart) in one page. I don't kno which function I can use in JavaScript ?&lt;/p&gt;
&lt;hr&gt;
&lt;pre&gt;&lt;code&gt;&amp;lt;html&amp;gt;
  &amp;lt;head&amp;gt;
&amp;lt;?php
//Conection to DB
session_start();
pg_connect("host=localhost port=5432 dbname=base_test user=postgres password=123456");
if (isset($_POST['uname']))
    {
       $uname=$_POST['uname'];
       $pass=$_POST['pass'];
       $q=pg_query("select name from admin where uname='$uname' and pass='$pass'");
       $n=pg_num_rows($q);
    if ($n&amp;gt;0)
        {
        $f=pg_fetch_row($q);
        $_SESSION['admin']=$f[0];
        }
    else
        {
                echo("Invalid user!");
                echo("&amp;lt;p&amp;gt;&amp;lt;a href='ADMINISTRATION.php'&amp;gt;Come back to page administrateur&amp;lt;/a&amp;gt;&amp;lt;/p&amp;gt;");
                echo("&amp;lt;img src='thinking minde.gif'  alt='thinking minde' width='400' height='400' /&amp;gt;");
                 exit;
        }
    }
    // ?
if ($_SESSION['admin']!='' &amp;amp;&amp;amp; $n&amp;gt;0 )
    {
                 echo("Welcome in data table : ".$_SESSION['admin']);
        $q='SELECT SUM("Facteur"),"building" from "Cout" where site=\''.$f[0].'\'GROUP BY("building")';
        $query=pg_query($q);
        $n=pg_num_rows($query);
    }
    ?&amp;gt;
    &amp;lt;link rel="stylesheet" href="http://code.jquery.com/ui/1.10.3/themes/smoothness/jquery-ui.css" /&amp;gt;
    &amp;lt;link rel="stylesheet" href="/resources/demos/style.css" /&amp;gt;
    &amp;lt;script type="text/javascript" src="https://www.google.com/jsapi"&amp;gt;&amp;lt;/script&amp;gt;
    &amp;lt;script type="text/javascript"&amp;gt;
    &amp;lt;script type="text/javascript" src="jsapi"&amp;gt;&amp;lt;/script&amp;gt;
    &amp;lt;script type="text/javascript" src="jquery-1.5.2.min.js"&amp;gt;&amp;lt;/script&amp;gt;
    &amp;lt;script src="jquery-1.9.1.js"&amp;gt;&amp;lt;/script&amp;gt;
    &amp;lt;script src="jquery-ui.js"&amp;gt;&amp;lt;/script&amp;gt;
    &amp;lt;script type="text/javascript"&amp;gt;
        $(function() {
    $( "#datepicker" ).datepicker();
  });
  $(function() {
    $( "#datepicker2" ).datepicker();
  });
      google.load("visualization", "1", {packages:["corechart"]});
      google.setOnLoadCallback(drawChart);
      function drawChart () {
    var data = new google.visualization.DataTable();
    data.addColumn('string', 'building');
    data.addColumn('number', 'Facteur');
    data.addColumn('string', 'URL');
    data.addRows([
        &amp;lt;?php
        for($i=0; $i&amp;lt;$n; $i++)
                {
                $f=pg_fetch_row($query);    
                echo("['".$f[1]."', ".$f[0].",'http://localhost/test_new/test5.php?name=$f[1]'],");
                //echo("['".$f[1]."', ".$f[0]."],'$ville'");
                }
        ?&amp;gt; 
    ]);
    // create a view to hide the URLs from the PieChart
    var view = new google.visualization.DataView(data);
    view.setColumns([0, 1]);
    var chart = new google.visualization.PieChart(document.querySelector('#chart_div'));
    google.visualization.events.addListener(chart, 'select', function () {
        var sel = chart.getSelection();
        if (sel.length &amp;gt; 0) {
            // get the URL from the DataTable
            var url = data.getValue(sel[0].row, 2); 
        alert(data.getValue(sel[0].row, 0)); 
            // open URL in new tab
            window.open(url, '_blank');
        }
    })
    chart.draw(view, {
        height: 300,
        width: 400
    });
}
google.load('visualization', '1', {packages:['corechart'], callback: drawChart});
    &amp;lt;/script&amp;gt;
&amp;lt;!---------------------------------------------------------------------------------------------------------&amp;gt;
&amp;lt;?php
//session_start();
//print_r($_GET["name"]);
//echo $_GET["name"];
pg_connect("host=localhost port=5432 dbname=base_test user=postgres password=123456") or die('Could not connect: ' . pg_last_error());
    $ville = ??????????????????????????????????;
    //$ville = "Maison pour tous";
    //$ville = say();
    $my_array = array();
    $q='SELECT "timestamp" from "Cout" where building=\''.$ville.'\' GROUP BY ("timestamp")';
    $query=pg_query($q);
    $n=pg_num_rows($query); 
    for($i=0; $i&amp;lt;$n; $i++){
        $f=pg_fetch_row($query);
        $my_array["timestamp"][]= $f[0];
    }
    $q='SELECT "name", "Facteur" from "Cout" where building=\''.$ville.'\'';
    $query=pg_query($q);
    $n=pg_num_rows($query); 
    for($i=0; $i&amp;lt;$n; $i++){
        $f=pg_fetch_row($query);
        $my_array[$f[0]][]= $f[1];
    }
    $q='SELECT "timestamp", sum("DJU") from "Cout" where building=\''.$ville.'\' GROUP BY ("timestamp")';
    $query=pg_query($q);
    $n=pg_num_rows($query); 
    for($i=0; $i&amp;lt;$n; $i++){
        $f=pg_fetch_row($query);
        $my_array["DJU"][]=$f[1];
    }
    $col_name = array();
    $col_name = array_keys($my_array);
/*
    $q='SELECT "name" from "Cout" where building=\'Maison pour tous\' GROUP BY ("name")';
    $query=pg_query($q);
    $n=pg_num_rows($query); 
    */
    ?&amp;gt;  
    &amp;lt;script type="text/javascript" src="https://www.google.com/jsapi"&amp;gt;&amp;lt;/script&amp;gt;
    &amp;lt;script type="text/javascript"&amp;gt;
    google.load('visualization', '1', {packages: ['corechart']});
    &amp;lt;/script&amp;gt;
    &amp;lt;script type="text/javascript"&amp;gt;
      function drawVisualization() {
        // Some raw data (not necessarily accurate)
        var data = google.visualization.arrayToDataTable([
          [
          &amp;lt;?PHP
            for($i=0; $i&amp;lt;count($col_name); $i++){
                $f=pg_fetch_row($query);
                echo("'".$col_name[$i]."'");
                if($i&amp;lt; count($col_name)-1){
                    echo(",  ");
                }
            }       
          ?&amp;gt;
          ],
          &amp;lt;?php
            for($j=0; $j&amp;lt;$n; $j++){
            ?&amp;gt;
                [
                &amp;lt;?php
                for($i=0; $i&amp;lt;count($col_name); $i++){
                    if($i==0) echo("'".$my_array[$col_name[$i]][$j]."'");
                    else echo($my_array[$col_name[$i]][$j]);
                    if($i&amp;lt; count($col_name)-1){
                        echo(",  ");
                    }
                }
                ?&amp;gt;
                ]
                &amp;lt;?php
                if($j&amp;lt;$n-1){
                    echo(",  ");
                }
            }
        ?&amp;gt;
        ]);
        var options = {
          title : 'Monthly Coffee ',
          vAxis: {title: "Cout"},
          hAxis: {title: "Jour"},
          seriesType: "bars",
          series: {&amp;lt;?php echo(count($col_name)-2) ?&amp;gt;: {type: "line"}}
        };
        var chart = new google.visualization.ComboChart(document.getElementById('chart_div1'));
        chart.draw(data, options);
      }
      google.setOnLoadCallback(drawVisualization);
    &amp;lt;/script&amp;gt;
&amp;lt;!------------------------------------------------------------------------------------------------&amp;gt; 
    &amp;lt;/head&amp;gt;
    &amp;lt;table style="width: 1335px; height: 259px;" bgcolor="" border="1" cellpadding="0" cellspacing="0"&amp;gt;
    &amp;lt;tbody&amp;gt;
    &amp;lt;tr&amp;gt;&amp;lt;td&amp;gt;
    &amp;lt;div id="chart_div" style="width: 500px; height: 300px;"&amp;gt;&amp;lt;/div&amp;gt;&amp;lt;/td&amp;gt;&amp;lt;/tr&amp;gt;
    &amp;lt;tr&amp;gt;&amp;lt;td&amp;gt;
    &amp;lt;div id="chart_div1" style="width: 500px; height: 300px;"&amp;gt;&amp;lt;/div&amp;gt;&amp;lt;/td&amp;gt;&amp;lt;/tr&amp;gt;
    &amp;lt;tr&amp;gt;&amp;lt;td&amp;gt;&amp;lt;br&amp;gt;
    &amp;lt;p align='left'&amp;gt;From: &amp;lt;input type="text" id="datepicker" name="log1" /&amp;gt; To: &amp;lt;input type="text" id="datepicker2" name="text1" /&amp;gt; &amp;lt;input type="submit" name="submit" value="Go"&amp;gt;&amp;lt;/input&amp;gt;&amp;lt;/p&amp;gt;&amp;lt;/td&amp;gt;&amp;lt;/tr&amp;gt;
    &amp;lt;tr&amp;gt;&amp;lt;td&amp;gt;&amp;lt;br&amp;gt;
    &amp;lt;p&amp;gt;&amp;lt;a href='ADMINISTRATION.php?'&amp;gt;Deconnexion&amp;lt;/a&amp;gt;&amp;lt;/p&amp;gt;&amp;lt;/td&amp;gt;&amp;lt;/tr&amp;gt;
    &amp;lt;/tbody&amp;gt;
    &amp;lt;/table&amp;gt;
&amp;lt;/html&amp;gt; 
&lt;/code&gt;&lt;/pre&gt;</t>
  </si>
  <si>
    <t>2013-06-28 07:18:26.757000+00:00</t>
  </si>
  <si>
    <t>2013-06-28 09:33:23.577000+00:00</t>
  </si>
  <si>
    <t>java|javascript|java-ee|javascript-events</t>
  </si>
  <si>
    <t>How do you get to have multiple root?</t>
  </si>
  <si>
    <t>&lt;p&gt;So I am making an application in rails, and I require more than one roots like seen below&lt;/p&gt;
&lt;pre&gt;&lt;code&gt;    root "post#index"
    root "gaming#index"
&lt;/code&gt;&lt;/pre&gt;
&lt;p&gt;but it only allows me to have one root. Anyone have a solution?&lt;/p&gt;</t>
  </si>
  <si>
    <t>2014-04-20 14:50:35.930000+00:00</t>
  </si>
  <si>
    <t>2018-05-01 12:43:01.583000+00:00</t>
  </si>
  <si>
    <t>ruby-on-rails|ruby|ruby-on-rails-3|ruby-on-rails-4</t>
  </si>
  <si>
    <t>Display Static file Django and rest-framework</t>
  </si>
  <si>
    <t>&lt;p&gt;I need to Display the static file, I follow Django document but it is not displayed.&lt;/p&gt;
&lt;p&gt;1.In Models file &lt;/p&gt;
&lt;pre&gt;&lt;code&gt;  image = models.ImageField(upload_to='images/')
&lt;/code&gt;&lt;/pre&gt;
&lt;p&gt;2.In urls.py file &lt;/p&gt;
&lt;pre&gt;&lt;code&gt;  from django.conf import settings
  from django.conf.urls.static import static
  ...
  + static(settings.STATIC_URL, document_root=settings.STATIC_ROOT)
&lt;/code&gt;&lt;/pre&gt;
&lt;p&gt;3.In settings.py file &lt;/p&gt;
&lt;pre&gt;&lt;code&gt; STATICFILES_DIRS = [
 os.path.join(BASE_DIR, 'lost_items/static/')
 ]
 STATIC_ROOT =  os.path.join(BASE_DIR, 'static')
 STATIC_URL = '/static/'
 MEDIA_ROOT =  os.path.join(BASE_DIR, 'media')
 MEDIA_URL = '/media/'
&lt;/code&gt;&lt;/pre&gt;
&lt;ol start="4"&gt;
&lt;li&gt;&lt;p&gt;finally, I run this command&lt;/p&gt;
&lt;p&gt;python manage.py collectstatic&lt;/p&gt;&lt;/li&gt;
&lt;/ol&gt;
&lt;p&gt;when I GET API, the image in this URL &lt;/p&gt;
&lt;pre&gt;&lt;code&gt;"image": "http://localhost:8000/media/images/n73.jpg"
&lt;/code&gt;&lt;/pre&gt;
&lt;p&gt;So, When I click on it, I get the page not found, and:&lt;/p&gt;
&lt;pre&gt;&lt;code&gt;The current path, media/images/money.jpg, didn't match any of these.
&lt;/code&gt;&lt;/pre&gt;</t>
  </si>
  <si>
    <t>2018-08-07 15:03:55.793000+00:00</t>
  </si>
  <si>
    <t>2018-08-07 18:07:37.273000+00:00</t>
  </si>
  <si>
    <t>python|django|api|django-rest-framework</t>
  </si>
  <si>
    <t>Rect contains(x,y) doesn't trigger</t>
  </si>
  <si>
    <t>&lt;p&gt;I'm trying to simulate a button click in a custom android view. I need to use the &lt;code&gt;Rect.contains()&lt;/code&gt; method for that, but no matter where I click on the rect it is never triggered and doesn't return true.&lt;/p&gt;
&lt;pre&gt;&lt;code&gt; rect = new Rect(0, 0, 720, 205);
&lt;/code&gt;&lt;/pre&gt;
&lt;p&gt;An example of click coordinates is (401,103), this returns false.&lt;/p&gt;
&lt;pre&gt;&lt;code&gt;if(rect.contains((int)event.getX(),(int)event.getY())){
                    Log.w("CLICKED","");
                }
&lt;/code&gt;&lt;/pre&gt;
&lt;p&gt;"CLICKED" is never logged. I've read the docs and it says 
 'left &amp;lt;= x &amp;lt; right and top &amp;lt;= y &amp;lt; bottom' to return true&lt;/p&gt;
&lt;p&gt;in this example 0&amp;lt;=401&amp;lt;720 and 0&amp;lt;=103&amp;lt;205 which is true but doesnt seem to work.&lt;/p&gt;
&lt;p&gt;Any help appreciated&lt;/p&gt;</t>
  </si>
  <si>
    <t>2018-01-06 12:27:05.060000+00:00</t>
  </si>
  <si>
    <t>2018-01-06 18:00:44.983000+00:00</t>
  </si>
  <si>
    <t>2018-01-06 14:38:04.987000+00:00</t>
  </si>
  <si>
    <t>java|android|android-custom-view|contains|rect</t>
  </si>
  <si>
    <t>Ready made beans to connect MySQL by jdbc?</t>
  </si>
  <si>
    <t>&lt;p&gt;Can I just load com.mysql.jdbc.jdbc2.optional.MysqlConnectionPoolDataSource class as a bean in Spring? What are this class API? Where it can be found? &lt;/p&gt;
&lt;p&gt;I can only find samples of JNDI usage.&lt;/p&gt;
&lt;p&gt;Are there any ready-made beans to have such properties like &lt;code&gt;driverName&lt;/code&gt;, &lt;code&gt;connectionString&lt;/code&gt; &lt;code&gt;userName&lt;/code&gt;, &lt;code&gt;password&lt;/code&gt; and which allow to issue SQL statements?&lt;/p&gt;
&lt;p&gt;&lt;strong&gt;EDIT 1&lt;/strong&gt;&lt;/p&gt;
&lt;p&gt;Sorry forgot to say that I need solution except with &lt;code&gt;DriverManagerDataSource&lt;/code&gt; because it is said manual it is very basic and not suitable for J2EE containers.&lt;/p&gt;</t>
  </si>
  <si>
    <t>2012-02-08 17:10:38.240000+00:00</t>
  </si>
  <si>
    <t>2012-02-08 20:11:55.893000+00:00</t>
  </si>
  <si>
    <t>2012-02-08 17:29:47.133000+00:00</t>
  </si>
  <si>
    <t>java|spring|javabeans|javadoc|mysql-connector</t>
  </si>
  <si>
    <t>floating vertical alignment in excel 2013 merged cell</t>
  </si>
  <si>
    <t>&lt;p&gt;I have a merged cell that spans about 700-800 rows. Is there a way to make the value of the cell float in the visible range of the sheet?&lt;/p&gt;
&lt;p&gt;I really hate the limitation of the vertical alignment being limited to top, center and bottom. Surely there is a way to make the content "float" in the visible part of the sheet I am scrolled to?&lt;/p&gt;
&lt;p&gt;i.e. I am scrolled to rows 530-560, and neither vertical alignment options allows me to see the value, but if the cell content value would float in the center of the visible range, it would be somewhere around row 545.&lt;/p&gt;
&lt;p&gt;Does this make sense?&lt;/p&gt;</t>
  </si>
  <si>
    <t>2014-09-04 15:15:05.997000+00:00</t>
  </si>
  <si>
    <t>2014-09-05 06:06:42.680000+00:00</t>
  </si>
  <si>
    <t>excel|merge|cell|vertical-alignment|excel-2013</t>
  </si>
  <si>
    <t>How to optimize my current getMax method to retrieve the highest number in an array?</t>
  </si>
  <si>
    <t>&lt;p&gt;What would be the best way to optimize this code below to make it more efficient while applying the 'best practices'. This is just a simple school project and it works, I've tested it. But I just feel like there's a better and more efficient way to write this method. What do you think?&lt;/p&gt;
&lt;ol&gt;
&lt;li&gt;I have an array that
is pre-populated with a bunch of
numbers. The &lt;code&gt;getMax()&lt;/code&gt; method
retrieves the highest number in the
array. But if the array is empty it
returns &lt;code&gt;-1&lt;/code&gt;.&lt;/li&gt;
&lt;li&gt;&lt;p&gt;nElems is simply a variable that keep tracks of how many elements are present in the array.&lt;/p&gt;&lt;/li&gt;
&lt;li&gt;&lt;p&gt;&lt;code&gt;array&lt;/code&gt; is the private array declared at the beginning of the class.&lt;/p&gt;
&lt;pre&gt;&lt;code&gt;public int getMax() {
int k = 0;
int max = array[0];
for(int j=0; j&amp;lt;nElems; j++) {
    if(max &amp;lt; array[j])
        max = array[j];
}
if(k == nElems)
    return -1;
else return max;
} // end of method
&lt;/code&gt;&lt;/pre&gt;&lt;/li&gt;
&lt;/ol&gt;
&lt;p&gt;Oh and what should I name my k variable to make it more readable? Its purpose is to be 0, so it could be checked against the number of elements in an array to return either -1 or highest number;&lt;/p&gt;
&lt;p&gt;&lt;em&gt;Assume all array values are positive.&lt;/em&gt;&lt;/p&gt;</t>
  </si>
  <si>
    <t>2010-09-10 01:44:24.117000+00:00</t>
  </si>
  <si>
    <t>2012-07-08 01:09:07.900000+00:00</t>
  </si>
  <si>
    <t>2010-09-10 02:53:18.573000+00:00</t>
  </si>
  <si>
    <t>java|algorithm|optimization|search</t>
  </si>
  <si>
    <t>Undefined method `merge' for '####':string &lt;%= form_for %&gt; helper</t>
  </si>
  <si>
    <t>&lt;p&gt;I have a form, that when POSTed, renders another form. What I would like to do is to pass the parameters from the first form, into certain hidden fields of the second form. &lt;/p&gt;
&lt;p&gt;The second form is using a form_for form helper, and what I'm trying to do is to get it to accept the parameters that are being posted to it. &lt;/p&gt;
&lt;p&gt;Here's what the form looks like: &lt;/p&gt;
&lt;pre&gt;&lt;code&gt;    &amp;lt;%= form_for(@phone) do |f| %&amp;gt;
        &amp;lt;%= f.hidden_field :original_number, params[:original_number] %&amp;gt;
        &amp;lt;%= f.hidden_field :name, params[:name] %&amp;gt;
        &amp;lt;%= f.hidden_field :twilio_number,  number.phone_number %&amp;gt;
        &amp;lt;div class="found_list"&amp;gt;
            &amp;lt;div class="found_phone_number"&amp;gt;
                &amp;lt;%= f.label :number, number.friendly_name) %&amp;gt;
            &amp;lt;/div&amp;gt;
            &amp;lt;div class="choose_found_number"&amp;gt;
            &amp;lt;%= f.submit "Choose This Number", :class =&amp;gt; "btn btn-large btn-success" %&amp;gt;
            &amp;lt;/div&amp;gt;
        &amp;lt;/div&amp;gt;
            &amp;lt;hr&amp;gt;
    &amp;lt;% end %&amp;gt;
&lt;/code&gt;&lt;/pre&gt;
&lt;p&gt;When I do something like &lt;/p&gt;
&lt;pre&gt;&lt;code&gt;&amp;lt;%= f.hidden_field :original_number, params[:original_number] %&amp;gt;
&lt;/code&gt;&lt;/pre&gt;
&lt;p&gt;The action gives me the error: &lt;/p&gt;
&lt;pre&gt;&lt;code&gt;NoMethodError in Find_numbers#create
Showing C:/Sites/dentist/app/views/phones/new.html.erb where line #17 raised:
undefined method `merge' for "1231231234":String
&lt;/code&gt;&lt;/pre&gt;
&lt;p&gt;The "1231231234" is the parameter that is being POSTed to the form, but it doesn't seem to accept it. &lt;/p&gt;
&lt;p&gt;Do you have an idea of how I would get the form to accept the parameter? &lt;/p&gt;
&lt;p&gt;When I removed the params[], the error doesn't happen, but the parameters also don't populate in the hidden fields. &lt;/p&gt;</t>
  </si>
  <si>
    <t>2012-10-04 16:53:00.273000+00:00</t>
  </si>
  <si>
    <t>2012-10-04 16:55:30.480000+00:00</t>
  </si>
  <si>
    <t>How do I add point features from memory rather than a database or file?</t>
  </si>
  <si>
    <t>&lt;p&gt;I am embedding the MapControl into a C++ application. The application is tied to a proprietary, non-relational database. Therefore, linking the map control directly to GIS data is not feasible. Instead, I want to simply load my own point features into a Feature layer. I understand the mechanics of creating a Feature layer, but they appear to be tied to a data source of some type. How do I load feature data directly into the layer without pointing to a file or database? In other words, I want these features memory resident only.&lt;/p&gt;</t>
  </si>
  <si>
    <t>2010-07-27 23:33:28.570000+00:00</t>
  </si>
  <si>
    <t>2010-07-28 19:59:42.800000+00:00</t>
  </si>
  <si>
    <t>arcobjects</t>
  </si>
  <si>
    <t>ReactJS / JavaScript - Auto reload the page based on screen size</t>
  </si>
  <si>
    <t>&lt;p&gt;I would like to auto reload the page ONE TIME depending on the screen size.&lt;/p&gt;
&lt;p&gt;For example if I go desktop to mobile it's refresh one time and if I go mobile to desktop it's refresh one time and so on.&lt;/p&gt;
&lt;p&gt;Here my code :&lt;/p&gt;
&lt;pre&gt;&lt;code&gt;class IndexPage extends Component {
constructor (props) {
    super(props)
    this.state = {
        loading: true,
        reload: true
    }
}
UNSAFE_componentWillMount() {
        setTimeout(() =&amp;gt; {
            this.setState({
                loading: false,
            })
        }, 2000);
}
reload = () =&amp;gt;
{
    this.setState({ reload: false});
    window.location.reload()
}
render () {
    let width = window.innerWidth;
    if (this.state.loading) {
        return &amp;lt;Loading /&amp;gt;
    }
   if (width &amp;lt; 1024 &amp;amp;&amp;amp; this.state.reload) {
     this.reload()
     this.setState({ reload: false});
   } else {
     this.reload()
     this.setState({ reload: false});
   }
    return (
        &amp;lt;Fragment&amp;gt;
        {
            width &amp;lt; 1024 ?
            &amp;lt;div&amp;gt;
              Mobile
            &amp;lt;/div
            :
              &amp;lt;div&amp;gt;
              Desktop
             &amp;lt;/div&amp;gt;
        }
        &amp;lt;/Fragment&amp;gt;
    )
}
&lt;/code&gt;&lt;/pre&gt;
&lt;p&gt;}&lt;/p&gt;</t>
  </si>
  <si>
    <t>2018-11-11 18:24:18.147000+00:00</t>
  </si>
  <si>
    <t>javascript|reactjs|reload</t>
  </si>
  <si>
    <t>Similar images: Bag of Features / Visual Word or matching descriptors?</t>
  </si>
  <si>
    <t>&lt;p&gt;I have an application where given a reasonable amount of images (let's say 20K) and a query image, I want to find the most similar one. An reasonable approximation is feasible. &lt;/p&gt;
&lt;p&gt;In order to guarantee precision in representing each image, I'm using SIFT (a parallel version, to achieve fast computation also). &lt;/p&gt;
&lt;p&gt;Now, given the set of &lt;code&gt;n&lt;/code&gt; SIFT descriptors (where &lt;code&gt;500&amp;lt;n&amp;lt;1000&lt;/code&gt; usually, depending on image size), which can be represented as a matrix &lt;code&gt;n x 128&lt;/code&gt;, from what I've seen in literature there are two possible approaches for my case:&lt;/p&gt;
&lt;ol&gt;
&lt;li&gt;&lt;strong&gt;Descriptors matching&lt;/strong&gt;: we map each descriptor vector to a low dimension space and we try to find an approximation of the most similar one, for example through LSH. Then, we increment the number of matches between the query image and the image relative to the similar descriptor found. We iterate the process on all the descritors. Finally, we return as result the image with the highest number of descriptors matches.&lt;/li&gt;
&lt;li&gt;&lt;strong&gt;Bag of Features:&lt;/strong&gt; we create an histogram vector for each image follow  the BoF model. Supposing that we use &lt;code&gt;k&lt;/code&gt;-means (where &lt;code&gt;k=128&lt;/code&gt;, for example), we obtain a &lt;code&gt;k&lt;/code&gt;-dimensions vectors for each image. Since &lt;code&gt;k&lt;/code&gt; could be too large for efficient comparison, we can map it to a smaller (possibly binary) space through LSH again (as we did in 1.).  Finally, as reslut we return the most similar histogram. Notice that a big problem of this approach is that, as I discussed in &lt;a href="https://stackoverflow.com/questions/37966706/bag-of-feature-how-to-create-the-query-histogram?noredirect=1#comment63414451_37966706"&gt;this question&lt;/a&gt;, in order to quickly define the histogram we need to use LSH again (what a mess!). &lt;/li&gt;
&lt;/ol&gt;
&lt;p&gt;I'm surprised that I didn't find any comparison of these two approaches. My question is: what we have to consider for each one of them? There are researches of these two approches? The first method seems more efficient and it's feasible for such a dataset.&lt;/p&gt;</t>
  </si>
  <si>
    <t>2016-06-23 09:40:52.863000+00:00</t>
  </si>
  <si>
    <t>2017-05-23 10:29:08.350000+00:00</t>
  </si>
  <si>
    <t>image-processing|computer-vision|cluster-analysis|k-means|locality-sensitive-hash</t>
  </si>
  <si>
    <t>How to map each DocuSign request to envelopeId</t>
  </si>
  <si>
    <t>&lt;p&gt;I am trying to implement a DocuSign API app to send documents to our clients for e-signature.  In  my application, I need to send one document to each client for e-signature. For example, an agreement doc where user will sign and agree to our terms and conditions. &lt;/p&gt;
&lt;p&gt;So I will be sending the same document to each client and I assume I will be receiving a unique envelopeId for each individual request. &lt;/p&gt;
&lt;p&gt;So how do you keep track of which envelopeId is associated with which user?&lt;/p&gt;
&lt;p&gt;Can you send a custom tag in the request and receive it back in response to track it?&lt;/p&gt;</t>
  </si>
  <si>
    <t>2015-04-25 00:40:46.030000+00:00</t>
  </si>
  <si>
    <t>2015-05-01 00:46:20.267000+00:00</t>
  </si>
  <si>
    <t>2015-04-26 06:56:39.693000+00:00</t>
  </si>
  <si>
    <t>docusignapi|docusign</t>
  </si>
  <si>
    <t>cast actionContext.ActionArguments to generic type - problems casting to generic type</t>
  </si>
  <si>
    <t>&lt;p&gt;I���m writing a custom WebApi Authorization filter.&lt;/p&gt;
&lt;p&gt;I need to read the &lt;code&gt;securitySqlConnectionString&lt;/code&gt; back from the &lt;code&gt;actionContext&lt;/code&gt; variable.  To do this, I need to perform a cast (e.g. as I have attempted using &lt;code&gt;TransactionRequestBundle&amp;lt;SearchDefault&amp;gt;&lt;/code&gt;), however, the problem is that in &lt;code&gt;TransactionRequestBundle&amp;lt;T&amp;gt;&lt;/code&gt;, &lt;code&gt;T&lt;/code&gt; will vary, hence the cast below will only work for type &lt;code&gt;TransactionRequestBundle&amp;lt;SearchDefault&amp;gt;&lt;/code&gt;.  As it turns out, I am not actually concerned with the information stored in &lt;code&gt;T&lt;/code&gt;, so I would be happy to disregard the information stored in it.  I thought therefore that I might be able to get away with casting to &lt;code&gt;object&lt;/code&gt; (as shown here), but this gives me a run-time cast error.&lt;/p&gt;
&lt;pre&gt;&lt;code&gt;var securitySqlConnectionString =
  ((TransactionRequestBundle&amp;lt;object&amp;gt;)
  actionContext.ActionArguments["transactionRequestBundle"])
  .Transaction.SecuritySqlConnectionString;
&lt;/code&gt;&lt;/pre&gt;
&lt;p&gt;So can anyone provide me with any guidance on what I need to do to get the line above to work correctly, specifically what do I replace &lt;code&gt;object&lt;/code&gt; with?&lt;/p&gt;
&lt;pre&gt;&lt;code&gt;public class XsycoApiAuthorizationFilter
   : ActionFilterAttribute, IActionFilter
{
    public override void OnActionExecuting(HttpActionContext actionContext)
    {
      var securitySqlConnectionString =
        ((TransactionRequestBundle&amp;lt;object&amp;gt;)
          actionContext.ActionArguments["transactionRequestBundle"])
          .Transaction.SecuritySqlConnectionString;
      if (CacheMachine.GetEnvironments().Count == 0)
      {
        CacheLoader.Load(securitySqlConnectionString);
      }         
      base.OnActionExecuting(actionContext);
    }
}
public class TransactionRequestBundle&amp;lt;T&amp;gt;
{
    public Transaction Transaction;
    public T Model { get; set; }
    public XsycoDebugBundle XsycoDebugBundle { get; set; }
    public TransactionRequestBundle()
    {
        this.Transaction = new Transaction();
        this.XsycoDebugBundle = new XsycoDebugBundle();
        this.Model = Activator.CreateInstance&amp;lt;T&amp;gt;();
    }
}
public class Transaction 
{
      public string SecuritySqlConnectionString { get; set; }
}
&lt;/code&gt;&lt;/pre&gt;</t>
  </si>
  <si>
    <t>2015-05-13 10:36:06.470000+00:00</t>
  </si>
  <si>
    <t>2015-05-14 12:30:51.063000+00:00</t>
  </si>
  <si>
    <t>2015-05-13 14:44:45.900000+00:00</t>
  </si>
  <si>
    <t>c#|asp.net-web-api|asp.net-web-api2</t>
  </si>
  <si>
    <t>Get json value from string containing key path</t>
  </si>
  <si>
    <t>&lt;p&gt;I have an input array, with path like &lt;/p&gt;
&lt;p&gt;&lt;code&gt;var path = ["foo","bar","baz"];&lt;/code&gt;&lt;/p&gt;
&lt;p&gt;And I have an object&lt;/p&gt;
&lt;pre&gt;&lt;code&gt;var obj = {
    "foo": {
         "bar": {
              "baz": "cake"
         },
         "notbar": {
              "another": "value"
         }
    }
}
&lt;/code&gt;&lt;/pre&gt;
&lt;p&gt;And i want to change the "baz" value from the path.
I know i can use&lt;/p&gt;
&lt;pre&gt;&lt;code&gt;obj[path[0]][path[1]][path[2]] = "value";
&lt;/code&gt;&lt;/pre&gt;
&lt;p&gt;but i dont know how long the array will be. both php and javascript anwsers are appreciated!&lt;/p&gt;</t>
  </si>
  <si>
    <t>2015-02-23 20:06:25.127000+00:00</t>
  </si>
  <si>
    <t>2015-02-23 21:00:14.843000+00:00</t>
  </si>
  <si>
    <t>user3870546</t>
  </si>
  <si>
    <t>javascript|php|object</t>
  </si>
  <si>
    <t>Listen to KeyEvents form Softkeyboard</t>
  </si>
  <si>
    <t>&lt;p&gt;i have a not that common problem/question&lt;/p&gt;
&lt;p&gt;What I &lt;strong&gt;try&lt;/strong&gt; to do:&lt;/p&gt;
&lt;ol&gt;
&lt;li&gt;Listen to KeyEvents from a modified Android Softkeyboard (atm, the Softkeyboard from the samples) ==&gt; this already works, implemented a simple listener that does the job&lt;/li&gt;
&lt;li&gt;But than i want to process the information only if i'm in a specific application!&lt;/li&gt;
&lt;/ol&gt;
&lt;p&gt;So my idea was to add a listener to the Keyboard when I start my Application/Activity and not directly in the "onCreate" method of the Keyboard (like i do it now)&lt;/p&gt;
&lt;p&gt;But I can't get it working. Is there any possibility to get the instance of the Keyboard just running or something like that?&lt;/p&gt;
&lt;p&gt;Another possibility would be to listen to all of these events (as mentioned before add the listener in the "onCreate" method of the Keyboard), but then i need to find out in which EditText field or whatever i'm currently in. Only found &lt;strong&gt;EditorInfo attribute.packageName&lt;/strong&gt; which tells me the package of the application i'm in.&lt;/p&gt;
&lt;p&gt;SoftKeyboard.java: &lt;/p&gt;
&lt;pre&gt;&lt;code&gt;public void onPress(int primaryCode) {
    fireKeyPressed(primaryCode, System.currentTimeMillis());
}
private void fireKeyPressed(int primaryCode, long time){
    for(KeyboardListener l : listeners){
        l.keyPressed(primaryCode,time);
     }
}
&lt;/code&gt;&lt;/pre&gt;
&lt;p&gt;atm nothing fancy&lt;/p&gt;
&lt;p&gt;Activity: what i would "like" to do:&lt;/p&gt;
&lt;pre&gt;&lt;code&gt;KeyEventInputListener l = new KeyEventIntputListener();
SoftKeyboard sk = SoftKeyboard.getInstance();
st.addListener(l);
l.getListOfKeys();
&lt;/code&gt;&lt;/pre&gt;
&lt;p&gt;I hope I could make clear what I'm trying to do :)&lt;/p&gt;
&lt;p&gt;TIA!!!&lt;/p&gt;</t>
  </si>
  <si>
    <t>2012-02-09 19:58:28.317000+00:00</t>
  </si>
  <si>
    <t>android|android-activity|android-softkeyboard|keylistener</t>
  </si>
  <si>
    <t>Is there anyway to configure vscode to NOT select the first item from the suggestion list?</t>
  </si>
  <si>
    <t>&lt;p&gt;I'm typing "#myDiv ENTER" and I want to get this:&lt;/p&gt;
&lt;p&gt;&lt;a href="http://i.imgur.com/b4p34HY.png" rel="nofollow"&gt;http://i.imgur.com/b4p34HY.png&lt;/a&gt;&lt;/p&gt;
&lt;p&gt;But when I type space right after #myDiv, I'm getting this:&lt;/p&gt;
&lt;p&gt;&lt;a href="http://i.imgur.com/69AiOOM.png" rel="nofollow"&gt;http://i.imgur.com/69AiOOM.png&lt;/a&gt;&lt;/p&gt;
&lt;p&gt;Notice that the first item "-moz any()" is seletected. If I press ENTER now, I'll not get my code.&lt;/p&gt;
&lt;p&gt;Is there anyway to configure vscode so that it won't select the first item of that list?&lt;/p&gt;</t>
  </si>
  <si>
    <t>2016-05-20 14:53:14.697000+00:00</t>
  </si>
  <si>
    <t>2016-05-21 23:13:31.500000+00:00</t>
  </si>
  <si>
    <t>Android Java - can't catch exception</t>
  </si>
  <si>
    <t>&lt;p&gt;This is my function:&lt;/p&gt;
&lt;pre&gt;&lt;code&gt;void send() throws SocketException
{
    ....
    socket.setSoTimeout(1000);
    ....
}
&lt;/code&gt;&lt;/pre&gt;
&lt;p&gt;I use it in other function:&lt;/p&gt;
&lt;pre&gt;&lt;code&gt;try
    {
        send();
    }
    catch (SocketException e)
    {
        Log.i("Timeout", "Exception");
    }
&lt;/code&gt;&lt;/pre&gt;
&lt;p&gt;but the catch seems not to work, no logs. I am 100% sure that timeout occurs (W/System.err��� java.net.SocketTimeoutException). I was trying also with Throwable instead of SocketException but it didn't help.&lt;/p&gt;</t>
  </si>
  <si>
    <t>2015-03-14 21:13:26.933000+00:00</t>
  </si>
  <si>
    <t>2015-03-14 21:45:59.163000+00:00</t>
  </si>
  <si>
    <t>java|android|exception</t>
  </si>
  <si>
    <t>Loading .env in Ruby on Rails application</t>
  </si>
  <si>
    <t>&lt;p&gt;I am setting up a heroku and I am using using this &lt;a href="https://devcenter.heroku.com/articles/direct-to-s3-image-uploads-in-rails#example-app" rel="nofollow"&gt;guide&lt;/a&gt; to set up my local environment for development. I have a '.env' file in the root of my application with the variable set up as noted in the guide. When I run &lt;/p&gt;
&lt;pre&gt;&lt;code&gt;heroku local:run rails runner "puts ENV['S3_BUCKET']"
&lt;/code&gt;&lt;/pre&gt;
&lt;p&gt;it returns a blank. How do I get it to recognize/load the '.env' file?&lt;/p&gt;</t>
  </si>
  <si>
    <t>2015-12-30 19:02:00.913000+00:00</t>
  </si>
  <si>
    <t>2016-09-18 20:56:20.263000+00:00</t>
  </si>
  <si>
    <t>ruby-on-rails|ruby|heroku</t>
  </si>
  <si>
    <t>How can i remove a deleted row inside a table using Jquery for my asp.net MVC</t>
  </si>
  <si>
    <t>&lt;p&gt;i have the following view:-&lt;/p&gt;
&lt;pre&gt;&lt;code&gt;&amp;lt;script type="text/javascript"&amp;gt;
    $(document).ready(function () {
        $("#removerow").click(function () {
            $(this).remove();
        });
    });
&amp;lt;/script&amp;gt;
&amp;lt;h2&amp;gt;Details&amp;lt;/h2&amp;gt;
&amp;lt;fieldset&amp;gt;
    &amp;lt;legend&amp;gt;This Question Currently has @Model.Answers.Count() Answers/s. &amp;lt;/legend&amp;gt;
&amp;lt;table id="incrementanswer"&amp;gt;
    &amp;lt;tr&amp;gt;
        &amp;lt;th&amp;gt;
            Description
        &amp;lt;/th&amp;gt;
        &amp;lt;th&amp;gt;
            Answer 
        &amp;lt;/th&amp;gt;
        &amp;lt;th&amp;gt;&amp;lt;/th&amp;gt;
    &amp;lt;/tr&amp;gt;
@foreach (var answer in Model.Answers.OrderBy(a=&amp;gt; a.IsRight))
{
       &amp;lt;tr id =  "removerow"&amp;gt;
        &amp;lt;td&amp;gt;
            @Html.DisplayFor(modelItem =&amp;gt; answer.Description)
        &amp;lt;/td&amp;gt;
        &amp;lt;td&amp;gt;
            @Html.DisplayFor(modelItem =&amp;gt; answer.Answer_Description.description)
        &amp;lt;/td&amp;gt;
        &amp;lt;td&amp;gt;
         @Ajax.ActionLink("Delete", "Delete", "Answer",
        new { id = answer.AnswersID },
          new AjaxOptions
          {
              Confirm = "Are You sure You want to delete this Answer ?",
              HttpMethod = "Post",
              UpdateTargetId = "toremove",
              OnSuccess = "removePartial2"
          })
        &amp;lt;/td&amp;gt;
        &amp;lt;/tr&amp;gt;
}
&amp;lt;/table&amp;gt;
&amp;lt;div id = "progress2"&amp;gt;
&amp;lt;img src= "@Url.Content("~/Content/images/ajax-loader1.gif") "&amp;gt;
&amp;lt;/div&amp;gt;
&lt;/code&gt;&lt;/pre&gt;
&lt;p&gt;which contains a script and an ajax.actionlink that calls this script after clicking on the delete link. Currently the row will be removed only if it is the first row in a table and also the row will be deleted before confirming the deletion ,, so what might be the problem ?&lt;/p&gt;
&lt;p&gt;edited:- i have updated my view to the following, &lt;strong&gt;but i still can not force the removePartial2 script to remove the row which was deleted:-&lt;/strong&gt;&lt;/p&gt;
&lt;pre&gt;&lt;code&gt;&amp;lt;/script&amp;gt;
&amp;lt;script type="text/javascript"&amp;gt;
    function removePartial2() {
        $(this).remove();
}
&amp;lt;/script&amp;gt;
}
&amp;lt;h2&amp;gt;Details&amp;lt;/h2&amp;gt;
&amp;lt;fieldset&amp;gt;
    &amp;lt;legend&amp;gt;This Question Currently has @Model.Answers.Count() Answers/s. &amp;lt;/legend&amp;gt;
&amp;lt;table id="incrementanswer"&amp;gt;
    &amp;lt;tr&amp;gt;
        &amp;lt;th&amp;gt;
            Description
        &amp;lt;/th&amp;gt;
        &amp;lt;th&amp;gt;
            Answer 
        &amp;lt;/th&amp;gt;
        &amp;lt;th&amp;gt;&amp;lt;/th&amp;gt;
    &amp;lt;/tr&amp;gt;
@foreach (var answer in Model.Answers.OrderBy(a=&amp;gt; a.IsRight))
{
       &amp;lt;tr id =  @answer.AnswersID&amp;gt;
        &amp;lt;td&amp;gt;
            @Html.DisplayFor(modelItem =&amp;gt; answer.Description)
        &amp;lt;/td&amp;gt;
        &amp;lt;td&amp;gt;
            @Html.DisplayFor(modelItem =&amp;gt; answer.Answer_Description.description)
        &amp;lt;/td&amp;gt;
        &amp;lt;td&amp;gt;
         @Ajax.ActionLink("Delete", "Delete", "Answer",
        new { id = answer.AnswersID },
          new AjaxOptions
          {
              Confirm = "Are You sure You want to delete this Answer ?",
              HttpMethod = "Post",
              UpdateTargetId = @answer.AnswersID.ToString(),
              OnSuccess = "removePartial2"
          })
        &amp;lt;/td&amp;gt;
        &amp;lt;/tr&amp;gt;
}
&amp;lt;/table&amp;gt;
&amp;lt;div id = "progress2"&amp;gt;
&amp;lt;img src= "@Url.Content("~/Content/images/ajax-loader1.gif") "&amp;gt;
&amp;lt;/div&amp;gt;
&lt;/code&gt;&lt;/pre&gt;</t>
  </si>
  <si>
    <t>2012-03-07 15:09:41.077000+00:00</t>
  </si>
  <si>
    <t>2012-03-07 19:21:31.153000+00:00</t>
  </si>
  <si>
    <t>2012-03-07 16:41:06.487000+00:00</t>
  </si>
  <si>
    <t>asp.net-mvc-3|jquery</t>
  </si>
  <si>
    <t>Floating point problems</t>
  </si>
  <si>
    <t>&lt;p&gt;I'm aware that floating points aren't 100% accurate in most programming languages but I've come across an odd problem just now. I'm still learning Python so have made a simple program that calculates change given in the least possible amount of coins. However, when it gets to 0.02 it seems to fail at giving a 2p coin and instead splits it to 2 1p coins. The code snippet looks like:&lt;/p&gt;
&lt;pre&gt;&lt;code&gt;....
elif amountLeft / 0.02 &amp;gt;= 1:
    changeGiven.append("2p")
    amountLeft -= 0.02
else:
    changeGiven.append("1p")
    amountLeft -= 0.01
&lt;/code&gt;&lt;/pre&gt;
&lt;p&gt;I've looked at it in &lt;a href="http://www.pythontutor.com" rel="nofollow"&gt;http://www.pythontutor.com&lt;/a&gt; and there's clearly &lt;code&gt;0.02&lt;/code&gt; in the &lt;code&gt;amountLeft&lt;/code&gt; on the final iteration of anything that would reduce down to that. When I check &lt;code&gt;print 0.02 / 0.02 &amp;gt;= 1&lt;/code&gt; I get back &lt;code&gt;True&lt;/code&gt; as expected.&lt;/p&gt;
&lt;p&gt;What obvious thing am I missing here?&lt;/p&gt;</t>
  </si>
  <si>
    <t>2013-05-29 15:50:37.483000+00:00</t>
  </si>
  <si>
    <t>2013-05-29 17:08:27.757000+00:00</t>
  </si>
  <si>
    <t>python|floating-point|floating-accuracy</t>
  </si>
  <si>
    <t>CK Editor 4+ Plugin</t>
  </si>
  <si>
    <t>&lt;p&gt;I'm new to CK Editor and now i'm creating a custom plugin for my C# MVC 5 application.&lt;/p&gt;
&lt;p&gt;I have created a plugin in which on clicking it will prompt a dialog box and which have a text box and drop down in it, Now drop down is filled with static values.
I want to have dynamic values in the drop down which i'm planning to get via one service call.
So how can i achieve this and how to make a service call from plugin/dialog.js file&lt;/p&gt;
&lt;p&gt;Thanks in Advance&lt;/p&gt;</t>
  </si>
  <si>
    <t>2018-07-24 20:48:39.793000+00:00</t>
  </si>
  <si>
    <t>ckeditor|ckeditor.net</t>
  </si>
  <si>
    <t>PHP search array column for 2 values using in_array()</t>
  </si>
  <si>
    <t>&lt;p&gt;How do I search for 2 values in the same record using in_array()?
For example I want to search for 'AuthorNiceName' value and 'AuthorType' value.&lt;/p&gt;
&lt;p&gt;The below code does not work how I would like. It should return "EU TEST" but it returns "CP TEST".&lt;/p&gt;
&lt;p&gt;Thanks in advance.&lt;/p&gt;
&lt;pre&gt;&lt;code&gt; $authors = array(
        array(
            'AuthorName' =&amp;gt; 'John Smith',
            'AuthorNiceName' =&amp;gt; 'john-smith',
            'AuthorType' =&amp;gt; 'CP'
        ),
        array(
            'AuthorName' =&amp;gt; 'Joe Bloggs',
            'AuthorNiceName' =&amp;gt; 'joe-bloggs',
            'AuthorType' =&amp;gt; 'EU'
        ),
    );
    if (in_array('joe-bloggs', array_column($authors, 'AuthorNiceName')) &amp;amp;&amp;amp; in_array('EU', array_column($authors, 'AuthorType'))) {
        $authorType = 'CP TEST';
    }
    else {
        $authorType = 'EU TEST';
    }
    echo $authorType;
&lt;/code&gt;&lt;/pre&gt;
&lt;p&gt;UPDATE: My latest code using @Philipp's suggestion which I adjusted slightly. However it doesn't work, if there are other users with the same 'AuthorType' it returns "no match"?&lt;/p&gt;
&lt;pre&gt;&lt;code&gt;$authors = array( //TODO
    array(
        'AuthorName' =&amp;gt; 'John Smith',
        'AuthorNiceName' =&amp;gt; 'john-smith',
        'AuthorType' =&amp;gt; 'CP'
    ),
    array(
        'AuthorName' =&amp;gt; 'Joe Bloggs',
        'AuthorNiceName' =&amp;gt; 'joe-bloggs',
        'AuthorType' =&amp;gt; 'EU'
    ),
    array(
        'AuthorName' =&amp;gt; 'Matt Bat',
        'AuthorNiceName' =&amp;gt; 'matt-bat',
        'AuthorType' =&amp;gt; 'EU'
    ),    
);
$name = 'joe-bloggs';
$type = 'EU';
foreach ($authors as $author) {
    if ($author['AuthorNiceName'] == $name &amp;amp;&amp;amp; $author['AuthorType'] == 'EU') {
        $authorType = 'EU Test';
    }
   elseif ($author['AuthorNiceName'] == $name &amp;amp;&amp;amp; $author['AuthorType'] == 'CP') {
        $authorType = 'CP Test';
    }
    else {
        $authorType = 'no match';
    }
}
echo $authorType; //returns "not match". it should return "EU Test".
&lt;/code&gt;&lt;/pre&gt;</t>
  </si>
  <si>
    <t>2017-03-10 11:22:24.167000+00:00</t>
  </si>
  <si>
    <t>2017-03-10 17:23:58.463000+00:00</t>
  </si>
  <si>
    <t>2017-03-10 12:29:14.997000+00:00</t>
  </si>
  <si>
    <t>pagination- load data on click or hide unnecessary data</t>
  </si>
  <si>
    <t>&lt;p&gt;I have a database table which is to be shown in a part of a webpage. The table information should be shown with pagination where each page has 5 rows.
Now, I have two options-&lt;/p&gt;
&lt;p&gt;&lt;strong&gt;1&lt;/strong&gt;.Load all the table into HTML (I'm using PHP here) at pageload and hide all the rows except the 5 rows that are to be shown each time.&lt;br&gt;&lt;/p&gt;
&lt;p&gt;&lt;strong&gt;2&lt;/strong&gt;.Each time a page number is clicked, do an SQL query using AJAX. The query will fetch the exact 5 rows corresponding to the page number that is clicked.&lt;/p&gt;
&lt;p&gt;I have seen many codes on the net following the second one. But i would still like to know that Which option would be better to use when we have specific conditions like-&lt;br&gt;
&lt;strong&gt;a&lt;/strong&gt;. Number of rows of the table could vary.&lt;br&gt;
&lt;strong&gt;b&lt;/strong&gt;. The number of simultaneous users is high.(Would that affect the database server speed?) &lt;br&gt;
&lt;strong&gt;c&lt;/strong&gt;. Internet speed on the user side is slow.&lt;/p&gt;
&lt;p&gt;Now, considering these situations, which option will give the best experience to the user? Is one of these options universally superior than the other?&lt;/p&gt;
&lt;p&gt;I'm still new to web development so all help and corrections are welcome!&lt;/p&gt;</t>
  </si>
  <si>
    <t>2017-03-09 08:05:14.007000+00:00</t>
  </si>
  <si>
    <t>php|mysql|ajax|pagination</t>
  </si>
  <si>
    <t>Integrate Mopub in cocos2d-x v.3.x</t>
  </si>
  <si>
    <t>&lt;p&gt;I am facing a problem integrating Mopub Banner &amp;amp; Intersitial inside an Android App.
I tried to add it in multiple manners but no one is working.&lt;/p&gt;
&lt;p&gt;Someone has managed to integrate it?
I manage to cache the ads, but when they get shown , nothing appears...the app seems to get blocked and get black screen, after few seconds it get automatically closed whitou writing any clear error log ..&lt;/p&gt;
&lt;p&gt;Have you faced something similar?
I Want to avoid SDKBOX since it does not support Mopub.
Thanks&lt;/p&gt;
&lt;p&gt;This is a capture of the Log:&lt;/p&gt;
&lt;pre&gt;&lt;code&gt;8:30:17.406 2115-2115/? D/STATUSBAR-NetworkController: refreshSignalCluster: 
data=-1 bt=false
06-07 18:30:17.746 13827-13827/com.kangaroo.logicchallenge W/dalvikvm: threadid=1: spin on suspend #3 threadid=16 (pcf=0)
06-07 18:30:17.746 13827-13827/com.kangaroo.logicchallenge I/dalvikvm: "main" prio=5 tid=1 RUNNABLE
06-07 18:30:17.746 13827-13827/com.kangaroo.logicchallenge I/dalvikvm:   | group="main" sCount=0 dsCount=0 obj=0x40fe1508 self=0x40fd1660
06-07 18:30:17.746 13827-13827/com.kangaroo.logicchallenge I/dalvikvm:   | sysTid=13827 nice=0 sched=0/0 cgrp=[no-cpu-subsys] handle=1075257136
06-07 18:30:17.746 13827-13827/com.kangaroo.logicchallenge I/dalvikvm:   | schedstat=( 485168449 392425546 912 ) utm=33 stm=15 core=0
06-07 18:30:17.746 13827-13827/com.kangaroo.logicchallenge I/dalvikvm:     at java.lang.AbstractStringBuilder.&amp;lt;init&amp;gt;(AbstractStringBuilder.java:~82)
06-07 18:30:17.746 13827-13827/com.kangaroo.logicchallenge I/dalvikvm:     at java.lang.StringBuffer.&amp;lt;init&amp;gt;(StringBuffer.java:69)
06-07 18:30:17.746 13827-13827/com.kangaroo.logicchallenge I/dalvikvm:     at java.util.regex.Matcher.replaceAll(Matcher.java:320)
06-07 18:30:17.746 13827-13827/com.kangaroo.logicchallenge I/dalvikvm:     at java.lang.String.replaceAll(String.java:1784)
06-07 18:30:17.746 13827-13827/com.kangaroo.logicchallenge I/dalvikvm:     at com.mopub.mraid.MraidBridge.&amp;lt;init&amp;gt;(MraidBridge.java:77)
06-07 18:30:17.746 13827-13827/com.kangaroo.logicchallenge I/dalvikvm:     at com.mopub.mraid.MraidBridge.&amp;lt;init&amp;gt;(MraidBridge.java:93)
06-07 18:30:17.746 13827-13827/com.kangaroo.logicchallenge I/dalvikvm:     at com.mopub.mraid.MraidController.&amp;lt;init&amp;gt;(MraidController.java:122)
06-07 18:30:17.746 13827-13827/com.kangaroo.logicchallenge I/dalvikvm:     at com.mopub.mobileads.MraidActivity.getAdView(MraidActivity.java:109)
06-07 18:30:17.746 13827-13827/com.kangaroo.logicchallenge I/dalvikvm:     at com.mopub.mobileads.BaseInterstitialActivity.onCreate(BaseInterstitialActivity.java:58)
06-07 18:30:17.746 13827-13827/com.kangaroo.logicchallenge I/dalvikvm:     at com.mopub.mobileads.MraidActivity.onCreate(MraidActivity.java:168)
06-07 18:30:17.746 13827-13827/com.kangaroo.logicchallenge I/dalvikvm:     at android.app.Activity.performCreate(Activity.java:5047)
06-07 18:30:17.746 13827-13827/com.kangaroo.logicchallenge I/dalvikvm:     at android.app.Instrumentation.callActivityOnCreate(Instrumentation.java:1094)
06-07 18:30:17.746 13827-13827/com.kangaroo.logicchallenge I/dalvikvm:     at android.app.ActivityThread.performLaunchActivity(ActivityThread.java:2056)
06-07 18:30:17.746 13827-13827/com.kangaroo.logicchallenge I/dalvikvm:     at android.app.ActivityThread.handleLaunchActivity(ActivityThread.java:2117)
06-07 18:30:17.746 13827-13827/com.kangaroo.logicchallenge I/dalvikvm:     at android.app.ActivityThread.access$700(ActivityThread.java:134)
06-07 18:30:17.746 13827-13827/com.kangaroo.logicchallenge I/dalvikvm:     at android.app.ActivityThread$H.handleMessage(ActivityThread.java:1218)
06-07 18:30:17.746 13827-13827/com.kangaroo.logicchallenge I/dalvikvm:     at android.os.Handler.dispatchMessage(Handler.java:99)
06-07 18:30:17.746 13827-13827/com.kangaroo.logicchallenge I/dalvikvm:     at android.os.Looper.loop(Looper.java:137)
06-07 18:30:17.746 13827-13827/com.kangaroo.logicchallenge I/dalvikvm:     at android.app.ActivityThread.main(ActivityThread.java:4867)
06-07 18:30:17.746 13827-13827/com.kangaroo.logicchallenge I/dalvikvm:     at java.lang.reflect.Method.invokeNative(Native Method)
06-07 18:30:17.746 13827-13827/com.kangaroo.logicchallenge I/dalvikvm:     at java.lang.reflect.Method.invoke(Method.java:511)
06-07 18:30:17.746 13827-13827/com.kangaroo.logicchallenge I/dalvikvm:     at com.android.internal.os.ZygoteInit$MethodAndArgsCaller.run(ZygoteInit.java:1007)
06-07 18:30:17.746 13827-13827/com.kangaroo.logicchallenge I/dalvikvm:     at com.android.internal.os.ZygoteInit.main(ZygoteInit.java:774)
06-07 18:30:17.746 13827-13827/com.kangaroo.logicchallenge I/dalvikvm:     at dalvik.system.NativeStart.main(Native Method)
06-07 18:30:17.746 13827-13827/com.kangaroo.logicchallenge I/dalvikvm: "GLThread 805" prio=5 tid=16 RUNNABLE
06-07 18:30:17.746 13827-13827/com.kangaroo.logicchallenge I/dalvikvm:   | group="main" sCount=1 dsCount=0 obj=0x41a7ed20 self=0x5a35b590
06-07 18:30:17.746 13827-13827/com.kangaroo.logicchallenge I/dalvikvm:   | sysTid=13876 nice=0 sched=0/0 cgrp=[no-cpu-subsys] handle=1513470432
06-07 18:30:17.746 13827-13827/com.kangaroo.logicchallenge I/dalvikvm:   | schedstat=( 1092346170 769592302 3068 ) utm=93 stm=16 core=1
06-07 18:30:17.756 13827-13827/com.kangaroo.logicchallenge I/dalvikvm:     at org.cocos2dx.lib.Cocos2dxRenderer.nativeOnPause(Native Method)
06-07 18:30:17.756 13827-13827/com.kangaroo.logicchallenge I/dalvikvm:     at org.cocos2dx.lib.Cocos2dxRenderer.handleOnPause(Cocos2dxRenderer.java:158)
06-07 18:30:17.756 13827-13827/com.kangaroo.logicchallenge I/dalvikvm:     at org.cocos2dx.lib.Cocos2dxGLSurfaceView$4.run(Cocos2dxGLSurfaceView.java:197)
06-07 18:30:17.756 13827-13827/com.kangaroo.logicchallenge I/dalvikvm:     at android.opengl.GLSurfaceView$GLThread.guardedRun(GLSurfaceView.java:1462)
06-07 18:30:17.756 13827-13827/com.kangaroo.logicchallenge I/dalvikvm:     at android.opengl.GLSurfaceView$GLThread.run(GLSurfaceView.java:1240)
06-07 18:30:18.036 1691-1998/? I/sec_anm_ahi_output: standby() called
06-07 18:30:18.036 1691-1998/? I/sec_anm_ahi_output: Trying to drain devices
06-07 18:30:18.036 1694-1961/? I/ADM: 9: 31950741777: [INFO] api_devset:824 devapi_drain, draining 41398008.0
06-07 18:30:18.056 1694-1961/? I/ADM: 8: 31950767076: [INFO] omx_io:651 il_tool_io_empty_buffer_done: Idle callback requested, issuing..
06-07 18:30:18.056 1694-1961/? I/ADM: 0: 31950767137: [INFO] api_devset:835 Drain complete, sending reply msg
06-07 18:30:18.056 1691-1998/? I/sec_anm_ahi_output: Drain devices done
06-07 18:30:18.056 1691-1998/? I/sec_anm_ahi_output: adm_api: ste_adm_close_device(Speaker)
06-07 18:30:18.056 1694-1961/? I/ADM: 3: 31950767381: [STATUS] api_devset:316 Close device 'Speaker'
06-07 18:30:18.056 1694-1961/? I/ADM: 6: 31950767533: [OMXIL] omx_log:957 41398008 [ADM.splitter]: SendCommand PortDisable 0
06-07 18:30:18.056 1694-1961/? I/ADM: 7: 31950767564: [INFO] omx_io:410 il_tool_io_wait_until_idle: 42DD5008.0 idle, returning
06-07 18:30:18.056 1694-1961/? I/ADM: 8: 31950767625: [OMXIL] omx_log:1113 41398008 [ADM.splitter]: FreeBuf port=0 pBuf=456F6F88
06-07 18:30:18.056 1694-1961/? I/ADM: 9: 31950767656: [OMXIL] omx_log:1113 41398008 [ADM.splitter]: FreeBuf port=0 pBuf=4003BF38
06-07 18:30:18.056 1694-1961/? I/ADM: 9: 31950767686: [OMXIL] omx_log:1113 41398008 [ADM.splitter]: FreeBuf port=0 pBuf=41377F18
06-07 18:30:18.056 1694-1961/? I/ADM: 0: 31950767747: [OMXIL] omx_log:256 41398008 [ADM.splitter]: CB CmdComplete PortDisable 0
06-07 18:30:18.056 1694-1961/? I/ADM: 2: 31950767869: [OMXIL] omx_log:957 41398008 [ADM.splitter]: SendCommand PortDisable 1
06-07 18:30:18.056 1694-1961/? I/ADM: 3: 31950767930: [OMXIL] omx_log:256 41398008 [ADM.splitter]: CB CmdComplete PortDisable 1
06-07 18:30:18.056 1694-1961/? I/ADM: 4: 31950767961: [OMXIL] omx_log:957 45DDB008 [ADM.mixer   ]: SendCommand PortDisable 1
06-07 18:30:18.056 1694-1961/? I/ADM: 4: 31950768022: [OMXIL] omx_log:256 45DDB008 [ADM.mixer   ]: CB CmdComplete PortDisable 1
06-07 18:30:18.056 1694-1961/? I/ADM: 6: 31950768113: [INFO] dev:519  &amp;gt;&amp;gt;&amp;gt; ENTER dev_close(101)
06-07 18:30:18.056 1694-1961/? I/ADM: 8: 31950768235: [INFO] dev:306 setting /data/local/tmp/rme_act_adm to 1
06-07 18:30:18.056 1694-1961/? I/ADM: 1: 31950768418: [INFO] dev:347 rme alp tracker /data/local/tmp/rme_act_alp set to 0: proceeding
06-07 18:30:18.056 1694-1961/? I/ADM: 4: 31950769212: [INFO] dev_omx:1517 Enter dev_omx_close_graph - logical_handle=1  dealloc_buffers=0
06-07 18:30:18.056 1694-1961/? I/ADM: 5: 31950769273: [INFO] dev_omx:1534 Closing last device. Request audiocodec to ramp down audio
06-07 18:30:18.056 1694-1961/? I/ADM: 6: 31950769303: [OMXIL] omx_log:913 41378CC0 [X.ST.AFM.IHF]: SetConfig idx=Mute
06-07 18:30:18.056 1694-1961/? I/ADM: 7: 31950769334: [OMXIL] omx_log:293     port=0 mute=1
06-07 18:30:18.096 1694-1968/? I/ADM: 8: 31950802415: [OMXIL] omx_log:256 41378CC0 [X.ST.AFM.IHF]: CB EventIndexSettingChanged port=67108901 index=OMX_ALL
06-07 18:30:18.096 1694-1968/? I/ADM: 9: 31950802476: [OMXIL] omx_log:256 41378CC0 [X.ST.AFM.IHF]: CB EventIndexSettingChanged port=-1 index=Mute
06-07 18:30:18.096 1694-1961/? I/ADM: 8: 31950803025: [INFO] dev_omx_graph:1181 Enter graph_disconnect_app_effects_from_common_mix_split
06-07 18:30:18.096 1694-1961/? I/ADM: 0: 31950803697: [OMXIL] omx_log:957 41378570 [ocessing.spl]: SendCommand PortDisable 1
06-07 18:30:18.096 1694-1961/? I/ADM: 8: 31950804185: [OMXIL] omx_log:957 413782E0 [ST.AFM.mixer]: SendCommand PortDisable 1
06-07 18:30:18.096 1694-1968/? I/ADM: 9: 31950805436: [OMXIL] omx_log:256 413782E0 [ST.AFM.mixer]: CB CmdComplete PortDisable 1
06-07 18:30:18.096 1694-1968/? I/ADM: 7: 31950807054: [OMXIL] omx_log:256 41378570 [ocessing.spl]: CB CmdComplete PortDisable 1
06-07 18:30:18.096 1694-1961/? I/ADM: 9: 31950807237: [OMXIL] omx_log:954 45DDB008 [ADM.mixer   ]: SendCommand StateSet StateIdle
06-07 18:30:18.096 1694-1961/? I/ADM: 1: 31950807298: [OMXIL] omx_log:954 41378570 [ocessing.spl]: SendCommand StateSet StateIdle
06-07 18:30:18.096 1694-1981/? I/ADM: 6: 31950807634: [OMXIL] omx_log:256 45DDB008 [ADM.mixer   ]: CB CmdComplete StateSet StateIdle
06-07 18:30:18.096 1694-1968/? I/ADM: 1: 31950807908: [OMXIL] omx_log:256 41378570 [ocessing.spl]: CB CmdComplete StateSet StateIdle
06-07 18:30:18.096 1694-1961/? I/ADM: 5: 31950808152: [OMXIL] omx_log:954 413782E0 [ST.AFM.mixer]: SendCommand StateSet StateIdle
06-07 18:30:18.096 1694-1968/? I/ADM: 4: 31950808702: [OMXIL] omx_log:256 413782E0 [ST.AFM.mixer]: CB CmdComplete StateSet StateIdle
06-07 18:30:18.096 1694-1961/? I/ADM: 5: 31950808702: [OMXIL] omx_log:954 413788E8 [ocessing.spl]: SendCommand StateSet StateIdle
06-07 18:30:18.096 1694-1961/? I/ADM: 1: 31950809129: [OMXIL] omx_log:954 41378CC0 [X.ST.AFM.IHF]: SendCommand StateSet StateIdle
06-07 18:30:18.106 1694-1968/? I/ADM: 2: 31950810289: [OMXIL] omx_log:256 413788E8 [ocessing.spl]: CB CmdComplete StateSet StateIdle
06-07 18:30:18.106 1694-1968/? I/ADM: 2: 31950811540: [OMXIL] omx_log:256 41378CC0 [X.ST.AFM.IHF]: CB CmdComplete StateSet StateIdle
06-07 18:30:18.106 1694-1961/? I/ADM: 0: 31950811937: [OMXIL] omx_log:954 41378CC0 [X.ST.AFM.IHF]: SendCommand StateSet StateLoaded
06-07 18:30:18.117 1694-1968/? I/ADM: 0: 31950820848: [OMXIL] omx_log:256 41378CC0 [X.ST.AFM.IHF]: CB CmdComplete StateSet StateLoaded
06-07 18:30:18.117 1694-1961/? I/ADM: 3: 31950820970: [OMXIL] omx_log:954 413788E8 [ocessing.spl]: SendCommand StateSet StateLoaded
06-07 18:30:18.117 1694-1968/? I/ADM: 9: 31950826677: [OMXIL] omx_log:256 413788E8 [ocessing.spl]: CB CmdComplete StateSet StateLoaded
06-07 18:30:18.117 1694-1961/? I/ADM: 1: 31950826799: [OMXIL] omx_log:954 413782E0 [ST.AFM.mixer]: SendCommand StateSet StateLoaded
06-07 18:30:18.127 1694-1968/? I/ADM: 1: 31950831468: [OMXIL] omx_log:256 413782E0 [ST.AFM.mixer]: CB CmdComplete StateSet StateLoaded
06-07 18:30:18.127 1694-1961/? I/ADM: 3: 31950831620: [OMXIL] omx_log:954 41378570 [ocessing.spl]: SendCommand StateSet StateLoaded
06-07 18:30:18.127 1694-1961/? I/ADM: 7: 31950838914: [OMXIL] omx_log:954 45DDB008 [ADM.mixer   ]: SendCommand StateSet StateLoaded
06-07 18:30:18.127 1694-1961/? I/ADM: 8: 31950839006: [OMXIL] omx_log:256 45DDB008 [ADM.mixer   ]: CB CmdComplete StateSet StateLoaded
06-07 18:30:18.127 1694-1968/? I/ADM: 5: 31950839433: [OMXIL] omx_log:256 41378570 [ocessing.spl]: CB CmdComplete StateSet StateLoaded
06-07 18:30:18.127 1694-1961/? I/ADM: 2: 31950839830: [OMXIL] omx_log:256 41378570 [ocessing.spl]: FreeHandle
06-07 18:30:18.137 1694-1961/? I/ADM: 3: 31950840501: [OMXIL] omx_log:256 45DDB008 [ADM.mixer   ]: FreeHandle
06-07 18:30:18.137 1694-1961/? I/ADM: 7: 31950840684: [OMXIL] omx_log:256 413788E8 [ocessing.spl]: FreeHandle
06-07 18:30:18.137 1694-1961/? I/ADM: 5: 31950841142: [OMXIL] omx_log:256 41378CC0 [X.ST.AFM.IHF]: FreeHandle
06-07 18:30:18.137 1694-1961/? I/ADM: 3: 31950841600: [OMXIL] omx_log:256 413782E0 [ST.AFM.mixer]: FreeHandle
06-07 18:30:18.137 1694-1961/? I/ADM: 0: 31950842088: [INFO] dev_omx:1646 All OMX handles freed successfully
06-07 18:30:18.137 1694-1961/? I/ADM: 1: 31950842149: [INFO] dev_omx:1722 Graph closed successfully! ref_cnt = 0
06-07 18:30:18.137 1694-1961/? I/ADM: 4: 31950842302: [INFO] dev:1684 rescan_hw_handler
06-07 18:30:18.137 1694-1961/? I/ADM: 5: 31950842393: [INFO] hw_handler_u8500:461 AddD2DConnections ENTER
06-07 18:30:18.137 1694-1961/? I/ADM: 1: 31950843309: [INFO] dev:1675 hw_handler_dev_next_d2d: DONE
06-07 18:30:18.137 1694-1961/? I/ADM: 4: 31950843461: [INFO] dev:1654 hw_handler_dev_next: DONE
06-07 18:30:18.137 1694-1961/? I/ADM: 5: 31950844102: [INFO] hw_handler_u8500:849 Query: SELECT * FROM HW_Settings WHERE (Platform = 'AB8500') AND (Dev1 ='')ORDER BY rowid LIMIT 1
06-07 18:30:18.137 1694-1961/? I/ADM: 6: 31950845933: [INFO] hw_handler_u8500:961 ste_adm_hw_handler_u8500: Found matching HW-settings: devices = ('', '', '', '', '', ''), d2dlogical-connections = ('', '', '', '').
06-07 18:30:18.157 1694-1961/? I/ADM: 4: 31950861192: [INFO] dev:834 Updating event subscriptions for device Speaker
06-07 18:30:18.157 1694-1961/? I/ADM: 6: 31950861253: [INFO] dev:579  &amp;gt;&amp;gt;&amp;gt; LEAVE dev_close(101)
06-07 18:30:18.157 1694-1961/? I/ADM: 8: 31950861375: [INFO] dev:306 setting /data/local/tmp/rme_act_adm to 0
06-07 18:30:18.157 1694-1961/? I/ADM: 4: 31950862321: [INFO] api_devset:392 Releasing splitter; no longer used
06-07 18:30:18.157 1694-1961/? I/ADM: 5: 31950862413: [OMXIL] omx_log:954 41398008 [ADM.splitter]: SendCommand StateSet StateIdle
06-07 18:30:18.157 1694-1961/? I/ADM: 6: 31950862535: [OMXIL] omx_log:256 41398008 [ADM.splitter]: CB CmdComplete StateSet StateIdle
06-07 18:30:18.157 1694-1961/? I/ADM: 9: 31950862596: [OMXIL] omx_log:954 41398008 [ADM.splitter]: SendCommand StateSet StateLoaded
06-07 18:30:18.157 1694-1961/? I/ADM: 9: 31950862687: [OMXIL] omx_log:256 41398008 [ADM.splitter]: CB CmdComplete StateSet StateLoaded
06-07 18:30:18.157 1694-1961/? I/ADM: 1: 31950862748: [OMXIL] omx_log:256 41398008 [ADM.splitter]: FreeHandle
06-07 18:30:18.157 1694-1961/? I/ADM: 2: 31950862809: [INFO] api_devset:408 CloseDevice(Speaker) OK
06-07 18:30:18.417 2115-2115/? D/STATUSBAR-NetworkController: refreshSignalCluster: data=-1 bt=false
06-07 18:30:18.507 13827-13827/com.kangaroo.logicchallenge W/dalvikvm: threadid=1: spin on suspend #4 threadid=16 (pcf=0)
06-07 18:30:18.507 13827-13827/com.kangaroo.logicchallenge I/dalvikvm: "main" prio=5 tid=1 RUNNABLE
06-07 18:30:18.507 13827-13827/com.kangaroo.logicchallenge I/dalvikvm:   | group="main" sCount=0 dsCount=0 obj=0x40fe1508 self=0x40fd1660
06-07 18:30:18.507 13827-13827/com.kangaroo.logicchallenge I/dalvikvm:   | sysTid=13827 nice=0 sched=0/0 cgrp=[no-cpu-subsys] handle=1075257136
06-07 18:30:18.507 13827-13827/com.kangaroo.logicchallenge I/dalvikvm:   | schedstat=( 487091056 410797128 945 ) utm=33 stm=15 core=0
06-07 18:30:18.507 13827-13827/com.kangaroo.logicchallenge I/dalvikvm:     at java.lang.AbstractStringBuilder.&amp;lt;init&amp;gt;(AbstractStringBuilder.java:~82)
06-07 18:30:18.507 13827-13827/com.kangaroo.logicchallenge I/dalvikvm:     at java.lang.StringBuffer.&amp;lt;init&amp;gt;(StringBuffer.java:69)
06-07 18:30:18.507 13827-13827/com.kangaroo.logicchallenge I/dalvikvm:     at java.util.regex.Matcher.replaceAll(Matcher.java:320)
06-07 18:30:18.507 13827-13827/com.kangaroo.logicchallenge I/dalvikvm:     at java.lang.String.replaceAll(String.java:1784)
06-07 18:30:18.507 13827-13827/com.kangaroo.logicchallenge I/dalvikvm:     at com.mopub.mraid.MraidBridge.&amp;lt;init&amp;gt;(MraidBridge.java:77)
06-07 18:30:18.507 13827-13827/com.kangaroo.logicchallenge I/dalvikvm:     at com.mopub.mraid.MraidBridge.&amp;lt;init&amp;gt;(MraidBridge.java:93)
06-07 18:30:18.507 13827-13827/com.kangaroo.logicchallenge I/dalvikvm:     at com.mopub.mraid.MraidController.&amp;lt;init&amp;gt;(MraidController.java:122)
06-07 18:30:18.507 13827-13827/com.kangaroo.logicchallenge I/dalvikvm:     at com.mopub.mobileads.MraidActivity.getAdView(MraidActivity.java:109)
06-07 18:30:18.507 13827-13827/com.kangaroo.logicchallenge I/dalvikvm:     at com.mopub.mobileads.BaseInterstitialActivity.onCreate(BaseInterstitialActivity.java:58)
06-07 18:30:18.507 13827-13827/com.kangaroo.logicchallenge I/dalvikvm:     at com.mopub.mobileads.MraidActivity.onCreate(MraidActivity.java:168)
06-07 18:30:18.507 13827-13827/com.kangaroo.logicchallenge I/dalvikvm:     at android.app.Activity.performCreate(Activity.java:5047)
06-07 18:30:18.507 13827-13827/com.kangaroo.logicchallenge I/dalvikvm:     at android.app.Instrumentation.callActivityOnCreate(Instrumentation.java:1094)
06-07 18:30:18.507 13827-13827/com.kangaroo.logicchallenge I/dalvikvm:     at android.app.ActivityThread.performLaunchActivity(ActivityThread.java:2056)
06-07 18:30:18.507 13827-13827/com.kangaroo.logicchallenge I/dalvikvm:     at android.app.ActivityThread.handleLaunchActivity(ActivityThread.java:2117)
06-07 18:30:18.507 13827-13827/com.kangaroo.logicchallenge I/dalvikvm:     at android.app.ActivityThread.access$700(ActivityThread.java:134)
06-07 18:30:18.507 13827-13827/com.kangaroo.logicchallenge I/dalvikvm:     at android.app.ActivityThread$H.handleMessage(ActivityThread.java:1218)
06-07 18:30:18.507 13827-13827/com.kangaroo.logicchallenge I/dalvikvm:     at android.os.Handler.dispatchMessage(Handler.java:99)
06-07 18:30:18.507 13827-13827/com.kangaroo.logicchallenge I/dalvikvm:     at android.os.Looper.loop(Looper.java:137)
06-07 18:30:18.507 13827-13827/com.kangaroo.logicchallenge I/dalvikvm:     at android.app.ActivityThread.main(ActivityThread.java:4867)
06-07 18:30:18.507 13827-13827/com.kangaroo.logicchallenge I/dalvikvm:     at java.lang.reflect.Method.invokeNative(Native Method)
06-07 18:30:18.507 13827-13827/com.kangaroo.logicchallenge I/dalvikvm:     at java.lang.reflect.Method.invoke(Method.java:511)
06-07 18:30:18.507 13827-13827/com.kangaroo.logicchallenge I/dalvikvm:     at com.android.internal.os.ZygoteInit$MethodAndArgsCaller.run(ZygoteInit.java:1007)
06-07 18:30:18.507 13827-13827/com.kangaroo.logicchallenge I/dalvikvm:     at com.android.internal.os.ZygoteInit.main(ZygoteInit.java:774)
06-07 18:30:18.507 13827-13827/com.kangaroo.logicchallenge I/dalvikvm:     at dalvik.system.NativeStart.main(Native Method)
06-07 18:30:18.507 13827-13827/com.kangaroo.logicchallenge I/dalvikvm: "GLThread 805" prio=5 tid=16 RUNNABLE
06-07 18:30:18.507 13827-13827/com.kangaroo.logicchallenge I/dalvikvm:   | group="main" sCount=1 dsCount=0 obj=0x41a7ed20 self=0x5a35b590
06-07 18:30:18.507 13827-13827/com.kangaroo.logicchallenge I/dalvikvm:   | sysTid=13876 nice=0 sched=0/0 cgrp=[no-cpu-subsys] handle=1513470432
06-07 18:30:18.517 13827-13827/com.kangaroo.logicchallenge I/dalvikvm:   | schedstat=( 1092346170 769592302 3068 ) utm=93 stm=16 core=1
06-07 18:30:18.517 13827-13827/com.kangaroo.logicchallenge I/dalvikvm:     at org.cocos2dx.lib.Cocos2dxRenderer.nativeOnPause(Native Method)
06-07 18:30:18.517 13827-13827/com.kangaroo.logicchallenge I/dalvikvm:     at org.cocos2dx.lib.Cocos2dxRenderer.handleOnPause(Cocos2dxRenderer.java:158)
06-07 18:30:18.517 13827-13827/com.kangaroo.logicchallenge I/dalvikvm:     at org.cocos2dx.lib.Cocos2dxGLSurfaceView$4.run(Cocos2dxGLSurfaceView.java:197)
06-07 18:30:18.517 13827-13827/com.kangaroo.logicchallenge I/dalvikvm:     at android.opengl.GLSurfaceView$GLThread.guardedRun(GLSurfaceView.java:1462)
06-07 18:30:18.517 13827-13827/com.kangaroo.logicchallenge I/dalvikvm:     at android.opengl.GLSurfaceView$GLThread.run(GLSurfaceView.java:1240)
06-07 18:30:18.887 14042-14042/? A/libc: Fatal signal 13 (SIGPIPE) at 0x000036da (code=0), thread 14042 (sh)
&lt;/code&gt;&lt;/pre&gt;</t>
  </si>
  <si>
    <t>2017-06-07 16:33:24.660000+00:00</t>
  </si>
  <si>
    <t>2017-06-08 19:37:06.420000+00:00</t>
  </si>
  <si>
    <t>admob|cocos2d-x|cocos2d-x-3.0|mopub|cocos2d-x-3.x</t>
  </si>
  <si>
    <t>How to boot my simple hello world program?</t>
  </si>
  <si>
    <t>&lt;p&gt;Suppose, I have a simple &lt;code&gt;Hello world&lt;/code&gt; program which is built in &lt;code&gt;C&lt;/code&gt;. Now How can I boot it during start my PC? &lt;/p&gt;
&lt;p&gt;My wish is to make simple hello world Operating System.
I've quite knowledge regarding &lt;code&gt;C&lt;/code&gt; and &lt;code&gt;C++&lt;/code&gt;, how can I boot it? Please let me know. Do I need to learn Assembly language for it?&lt;/p&gt;
&lt;p&gt;If yes, then inside Assembly what do I need require to understand first? And where should I go for Assembly (&lt;code&gt;NASM&lt;/code&gt;, &lt;code&gt;MASM&lt;/code&gt; etc..)?&lt;/p&gt;
&lt;p&gt;Help would be appreciated!&lt;/p&gt;</t>
  </si>
  <si>
    <t>2015-03-11 14:02:02.163000+00:00</t>
  </si>
  <si>
    <t>2015-03-18 16:33:17.157000+00:00</t>
  </si>
  <si>
    <t>c++|c|assembly|boot</t>
  </si>
  <si>
    <t>Inserting and retrieving array data into and from MySQL using PHP pdo</t>
  </si>
  <si>
    <t>&lt;p&gt;Please be gentle with me, I'm very new to PHP and MySQL.&lt;br&gt;
I'm trying to insert and retrieve data to and from MySQL using PDO. 
here is the HTML form which sends the data to my PHP using POST&lt;/p&gt;
&lt;pre&gt;&lt;code&gt;&amp;lt;FORM ACTION="index.php" METHOD=POST&amp;gt;
Update# : 
&amp;lt;INPUT TYPE=TEXT NAME="update_num" align="left" LENGTH=2 required &amp;gt;  
&amp;lt;P&amp;gt;
&amp;lt;P&amp;gt;
ETO     :
&amp;lt;INPUT TYPE=TEXT NAME="eto" LENGTH=30 &amp;gt;  
&amp;lt;/P&amp;gt;    
&amp;lt;P&amp;gt;
CAD#    :
&amp;lt;INPUT TYPE=TEXT NAME="cad" LENGTH=30 &amp;gt;  
&amp;lt;/P&amp;gt;    
&amp;lt;p&amp;gt;
CMS:
&amp;lt;/p&amp;gt;
&amp;lt;h6&amp;gt;Hold Down control(CTRL) key to select multiple CMSs&amp;lt;/h6&amp;gt;
&amp;lt;SELECT NAME = "cms[]" multiple&amp;gt;
&amp;lt;option&amp;gt;&amp;lt;/option&amp;gt;&amp;gt;
&amp;lt;option&amp;gt;#1&amp;lt;/option&amp;gt;&amp;gt;
&amp;lt;option&amp;gt;#2&amp;lt;/option&amp;gt;&amp;gt;
&amp;lt;option&amp;gt;#3&amp;lt;/option&amp;gt;&amp;gt;
&amp;lt;option&amp;gt;#4&amp;lt;/option&amp;gt;&amp;gt;
&amp;lt;/SELECT&amp;gt;
&amp;lt;/p&amp;gt;
&amp;lt;INPUT TYPE=SUBMIT VALUE="Submit Form" align="center"&amp;gt;
&amp;lt;/FORM&amp;gt;
&amp;lt;/INPUT&amp;gt;
&lt;/code&gt;&lt;/pre&gt;
&lt;p&gt;I made the modifications according to this post from Stackoverflow :
&lt;a href="https://stackoverflow.com/questions/13110758/getting-all-post-from-multiple-select-value"&gt;Getting All $_POST From Multiple Select Value&lt;/a&gt;  &lt;/p&gt;
&lt;p&gt;My PHP code looks like this:&lt;/p&gt;
&lt;pre&gt;&lt;code&gt;$sql = "INSERT INTO dutypage (update_num, eto, cad, cms) VALUES (:update_num, :eto, :cad, :cms)";
$stmt = $conn-&amp;gt;prepare($sql);
$stmt-&amp;gt;bindParam(':update_num', $_POST['update_num']);
$stmt-&amp;gt;bindParam(':eto', $_POST['eto']);
$stmt-&amp;gt;bindParam(':cad', $_POST['cad']);
$stmt-&amp;gt;bindParam(':cms', $_POST['cms']);
$stmt-&amp;gt;execute(); 
&lt;/code&gt;&lt;/pre&gt;
&lt;p&gt;my data get successfully inserted but the cms column now just displays Array  &lt;/p&gt;
&lt;p&gt;&lt;a href="https://i.stack.imgur.com/XKrDV.png" rel="nofollow noreferrer"&gt;&lt;img src="https://i.stack.imgur.com/XKrDV.png" alt="MYSQL screenshot"&gt;&lt;/a&gt;&lt;/p&gt;
&lt;p&gt;I use the following code to retrieve the data &lt;/p&gt;
&lt;pre&gt;&lt;code&gt;$query="SELECT cms FROM dutypage ORDER BY dateOf DESC";
$data=$conn-&amp;gt;query($query);
$result = $data-&amp;gt;fetchAll(PDO::FETCH_ASSOC);
var_dump($result);
foreach ($result as $output) {
    echo $output['cms'];
    echo "&amp;lt;br&amp;gt;";
}
&lt;/code&gt;&lt;/pre&gt;
&lt;p&gt;and I only get this:&lt;/p&gt;
&lt;pre&gt;&lt;code&gt;array(1) { [0]=&amp;gt; array(1) { ["cms"]=&amp;gt; string(5) "Array" } } Array
&lt;/code&gt;&lt;/pre&gt;
&lt;p&gt;Are my selected options in the form actually being passed into the array in the MySQL?  &lt;/p&gt;</t>
  </si>
  <si>
    <t>2017-02-15 20:11:44.543000+00:00</t>
  </si>
  <si>
    <t>2017-02-15 20:27:29.907000+00:00</t>
  </si>
  <si>
    <t>2017-05-23 11:46:09.983000+00:00</t>
  </si>
  <si>
    <t>Need to extract ifstream into separate arrays based upon type of data read</t>
  </si>
  <si>
    <t>&lt;p&gt;C++ noob here. I'm working on a program which needs to include the ability to read data from an input stream, then separate the data into two separate arrays based on the type of data read (an integer array and a string array). &lt;/p&gt;
&lt;p&gt;The data in the input files is presented in the following format (without the spaces in between the lines):&lt;/p&gt;
&lt;blockquote&gt;
  &lt;p&gt;5000 Leather Seats&lt;/p&gt;
  &lt;p&gt;1000 DVD System&lt;/p&gt;
  &lt;p&gt;800 10 Speakers&lt;/p&gt;
  &lt;p&gt;etc.&lt;/p&gt;
&lt;/blockquote&gt;
&lt;p&gt;I need to separate the prices (numeric values at the beginning of each line) from the description of each (the rest of the contents of each line) into two separate strings ("prices" and "options"). Could someone point me in the right direction to find the most efficient way of reading the appropriate data from each line into its respective array?&lt;/p&gt;</t>
  </si>
  <si>
    <t>2018-04-02 04:49:09.443000+00:00</t>
  </si>
  <si>
    <t>2018-04-02 09:14:57.370000+00:00</t>
  </si>
  <si>
    <t>c++|string-parsing</t>
  </si>
  <si>
    <t>powershell table color results</t>
  </si>
  <si>
    <t>&lt;p&gt;I have a simple array, $Results.  It has two columns:  Task, Result.  I output it to a table as follows:&lt;/p&gt;
&lt;pre&gt;&lt;code&gt;$(foreach($ht in $Results){new-object PSObject -Property $ht}) | Format-Table -AutoSize -Property Task, Result
&lt;/code&gt;&lt;/pre&gt;
&lt;p&gt;The Result column will contain either "PASS" or "FAIL".  I would like the PASS to be in green and the FAIL to be in red.&lt;/p&gt;
&lt;p&gt;Anyone know of a simple way to achieve this?&lt;/p&gt;
&lt;p&gt;Ideally only the PASS/FAIL is colorized, but I can live with the entire row being done if necessary.&lt;/p&gt;</t>
  </si>
  <si>
    <t>2014-07-04 17:02:49.937000+00:00</t>
  </si>
  <si>
    <t>2014-07-05 14:58:20.477000+00:00</t>
  </si>
  <si>
    <t>MS Access 2007/2010: Need to set Date field based on most recent of 5 other Date fields</t>
  </si>
  <si>
    <t>&lt;p&gt;I seem to have a problem I haven't encountered before within the same record.  I need to set a Date field value based on the most recent date of 5 other Date fields.  I would like to do this at the query level so that I can assign the most recent date and store it in a field, but I'm not sure if it's possible.  If I have to do it within a Form, then I'm not sure how to write out the Case statement.  Any help is appreciated!&lt;/p&gt;
&lt;p&gt;What I'm trying to do now is write an expression that pretty much goes as follows:&lt;/p&gt;
&lt;pre&gt;&lt;code&gt;ESA Exp Date: IIf([1-Record Search Date]&amp;gt;[2-Site Reconnaissance Date] And [1-Record Search Date]&amp;gt;[3-Owner Interview Date] And [1-Record Search Date]&amp;gt;[4-Lien/AUL Search Date] And [1-Record Search Date]&amp;gt;[5-User Questionnaire Date],[1-Record Search Date],IIf([2-Site Reconnaissance Date]&amp;gt;[1-Record Search Date] 
&lt;/code&gt;&lt;/pre&gt;
&lt;p&gt;And so on...  However, expressions have a limit of characters, and so someone said in an unrelated question to write a function.  I'm not sure how that would work in my case though.&lt;/p&gt;
&lt;p&gt;Thanks again
Rob&lt;/p&gt;</t>
  </si>
  <si>
    <t>2014-03-04 02:08:34.023000+00:00</t>
  </si>
  <si>
    <t>2014-03-05 01:31:00.483000+00:00</t>
  </si>
  <si>
    <t>ms-access|expression</t>
  </si>
  <si>
    <t>How to execute lengthy command in power shell</t>
  </si>
  <si>
    <t>&lt;p&gt;The below array containing a lengthy a command line and I have to execute the same
This is the command for verifying &lt;code&gt;SCCM&lt;/code&gt; &lt;code&gt;.MIG&lt;/code&gt; file using &lt;code&gt;USMTUTIL.EXE&lt;/code&gt;&lt;/p&gt;
&lt;pre&gt;&lt;code&gt;$array = "C:\MININT\amd64\usmtutils /verify:All \\SMB001.India.kerala.net\SMPSTORED_91DAA93F$\2AE09BF0AADC04FC89E0CE8A49E8C904E44C0314A123824A7EB289CAFC258026\USMT\USMT.mig /Decrypt /key:PZSTqMLlsJAYna/ndimPT1SrSAz4JjSNH1P7Sv/8mDj8qmytPcLPE3lYzxHnMiVj/6UkdDcWmiaKqgxHO3yjZj2gu8r/j23oefWOsdyWbo4r3UX2gPvMO38np7OOabZ8B0B6A5mAYynAjfy/1e00uhIm1h6soFUWIuu3wkNevBHxkWQs4xslGlooVOn0f+1kGqe05iRWUaVZC4/yYKv3LdbFLhzRXOxVYjriao4oKCEpNEdjnDK6DRoRRrbDy8Ac &amp;gt; C:\temp\DENDMNPWTST008.log"
&lt;/code&gt;&lt;/pre&gt;
&lt;p&gt;I tried Invoke-expression &lt;code&gt;$array&lt;/code&gt;&lt;/p&gt;
&lt;p&gt;While executing this command, Its separating into different lines and only first line is executing and showing error. But I can copy-paste and run it&lt;/p&gt;
&lt;pre&gt;&lt;code&gt;Error: CategoryInfo : NotSpecified: (:String) [], RemoteException FullyQualifiedErrorId : NativeCommandError 
&lt;/code&gt;&lt;/pre&gt;</t>
  </si>
  <si>
    <t>2014-04-26 07:55:10.177000+00:00</t>
  </si>
  <si>
    <t>2014-04-26 13:29:03.827000+00:00</t>
  </si>
  <si>
    <t>2014-04-26 13:27:59.057000+00:00</t>
  </si>
  <si>
    <t>Creating JOOQ query dynamically</t>
  </si>
  <si>
    <t>&lt;p&gt;I need to create a JOOQ SELECT query dynamically based on the set of parameters. I dont know how to append it dynamically.
Please help&lt;/p&gt;
&lt;p&gt;Thanks in advance.&lt;/p&gt;</t>
  </si>
  <si>
    <t>2012-12-27 07:31:52.700000+00:00</t>
  </si>
  <si>
    <t>2017-07-25 07:26:54.293000+00:00</t>
  </si>
  <si>
    <t>2012-12-27 09:21:55.287000+00:00</t>
  </si>
  <si>
    <t>java|sql|jooq</t>
  </si>
  <si>
    <t>cocos2d using gobs of memory</t>
  </si>
  <si>
    <t>&lt;p&gt;I'm having the absolute worst time with running out of memory in my game with cocos2d.&lt;/p&gt;
&lt;p&gt;I have 4 scenes. two vanish from memory when I switch scenes using &lt;/p&gt;
&lt;pre&gt;&lt;code&gt;[[CCDirector sharedDirector]replaceScene:sceneWithTransition]
&lt;/code&gt;&lt;/pre&gt;
&lt;p&gt;I've tried push/pop and it makes the problem about 10x worse. &lt;/p&gt;
&lt;p&gt;2 of the scenes however are like a virus. The conditions under which I can remove them from memory do not exist. 
I am using the ARC alterations. I was hoping they would help, they did not.&lt;/p&gt;
&lt;p&gt;I've overridden the cleanup method to make sure I get rid of references to everything in the scenes. The first one is the game play scene, and I can imagine how it might be possible that I've missed something that is somehow holding on to the scene. However the other one is the settings scene. It has 5 parts. they all get tossed and yet the scene will not purge. before converting to ARC the app was unusable it crashed so often and when it wasn't crashing it was running out of memory. After ARC it lasts about 4x longer than before but still runs out of memory regularly. Crashes however are almost non-existant. &lt;/p&gt;
&lt;p&gt;I suppose first off, what is the correct way to switch between scenes?
Second, how does one remove something from memory when using arch because object = nil does nothing. All of my other programs using ARC run like dreams. None of them use the cocos2d engine. I'd not seen a memory error since the introduction of arc until I made the mistake of converting my quartz2d game in to cocos2d. The only reason I don't o back to a platform that actually functions is that I really like the effects possible in cocos that I simply cannot make work in quartz.&lt;/p&gt;</t>
  </si>
  <si>
    <t>2011-12-05 18:22:42.553000+00:00</t>
  </si>
  <si>
    <t>2011-12-06 15:06:58.117000+00:00</t>
  </si>
  <si>
    <t>iphone|ios|memory|cocos2d-iphone|memory-leaks</t>
  </si>
  <si>
    <t>Can't import android-async-http in AndroidStudio</t>
  </si>
  <si>
    <t>&lt;p&gt;I add &lt;code&gt;com.loopj.android:android-async-http:1.4.9&lt;/code&gt; in ProjectStructure (&lt;code&gt;AndroidStudio 2.1.2&lt;/code&gt;)
But when graddle script sync i get error&lt;/p&gt;
&lt;pre&gt;&lt;code&gt;Failed to resolve: com.loopj.android:android-async-http:1.4.9
&lt;/code&gt;&lt;/pre&gt;
&lt;p&gt;&lt;strong&gt;app/build.gradle:&lt;/strong&gt;&lt;/p&gt;
&lt;pre&gt;&lt;code&gt;apply plugin: 'com.android.application'
android {
   compileSdkVersion 24
   buildToolsVersion "21.1.2"
    defaultConfig {
       applicationId "ru.fvds.suhanov.timetable"
       minSdkVersion 18
       targetSdkVersion 24
       versionCode 1
       versionName "1.0"
   }
   buildTypes {
      release {
          minifyEnabled false
          proguardFiles getDefaultProguardFile('proguard-android.txt'), 'proguard-rules.pro'
      }
   }
}
repositories {
    mavenCentral()
}
dependencies {
    compile fileTree(include: ['*.jar'], dir: 'libs')
    /*testCompile 'junit:junit:4.12'*/
    compile 'com.android.support:appcompat-v7:24.0.0'
    compile 'com.loopj.android:android-async-http:1.4.9'
}
&lt;/code&gt;&lt;/pre&gt;
&lt;p&gt;Help, please&lt;/p&gt;</t>
  </si>
  <si>
    <t>2016-07-28 07:07:24.550000+00:00</t>
  </si>
  <si>
    <t>2016-07-28 07:26:02.737000+00:00</t>
  </si>
  <si>
    <t>2016-07-28 07:17:33.310000+00:00</t>
  </si>
  <si>
    <t>android|gradle|import|settings|loopj</t>
  </si>
  <si>
    <t>Text Shuffle JQuery/Javascript</t>
  </si>
  <si>
    <t>&lt;p&gt;I'm making a simple text shuffler that after some shuffles, it displays the original text.&lt;/p&gt;
&lt;p&gt;The HTML can be something like this:&lt;/p&gt;
&lt;pre&gt;&lt;code&gt;&amp;lt;div class="title"&amp;gt;
  &amp;lt;span&amp;gt;H&amp;lt;/span&amp;gt;
  &amp;lt;span&amp;gt;O&amp;lt;/span&amp;gt;
  &amp;lt;span&amp;gt;L&amp;lt;/span&amp;gt;
  &amp;lt;span&amp;gt;A&amp;lt;/span&amp;gt;
&amp;lt;/div&amp;gt;
&lt;/code&gt;&lt;/pre&gt;
&lt;p&gt;Javascript:&lt;/p&gt;
&lt;pre&gt;&lt;code&gt;var lettersArray = ["A", "B", "C", "D", "E", "F", "G", "H", "I", "J", "K", "L", "M", "N", "O", "P", "Q", "R", "S", "T", "U", "V", "W", "X", "Y", "Z"];
var loop;
$(document).ready(function() {
  var time = 0;
  $(".title").find("span").each(function() {
    var obj = $(this);
    /*
        @Obj,
        @Letter,
        @N��Shuffles
        @Frames = time in ms
    */
    setTimeout(function() {
      shuffleText(obj, obj.text(), 5, 500);
    }, time);
    time = time + 100;
  });
});
function shuffleText(obj, letter, shuffles, frames) {
  var i = 0;
  loop = setInterval(function() {
    console.log("a")
    if (i &amp;lt; shuffles) {
      var random = Math.floor(Math.random() * (lettersArray.length + 1));
      obj.text(lettersArray[random]);
    } else {
      for (var e = 0; e &amp;lt; lettersArray.length; e++) {
        if (letter == lettersArray[e]) {
          obj.text(lettersArray[e]);
          return false;
        }
      }
      myClear();
    }
    i++;
  }, (frames/shuffles));
}
function myClear() {
  window.clearInterval(loop);
}
&lt;/code&gt;&lt;/pre&gt;
&lt;p&gt;This does what intended, it shuffles the spans letters until it matches, but, it never goes out the setInterval, which may cause trouble on page speed after a while.&lt;/p&gt;
&lt;p&gt;What it does:&lt;/p&gt;
&lt;ul&gt;
&lt;li&gt;For each span, initiates a setTimeout, which increments the wait time X ms, and fires a function.&lt;/li&gt;
&lt;li&gt;We set an interval that will display random letters from the array until it reaches the number of shuffles we said.&lt;/li&gt;
&lt;li&gt;Once hit the last shuffle, it should end the setInterval with the function, but this doesn't happens at the moment.&lt;/li&gt;
&lt;/ul&gt;
&lt;p&gt;Here I leave the jsFiddle which contains the code: &lt;a href="https://jsfiddle.net/Lk2z9d4n/" rel="nofollow"&gt;https://jsfiddle.net/Lk2z9d4n/&lt;/a&gt;&lt;/p&gt;
&lt;p&gt;Hope you can help me with this issue, and if there's something it could be improved, I would be very grateful.&lt;/p&gt;</t>
  </si>
  <si>
    <t>2016-07-29 07:48:37.707000+00:00</t>
  </si>
  <si>
    <t>2016-07-29 08:08:22.250000+00:00</t>
  </si>
  <si>
    <t>2016-07-29 07:53:26.260000+00:00</t>
  </si>
  <si>
    <t>How do we set "True" or "False" strings to the response of a checkbox for its checked or unchecked state respectively in html?</t>
  </si>
  <si>
    <t>&lt;p&gt;Hi I'm currently using radio buttons to pass True or False as a string in my project.
I would like to change it to a checkbox that returns the same values, i.e "True" or "False" (based on whether the checkbox is checked or unchecked) so that I'm not forced to change the condition everywhere else in my project.&lt;/p&gt;
&lt;pre&gt;&lt;code&gt;&amp;lt;input type="radio" id="admin"
        name="access" value="True"&amp;gt;Access&amp;lt;br&amp;gt;
        &amp;lt;input type="radio" id="donotaccess"
        name="access" value="False" checked=""&amp;gt;Do not access&amp;lt;br&amp;gt;&amp;lt;/input&amp;gt;  
&lt;/code&gt;&lt;/pre&gt;
&lt;p&gt;Any suggestions for the same?&lt;/p&gt;
&lt;p&gt;Code for radio button added&lt;/p&gt;</t>
  </si>
  <si>
    <t>2016-11-25 07:17:27.220000+00:00</t>
  </si>
  <si>
    <t>2016-11-25 09:57:27.600000+00:00</t>
  </si>
  <si>
    <t>2016-11-25 09:46:48.367000+00:00</t>
  </si>
  <si>
    <t>javascript|html|checkbox</t>
  </si>
  <si>
    <t>Setting up OpenGL Multiple Render Targets</t>
  </si>
  <si>
    <t>&lt;p&gt;I've seen a lot of material on this subject, but there are some differences between the examples I've found and I'm having a hard time getting a solid understanding of the correct process. Hopefully someone can tell me if I'm on the right track. I should also mention I'm doing this on OS X Snow Leopard and the latest version of Xcode 3. &lt;/p&gt;
&lt;p&gt;For the sake of example, let's say that I want to write to two targets, one for normal and one for color. To do this I create one framebuffer and bind two textures to it, as well as a depth texture:&lt;/p&gt;
&lt;pre&gt;&lt;code&gt;glGenFramebuffersEXT(1, &amp;amp;mFBO);
glBindFramebufferEXT(GL_FRAMEBUFFER_EXT, mFBO);
glGenTextures(1, &amp;amp;mTexColor);
glBindTexture(GL_TEXTURE_2D, mTexColor);
//&amp;lt;texture params&amp;gt;
glTexImage2D(GL_TEXTURE_2D, 0, GL_RGBA8, w, h, 0, GL_RGBA, GL_UNSIGNED_BYTE, 0);
glFramebufferTexture2DEXT(GL_FRAMEBUFFER_EXT, GL_COLOR_ATTACHMENT0_EXT, GL_TEXTURE_2D, mTexColor, 0);
glGenTextures(1, &amp;amp;mTexNormal);
glBindTexture(GL_TEXTURE_2D, mTexNormal);
//&amp;lt;Texture params&amp;gt;
glTexImage2D(GL_TEXTURE_2D, 0, GL_RGBA8, w, h, 0, GL_RGBA, GL_UNSIGNED_BYTE, 0);
glFramebufferTexture2DEXT(GL_FRAMEBUFFER_EXT, GL_COLOR_ATTACHMENT1_EXT, GL_TEXTURE_2D, mTexNormal, 0);
glGenTextures(1, &amp;amp;mTexDepth);
glBindTexture(GL_TEXTURE_2D, mTexDepth);
glTexImage2D(GL_TEXTURE_2D, 0, GL_DEPTH_COMPONENT24, w, h, 0, GL_DEPTH_COMPONENT, GL_UNSIGNED_BYTE, NULL);
glFramebufferTexture2DEXT(GL_FRAMEBUFFER_EXT, GL_DEPTH_ATTACHMENT_EXT, GL_TEXTURE_2D, mTexDepth, 0);
glBindFramebufferEXT(GL_FRAMEBUFFER_EXT, 0)
&lt;/code&gt;&lt;/pre&gt;
&lt;p&gt;Before rendering, I would bind the framebuffer again and then do:&lt;/p&gt;
&lt;pre&gt;&lt;code&gt;GLenum buffers[] = { GL_COLOR_ATTACHMENT0_EXT, GL_COLOR_ATTACHMENT1_EXT };
glDrawBuffers(2, buffers);
&lt;/code&gt;&lt;/pre&gt;
&lt;p&gt;This would mean further draw calls would draw to my framebuffer. (I think?)&lt;/p&gt;
&lt;p&gt;I'd then set my shaders and draw the scene. In my vertex shader I would process normals/positions/colors as usual, and pass the data to the fragment shader. The fragment would then do something like:&lt;/p&gt;
&lt;pre&gt;&lt;code&gt;gl_FragData[0] = OutputColor;
gl_FragData[1] = OutputNormal;
&lt;/code&gt;&lt;/pre&gt;
&lt;p&gt;At this point, I should have two textures; one with colors from all the rendered objects and one with normals. Is all of this correct? I should now be able to use those textures like any other, say rendering them to a fullscreen quad, right?&lt;/p&gt;</t>
  </si>
  <si>
    <t>2011-08-26 15:55:24.830000+00:00</t>
  </si>
  <si>
    <t>2011-08-26 22:46:09.173000+00:00</t>
  </si>
  <si>
    <t>opengl|framebuffer</t>
  </si>
  <si>
    <t>NSObject class working</t>
  </si>
  <si>
    <t>&lt;p&gt;I am using &lt;code&gt;NSObject&lt;/code&gt; class in my project and I want to use network indicator in &lt;code&gt;NSObject&lt;/code&gt; class like when I call any function of that class network indication starts and once code comes out from class, network indicator stops.&lt;/p&gt;
&lt;p&gt;For starting network indicator, I am using &lt;code&gt;initialize()&lt;/code&gt; function as:&lt;/p&gt;
&lt;pre&gt;&lt;code&gt;override class func initialize () {
    UIApplication.sharedApplication().networkActivityIndicatorVisible = true
}
&lt;/code&gt;&lt;/pre&gt;
&lt;p&gt;Now I want to know in which function, I stop network indicator. Basically which function call at last in &lt;code&gt;NSObject&lt;/code&gt; class?&lt;/p&gt;</t>
  </si>
  <si>
    <t>2016-08-25 08:40:02.870000+00:00</t>
  </si>
  <si>
    <t>2016-08-26 06:31:25.903000+00:00</t>
  </si>
  <si>
    <t>2016-08-25 08:59:28.413000+00:00</t>
  </si>
  <si>
    <t>ios|iphone|swift|nsobject</t>
  </si>
  <si>
    <t>Android App getting killed from SyncAdapter</t>
  </si>
  <si>
    <t>&lt;p&gt;I've a SyncAdapter that gets called during the initial onboarding process (Login/Signup) that deals with contacts to find a user's contacts already using the system.&lt;/p&gt;
&lt;p&gt;While the SyncAdapter is running, the app gets killed almost every time (9 out of 10 times) on a &lt;strong&gt;particular device (Moto G)&lt;/strong&gt;.&lt;/p&gt;
&lt;p&gt;My initial thoughts were the app is getting killed due to the limited available RAM of the device. So, I &lt;a href="https://stackoverflow.com/a/3192348/1796173"&gt;tried this&lt;/a&gt; to confirm the theory:&lt;/p&gt;
&lt;pre&gt;&lt;code&gt;@Override
public void onPerformSync(Account account, Bundle extras, String authority,
                          ContentProviderClient provider, SyncResult syncResult) {
    ActivityManager.MemoryInfo mi = new ActivityManager.MemoryInfo();
    ActivityManager activityManager = (ActivityManager) getContext()
            .getSystemService(Context.ACTIVITY_SERVICE);
    activityManager.getMemoryInfo(mi);
    long availableMegs = mi.availMem / 1048576L;
    Log.d(TAG, "Available: " + availableMegs);
    Log.d(TAG, "Low Memory: " + mi.lowMemory);
}
&lt;/code&gt;&lt;/pre&gt;
&lt;p&gt;And turns out the RAM might not be an issue, since the Logs looks like this:&lt;/p&gt;
&lt;pre&gt;&lt;code&gt;03-09 11:38:34.444 19193-21339/mypackage.sandbox D/SyncAdapter: Available: 252
03-09 11:38:34.445 19193-21339/mypackage.sandbox D/SyncAdapter: Low Memory: false
&lt;/code&gt;&lt;/pre&gt;
&lt;p&gt;Futher in logs I found this:&lt;/p&gt;
&lt;pre&gt;&lt;code&gt; 03-09 11:38:35.233 865-1610/? I/ActivityManager: Killing 19193:mypackage.sandbox/u0a579 (adj 0): depends on provider com.android.providers.contacts/.ContactsProvider2 in dying proc android.process.acore
&lt;/code&gt;&lt;/pre&gt;
&lt;p&gt;It seems like the application is being killed since the contacts application/provider is getting killed.&lt;/p&gt;
&lt;p&gt;I'm not sure how much relevant is &lt;a href="https://www.reddit.com/r/Android/comments/2mvhkh" rel="nofollow noreferrer"&gt;this thread&lt;/a&gt; I found on reddit.&lt;/p&gt;
&lt;h3&gt;What are the ways I can prevent my app getting killed when it is still in FOREGROUND ?&lt;/h3&gt;
&lt;p&gt;One way I think its possible is if I can defer the notification that the contacts have been modified. It will prevent contacts provider from firing up and getting killed, in turn my application won't get killed. Please refer to &lt;a href="https://stackoverflow.com/a/5255360/1796173"&gt;point no 7 on this answer&lt;/a&gt;. If so, how can I defer the notification ?&lt;/p&gt;
&lt;h3&gt;Update:&lt;/h3&gt;
&lt;p&gt;I have even made sure that the notification to contacts is deferred by not changing any contact. Still the problem persists.&lt;/p&gt;
&lt;p&gt;Any help is appreciated.
Thanks&lt;/p&gt;</t>
  </si>
  <si>
    <t>2016-03-09 06:49:49.397000+00:00</t>
  </si>
  <si>
    <t>2016-03-21 18:44:24.703000+00:00</t>
  </si>
  <si>
    <t>2017-05-23 10:28:10.253000+00:00</t>
  </si>
  <si>
    <t>Payment Gateway Integration error solving</t>
  </si>
  <si>
    <t>&lt;p&gt;I have a windows application that requires Payment Gateway Integration.
All these stuff i have done.&lt;/p&gt;
&lt;p&gt;The process includes the following...
-Creating Xml Request header
-Encoding it as Url
-send the url encoded data to a Rest API with link being provided in the documentation.
-The test server performs the transaction and sends response back to the application.&lt;/p&gt;
&lt;p&gt;What I have done to achieve these functionality...&lt;/p&gt;
&lt;p&gt;1) I have used 'HttpWebRequest' class to create request to the URL : I am not going to share it since it security and confidential.&lt;/p&gt;
&lt;p&gt;2) I have generated xml header and send it as url encoded.&lt;/p&gt;
&lt;p&gt;3) The Server is even responses back to the application. but with Status not success&lt;/p&gt;
&lt;p&gt;I am going to post the request formate and response formate.&lt;/p&gt;
&lt;pre&gt;&lt;code&gt;&amp;lt;?xml version="1.0" encoding="UTF-8"?&amp;gt;
    &amp;lt;payment xmlns="http://www.elastic-payments.com/schema/payment"&amp;gt;
        &amp;lt;merchant-account-id&amp;gt;!@-merchant-account-id-@!&amp;lt;/merchant-account-id&amp;gt;
        &amp;lt;request-id&amp;gt;!@-request-id-@!&amp;lt;/request-id&amp;gt;
        &amp;lt;transaction-type&amp;gt;purchase&amp;lt;/transaction-type&amp;gt;
        &amp;lt;requested-amount currency="AUD"&amp;gt;!@-requested-amount-@!&amp;lt;/requested-amount&amp;gt;
        &amp;lt;account-holder&amp;gt;
            &amp;lt;first-name&amp;gt;!@-first-name-@!&amp;lt;/first-name&amp;gt;
            &amp;lt;last-name&amp;gt;!@-last-name-@!&amp;lt;/last-name&amp;gt;
            &amp;lt;email&amp;gt;!@-email-@!&amp;lt;/email&amp;gt;
            &amp;lt;phone&amp;gt;!@-phone-@!&amp;lt;/phone&amp;gt;
            &amp;lt;address&amp;gt;
                &amp;lt;street1&amp;gt;!@-street1-@!&amp;lt;/street1&amp;gt;
                &amp;lt;street2&amp;gt;!@-street2-@!&amp;lt;/street2&amp;gt;
                &amp;lt;city&amp;gt;!@-city-@!&amp;lt;/city&amp;gt;
                &amp;lt;state&amp;gt;!@-state-@!&amp;lt;/state&amp;gt;
                &amp;lt;country&amp;gt;!@-country-@!&amp;lt;/country&amp;gt;
                &amp;lt;postal-code&amp;gt;!@-postal-code-@!&amp;lt;/postal-code&amp;gt;
            &amp;lt;/address&amp;gt;
        &amp;lt;/account-holder&amp;gt;
        &amp;lt;card&amp;gt;
            &amp;lt;account-number&amp;gt;!@-account-number-@!&amp;lt;/account-number&amp;gt;
            &amp;lt;expiration-month&amp;gt;!@-expiration-month-@!&amp;lt;/expiration-month&amp;gt;
            &amp;lt;expiration-year&amp;gt;!@-expiration-year-@!&amp;lt;/expiration-year&amp;gt;
            &amp;lt;card-type&amp;gt;!@-card-type-@!&amp;lt;/card-type&amp;gt;
            &amp;lt;card-security-code&amp;gt;!@-card-security-code-@!&amp;lt;/card-security-code&amp;gt;
        &amp;lt;/card&amp;gt;
        &amp;lt;notifications&amp;gt;
            &amp;lt;notification url="!@-notification-url-@!" transaction-state="failed" /&amp;gt;
            &amp;lt;notification url="!@-notification-mail-@!" /&amp;gt;
        &amp;lt;/notifications&amp;gt;
        &amp;lt;custom-fields&amp;gt;
            &amp;lt;custom-field field-name="order no" field-value="!@-order no-@!" /&amp;gt;
        &amp;lt;/custom-fields&amp;gt;
       &amp;lt;ip-address&amp;gt;!@-ip-address-@!&amp;lt;/ip-address&amp;gt;
   &amp;lt;/payment&amp;gt;
&lt;/code&gt;&lt;/pre&gt;
&lt;p&gt;The following is the response coming back from the server.&lt;/p&gt;
&lt;pre&gt;&lt;code&gt;&amp;lt;?xml version="1.0" encoding="UTF-8" standalone="yes"?&amp;gt;
    &amp;lt;payment xmlns="http://www.elastic-payments.com/schema/payment" self="http://sandbox-engine.thesolution.com/engine/rest/merchants/null/payments/null"&amp;gt;
    &amp;lt;merchant-account-id ref="http://sandbox-engine.thesolution.com/engine/rest/config/merchants/null"/&amp;gt;
        &amp;lt;transaction-state&amp;gt;failed&amp;lt;/transaction-state&amp;gt;
        &amp;lt;completion-time-stamp&amp;gt;2012-11-28T08:19:31.024Z&amp;lt;/completion-time-stamp&amp;gt;
        &amp;lt;statuses&amp;gt;
            &amp;lt;status code="400.1018" description="The same Request Id for the Merchant Account is being tried a second time.  Please use another Request Id.  " severity="error"/&amp;gt;
            &amp;lt;status code="400.1009" description="The Transaction Type is invalid. Please check your input and try again." severity="error"/&amp;gt;
        &amp;lt;/statuses&amp;gt;
        &amp;lt;requested-amount/&amp;gt;
        &amp;lt;api-id&amp;gt;elastic-api&amp;lt;/api-id&amp;gt;
    &amp;lt;/payment&amp;gt;
&lt;/code&gt;&lt;/pre&gt;
&lt;p&gt;I have cross checked twice with the request header,Each time i do have unique Request id which is 'hiren-'+GUID+DATETIMEWITHTIME&lt;/p&gt;
&lt;p&gt;I even have cross checked with the documentation of the gateway for the transaction-type and it's valid but even then it's giving the same error.&lt;/p&gt;
&lt;p&gt;To encode url i have used the following code
    string sendString = "param=" + HttpUtility.UrlEncode(xmlData);&lt;/p&gt;
&lt;p&gt;I'm thinking that the above code may be having the error but it's giving reply back...
so need help to solve the problem.&lt;/p&gt;
&lt;p&gt;Please don't ask for the document file but you can ask for extra information.&lt;/p&gt;</t>
  </si>
  <si>
    <t>2012-11-28 08:30:17.567000+00:00</t>
  </si>
  <si>
    <t>2012-12-03 14:37:32.277000+00:00</t>
  </si>
  <si>
    <t>asp.net|asp.net-mvc-3|paypal|payment</t>
  </si>
  <si>
    <t>ActionMailer and Gmails setup Rails 3.0.1/3.1.0</t>
  </si>
  <si>
    <t>&lt;p&gt;I've been trying to set up ActionMailer with my rails app without success. I have searched several different threads without finding a solution. Is there a gem of some sort that I need to install to prevent my issue?&lt;/p&gt;
&lt;p&gt;Here is the issue:&lt;/p&gt;
&lt;p&gt;&lt;a href="https://gist.github.com/3341261" rel="nofollow noreferrer"&gt;https://gist.github.com/3341261&lt;/a&gt;&lt;/p&gt;
&lt;p&gt;==Solution==&lt;/p&gt;
&lt;p&gt;So my solution was to go to use tlsmail gem. I followed this thread and the second answer there helped me solve my issue.&lt;/p&gt;
&lt;p&gt;&lt;a href="https://stackoverflow.com/questions/6379950/gmail-smtp-with-rails-3"&gt;gmail smtp with rails 3&lt;/a&gt;&lt;/p&gt;
&lt;p&gt;There is a gotcha when it comes to unicorn. I was using an init.d file to restart my server, however I had to actually stop the server then remove the pid file manually for unicorn. After starting unicorn it worked.&lt;/p&gt;</t>
  </si>
  <si>
    <t>2012-08-13 14:50:53.403000+00:00</t>
  </si>
  <si>
    <t>2012-08-14 15:34:04.440000+00:00</t>
  </si>
  <si>
    <t>2017-05-23 12:30:09.887000+00:00</t>
  </si>
  <si>
    <t>ruby-on-rails|ruby|actionmailer</t>
  </si>
  <si>
    <t>setTimeOut inside of an object</t>
  </si>
  <si>
    <t>&lt;p&gt;I'm fairly sure it's just a syntax issue, but after a bunch of google searching, I haven't been able to find out how to do this correctly. I am trying to use setTimeout inside of a function, inside of an object, to call a different function inside the same object. For some reason the function is not being called. Here is the relevant code. The setTimeout in question is inside of the first function, hitKey. Thanks in advance for any help:&lt;/p&gt;
&lt;pre&gt;&lt;code&gt;var gameBoard = {
  greenKey: document.querySelector("#green"),
  redKey: document.querySelector("#red"),
  blueKey: document.querySelector("#blue"),
  yellowKey: document.querySelector("#yellow"),
  allKeys: document.querySelector("#keys"),
  hitKey: function(keyColor) {
    this.lightKey(keyColor);
    setTimeout(this.unlightKey, 1000, keyColor);
  },
  enableKeys: function() {
    this.allKeys.addEventListener("click, hitKey");
  },
  disableKeys: function() {
    this.allKeys.removeEventListener("click, hitKey");
  },
  lightKey: function(keyColor) {
    switch (keyColor) {
      case "green":
        this.greenKey.style.backgroundColor = "GreenYellow";
        break;
      case "red":
        this.redKey.style.backgroundColor = "DeepPink";
        break;
      case "blue":
        this.blueKey.style.backgroundColor = "Cyan";
        break;
      case "yellow":
        this.yellowKey.style.backgroundColor = "Gold";
        break;
    }
  },
  unlightKey: function(keyColor) {
    switch (keyColor) {
      case "green":
        this.greenKey.style.backgroundColor = "Green";
        break;
      case "red":
        this.redKey.style.backgroundColor = "Red";
        break;
      case "blue":
        this.blueKey.style.backgroundColor = "Blue";
        break;
      case "yellow":
        this.yellowKey.style.backgroundColor = "Yellow";
        break;
    }
  }
};
&lt;/code&gt;&lt;/pre&gt;</t>
  </si>
  <si>
    <t>2018-06-05 19:17:03.173000+00:00</t>
  </si>
  <si>
    <t>javascript|function|settimeout|javascript-objects</t>
  </si>
  <si>
    <t>node.js async.series is that how it is supposed to work?</t>
  </si>
  <si>
    <t>&lt;pre&gt;&lt;code&gt;var async = require('async');
function callbackhandler(err, results) {
    console.log('It came back with this ' + results);
}   
function takes5Seconds(callback) {
    console.log('Starting 5 second task');
    setTimeout( function() { 
        console.log('Just finshed 5 seconds');
        callback(null, 'five');
    }, 5000);
}   
function takes2Seconds(callback) {
    console.log('Starting 2 second task');
    setTimeout( function() { 
        console.log('Just finshed 2 seconds');
        callback(null, 'two');
    }, 2000); 
}   
async.series([takes2Seconds(callbackhandler), 
              takes5Seconds(callbackhandler)], function(err, results){
    console.log('Result of the whole run is ' + results);
}) 
&lt;/code&gt;&lt;/pre&gt;
&lt;p&gt;The output looks like below :&lt;/p&gt;
&lt;pre&gt;&lt;code&gt;Starting 2 second task
Starting 5 second task
Just finshed 2 seconds
It came back with this two
Just finshed 5 seconds
It came back with this five
&lt;/code&gt;&lt;/pre&gt;
&lt;p&gt;I was expecting the takes2Second function to finish completely before the takes5Second starts.
Is that how it is supposed to work. Please let me know.
And the final function never runs. Thanks. &lt;/p&gt;</t>
  </si>
  <si>
    <t>2013-04-12 10:33:10.037000+00:00</t>
  </si>
  <si>
    <t>2016-04-20 09:11:18.490000+00:00</t>
  </si>
  <si>
    <t>javascript|node.js|asynchronous</t>
  </si>
  <si>
    <t>How does a Java client automatically accept a self-signed certificate from the server</t>
  </si>
  <si>
    <t>&lt;p&gt;I am implementing a server that uses self-signed certificates. What is the best way to distribute the certificates to the clients? I could import the certificate into the java keystore and setup the client. But is there any way to avoid every client from importing the certificate manually. Can this be done automatically by the java client? I went through the JSSE reference but could not figure out how to do this. Would appreciate any help.&lt;/p&gt;
&lt;p&gt;Regards,
Sampath.&lt;/p&gt;</t>
  </si>
  <si>
    <t>2012-02-28 09:40:33.437000+00:00</t>
  </si>
  <si>
    <t>2012-02-28 10:11:36.620000+00:00</t>
  </si>
  <si>
    <t>java|ssl|certificate|self-signed</t>
  </si>
  <si>
    <t>Dynamic filtering, sorting and paging on generic list with Entity Framework</t>
  </si>
  <si>
    <t>&lt;p&gt;I am using jQuery datatable (&lt;a href="http://www.datatables.net" rel="nofollow"&gt;http://www.datatables.net&lt;/a&gt;) in my MVC4 app and as you may know this table allows server side processing. I am going to use the table in multiple views tied to multiple controllers so I'd like to implement a generic way to filer, sort and page data without the need to write a method for each controller. If I were to do that, they would all look the same but they would target a different entity from the database and be doing textual filtering and sorting on different columns. Here what I have to do today:&lt;/p&gt;
&lt;pre&gt;&lt;code&gt;    public virtual ActionResult AjaxHandler(jQueryDataTableParamModel param)
    {
        var myProducts = _productRepository.Products;
        IEnumerable&amp;lt;Product&amp;gt; filteredProducts = myProducts;
        // Filtering
        if (!string.IsNullOrEmpty(param.sSearch))
        {
            var searchTermLower = param.sSearch.Trim().ToLower();
            filteredProducts = filteredProducts
                     .Where(c =&amp;gt; c.Title.Contains(param.sSearch)
                                 ||
                      c.Manufacturer.ManufacturerName.ToLower().Contains(searchTermLower)
                                 ||
                      c.Category.CategoryTitle.ToLower().Contains(searchTermLower)
                                 ||
                      c.Size.Title.ToLower().Contains(searchTermLower)
                                 ||
                      c.Price.ToString("C").Contains(searchTermLower));
        }
        // Sorting
        var sortColumnIndex = Convert.ToInt32(Request["iSortCol_0"]);
        var sortDirection = Request["sSortDir_0"];
        if (sortColumnIndex == 0)
        {
            filteredProducts = sortDirection == "asc" ? filteredProducts.OrderBy(x =&amp;gt; x.CreatedDate) : filteredProducts.OrderByDescending(x =&amp;gt; x.CreatedDate);
        }
        else if (sortColumnIndex == 1)
        {
            filteredProducts = sortDirection == "asc" ? filteredProducts.OrderBy(x =&amp;gt; x.Title) : filteredProducts.OrderByDescending(x =&amp;gt; x.Title);
        }
        else if (sortColumnIndex == 2)
        {
            filteredProducts = sortDirection == "asc" ? filteredProducts.OrderBy(x =&amp;gt; x.Manufacturer.ManufacturerName) : filteredProducts.OrderByDescending(x =&amp;gt; x.Manufacturer.ManufacturerName);
        }
        else if (sortColumnIndex == 3)
        {
            filteredProducts = sortDirection == "asc" ? filteredProducts.OrderBy(x =&amp;gt; x.Size.Title) : filteredProducts.OrderByDescending(x =&amp;gt; x.Size.Title);
        }
        else if (sortColumnIndex == 4)
        {
            filteredProducts = sortDirection == "asc" ? filteredProducts.OrderBy(x =&amp;gt; x.Category.CategoryTitle) : filteredProducts.OrderByDescending(x =&amp;gt; x.Category.CategoryTitle);
        }
        else if (sortColumnIndex == 4)
        {
            filteredProducts = sortDirection == "asc" ? filteredProducts.OrderBy(x =&amp;gt; x.Price) : filteredProducts.OrderByDescending(x =&amp;gt; x.Price);
        }
        // Paging
        var displayedProducts = filteredProducts.Skip(param.iDisplayStart).Take(param.iDisplayLength);
        var result = from c in displayedProducts
                     select new[] { c.ProductId.ToString(CultureInfo.InvariantCulture), c.CreatedDate.ToString("G"), c.Title, c.Manufacturer.ManufacturerName, c.Size.Title, c.Category.CategoryTitle, c.Price.ToString("C") };
        return Json(new
        {
            sEcho = param.sEcho,
            iTotalRecords = myProducts.Count(),
            iTotalDisplayRecords = filteredProducts.Count(),
            aaData = result
        }, JsonRequestBehavior.AllowGet);
    }
&lt;/code&gt;&lt;/pre&gt;
&lt;p&gt;I tried several things to make this generic none of which worked completely - some because of the fact that I filter on all columns and others for other reasons. I am hoping there is a better way to do this so I can just pass columns or functions that select columns instead and have it work.&lt;/p&gt;</t>
  </si>
  <si>
    <t>2013-02-24 19:33:56.353000+00:00</t>
  </si>
  <si>
    <t>2017-05-02 16:10:12.950000+00:00</t>
  </si>
  <si>
    <t>c#|entity-framework|sorting|asp.net-mvc-4|generic-programming</t>
  </si>
  <si>
    <t>logging system for nodejs and node-worker</t>
  </si>
  <si>
    <t>&lt;p&gt;nodejs logging system, I want a beautiful console logging and also can save to log file, and also fast, async will be better.&lt;/p&gt;
&lt;p&gt;The most difficult is , &lt;a href="https://github.com/cramforce/node-worker" rel="nofollow"&gt;node-worker&lt;/a&gt;, which use std io to communicate with parent process, so if the logging system using std io, it can't work.&lt;/p&gt;</t>
  </si>
  <si>
    <t>2010-12-19 09:56:57.333000+00:00</t>
  </si>
  <si>
    <t>2014-06-13 10:45:15.137000+00:00</t>
  </si>
  <si>
    <t>javascript|logging|node.js</t>
  </si>
  <si>
    <t>Which is the better way (algorithm-wise) for request/search matching in a Python/MySQL system?</t>
  </si>
  <si>
    <t>&lt;p&gt;I���m working on a Python/MySQL match system that has:&lt;/p&gt;
&lt;p&gt;2 million users with 2,000 unique relationships each that is recorded into a &lt;strong&gt;Relationship_DB&lt;/strong&gt; that has about 4 billion records (2m x 2k).
Each user submit one new request every month that is entered into a &lt;strong&gt;Request_DB&lt;/strong&gt;, that���s 24million records per year in the Request_DB. Each request is only valid for 12months so DB can be pruned on request expiry or moved to an archive.&lt;/p&gt;
&lt;p&gt;For each new request submitted, system should return a list of matches (average 200-500matches per request) with other requests in the Request_DB categorised into various relationship type groupings.&lt;/p&gt;
&lt;p&gt;All matches are stored in a &lt;strong&gt;Match_DB&lt;/strong&gt; that is filtered to return the corresponding matches to users when they poll the server for updates. Match_DB size is about 10 billion records a year.&lt;/p&gt;
&lt;ul&gt;
&lt;li&gt;&lt;strong&gt;Relationship_DB&lt;/strong&gt; - UserID:Integer, Relationship_UserID:Integer,
Relationship_Information:String Array&lt;/li&gt;
&lt;li&gt;&lt;strong&gt;Request_DB&lt;/strong&gt; - UserID:Integer, Request_Parameters: String Array&lt;/li&gt;
&lt;li&gt;&lt;strong&gt;Match_DB&lt;/strong&gt; - UserID:Integer, Match_UserID:Integer, Relationship
Status:String Array&lt;/li&gt;
&lt;/ul&gt;
&lt;p&gt;&lt;strong&gt;Method 1:&lt;/strong&gt;&lt;/p&gt;
&lt;ol&gt;
&lt;li&gt;User submits a New Request which is immediately recorded into Request_DB.&lt;/li&gt;
&lt;li&gt;Server filters all matches for the New Request from within Request_DB and SAVES ALL MATCHES into Match_DB,&lt;/li&gt;
&lt;li&gt;Server then goes through each of the newly recorded matches in Match_DB, looks up Relationship_DB (read only), processes relationship data and writes the processed results for each match record in the Match_DB. This loops till all the new matches are updated.&lt;/li&gt;
&lt;li&gt;When relationship results for all corresponding records in Match_DB are updated, Server returns match list from Match_DB to client (who submitted the new Request).&lt;/li&gt;
&lt;li&gt;Server proceeds to update other existing Request from other users in the Match_DB that are affected by the entry of this new Request. &lt;/li&gt;
&lt;li&gt;Users of the affected entries will see their updated Request results from the Match_DB when they next poll the server.&lt;/li&gt;
&lt;/ol&gt;
&lt;p&gt;&lt;strong&gt;Method 2:&lt;/strong&gt;&lt;/p&gt;
&lt;ol&gt;
&lt;li&gt;User submits a New Request which is immediately recorded into Request_DB.&lt;/li&gt;
&lt;li&gt;Server filters all matches for the New Request from within Request_DB&lt;/li&gt;
&lt;li&gt;Server goes through each of the match in the the filtered Request_DB, looks up Relationship_DB (read only), processes relationship data and writes all information as ONE new Match record in the Match_DB. This loops till all filtered match records from Request_DB has been entered into Match_DB.&lt;/li&gt;
&lt;li&gt;When all match record has been processed and saved in the Match_DB, Server returns match list from Match_DB to client (who submitted the new Request).&lt;/li&gt;
&lt;li&gt;Server proceeds to update other existing Request from other users in the Match_DB that are affected by the entry of this new Request. &lt;/li&gt;
&lt;li&gt;Users of the affected entries will see their updated Request results from the Match_DB when they next poll the server.&lt;/li&gt;
&lt;/ol&gt;
&lt;p&gt;For the scenario above, what are the pros and cons (on system load, speed, data integrity, etc) of the 2 methods above and the way the DB are organised, or are there better methods or suggestions? Would PHP/MySQL be a better option for the job? All queries are parametized queries.&lt;/p&gt;</t>
  </si>
  <si>
    <t>2016-08-31 15:17:29.493000+00:00</t>
  </si>
  <si>
    <t>2016-08-31 15:57:33.527000+00:00</t>
  </si>
  <si>
    <t>mysql|database|database-design</t>
  </si>
  <si>
    <t>FileUtils public class method to rename an existed file when copying</t>
  </si>
  <si>
    <t>&lt;p&gt;On &lt;code&gt;FileUtils&lt;/code&gt; class (Ruby StdLib), among the class methods such as &lt;code&gt;FileUtils.cp&lt;/code&gt;, &lt;code&gt;FileUtils.cp_r&lt;/code&gt; &lt;code&gt;FileUtils.mv&lt;/code&gt; etc., there is none providing optional renaming of the file, when the destination file exists.
I want to utilize the &lt;code&gt;FileUtils.cp_r&lt;/code&gt; method and do some changes to &lt;code&gt;FileUtils&lt;/code&gt; to support this behaviour.&lt;/p&gt;
&lt;p&gt;Is this a good approach, or should I just implement my own &lt;code&gt;FileUtils.cp_r&lt;/code&gt;?&lt;/p&gt;
&lt;p&gt;&lt;strong&gt;Update&lt;/strong&gt;:
I have checked the Rubinius source of &lt;code&gt;FileUtils.cp_r&lt;/code&gt;, and found it calls &lt;code&gt;FileUtils.copy_entry&lt;/code&gt;. I find it may be error prone to redefine a library method. So I opt to implement a custom recursively copy methods (which will rename an existed file).&lt;/p&gt;</t>
  </si>
  <si>
    <t>2013-06-03 09:40:29.500000+00:00</t>
  </si>
  <si>
    <t>2013-06-03 12:38:39.707000+00:00</t>
  </si>
  <si>
    <t>ruby|standard-library</t>
  </si>
  <si>
    <t>How to arrange data by unknow range of values</t>
  </si>
  <si>
    <t>&lt;p&gt;on the default schema HR I had the below  query that get count of employees at each department divided into ranges according to their salary category for example&lt;/p&gt;
&lt;ol&gt;
&lt;li&gt;group a with salary range in (5000 to 10000)&lt;/li&gt;
&lt;li&gt;group b with salary range in (15000 to 20000)&lt;/li&gt;
&lt;li&gt;&lt;p&gt;group c with salary range in (+) .... etc&lt;/p&gt;
&lt;p&gt;SELECT
CASE
WHEN salary &amp;lt;= 5000 THEN  'A'
WHEN salary &gt;= 10000 THEN  'B'
WHEN salary &gt;= 15000 THEN  'C'
ELSE  '+'
END AS category ,
  COUNT(*) AS emp_count, department_id
FROM employees
GROUP BY
CASE
WHEN salary &amp;lt;= 5000 THEN  'A'
WHEN salary &gt;= 10000 THEN  'B'
WHEN salary &gt;= 15000 THEN  'C'
ELSE  '+'
END,  department_id
ORDER BY department_id;
/&lt;/p&gt;&lt;/li&gt;
&lt;/ol&gt;
&lt;p&gt;but my problem is that the maximum and minimum salary are not known  or if the ranges are smaller then i had to write alot of codes to get the result 
so is their any other way that runs better than this one ?&lt;/p&gt;</t>
  </si>
  <si>
    <t>2015-04-11 14:45:42.180000+00:00</t>
  </si>
  <si>
    <t>2015-04-15 16:27:09.280000+00:00</t>
  </si>
  <si>
    <t>2015-04-11 15:40:30.843000+00:00</t>
  </si>
  <si>
    <t>oracle11g</t>
  </si>
  <si>
    <t>For a Silverlight app, what is the best way to load data from a service at startup?</t>
  </si>
  <si>
    <t>&lt;p&gt;I am fairly new to Silverlight. I have an application I'm working on that needs some data from the server before the user is can start working with the application. This data is accessible via a WCF service on the web server.&lt;/p&gt;
&lt;p&gt;My question is this: what is the best way to go about getting this data at Silverlight applicaiton startup?&lt;/p&gt;
&lt;p&gt;My thought it to create a static class with a static member that would hold the results and to make the WCF service call in the &lt;code&gt;Application_Startup&lt;/code&gt; event handler. My concern is that if this call is made asynchronously, how can I be certain that the data will have been retrieved from the service prior to the user interacting with the application?&lt;/p&gt;
&lt;p&gt;Thanks&lt;/p&gt;</t>
  </si>
  <si>
    <t>2011-07-01 03:40:17.937000+00:00</t>
  </si>
  <si>
    <t>2011-07-01 04:20:05.270000+00:00</t>
  </si>
  <si>
    <t>silverlight|wcf</t>
  </si>
  <si>
    <t>Is it wise to rely on default features of a programming language?</t>
  </si>
  <si>
    <t>&lt;p&gt;Should I frequently rely on default values?&lt;/p&gt;
&lt;p&gt;For example, in PHP, if you have the following:&lt;/p&gt;
&lt;pre&gt;&lt;code&gt;&amp;lt;?php
$var .= "Value";
?&amp;gt;
&lt;/code&gt;&lt;/pre&gt;
&lt;p&gt;This is perfectly fine - it works. But what if assignment like this to a previously unused variable is later eliminated from the language? (I'm &lt;i&gt;not&lt;/i&gt; referring to just general assignment to an unused variable.)&lt;/p&gt;
&lt;p&gt;There are countless examples of where the default value of something has changed and so much existing code was then useless.&lt;/p&gt;
&lt;p&gt;On the other hand, without defaults, there is a lot of code redundancy.&lt;/p&gt;
&lt;p&gt;What is the proper way of dealing with this?&lt;/p&gt;</t>
  </si>
  <si>
    <t>2010-03-17 05:16:30.967000+00:00</t>
  </si>
  <si>
    <t>2010-03-17 05:53:31.010000+00:00</t>
  </si>
  <si>
    <t>2010-03-17 05:22:44.700000+00:00</t>
  </si>
  <si>
    <t>language-agnostic|default</t>
  </si>
  <si>
    <t>Assigning json array values to string array in java</t>
  </si>
  <si>
    <t>&lt;p&gt;I am parsing the json array and fetching the result. I want to store the json array values to string array.&lt;/p&gt;
&lt;p&gt;Here is my code:&lt;/p&gt;
&lt;pre&gt;&lt;code&gt;public static void main(String[] args) 
                throws JSONException, IOException, URISyntaxException 
{
    String[] Stage_Probability;
    JSONArray stagearray = x.getJSONObject(j).getJSONArray("val");
    Map&amp;lt;String, String&amp;gt; test2 = new HashMap&amp;lt;String, String&amp;gt;();
    for (j = 0; j &amp;lt; stagearray.length(); j++) 
    {
        test2.put(stagearray.getJSONObject(j).getString("pbty"), stagearray.getJSONObject(j).getString("sortorder"));
        System.out.println("----" + stagearray.getJSONObject(j).getString("pbty"));
        Stage_Probability[j] = stagearray.getJSONObject(j).getString("pbty").toString();
    }
}
&lt;/code&gt;&lt;/pre&gt;
&lt;p&gt;It prints &lt;code&gt;null&lt;/code&gt;. Any help will be appreciated.&lt;/p&gt;</t>
  </si>
  <si>
    <t>2016-12-23 12:13:27.160000+00:00</t>
  </si>
  <si>
    <t>2016-12-26 14:34:16.507000+00:00</t>
  </si>
  <si>
    <t>java|arrays|json|string</t>
  </si>
  <si>
    <t>Angular ui-router doesnt resolve and work properly</t>
  </si>
  <si>
    <t>&lt;p&gt;While using ui-router i tried for resolve , is there any accesstoken in localstorage , if so proceed to state 'home' else state 'login'. But the program doesnt run as desired, if there is no accesstoken and i hit url for my view page, it shows blank page(i think my view page) not loading login.&lt;/p&gt;
&lt;p&gt;here is the part &lt;/p&gt;
&lt;pre&gt;&lt;code&gt;     $stateProvider
    .state("home", {
        url: "/home",
        templateUrl: "home.html",
        resolve: {
            "check": function() {
                console.log("/home");
                if (localStorage.getItem("accessToken") == null) {
                    console.log("main check");
                    $state.go("login");
                }
            }
        }
    })
    .state("login", {
        url: "/login",
        templateUrl: "loginpage.html",
        resolve: {
            "check": function() {
                console.log("/login");
                if (localStorage.getItem("accessToken") != null) {
                    console.log("log check");
                    $state.go("home");
                }
            }
        }
    })
    .state("otherwise", {
        url: "*path",
        templateUrl: "loginpage.html",
        resolve: {
            "check": function() {
                console.log("/login");
                if (localStorage.getItem("accessToken") != null) {
                    console.log("log check");
                    $state.go("home");
                }
            }
        }
    });
&lt;/code&gt;&lt;/pre&gt;
&lt;p&gt;console prints "log check" but shows no page...
please help&lt;/p&gt;</t>
  </si>
  <si>
    <t>2017-03-05 19:38:11.887000+00:00</t>
  </si>
  <si>
    <t>javascript|angularjs|routing|angular-ui-router|state.go</t>
  </si>
  <si>
    <t>How to pass a json into a select input</t>
  </si>
  <si>
    <t>&lt;p&gt;I only know we can have a &lt;code&gt;each&lt;/code&gt; loop and add &lt;code&gt;&amp;lt;option ...&amp;gt;&lt;/code&gt; one by one into a &lt;code&gt;&amp;lt;select&amp;gt;&lt;/code&gt; element.&lt;/p&gt;
&lt;p&gt;Is there any binding like &lt;code&gt;$('select#name').val(data)&lt;/code&gt;?&lt;/p&gt;</t>
  </si>
  <si>
    <t>2012-08-14 16:27:02.467000+00:00</t>
  </si>
  <si>
    <t>2012-08-14 17:16:01.570000+00:00</t>
  </si>
  <si>
    <t>javascript|jquery|select</t>
  </si>
  <si>
    <t>Architecture: Best practices for manipulating models without polluting the POJOs? And without repeating boiler-plate code everywhere</t>
  </si>
  <si>
    <t>&lt;p&gt;This is a problem we encounter often.  There must be some best practices to address this...&lt;/p&gt;
&lt;h2&gt;Simplified Question&lt;/h2&gt;
&lt;p&gt;Where's the best place to put common code that manipulates POJOs?   &lt;/p&gt;
&lt;p&gt;such that:    &lt;/p&gt;
&lt;ul&gt;
&lt;li&gt;POJOs only have properties and getters/setters&lt;/li&gt;
&lt;li&gt;the same model manipulation code isn't repeated "everywhere"&lt;/li&gt;
&lt;li&gt;&lt;strong&gt;it's &lt;em&gt;very&lt;/em&gt; clear which classes are responsible for manipulating the model&lt;/strong&gt;&lt;/li&gt;
&lt;/ul&gt;
&lt;hr&gt;
&lt;h2&gt;Background&lt;/h2&gt;
&lt;p&gt;We have a schema that defines our domain.  From that, we generate a "pure" model that consists of simple objects (POJOs) that come from JAXB.&lt;/p&gt;
&lt;p&gt;In working with this model, several developers on the team have created boiler-plate code to access and manipulate the model. It is "sprinkled" in many places. Some have created wrapper objects that subclass instances of the model and add functionality.  Others have created external utility classes.  I'm looking to unify this code so that it's no longer "sprinkled everywhere."  &lt;strong&gt;&lt;em&gt;Ideally, the logic can be contained in a certain class of objects who are clearly responsible for generic manipulations of the model.&lt;/em&gt;&lt;/strong&gt;&lt;/p&gt;
&lt;h2&gt;Example&lt;/h2&gt;
&lt;p&gt;Let's use a grocery store as a generic example. Model objects consist of things like:&lt;br&gt;
&lt;code&gt;Products, Aisle, Shelf, Employee, WorkSchedule, Vendor&lt;/code&gt;&lt;/p&gt;
&lt;p&gt;Common model manipulations consist of things like:&lt;br&gt;
&lt;code&gt;findManagerWorkingOnDay(day, schedule), findAisleForProduct(apples), countItemsOnShelf(topShelf), product.isModified(), removeProductFromVendor(apples, vendor)&lt;/code&gt;&lt;/p&gt;
&lt;p&gt;We don't want to "pollute" our Vendor POJO with a function like &lt;code&gt;removeProductFromVendor&lt;/code&gt;.  Likewise, we don't necessarily want to extend every model object, just to add the &lt;code&gt;isModified&lt;/code&gt; property just so our GUI can know to "enable/disable" the save button.&lt;/p&gt;
&lt;p&gt;Or do we?&lt;/p&gt;
&lt;h2&gt;Summary&lt;/h2&gt;
&lt;p&gt;Once a model object is in memory, who should be responsible for manipulating it--for instance, to iterate over a list of "employees on duty today" and find one who is a "manager?"&lt;/p&gt;
&lt;p&gt;In these cases, database calls are overkill because we already have everything we need in memory (for ex: we've already queried the DataStore and we need to work with the result objects throughout the application).  &lt;strong&gt;&lt;em&gt;Ideally, this code would be available to any object who had, for example, a list of employees.&lt;/em&gt;&lt;/strong&gt;&lt;/p&gt;
&lt;hr&gt;
&lt;p&gt;In terms of best practice, where is the ideal place to put the static method:&lt;br&gt;
&lt;code&gt;public static Employee findManager(List&amp;lt;Employee&amp;gt; employeesOnDuty);&lt;/code&gt;&lt;/p&gt;
&lt;p&gt;which would iterate over the list of employees (POJOs) and return the first one where &lt;code&gt;employee.title.toLowerCase().contains("manager")&lt;/code&gt;&lt;/p&gt;
&lt;p&gt;If a team were to work with this sample object model, several people would write functions like this.  What are some of the best practices to capture this responsibility such that POJOs remain "pure" and the same boiler-plate code isn't "sprinkled everywhere."&lt;/p&gt;</t>
  </si>
  <si>
    <t>2012-01-23 15:59:31.163000+00:00</t>
  </si>
  <si>
    <t>2013-05-03 08:15:55.417000+00:00</t>
  </si>
  <si>
    <t>2012-01-23 18:18:52.633000+00:00</t>
  </si>
  <si>
    <t>java|design-patterns|architecture|software-design</t>
  </si>
  <si>
    <t>Spring PropertySource based on environment</t>
  </si>
  <si>
    <t>&lt;p&gt;I would like to use a dynamic placeholder inside the &lt;code&gt;PropertySource&lt;/code&gt; value options.&lt;/p&gt;
&lt;p&gt;This is in order to have the ability to have one file for each environment which overrides the default one. Just like &lt;code&gt;application.properties&lt;/code&gt; and &lt;code&gt;application-dev.properties&lt;/code&gt;.&lt;/p&gt;
&lt;p&gt;Current setup:&lt;/p&gt;
&lt;pre&gt;&lt;code&gt;@PropertySource("classpath:ione.properties")
&lt;/code&gt;&lt;/pre&gt;
&lt;p&gt;I would like to have something like&lt;/p&gt;
&lt;pre&gt;&lt;code&gt;@PropertySource("classpath:ione-{optionalEnvName}.properties")
&lt;/code&gt;&lt;/pre&gt;
&lt;p&gt;Thus reading the &lt;code&gt;--spring.profiles.active=dev&lt;/code&gt; option.&lt;/p&gt;
&lt;p&gt;Thanks!&lt;/p&gt;</t>
  </si>
  <si>
    <t>2018-10-08 13:12:52.297000+00:00</t>
  </si>
  <si>
    <t>2018-10-08 13:28:04.027000+00:00</t>
  </si>
  <si>
    <t>2018-10-08 13:20:31.410000+00:00</t>
  </si>
  <si>
    <t>spring|spring-boot</t>
  </si>
  <si>
    <t>How to divide feature and scenario in Cucumber?</t>
  </si>
  <si>
    <t>&lt;p&gt;I need to manage some uses in system, so user management is a feature , and add/delete user is a Scenario?  I want to know one principle to design them, thanks &lt;/p&gt;</t>
  </si>
  <si>
    <t>2010-10-19 07:06:36.883000+00:00</t>
  </si>
  <si>
    <t>2011-10-21 21:51:42.687000+00:00</t>
  </si>
  <si>
    <t>how to use "order by" and "count()" in one select query</t>
  </si>
  <si>
    <t>&lt;p&gt;There is a table named images in mediastore database in android, the images table has a column named timetaken which represents created time of the image, and it is in milliseconds unit.&lt;/p&gt;
&lt;p&gt;Now I have a demand that I want to group the images by created day(not the time), and count images of each day, so I have try this query:&lt;/p&gt;
&lt;p&gt;SELECT datetaken/86400000*86400000 as dateT, count(dateT) as imageSumInDate 
FROM images 
WHERE (1 = 1 ) 
group by (dateT) 
ORDER BY dateT DESC&lt;/p&gt;
&lt;p&gt;Unfortunately, it comes out a error:&lt;/p&gt;
&lt;p&gt;android.database.sqlite.SQLiteException: no such column: dateT (code 1)&lt;/p&gt;
&lt;p&gt;Then I ask someone else for the problem, and he give a sub-query style like this below:&lt;/p&gt;
&lt;p&gt;select dateT,COUNT(dateT) as imageSumInDate
from (SELECT datetaken/86400000*86400000 as dateT FROM images)t
WHERE (1 = 1 ) 
group by (dateT) 
ORDER BY dateT DESC &lt;/p&gt;
&lt;p&gt;This may be correct, but I can't use this sub-query in ContentResolver's query method. ContentResolver may only support the query like this style:&lt;/p&gt;
&lt;pre&gt;select ____ from table where ______ order by____&lt;/pre&gt;
&lt;p&gt;Is there any trick to help me fit the ContentResolver's query style?&lt;/p&gt;
&lt;p&gt;Any help would be really appreciated! &lt;/p&gt;</t>
  </si>
  <si>
    <t>2013-06-27 02:25:57.320000+00:00</t>
  </si>
  <si>
    <t>2013-06-28 14:11:42.483000+00:00</t>
  </si>
  <si>
    <t>2013-06-27 07:02:08.463000+00:00</t>
  </si>
  <si>
    <t>android|count|order|android-contentresolver|mediastore</t>
  </si>
  <si>
    <t>Retrieving a variable without ExternalInterface</t>
  </si>
  <si>
    <t>&lt;p&gt;I'll try to describe my situation first as clearly as I can:
I've been trying (with some success) to make a sort of interactive shell for a swf I found
All it is is a 2nd layer over the original thing to give it some additional features&lt;/p&gt;
&lt;p&gt;The only problem is, I do not own the swf, and have no clue how to interact with it directly, or if it is even possible
Specifically, there are movieclips whose positions/properties in the swf I would like to know about&lt;/p&gt;
&lt;p&gt;I'm currently using methods to guess their positions based on the visual, but it's quite tiresome&lt;/p&gt;
&lt;p&gt;Anyone know how I can get around this?
It's as3, and I know quite a bit how the swf operates, as I have some of the actionscript&lt;/p&gt;
&lt;p&gt;Thanks!&lt;/p&gt;</t>
  </si>
  <si>
    <t>2011-05-24 20:41:46.270000+00:00</t>
  </si>
  <si>
    <t>javascript|flash|actionscript-3</t>
  </si>
  <si>
    <t>Get Item by Index</t>
  </si>
  <si>
    <t>&lt;p&gt;What is the best data structure, in java, for getting and setting items by index?&lt;/p&gt;
&lt;p&gt;I was initially using ArrayList, but the problem is sometimes, I need to insert an element that is greater than the size of arraylist, like:&lt;/p&gt;
&lt;pre&gt;&lt;code&gt;pseudocode
array = new ArrayList();
array.set(10, object);
&lt;/code&gt;&lt;/pre&gt;
&lt;p&gt;Obviously this returns out an error. I could initialize the array with sentinel values, but using:&lt;/p&gt;
&lt;pre&gt;&lt;code&gt;array.size()
&lt;/code&gt;&lt;/pre&gt;
&lt;p&gt;will always say that my array is filled to the brim. Obviously it is just filled with sentinel values.&lt;/p&gt;</t>
  </si>
  <si>
    <t>2013-11-11 09:04:11.963000+00:00</t>
  </si>
  <si>
    <t>2013-11-11 09:11:43.270000+00:00</t>
  </si>
  <si>
    <t>java|data-structures</t>
  </si>
  <si>
    <t>Increase font size of date picker in iOS(Swift)</t>
  </si>
  <si>
    <t>&lt;p&gt;I have gone through many documentation, but i didn't find this thing anywhere.&lt;/p&gt;
&lt;p&gt;how to increase font size of date picker in Swift.&lt;/p&gt;
&lt;p&gt;Can anyone help me on this. &lt;/p&gt;</t>
  </si>
  <si>
    <t>2018-04-13 06:54:41.427000+00:00</t>
  </si>
  <si>
    <t>2018-04-13 10:06:10.607000+00:00</t>
  </si>
  <si>
    <t>ios|swift|swift3|datepicker</t>
  </si>
  <si>
    <t>How to parse and sort multiple date format from RSS feed?</t>
  </si>
  <si>
    <t>&lt;p&gt;I want to sort multiple RSS feed based on the pubDate . but it causes error because it sort based on different date formate. I have one arraylist in which all RSS feed data contains. from their pubdate I want to sort. the main problem is to sort on multiple date format in arraylist. such as below.&lt;/p&gt;
&lt;pre&gt;&lt;code&gt;"EEE, dd MMM yyyy HH:mm:ss zzz","EEE MMM dd HH:mm:ss zzz yyyy"
&lt;/code&gt;&lt;/pre&gt;
&lt;p&gt;How to sort this arraylist based on pubdate. I have also tried which is below, but doesn't work.&lt;/p&gt;
&lt;pre&gt;&lt;code&gt;   Collections.sort(rssFeedArraylist, new Comparator&amp;lt;RssItem&amp;gt;() {
       /* @Override
        public int compare(RssItem lhs, RssItem rhs) {
            SimpleDateFormat formatter = new SimpleDateFormat("EEE, dd MMM yyyy HH:mm:ss zzz", Locale.US);
            try {
                if (lhs.getPubDate() != null &amp;amp;&amp;amp; rhs.getPubDate() != null) {
                    if (!lhs.getPubDate().equals("") &amp;amp;&amp;amp; !rhs.getPubDate().equals("")) {
                        Date date1 = formatter.parse(rhs.getPubDate());
                        Date date2 = formatter.parse(lhs.getPubDate());
                        return date1.compareTo(date2);
                    }
                }
            } catch (ParseException e) {
                e.printStackTrace();
            }
            return 0;
        }*/
        @Override
        public int compare(RssItem lhs, RssItem rhs) {
        try {
           if (lhs.getPubDate() != null &amp;amp;&amp;amp; rhs.getPubDate() != null)                              {
                    if (!lhs.getPubDate().equals("") &amp;amp;&amp;amp; !rhs.getPubDate().equals("")) {
            //SimpleDateFormat formatter = new SimpleDateFormat("EEE, dd MMM yyyy HH:mm:ss zzz", Locale.US);
            //DateFormat df = new SimpleDateFormat( "EEE MMM dd HH:mm:ss z yyyy", Locale.US);
                        SimpleDateFormat formatter = new SimpleDateFormat(isDateValid(rhs.getPubDate()), Locale.US);
                        SimpleDateFormat formatter1 = new SimpleDateFormat(isDateValid(lhs.getPubDate()), Locale.US);
                        Date date1 = formatter.parse(rhs.getPubDate());
                        Date date2 = formatter1.parse(lhs.getPubDate());
                        String dateRHS=isDateValid(rhs.getPubDate());
                        String dateLHS=isDateValid(lhs.getPubDate());
                        if(!dateRHS.contains(",")){
                            String str = new SimpleDateFormat("EEE, dd MMM yyyy HH:mm:ss zzz").format(date1);
                            SimpleDateFormat format = new SimpleDateFormat("EEE, dd MMM yyyy HH:mm:ss zzz", Locale.US);
                            date1=format.parse(str);
                        }
                        if(!dateLHS.contains(",")){
                            String str = new SimpleDateFormat("EEE, dd MMM yyyy HH:mm:ss zzz").format(date2);
                            SimpleDateFormat format = new SimpleDateFormat("EEE, dd MMM yyyy HH:mm:ss zzz", Locale.US);
                            date2=format.parse(str);
                        }
                        return date1.compareTo(date2);
                    }
                }
            } catch (ParseException e) {
                String str=isDateValid(lhs.getPubDate());
                String abc=lhs.getPubDate();
                e.printStackTrace();
            }
            return 0;
        }
        public String isDateValid(String dateValue)
        {
            String returnVal = "";
            /*String[] permissFormats = new String[]{"MM/dd/yyyy hh:mm:ss.sss","MM/dd/yyyy hh:mm:ss","yyyy-MM-dd hh:mm:ss.sss","yyyy-MM-dd hh:mm","dd/MM/yyyy",
                    "dd-MM-yyyy","MM-dd-yyyy","ddMMyyyy"};*/
            String[] permissFormats = new String[]{"EEE, dd MMM yyyy HH:mm:ss zzz","EEE MMM dd HH:mm:ss zzz yyyy"};
            SimpleDateFormat sdfObj = new SimpleDateFormat();
            sdfObj.setLenient(false);
            ParsePosition position = new ParsePosition(0);
            for (int i = 0; i &amp;lt; permissFormats.length; i++)
            {
                if(dateValue.equals("Wed, 16 Nov 2016 22:06:47 GMT")){
                    Log.d("Date:","hello");
                }
                sdfObj.applyPattern(permissFormats[i]);
                position.setIndex(0);
                position.setErrorIndex(-1);
                sdfObj.parse(dateValue, position);
                if (position.getErrorIndex() == -1)
                {
                    returnVal =permissFormats[i];
                    System.out.println("Looks like a valid date for Date Value :"+dateValue+": For Format:"+permissFormats[i]);
                    break;
                }
                else
                {
                    System.out.println("Parse Failed Occured for Date Value :"+dateValue+":And Format:"+permissFormats[i]);
                }
            }
            return returnVal;
        }
    });
    rssFeedDataAdapter = new RssFeedDataAdapter(context, rssFeedArraylist, categoryName);
    lvLIst.setAdapter(rssFeedDataAdapter);
&lt;/code&gt;&lt;/pre&gt;</t>
  </si>
  <si>
    <t>2017-01-31 09:26:48.183000+00:00</t>
  </si>
  <si>
    <t>2017-01-31 19:54:18.453000+00:00</t>
  </si>
  <si>
    <t>android|sorting|xml-parsing|rss|date-format</t>
  </si>
  <si>
    <t>I have "unresolved externals"</t>
  </si>
  <si>
    <t>&lt;pre&gt;&lt;code&gt;    #include &amp;lt;iostream&amp;gt;
    #include &amp;lt;fstream&amp;gt;
    #include &amp;lt;string&amp;gt;
    #include &amp;lt;iomanip&amp;gt;
    using namespace std;
    const int STUDENTS = 100;
    struct studentType
    {
        string fname;
        string lname;
        int test1;
        int test2;
        int test3;
        int test4;
        double average;
        char grade;
    };
    void initRecords(studentType students[]);
    int readData(studentType students[]);
    double getStudentAverageGrade(studentType aStudent);
    char getGrade(double average);
    void sortRecords(studentType students[], int totalStudents);
    void swapRecords(studentType&amp;amp; aStudent, studentType&amp;amp; bStudent);
    void writeRecords(studentType students[], int totalStudents);
    void drawLine(ofstream&amp;amp; fout, char ch, int width);
    void checkRecords(studentType students[], int totalStudents);
    int findMax(int, int);
    int findMin(int, int);
    int main()
    {
        int totalStudents = 0;
        studentType students[STUDENTS];
        initRecords(students);
        totalStudents = readData(students);
        checkRecords(students, totalStudents);
        sortRecords(students, totalStudents);
        cout &amp;lt;&amp;lt; endl &amp;lt;&amp;lt; "after sorting..." &amp;lt;&amp;lt; endl;
        checkRecords(students, totalStudents);
        writeRecords(students, totalStudents);
        cout &amp;lt;&amp;lt; "Done!" &amp;lt;&amp;lt; endl;
        system("pause");
        return 0;
    }
    void initRecords(studentType students[])
    {
        for (int i = 0; i &amp;lt; STUDENTS; i++)
        {
            students[i].fname = "AA";
            students[i].lname = "ZZ";
            students[i].grade = 'F';
            students[i].test1 = 0;
            students[i].test2 = 0;
            students[i].test3 = 0;
            students[i].test4 = 0;
            students[i].average = 0.0;
        }
    }
    int readData(studentType students[])
    {
        ifstream fin;
        string fileName;
        int i;
        cout &amp;lt;&amp;lt; "Enter filename: ";
        cin &amp;gt;&amp;gt; fileName;
        fin.open(fileName);
        if (!fin)
        {
            cout &amp;lt;&amp;lt; "File does not exist!" &amp;lt;&amp;lt; endl;
            cin.get();
            cin.get();
            exit (0);
        }
        i = 0;
        while (fin &amp;amp;&amp;amp; i &amp;lt; STUDENTS)
        {
            fin &amp;gt;&amp;gt; students[i].fname &amp;gt;&amp;gt; students[i].lname &amp;gt;&amp;gt; students[i].test1 &amp;gt;&amp;gt; students[i].test2 &amp;gt;&amp;gt; students[i].test3 &amp;gt;&amp;gt; students[i].test4;
            if (!fin)
                break;
            students[i].average = getStudentAverageGrade(students[i]);
            students[i].grade = getGrade(students[i].average);
            i += 1;
        }
        fin.close();
        return i;
    }
    void checkRecords(studentType students[], int totalStudents)
    {
        for (int i = 0; i &amp;lt; totalStudents; i++)
        {
            cout &amp;lt;&amp;lt; students[i].fname &amp;lt;&amp;lt; " " &amp;lt;&amp;lt; students[i].lname &amp;lt;&amp;lt; " " &amp;lt;&amp;lt; students[i].test1 &amp;lt;&amp;lt; " " &amp;lt;&amp;lt; students[i].test2 &amp;lt;&amp;lt; " " &amp;lt;&amp;lt; students[i].test3 &amp;lt;&amp;lt; " " &amp;lt;&amp;lt; students[i].test4 &amp;lt;&amp;lt; " " &amp;lt;&amp;lt; students[i].average &amp;lt;&amp;lt; " " &amp;lt;&amp;lt; students[i].grade &amp;lt;&amp;lt; endl;
        }
    }
&lt;/code&gt;&lt;/pre&gt;
&lt;p&gt;I have had this error a few times with multiple programs, it kind of seems to come and go, I do not fully understand the unresolved external error, and I have searched before for help with it, and can not seem to find any legitimate advice, I am not asking anyone to do my homework, I just would like someone to point out what is causing this error, and possible ways to fix it. Any help would be greatly appreciated, thanks in advance.&lt;/p&gt;
&lt;p&gt;UPDATE: error message Error 1   error LNK2019: unresolved external symbol "double __cdecl getStudentAverageGrade(struct studentType)" (?getStudentAverageGrade@@YANUstudentType@@@Z) referenced in function "int __cdecl readData(struct studentType * const)" (?readData@@YAHQAUstudentType@@@Z)   c:\Users\cpsalazar\documents\visual studio 2013\Projects\Assignment7.cpp\Assignment7.cpp\Assignment7.obj    Assignment7.cpp&lt;/p&gt;
&lt;p&gt;There are 3 more for sortRecords, writeRecords, and getGrade.&lt;/p&gt;</t>
  </si>
  <si>
    <t>2014-10-29 17:42:48.513000+00:00</t>
  </si>
  <si>
    <t>2014-10-29 17:49:34.447000+00:00</t>
  </si>
  <si>
    <t>unresolved-external</t>
  </si>
  <si>
    <t>How to get parent id by using jquery</t>
  </si>
  <si>
    <t>&lt;pre&gt;&lt;code&gt;&amp;lt;li id="menu-item-52" class="menu-item menu-item-type-post_type menu-item-object-page current-page-ancestor current-menu-ancestor current-menu-parent current-page-parent current_page_parent current_page_ancestor menu-item-has-children menu-item-52"&amp;gt;&amp;lt;a href="https://fxem.com/trading-accounts/"&amp;gt;Trading Accounts&amp;lt;/a&amp;gt;
        &amp;lt;ul class="sub-menu"&amp;gt;
            &amp;lt;li id="menu-item-55" class="menu-item menu-item-type-post_type menu-item-object-page menu-item-55"&amp;gt;&amp;lt;a href="https://fxem.com/trading-accounts/demo-account/"&amp;gt;Get DEMO Account&amp;lt;/a&amp;gt;&amp;lt;/li&amp;gt;
            &amp;lt;li id="menu-item-54" class="menu-item menu-item-type-post_type menu-item-object-page current-menu-item page_item page-item-44 current_page_item menu-item-54"&amp;gt;&amp;lt;a href="https://fxem.com/trading-accounts/live-account/"&amp;gt;Get LIVE Account&amp;lt;/a&amp;gt;&amp;lt;/li&amp;gt;
            &amp;lt;li id="menu-item-53" class="menu-item menu-item-type-post_type menu-item-object-page menu-item-53"&amp;gt;&amp;lt;a href="https://fxem.com/trading-accounts/deposit-and-withdrawal/"&amp;gt;Deposit and Withdrawal&amp;lt;/a&amp;gt;&amp;lt;/li&amp;gt;
        &amp;lt;/ul&amp;gt;
    &amp;lt;/li&amp;gt;
&amp;lt;script&amp;gt;
   $('.menu-item ul.sub-menu li').click(function(){
        var main_id = $(this).attr('id');
    });
&amp;lt;/script&amp;gt;
&lt;/code&gt;&lt;/pre&gt;
&lt;p&gt;i want to get this id 'menu-item-52' by click menu-item-55&lt;/p&gt;</t>
  </si>
  <si>
    <t>2016-07-13 11:06:26.513000+00:00</t>
  </si>
  <si>
    <t>2016-07-13 11:18:19.153000+00:00</t>
  </si>
  <si>
    <t>2016-07-13 11:11:54.093000+00:00</t>
  </si>
  <si>
    <t>javascript|jquery|html|html-lists</t>
  </si>
  <si>
    <t>What caches uses Alfresco and how to properly clean them?</t>
  </si>
  <si>
    <t>&lt;p&gt;After several experiments with business processes, I noticed that the old definitions of business processes &lt;em&gt;somewhere&lt;/em&gt; is cached.&lt;/p&gt;
&lt;p&gt;For example, I developed some business process, then installed the AMP file with it. I worked with it, and then decided to make some changes.&lt;/p&gt;
&lt;p&gt;For this, I again assembled the AMP file and installed it:&lt;/p&gt;
&lt;pre&gt;&lt;code&gt;[bykovan@docflow alfresco-community]$ sudo java -jar bin/alfresco-mmt.jar uninstall some-module-repo tomcat/webapps/alfresco.war
...
[bykovan@docflow alfresco-community]$ sudo java -jar bin/alfresco-mmt.jar install amps/some-module-repo-1.0-SNAPSHOT.amp tomcat/webapps/alfresco.war
...
&lt;/code&gt;&lt;/pre&gt;
&lt;p&gt;But I don't see my changes after deploy! To make the change take effect I have to make quite a lot of extra work.&lt;/p&gt;
&lt;p&gt;&lt;a href="https://community.alfresco.com/thread/206631-how-to-reset-alfresco-42c-community#comment-736763" rel="nofollow noreferrer"&gt;Sequence of actions&lt;/a&gt;:&lt;/p&gt;
&lt;p&gt;1 Shutdown Tomcat&lt;/p&gt;
&lt;pre&gt;&lt;code&gt;[bykovan@docflow alfresco-community]$ sudo ./alfresco.sh stop
&lt;/code&gt;&lt;/pre&gt;
&lt;p&gt;2 Re-create the alfresco database&lt;/p&gt;
&lt;pre&gt;&lt;code&gt;[bykovan@docflow alfresco-community]$ sudo -i -u postgres
[postgres@docflow ~]$ psql
psql (9.5.5)
postgres=#
postgres=# drop database alfresco;
...
postgres=# create database alfresco;
...
postgres=# alter database alfresco owner to alfresco;
...
postgres=# \q
[postgres@docflow ~]$ exit
&lt;/code&gt;&lt;/pre&gt;
&lt;p&gt;3 Remove everything from &lt;code&gt;alf_data&lt;/code&gt;&lt;/p&gt;
&lt;pre&gt;&lt;code&gt;[bykovan@docflow alf_data]$ sudo rm -r *
&lt;/code&gt;&lt;/pre&gt;
&lt;p&gt;4 Remove &lt;code&gt;alfresco&lt;/code&gt; and &lt;code&gt;share&lt;/code&gt; folders&lt;/p&gt;
&lt;pre&gt;&lt;code&gt;[bykovan@docflow alfresco-community]$ sudo rm -r alfresco
[bykovan@docflow alfresco-community]$ sudo rm -r share
&lt;/code&gt;&lt;/pre&gt;
&lt;p&gt;5 Start Tomcat&lt;/p&gt;
&lt;pre&gt;&lt;code&gt;[bykovan@docflow alfresco-community]$ sudo ./alfresco.sh start
&lt;/code&gt;&lt;/pre&gt;
&lt;p&gt;6 Wait until the database is initialized...&lt;/p&gt;
&lt;p&gt;7 Set the administrator's password&lt;/p&gt;
&lt;pre&gt;&lt;code&gt;SELECT 
    anp1.node_id, // paste to the update statement
    anp1.qname_id, // paste to the update statement
    anp1.string_value 
FROM alf_node_properties anp1 
    INNER JOIN alf_qname aq1 ON aq1.id = anp1.qname_id 
    INNER JOIN alf_node_properties anp2 ON anp2.node_id = anp1.node_id 
    INNER JOIN alf_qname aq2 ON aq2.id = anp2.qname_id 
WHERE aq1.local_name = 'password'  
    AND aq2.local_name  = 'username' 
    AND anp2.string_value = 'admin';
UPDATE 
    alf_node_properties 
SET 
    string_value='209c6174da490caeb422f3fa5a7ae634' 
WHERE node_id=... and qname_id=...;
&lt;/code&gt;&lt;/pre&gt;
&lt;p&gt;(where &lt;code&gt;'209c6174da490caeb422f3fa5a7ae634'&lt;/code&gt; is NTLM-encoded string &lt;code&gt;'admin'&lt;/code&gt;)&lt;/p&gt;
&lt;p&gt;8 Restart Tomcat&lt;/p&gt;
&lt;p&gt;9 Log-in as &lt;code&gt;Admin&lt;/code&gt; with password &lt;code&gt;admin&lt;/code&gt;, add users etc...&lt;/p&gt;
&lt;p&gt;What caches uses Alfresco and how to properly clean them?&lt;/p&gt;
&lt;p&gt;I use the following configuration:&lt;/p&gt;
&lt;blockquote&gt;
  &lt;p&gt;Alfresco Share v5.2.d (r134641-b15, Aikau 1.0.101.3, Spring Surf
  5.2.d, Spring WebScripts 6.13, Freemarker 2.3.20-alfresco-patched, Rhino 1.7R4-alfresco-patched, Yui 2.9.0-alfresco-20141223)&lt;/p&gt;
  &lt;p&gt;Alfresco Community v5.2.0 (r134428-b13) schema 10005&lt;/p&gt;
&lt;/blockquote&gt;
&lt;p&gt;I would be very grateful for the information. Thanks to all.&lt;/p&gt;</t>
  </si>
  <si>
    <t>2017-02-16 10:06:25.487000+00:00</t>
  </si>
  <si>
    <t>2017-04-30 17:31:56.043000+00:00</t>
  </si>
  <si>
    <t>alfresco|alfresco-share</t>
  </si>
  <si>
    <t>How to check if a database connection is still open in Ado.Net?</t>
  </si>
  <si>
    <t>&lt;p&gt;Is there a way to check if a database connection is open? I am trying to check the connectionState but it shows ConnectionState as Open even when database is down. &lt;/p&gt;
&lt;pre&gt;&lt;code&gt;private bool IsValidConnection(IDbConnection connection)
        {
            return (connection != null &amp;amp;&amp;amp; connection.State == ConnectionState.Open);
        } 
&lt;/code&gt;&lt;/pre&gt;</t>
  </si>
  <si>
    <t>2010-03-10 12:43:20.170000+00:00</t>
  </si>
  <si>
    <t>2010-06-19 18:45:10.057000+00:00</t>
  </si>
  <si>
    <t>ado.net|database-connection|failover</t>
  </si>
  <si>
    <t>Invalid Image Path - No Image found at the path refrenced under key 'CFBundleIconFile':'icon.png'"</t>
  </si>
  <si>
    <t>&lt;p&gt;During uploading my cordova app to the appstore i am getting this error. Unable to find out the reason or resolution.
Any help would be greatly appreciated&lt;a href="https://i.stack.imgur.com/dsfsA.png" rel="nofollow noreferrer"&gt;&lt;img src="https://i.stack.imgur.com/dsfsA.png" alt="enter image description here"&gt;&lt;/a&gt;&lt;/p&gt;</t>
  </si>
  <si>
    <t>2016-03-04 21:11:35.057000+00:00</t>
  </si>
  <si>
    <t>2016-05-08 03:33:20.590000+00:00</t>
  </si>
  <si>
    <t>ios|iphone|cordova|ipad|xcode7</t>
  </si>
  <si>
    <t>In Clojure, what happens when you call sql/with-connection within another sql/with-connection?</t>
  </si>
  <si>
    <t>&lt;pre&gt;&lt;code&gt;(sql/with-connection *db-atom* (insert-data value1 value2)
 (sql/with-connection *db-atom* (read-tuple-as-map)))
&lt;/code&gt;&lt;/pre&gt;
&lt;p&gt;From the above example, does the nested &lt;code&gt;sql/with-connection&lt;/code&gt; open a new connection to the DB? Or does it use the one that was created earlier?&lt;/p&gt;</t>
  </si>
  <si>
    <t>2012-11-12 17:54:26.297000+00:00</t>
  </si>
  <si>
    <t>2012-11-12 22:49:32.167000+00:00</t>
  </si>
  <si>
    <t>2012-11-12 18:15:39.370000+00:00</t>
  </si>
  <si>
    <t>clojure|database-connection</t>
  </si>
  <si>
    <t>Phonegap Filesystem keeps saving to internal storage while there is an SD card</t>
  </si>
  <si>
    <t>&lt;p&gt;I'm having trouble using the phonegap file API. In my application I'm using the following piece of code to save images from the LocalStorage to the android device. &lt;/p&gt;
&lt;p&gt;&lt;code&gt;window.requestFileSystem(LocalFileSystem.PERSISTENT, 0, function(fileSys) {
            // If the folder does not exist create it
                fileSys.root.getDirectory( myFolderApp, {
                    create:true, exclusive: false
                },
                function(directory) {
                    entry.moveTo(directory, newFileName,  successMove, resOnError);
                },
            resOnError);
            }&lt;/code&gt;&lt;/p&gt;
&lt;p&gt;the variable myFolderApp contains the foldername that needs to be created. The problem is that even tough the android tablet has got an SD card inserted, the applicaton keeps creating the directory (and later saving the data) to the internal storage instead of the external SD card.&lt;/p&gt;
&lt;p&gt;localFileSystem.PERSISTENT Should switch to sd card when one is available right?
When I log   the directory.toURL() it's saying "cdvfile/localhost/persistent/mydirectory"&lt;/p&gt;
&lt;p&gt;The native android camera application is saving it's images to the SD card which means the SD card is working properly. &lt;/p&gt;
&lt;p&gt;I'm quite lost at this point. After hours of googeling I know the cordova file plugin has recently been updated, and therefore sometimes requires a different approach but I'm still stuck and can't seem to find a solution.&lt;/p&gt;
&lt;p&gt;Hope someone can help me.
Thanks in advance,&lt;/p&gt;
&lt;p&gt;Marco&lt;/p&gt;</t>
  </si>
  <si>
    <t>2014-06-09 21:06:36.557000+00:00</t>
  </si>
  <si>
    <t>2017-09-22 11:17:38.033000+00:00</t>
  </si>
  <si>
    <t>2014-06-10 07:05:16.253000+00:00</t>
  </si>
  <si>
    <t>android|cordova|phonegap-plugins</t>
  </si>
  <si>
    <t>Not able to create a Registry key in Hkey_Local_Machine from Excel with UAC on</t>
  </si>
  <si>
    <t>&lt;p&gt;I have an excel application(this application is like a product to our company) for which i have created licensing process using Excel &amp;amp; VBA. When the user registers the application using a product key, an entry will be created in Registry and the same will be validated each time the application gets opened. I used the win-API function and VBA to create the key as shown below.&lt;/p&gt;
&lt;pre class="lang-vb prettyprint-override"&gt;&lt;code&gt;Result = RegCreateKeyEx(HKey:=HKLM, lpSubKey:=SubKeyName, Reserved:=0&amp;amp;, lpClass:=vbNullString, _
                dwOptions:=REG_OPTION_NON_VOLATILE, samDesired:=KEY_ALL_ACCESS, _
                lpSecurityAttributes:=SecAttrib, phkResult:=HKey, lpdwDisposition:=Disposition)
&lt;/code&gt;&lt;/pre&gt;
&lt;p&gt;This product licensing should work for all the users in the local machine. So i am saving the product key in the Registry under HKey_Local_Machine. But with UAC on, i am not able to read from/write to Registry though the user has admin privileges. I always get the error code 5(access denied). Read/write to HKey_Current_User works fine though, but this is not an option in my case as the product registration has to work for all the users on local machine. If i lower the UAC to Never_Notify_Me then read/write to HKLM works fine.&lt;/p&gt;
&lt;p&gt;what i tried:&lt;/p&gt;
&lt;ol&gt;
&lt;li&gt;&lt;p&gt;I tried to run excel application as an administrator(Excel-&gt;Properties-&gt;Run this program as administrator). Read/write to Registry HKLM works, but i am not able to open excel application if excel is not already open, meaning by double clicking on the application. Got the error "There was a problem sending the command to the program". So clients will not accept this solution.&lt;/p&gt;&lt;/li&gt;
&lt;li&gt;&lt;p&gt;I have created a C# dotnet dll for writing to the registry and added an application manifest to it with the following info to make it UAC aware. &lt;/p&gt;&lt;/li&gt;
&lt;/ol&gt;
&lt;pre class="lang-xml prettyprint-override"&gt;&lt;code&gt;&amp;lt;security&amp;gt;
      &amp;lt;requestedPrivileges xmlns="urn:schemas-microsoft-com:asm.v3"&amp;gt;
          &amp;lt;requestedExecutionLevel  level="requireAdministrator" uiAccess="false" /&amp;gt;
      &amp;lt;/requestedPrivileges&amp;gt;
&amp;lt;/security&amp;gt;
&lt;/code&gt;&lt;/pre&gt;
&lt;p&gt;This works fine, when i use it as an exe(by default exe runs as an administrator), but the moment i convert it to COM visible dll and add to Excel references and try to create the registry key, it says access denied.&lt;/p&gt;
&lt;ol&gt;
&lt;li&gt;Created a RegistrySecurity Object in C# and gave the read,write privileges as shown below. But same access denied issue comes up.&lt;/li&gt;
&lt;/ol&gt;
&lt;pre class="lang-c prettyprint-override"&gt;&lt;code&gt;   RegistrySecurity rs = new RegistrySecurity();
    rs.AddAccessRule(new RegistryAccessRule(user, 
        RegistryRights.WriteKey | RegistryRights.ReadKey| RegistryRights.Delete, 
        InheritanceFlags.None, 
        PropagationFlags.None, 
        AccessControlType.Allow));
&lt;/code&gt;&lt;/pre&gt;
&lt;ol&gt;
&lt;li&gt;Did google search to see if there is a WIN-API which allows me to read/write to registry by wither lowering the UAC level temporarily or by somehow bypassing it. But no luck here too.&lt;/li&gt;
&lt;/ol&gt;
&lt;p&gt;Now can someone please guide me on how i can make my way through this situation. I am looking for a solution using C# dotnet dll or any other work around like solving excel - run as admin issue. 
-highly appreciate any suggestions..&lt;/p&gt;</t>
  </si>
  <si>
    <t>2014-06-30 18:17:03.760000+00:00</t>
  </si>
  <si>
    <t>2014-07-15 09:55:53.313000+00:00</t>
  </si>
  <si>
    <t>2014-06-30 18:27:43.967000+00:00</t>
  </si>
  <si>
    <t>c#|excel|vba|excel-vba</t>
  </si>
  <si>
    <t>Effective c++ item 3 example</t>
  </si>
  <si>
    <t>&lt;p&gt;My question is about a specific item (3) of the book "Effective C++".  The book gives this example that I tried to reproduce as close as possible into vs 2010 c++ (including iostream and string):&lt;/p&gt;
&lt;pre&gt;&lt;code&gt;class TextBlock {
public: 
    const char&amp;amp; operator[](std::size_t pos) const
    {
        return text[pos]; 
    }
    char&amp;amp; operator[](std::size_t pos)
    { 
        return text[pos]; 
    }
private: 
    std::string text;
};
void print(const TextBlock&amp;amp; ctb)
{
    std::cout &amp;lt;&amp;lt; ctb[0]; // OK
    //ctb[0] = ���A���; // Not OK ��� compiler error
}
int _tmain(int argc, _TCHAR* argv[])
{
    TextBlock tb(���Hello���);
    std::cout &amp;lt;&amp;lt; tb[0];
    tb[0] = ���x���; // OK because return has &amp;amp;, not const
    const TextBlock ctb("World");
    std::cout &amp;lt;&amp;lt; ctb[0];
    return 0;
}
&lt;/code&gt;&lt;/pre&gt;
&lt;p&gt;&lt;/p&gt;
&lt;p&gt;And I get these compiling errors:&lt;/p&gt;
&lt;pre&gt;&lt;code&gt;1&amp;gt;c:\users\lalancelot\documents\visual studio 2010\projects\item3\item3.cpp(31): error C2065: '���Hello���' : undeclared identifier
1&amp;gt;c:\users\lalancelot\documents\visual studio 2010\projects\item3\item3.cpp(33): error C2065: '���x���' : undeclared identifier
1&amp;gt;c:\users\lalancelot\documents\visual studio 2010\projects\item3\item3.cpp(34): error C2664: 'TextBlock::TextBlock(const TextBlock &amp;amp;)' : cannot convert parameter 1 from 'const char [6]' to 'const TextBlock &amp;amp;'
1&amp;gt;          Reason: cannot convert from 'const char [6]' to 'const TextBlock'
1&amp;gt;          No constructor could take the source type, or constructor overload resolution was ambiguous
&lt;/code&gt;&lt;/pre&gt;
&lt;p&gt;Let me first say that I am discouraged to already be stuck at this early stage of the book.  I have somehow found informations here:&lt;br&gt;
   &lt;a href="https://stackoverflow.com/questions/3802556/difference-between-static-castconst-athis-and-static-castconst-athis"&gt;difference between static_cast&amp;lt;const A&amp;gt;(*this) and static_cast&amp;lt;const A&amp;amp;&amp;gt;(*this)&lt;/a&gt;,&lt;br&gt;
but not a working answer like the one in the book.  I would like to make the book example work so I can understand how it works.  I've been stuck on this one for many days now and I must admit that I need help.  I would like to know if I am missing a base concept here or if I am way over my head.  Thanks.&lt;/p&gt;</t>
  </si>
  <si>
    <t>2012-09-10 18:02:34.350000+00:00</t>
  </si>
  <si>
    <t>2016-04-22 00:39:59.767000+00:00</t>
  </si>
  <si>
    <t>2017-05-23 10:28:34.477000+00:00</t>
  </si>
  <si>
    <t>c++|effective-c++</t>
  </si>
  <si>
    <t>MYSQL: Create a unique index to avoid duplicate entries when many entries show 0</t>
  </si>
  <si>
    <t>&lt;p&gt;I am using one table, reviews, to store reviews for multiple topics, songs, artists and albums and the reviews come from multiple users.  I would like to find a way to prevent duplicate reviews from one user for a given song, artist or album.  While I try to do this in PHP, I'd like MYSQL to enforce the uniqueness using a UNIQUE index on userid and songid.&lt;/p&gt;
&lt;p&gt;However, I've run into the problem that entries show 0 for fields that are not applicable.  For example, if the review is for a songid, the table shows 0 for the artistid and albumid.&lt;/p&gt;
&lt;pre&gt;&lt;code&gt;Reviews
    reviewid (primary key)|text|songid|albumid|artistid|userid
    1|great song|222|0|0|22
    2|great album|0|333|0|22
    3|great singer|0|0|444|22
    //I want to exclude the following entry:
    4|lousy song|222|0|0|22
&lt;/code&gt;&lt;/pre&gt;
&lt;p&gt;Can anyone suggest a way to create a Unique index that somehow works around this problem?&lt;/p&gt;
&lt;p&gt;Thanks for any suggestions.&lt;/p&gt;</t>
  </si>
  <si>
    <t>2018-06-19 19:30:00.023000+00:00</t>
  </si>
  <si>
    <t>2018-06-19 19:40:05.723000+00:00</t>
  </si>
  <si>
    <t>mysql|unique-index</t>
  </si>
  <si>
    <t>Cant get the data from my database(MongoDB) to output on my site</t>
  </si>
  <si>
    <t>&lt;p&gt;Im trying to fetch data from my mongoDB database. And output them on a simple website, cant figure out how though. I got it to work when i used "dummy data" That I inputed directly into an &lt;code&gt;contactlist&lt;/code&gt; array. And simply fetched them. &lt;/p&gt;
&lt;p&gt;But now I have simple database that includes:&lt;/p&gt;
&lt;pre&gt;&lt;code&gt;[ { _id: 5880e3a737893c04c87e30bf,
    name: 'Tom',
    email: 'Tom@msn.com',
    number: '4444444444' },
  { _id: 5880e44637893c04c87e30c0,
    name: 'Tracy',
    email: 'Tracy@asodj.com',
    number: '123412345' },
  { _id: 5880e44637893c04c87e30c1,
    name: 'tucker',
    email: 'tucker@email.com',
    number: '1234456666' } ]
&lt;/code&gt;&lt;/pre&gt;
&lt;p&gt;&lt;code&gt;server.js&lt;/code&gt;:&lt;/p&gt;
&lt;pre&gt;&lt;code&gt;var express = require('express');
var app = express();
var mongojs = require('mongojs');
var db = mongojs('contactlist', ['contactlist']);
app.use(express.static(__dirname + "/public"));
app.get('/contactlist', function(req, res){
    db.contactlist.find(function (err, docs) {
        console.log(docs);
        res.json(docs);
    });
});
app.listen(3000);
console.log("Server running on port 3000");
&lt;/code&gt;&lt;/pre&gt;
&lt;p&gt;&lt;code&gt;controller.js:&lt;/code&gt;&lt;/p&gt;
&lt;pre&gt;&lt;code&gt;var myApp = angular.module('myApp', []);
myApp.controller('AppCtrl', ['$scope', '$http', function($scope, $http) {
    $http.get('/contactlist').success(function(response){
        console.log("I got the data i requested");
        $scope.contactlist = response.data;
    });
}]);
&lt;/code&gt;&lt;/pre&gt;
&lt;p&gt;&lt;code&gt;index.html:&lt;/code&gt;&lt;/p&gt;
&lt;pre&gt;&lt;code&gt;&amp;lt;!DOCTYPE html&amp;gt;
&amp;lt;html ng-app="myApp"&amp;gt;
&amp;lt;head&amp;gt;
    &amp;lt;title&amp;gt;Contact List App&amp;lt;/title&amp;gt;
    &amp;lt;!-- Latest compiled and minified CSS --&amp;gt;
    &amp;lt;link rel="stylesheet" href="https://maxcdn.bootstrapcdn.com/bootstrap/3.3.7/css/bootstrap.min.css" integrity="sha384-BVYiiSIFeK1dGmJRAkycuHAHRg32OmUcww7on3RYdg4Va+PmSTsz/K68vbdEjh4u" crossorigin="anonymous"&amp;gt;
    &amp;lt;!-- Optional theme --&amp;gt;
    &amp;lt;link rel="stylesheet" href="https://maxcdn.bootstrapcdn.com/bootstrap/3.3.7/css/bootstrap-theme.min.css" integrity="sha384-rHyoN1iRsVXV4nD0JutlnGaslCJuC7uwjduW9SVrLvRYooPp2bWYgmgJQIXwl/Sp" crossorigin="anonymous"&amp;gt;
&amp;lt;/head&amp;gt;
&amp;lt;body&amp;gt;
    &amp;lt;div class="containter" ng-controller="AppCtrl"&amp;gt;
    &amp;lt;h1&amp;gt;Contact List App&amp;lt;/h1&amp;gt;
        &amp;lt;table class="table"&amp;gt;
            &amp;lt;thead&amp;gt;
            &amp;lt;tr&amp;gt;
                &amp;lt;th&amp;gt;Name&amp;lt;/th&amp;gt;
                &amp;lt;th&amp;gt;Email&amp;lt;/th&amp;gt;
                &amp;lt;th&amp;gt;Number&amp;lt;/th&amp;gt;
            &amp;lt;/tr&amp;gt;
            &amp;lt;/thead&amp;gt;
            &amp;lt;tbody&amp;gt;
                &amp;lt;tr ng-repeat="contact in contactlist"&amp;gt;
                    &amp;lt;td&amp;gt;{{contact.name}}&amp;lt;/td&amp;gt;
                    &amp;lt;td&amp;gt;{{contact.email}}&amp;lt;/td&amp;gt;
                    &amp;lt;td&amp;gt;{{contact.number}}&amp;lt;/td&amp;gt;
                &amp;lt;/tr&amp;gt;
            &amp;lt;/tbody&amp;gt;
        &amp;lt;/table&amp;gt;
    &amp;lt;/div&amp;gt;
    &amp;lt;script src="https://ajax.googleapis.com/ajax/libs/angularjs/1.5.6/angular.min.js"&amp;gt;&amp;lt;/script&amp;gt;
    &amp;lt;script src="controllers/controller.js"&amp;gt;&amp;lt;/script&amp;gt;
&amp;lt;/body&amp;gt;
&amp;lt;/html&amp;gt;
&lt;/code&gt;&lt;/pre&gt;
&lt;p&gt;So my error is that the output on my site is (for like 1ms): &lt;code&gt;{{contact.name}} {{contact.email}} {{contact.number}}&lt;/code&gt;&lt;/p&gt;</t>
  </si>
  <si>
    <t>2017-01-19 16:58:04.743000+00:00</t>
  </si>
  <si>
    <t>2017-01-19 17:37:37.700000+00:00</t>
  </si>
  <si>
    <t>2017-01-19 17:01:31.937000+00:00</t>
  </si>
  <si>
    <t>How to add a html datalist field to a meteor aldeed:autoform?</t>
  </si>
  <si>
    <t>&lt;p&gt;I populated a select input field with a collection in aldeed:autoform.&lt;/p&gt;
&lt;p&gt;Field Declaration&lt;/p&gt;
&lt;pre&gt;&lt;code&gt;{{&amp;gt; afFormGroup name="patientID" type="select" options=patientIDs}}
&lt;/code&gt;&lt;/pre&gt;
&lt;p&gt;Helper&lt;/p&gt;
&lt;pre&gt;&lt;code&gt;patientIDs:function () {
    return Meteor.users.find({}).map(function (user) {
        return {label: user.profile.firstName, value: user._id};
    });
}
&lt;/code&gt;&lt;/pre&gt;
&lt;p&gt;But it turned out to be the drop down too large to select an option. Therefore I need to implement a functionality similar to &lt;a href="https://www.w3schools.com/tags/tryit.asp?filename=tryhtml5_datalist" rel="nofollow noreferrer"&gt;HTML datalist&lt;/a&gt; in the autoform. How to implement this in meteor aldeed:autoform?&lt;/p&gt;</t>
  </si>
  <si>
    <t>2017-04-14 15:28:39.323000+00:00</t>
  </si>
  <si>
    <t>2017-04-14 17:08:55.947000+00:00</t>
  </si>
  <si>
    <t>select|meteor|drop-down-menu|meteor-autoform|html-datalist</t>
  </si>
  <si>
    <t>Retrieving table data from html doc in R</t>
  </si>
  <si>
    <t>&lt;p&gt;I am trying to retrieve brand data for the most powerful brands from &lt;a href="http://www.forbes.com/powerful-brands/list/#tab:rank" rel="nofollow"&gt;http://www.forbes.com/powerful-brands/list/#tab:rank&lt;/a&gt;. When I initially failed to retrieve data using &lt;code&gt;getURL&lt;/code&gt; and `HtmlParse I understood that the table data is coming from some other link.
So to make things easy I downloaded the html page and tried to retrieve the data.&lt;br&gt;
I initially tried using &lt;/p&gt;
&lt;pre&gt;&lt;code&gt;library(XML)
library(RCurl)
library(ggplot2)
forbes &amp;lt;- readHTMLTable("forbes.html",header = TRUE,as.data.frame = TRUE)
forbes
&lt;/code&gt;&lt;/pre&gt;
&lt;p&gt;Now when I display forbes I get a list. I had though I would get a dataframe instead.&lt;/p&gt;
&lt;p&gt;I checked in the list to find data of the top 10 brands in &lt;code&gt;forbes$the_list&lt;/code&gt;, but did not find the rest of the data of the rest of the companies. i.e. beyond top 10 companies.&lt;/p&gt;
&lt;p&gt;How can I retrieve all the tabular data from the forbes page and how can I convert it to a data frame for my manipulation.&lt;/p&gt;
&lt;p&gt;Please let me know if you need any further info.&lt;/p&gt;</t>
  </si>
  <si>
    <t>2016-01-08 06:59:23.017000+00:00</t>
  </si>
  <si>
    <t>2016-03-22 11:47:06.303000+00:00</t>
  </si>
  <si>
    <t>2016-01-08 13:46:59+00:00</t>
  </si>
  <si>
    <t>r|web|web-scraping|html-parsing</t>
  </si>
  <si>
    <t>How can you dynamically add more tabs to a tabgroup in Matlab?</t>
  </si>
  <si>
    <t>&lt;p&gt;I basically need a way to add new tabs to a tabgroup in Matlab on demand. So the user can upload many "modules" using my GUI, but when they click run in my GUI I want to be able to show tabular data of all individual modules using tabs. Is there some way to do this?&lt;/p&gt;</t>
  </si>
  <si>
    <t>2016-04-21 18:16:06.753000+00:00</t>
  </si>
  <si>
    <t>2016-04-21 18:50:03.743000+00:00</t>
  </si>
  <si>
    <t>Syncronous JQuery.post()</t>
  </si>
  <si>
    <t>&lt;p&gt;I'm writing a little script that makes individual AJAX calls through a loop and I came across a, most likely obvious, problem.  It seems that the loop is going to fast to handle the data that is received with ajax, causing it to only load the last piece of data in the loop.  I added an alert box that steps through the iterations and that loads the data fine, but it wouldn't be practical in a user environment.  The code is simply a jquery .post() with a callback inside a for-loop.  I can post code upon request, but I feel like this can be cleared up verbally.  Any one know a workaround or better approach to loading data sequentially?  Thanks.&lt;/p&gt;
&lt;p&gt;&lt;strong&gt;EDIT&lt;/strong&gt;&lt;/p&gt;
&lt;p&gt;Does &lt;code&gt;.ajaxSetup()&lt;/code&gt; modify &lt;code&gt;.post()&lt;/code&gt;?  Perhaps I can use that to change the async value for .post()..&lt;/p&gt;</t>
  </si>
  <si>
    <t>2011-06-05 17:24:02.863000+00:00</t>
  </si>
  <si>
    <t>2015-06-26 17:13:12.627000+00:00</t>
  </si>
  <si>
    <t>javascript|jquery|ajax|synchronization</t>
  </si>
  <si>
    <t>Display text from a mysql table like a array</t>
  </si>
  <si>
    <t>&lt;pre&gt;&lt;code&gt;&amp;lt;?php
 mysql_query("SELECT * FROM page where page_id = '$page_id'") or die(mysql_error());
while($land = mysql_fetch_array($resultxx)){
$land =$land['land'];
?&amp;gt;
&lt;/code&gt;&lt;/pre&gt;
&lt;p&gt;output &lt;code&gt;$land&lt;/code&gt; is &lt;code&gt;NL,DE,BE,AL..&lt;/code&gt;
How is it possible to splits the output&lt;/p&gt;
&lt;p&gt;example&lt;/p&gt;
&lt;pre&gt;&lt;code&gt;&amp;lt;?php 
      echo "    
    &amp;lt;select&amp;gt; 
    &amp;lt;option value='NL'&amp;gt;NL&amp;lt;/option&amp;gt;
    &amp;lt;option value='DE'&amp;gt;DE&amp;lt;/option&amp;gt;
    &amp;lt;option value='BE'&amp;gt;BE&amp;lt;/option&amp;gt;
    &amp;lt;option value='AL'&amp;gt;AL&amp;lt;/option&amp;gt;
    &amp;lt;/select&amp;gt;";
    }
    ?&amp;gt;
&lt;/code&gt;&lt;/pre&gt;</t>
  </si>
  <si>
    <t>2013-08-29 13:23:20.317000+00:00</t>
  </si>
  <si>
    <t>2015-03-16 15:31:03.670000+00:00</t>
  </si>
  <si>
    <t>2013-08-29 13:58:16.173000+00:00</t>
  </si>
  <si>
    <t>Html image gallery</t>
  </si>
  <si>
    <t>&lt;p&gt;&lt;img src="https://i.stack.imgur.com/nUxrB.png" alt="enter image description here"&gt;&lt;/p&gt;
&lt;p&gt;I���m trying to make an image gallery, the issues i am having with the following code is that 
the images are not floating to the left because the images are different sizes. also when i click on the image to see the full size its very pig. is there a way to fix this, or maybe display half of the picture when in galley mode. &lt;/p&gt;
&lt;pre&gt;&lt;code&gt;&amp;lt;!DOCTYPE html&amp;gt;
&amp;lt;html&amp;gt;
    &amp;lt;head&amp;gt;
        &amp;lt;meta http-equiv="Content-Type" content="text/html; charset=UTF-8"&amp;gt;
        &amp;lt;title&amp;gt;Image Gallery&amp;lt;/title&amp;gt;
        &amp;lt;link rel="stylesheet" href='css/gallery.css'&amp;gt;
    &amp;lt;/head&amp;gt;
    &amp;lt;body&amp;gt;
        &amp;lt;div class='container'&amp;gt;
            &amp;lt;?php if($images):?&amp;gt;
                &amp;lt;div class='gallery cf'&amp;gt;
                    &amp;lt;?php foreach($images as $image):?&amp;gt;
                    &amp;lt;div class='gallery-item'&amp;gt;
                        &amp;lt;a href="&amp;lt;?php echo $image['full'] ?&amp;gt;"&amp;gt;&amp;lt;img src="&amp;lt;?php echo $image['full'] ?&amp;gt;" &amp;gt;&amp;lt;/a&amp;gt;
                    &amp;lt;/div&amp;gt;
                    &amp;lt;?php endforeach; ?&amp;gt;
                &amp;lt;/div&amp;gt;
            &amp;lt;?php else: ?&amp;gt;
                There are no images 
            &amp;lt;?php endif; ?&amp;gt;
        &amp;lt;/div&amp;gt;
    &amp;lt;/body&amp;gt;
&amp;lt;/html&amp;gt;
.cf:before,
.cf:after{
    content: " ";
    display: table;
}
.cf:after{
    clear:both;
}
.container{
    max-width: 940px;
    padding: 10px;
    background: #f0f0f0;
    margin: 0 auto;
}
.gallery{
    width:100%;
}
.gallery-item{
    float:left;
    background: #fff;
    width:19%;
    margin:1%;
    padding:2%;
    padding-bottom: 5%;
    box-shadow:1px 1px 3px rgba(0,0,0,.2);
}
.gallery-item img{
    width:100%;
}
&lt;/code&gt;&lt;/pre&gt;</t>
  </si>
  <si>
    <t>2014-04-28 15:03:13.337000+00:00</t>
  </si>
  <si>
    <t>2015-04-08 00:06:54.293000+00:00</t>
  </si>
  <si>
    <t>2014-04-28 16:17:06.913000+00:00</t>
  </si>
  <si>
    <t>NSRegularExpression separating paragraphs</t>
  </si>
  <si>
    <t>&lt;p&gt;Consider this text:&lt;/p&gt;
&lt;blockquote&gt;
&lt;pre&gt;&lt;code&gt;Paragraph 1: Lorem ipsum dolor sit amet, consectetur adipisicing elit,
sed do eiusmod tempor incididunt ut labore et dolore magna aliqua. Ut
enim ad minim veniam, quis nostrud exercitation ullamco laboris nisi
ut aliquip ex ea commodo consequat. 
Paragraph 2 Lorem ipsum dolor sit amet, consectetur adipisicing elit,
sed do eiusmod tempor incididunt ut labore et dolore magna aliqua. Ut
enim ad minim veniam, quis nostrud exercitation ullamco laboris nisi
ut aliquip ex ea commodo consequat.
Paragraph 3 Lorem ipsum dolor sit amet, consectetur adipisicing elit,
sed do eiusmod tempor incididunt ut labore et dolore magna aliqua. Ut
enim ad minim veniam, quis nostrud exercitation ullamco laboris nisi
ut aliquip ex ea commodo consequat.
&lt;/code&gt;&lt;/pre&gt;
&lt;/blockquote&gt;
&lt;p&gt;In ObjC, when reading the above text, there are two &lt;code&gt;\n\n&lt;/code&gt; line spaces between paragraph1 and paragraph2. But there are more than 3 line spaces &lt;code&gt;\n\n\n\n&lt;/code&gt; between paragraph2 and paragraph3.&lt;/p&gt;
&lt;p&gt;&lt;strong&gt;I wanted to have an NSRegularExpression pattern that would read and return those paragraphs completely disregarding the number of linespaces.&lt;/strong&gt;&lt;/p&gt;
&lt;pre&gt;&lt;code&gt;NSString *pattern = @"\n(*\n)\n";
NSRegularExpression* regex1 = [[NSRegularExpression alloc] initWithPattern:pattern options:NSRegularExpressionCaseInsensitive error:nil];
NSArray *array = [regex1 matchesInString:p options:0 range:NSMakeRange(0, [p length])];
for(NSTextCheckingResult *tcr in array){
    NSTextCheckingResult *tcr = [regex1 firstMatchInString:p options:0 range:NSMakeRange(0, p.length)];
    NSRange matchRange = [tcr rangeAtIndex:1];
    NSString *amatch = [p substringWithRange:matchRange];
    NSLog(@"Found string: %@", amatch);
}
&lt;/code&gt;&lt;/pre&gt;
&lt;p&gt;I'm new to NSRegularExpression, any reference to a better tutorial would be great. In this case and, is this the right way to go about it in the above question.&lt;/p&gt;</t>
  </si>
  <si>
    <t>2013-01-28 18:54:08.220000+00:00</t>
  </si>
  <si>
    <t>2013-01-30 15:06:26.820000+00:00</t>
  </si>
  <si>
    <t>ios|objective-c|regex|nsregularexpression</t>
  </si>
  <si>
    <t>Invalid result returned from the software lookup service</t>
  </si>
  <si>
    <t>&lt;p&gt;I tried to submit an iOS app via XCode organizer, but it failed right after authentication and organizer said "Invalid result returned from the software lookup service".&lt;/p&gt;
&lt;p&gt;How can I solve this problem?&lt;/p&gt;</t>
  </si>
  <si>
    <t>2011-11-17 02:59:36.667000+00:00</t>
  </si>
  <si>
    <t>2011-11-29 08:38:30.027000+00:00</t>
  </si>
  <si>
    <t>ios|xcode|organizer</t>
  </si>
  <si>
    <t>Changing layout template in runtime</t>
  </si>
  <si>
    <t>&lt;p&gt;In Kohana (PHP framework) the layout is implemented through Template_Controller which continas a member variable called $template, which serves as layout view.
Then in the action method you can populate the $template with further sub-views, usually the content view.
(&lt;a href="http://forum.kohanaframework.org/discussion/3612/kohana-layout-system/p1"&gt;http://forum.kohanaframework.org/discussion/3612/kohana-layout-system/p1&lt;/a&gt;)&lt;/p&gt;
&lt;p&gt;This allows me to change the layout "theme" in the runtime. It is useful for multitenant system, where a tenant can select their own theme (two col, three col, etc.)&lt;/p&gt;
&lt;p&gt;How can I achieve that in playframework 2 Scala, with Scala template engine?
In other words, I'd like to have multiple layout templates in which a tenant can select from. The controller then renders the layout template and the action specific  content template.&lt;/p&gt;
&lt;p&gt;Something like (Controller's action pseudocode):&lt;/p&gt;
&lt;ol&gt;
&lt;li&gt;Based on user, retrieve the layout theme (a name stored in string in a database, and has corresponding mapping view file).&lt;/li&gt;
&lt;li&gt;Render the action specific content view.&lt;/li&gt;
&lt;li&gt;Render layout view obtained from (1) along with the (2).&lt;/li&gt;
&lt;/ol&gt;
&lt;p&gt;Note: for each action, the layout theme may change per user but the content view remains same.&lt;/p&gt;
&lt;p&gt;In it's documentation (&lt;a href="http://www.playframework.com/documentation/2.1.1/ScalaTemplateUseCases"&gt;http://www.playframework.com/documentation/2.1.1/ScalaTemplateUseCases&lt;/a&gt;)&lt;br&gt;
the content template, say, the index.scala.html, includes a call to the main  which is defined in main.scala.html, the layout template. In other words, it is hard coded, thus index.scala.html is tightly coupled to main.scala.html.&lt;/p&gt;
&lt;p&gt;I though about calling the main from the controller using reflection, and then passing the content.&lt;/p&gt;
&lt;p&gt;An alternative would be to use a interpreted template engine such as Scalate.&lt;/p&gt;
&lt;p&gt;Any suggestion?&lt;/p&gt;</t>
  </si>
  <si>
    <t>2013-06-24 12:54:04.700000+00:00</t>
  </si>
  <si>
    <t>2013-07-28 12:57:39.933000+00:00</t>
  </si>
  <si>
    <t>2013-06-24 13:07:44.990000+00:00</t>
  </si>
  <si>
    <t>playframework|playframework-2.1</t>
  </si>
  <si>
    <t>DB operation, Is it very expensive?</t>
  </si>
  <si>
    <t>&lt;p&gt;I have table called &lt;code&gt;playlist&lt;/code&gt;, and I display those details using &lt;code&gt;display_playlist.php&lt;/code&gt; file.
screen shot of &lt;code&gt;display_playlist.php&lt;/code&gt;:&lt;/p&gt;
&lt;p&gt;&lt;img src="https://i.stack.imgur.com/oD23e.jpg" alt="enter image description here"&gt;&lt;/p&gt;
&lt;p&gt;Every time user clicks the 'up' or 'down' button to arrange the song order, I just update the table.But I feel updating DB very often is not recommended, so Is there any efficient way to accomplish this task.&lt;/p&gt;
&lt;p&gt;I am still a newbie to AJAX, so if AJAX is the only way to do it, can you please explain it in detail.thank you in advance.&lt;/p&gt;</t>
  </si>
  <si>
    <t>2011-03-19 13:24:12.920000+00:00</t>
  </si>
  <si>
    <t>2011-03-19 13:40:38.800000+00:00</t>
  </si>
  <si>
    <t>How to Create a Batch File that Deletes only the first line in all .txt files in a specific folder and keeps the blank space</t>
  </si>
  <si>
    <t>&lt;p&gt;Text in every file before running batch file:&lt;/p&gt;
&lt;blockquote&gt;
&lt;pre&gt;&lt;code&gt;sometext1
sometext2
sometext3
sometext4
&lt;/code&gt;&lt;/pre&gt;
&lt;/blockquote&gt;
&lt;p&gt;Text in every file after running batch file:&lt;/p&gt;
&lt;blockquote&gt;
&lt;pre&gt;&lt;code&gt;                &amp;lt;-- (vacant line where sometext1 used to be)
sometext2
sometext3
sometext4
&lt;/code&gt;&lt;/pre&gt;
&lt;/blockquote&gt;</t>
  </si>
  <si>
    <t>2016-12-27 16:09:30.457000+00:00</t>
  </si>
  <si>
    <t>2016-12-28 15:23:45.463000+00:00</t>
  </si>
  <si>
    <t>2016-12-27 16:14:23.327000+00:00</t>
  </si>
  <si>
    <t>Leaks in loading data from plist to CoreData</t>
  </si>
  <si>
    <t>&lt;p&gt;i have leaks in this code. The performane tool leaks tell me that this is in this line:&lt;/p&gt;
&lt;pre&gt;&lt;code&gt;NSArray *fakeData = [[NSArray alloc] initWithContentsOfFile:[[NSBundle mainBundle] pathForResource:@"FakeData" ofType:@"plist"]];
&lt;/code&gt;&lt;/pre&gt;
&lt;p&gt;I can't find out what is going on. The plist that i am loading have 3 NSDictionary Elements, so same as leaks in screenshot. Each Dictionary has 3 strings.&lt;/p&gt;
&lt;p&gt;The entire code:&lt;/p&gt;
&lt;pre&gt;&lt;code&gt;- (BOOL)application:(UIApplication *)application didFinishLaunchingWithOptions:(NSDictionary *)launchOptions {    
//��adowanie danych
if (![[FlickrFetcher sharedInstance] databaseExists]) {
    NSArray *fakeData = [[NSArray alloc] initWithContentsOfFile:[[NSBundle mainBundle] pathForResource:@"FakeData" ofType:@"plist"]];
    for (NSDictionary *element in fakeData) {
        //Wype��nianie CoreData danymi
        Photo *newPhoto = (Photo *)[NSEntityDescription insertNewObjectForEntityForName:@"Photo"
                                                            inManagedObjectContext:[[FlickrFetcher sharedInstance] managedObjectContext]];
        NSLog(@"Creating Photo: %@", [element objectForKey:@"name"]);
        [newPhoto setName:[element objectForKey:@"name"]];
        [newPhoto setImageURL:[element objectForKey:@"path"]];
        NSLog(@"Person is: %@", [element objectForKey:@"user"]);������
        NSPredicate *predicate = [NSPredicate predicateWithFormat:@"name == %@", [element objectForKey:@"user"]];
        NSMutableArray *peopleArray = (NSMutableArray *)[[FlickrFetcher sharedInstance] fetchManagedObjectsForEntity:@"Person" 
                                                                                                   withPredicate:predicate];
        NSEnumerator *enumerator = [peopleArray objectEnumerator];
        Person *person;
        BOOL exists = FALSE;
        while (person = [enumerator nextObject]) {
            NSLog(@"Person is: %@", person.name);
            if ([person.name isEqualToString:[element objectForKey:@"user"]]) {
                exists = TRUE;
                NSLog(@"-- Person exists: %@", person.name);
                [newPhoto setOwner:person];
            }
        }
        if (!exists) {
            Person *newPerson = (Person *)[NSEntityDescription insertNewObjectForEntityForName:@"Person" 
                                                                    inManagedObjectContext:[[FlickrFetcher sharedInstance] managedObjectContext]];
            [newPerson setName:[element objectForKey:@"user"]];
            NSLog(@"Person created: %@", newPerson.name);
            [newPhoto setOwner:newPerson];
        }
        NSError *error;
        if (![[[FlickrFetcher sharedInstance] managedObjectContext] save:&amp;amp;error]) {
            NSLog(@"Unresolved error %@ %@", error, [error userInfo]);
            exit(-1);
        }
        [fakeData release];     
    }
}
//Person Navigation Controller
personNavigationController = [[UINavigationController alloc] init];
PersonListViewController *personListViewController = [[PersonListViewController alloc] initWithStyle:UITableViewStylePlain];
personListViewController.title = @"Contacts";
[personNavigationController pushViewController:personListViewController animated:NO];
[personListViewController release];
//Recent Photo Navigation Controller
recentPhotoNavigationController = [[UINavigationController alloc] init];
RecentPhotoViewController *recentPhotoViewController = [[RecentPhotoViewController alloc] init];
recentPhotoViewController.title = @"Recent";
UITabBarItem *item = [[UITabBarItem alloc] initWithTabBarSystemItem:UITabBarSystemItemRecents tag:1];
recentPhotoViewController.tabBarItem = item;
[item release];
[recentPhotoNavigationController pushViewController:recentPhotoViewController animated:NO];
[recentPhotoViewController release];
//Tab Bar Controller
tabBarController = [[UITabBarController alloc] init];
tabBarController.viewControllers = [NSArray arrayWithObjects:
                                    personNavigationController,
                                    recentPhotoNavigationController,
                                    nil];
[window addSubview:tabBarController.view];
[window makeKeyAndVisible];
return YES;
&lt;/code&gt;&lt;/pre&gt;
&lt;p&gt;}&lt;/p&gt;</t>
  </si>
  <si>
    <t>2010-11-13 10:57:05.817000+00:00</t>
  </si>
  <si>
    <t>2010-11-13 23:14:10.310000+00:00</t>
  </si>
  <si>
    <t>iphone|plist|memory-leaks</t>
  </si>
  <si>
    <t>pipe tcpdump grep into perl</t>
  </si>
  <si>
    <t>&lt;p&gt;In order to thwart a persistent hacker I have developed a tcpdump command which prints failed authentications plus the preceding 4 lines to the console.  Since sometimes I have to sleep, I would like to write a program to automatically add the IP to the firewall when the failed login is printed.  &lt;/p&gt;
&lt;p&gt;simplified example:&lt;/p&gt;
&lt;pre&gt;&lt;code&gt;tcpdump [options] | grep [username] | perl -en [
    isolate username using regex;
    if username is the target username,
        examine previous lines looping until IP is detected;
    append properly formatted firewall command to firewall file;
    run firewall file]
&lt;/code&gt;&lt;/pre&gt;
&lt;p&gt;I've got the tcpdump and the grep working.  I know enough about Perl to program this in a script file but the command line Perl has me stumped.&lt;/p&gt;</t>
  </si>
  <si>
    <t>2012-02-02 19:21:49.867000+00:00</t>
  </si>
  <si>
    <t>2012-02-02 19:32:50.273000+00:00</t>
  </si>
  <si>
    <t>linux|perl|grep|pipe</t>
  </si>
  <si>
    <t>Disable dropdown depending of radio button</t>
  </si>
  <si>
    <t>&lt;p&gt;I want to disable dropdown if &lt;code&gt;prov&lt;/code&gt; radio button is not selected. I only want to enable it if &lt;code&gt;prov&lt;/code&gt; is selected. &lt;/p&gt;
&lt;p&gt;I created a demo of it, but it doesn't work and I don't know why.&lt;/p&gt;
&lt;p&gt;&lt;strong&gt;Html:&lt;/strong&gt;&lt;/p&gt;
&lt;pre&gt;&lt;code&gt;&amp;lt;td colspan="4"&amp;gt;
    &amp;lt;input type="radio" name="editList" id="prov"value="Prov"&amp;gt;Prov
    &amp;lt;input type="radio" name="editList" id ="user"value="User"&amp;gt;User
    &amp;lt;input type="radio" name="editList" id="suc "value="Suc"&amp;gt;Suc
&amp;lt;select id="cuadrilla" class="form-control select2 select2-accessible" aria-hidden="true"&amp;gt;
&amp;lt;option value="1 Year" selected="selected"&amp;gt;1 Year&amp;lt;/option&amp;gt;
&amp;lt;option value="2 Years"&amp;gt;2 Years&amp;lt;/option&amp;gt;
&amp;lt;option value="3 Years"&amp;gt;3 Years&amp;lt;/option&amp;gt;
&amp;lt;/select&amp;gt;                  
&amp;lt;/td&amp;gt;
&lt;/code&gt;&lt;/pre&gt;
&lt;p&gt;&lt;strong&gt;JS&lt;/strong&gt;&lt;/p&gt;
&lt;pre&gt;&lt;code&gt;$('input:radio[name="editList"]').change(function () {
            if ($(this).val() == prov) {
                $('#cuadrilla').attr('disabled', true);
            } else
                $('#cuadrilla').removeAttr('disabled');
        });
&lt;/code&gt;&lt;/pre&gt;
&lt;p&gt;&lt;a href="http://jsfiddle.net/uSmVD/346/" rel="nofollow noreferrer"&gt;JsFiddle&lt;/a&gt;&lt;/p&gt;</t>
  </si>
  <si>
    <t>2017-05-22 18:49:23.783000+00:00</t>
  </si>
  <si>
    <t>2017-05-22 19:12:30.127000+00:00</t>
  </si>
  <si>
    <t>How do you append two char or string arrays into one array?</t>
  </si>
  <si>
    <t>&lt;p&gt;I have a question asking me to prompt a user for first and last names. Declare a third array to hold last and first name separated by a comma and a space. Use loops to iterate through the names one character at a time, storing them into the full name array.&lt;/p&gt;
&lt;p&gt;It sound easy enough, but I'm having so much trouble with it. I've tried multiple ways to do it, even ways the question doesn't ask for, like strncpy or memcpy or strncat. Maybe I'm just not understanding correctly.&lt;/p&gt;
&lt;p&gt;This is what I currently have: &lt;/p&gt;
&lt;pre&gt;&lt;code&gt;char FirstName[15];
char LastName[15];
char FirstLast[30];
cout &amp;lt;&amp;lt; "Enter your first name: ";
cin &amp;gt;&amp;gt; FirstName;
cout &amp;lt;&amp;lt; "Enter your last name: ";
cin &amp;gt;&amp;gt; LastName;
for (int i = 0; i&amp;lt;30; i++)
{
    if (i &amp;lt; 15) {
        FirstLast[i] = LastName[i];
    }
    else {
        FirstLast[i] = FirstName[i - 5];
    }
}
cout &amp;lt;&amp;lt; FirstLast;
&lt;/code&gt;&lt;/pre&gt;
&lt;p&gt;Thanks for any help.&lt;/p&gt;</t>
  </si>
  <si>
    <t>2017-01-24 08:08:26.443000+00:00</t>
  </si>
  <si>
    <t>2017-01-24 09:24:02.123000+00:00</t>
  </si>
  <si>
    <t>2017-01-24 08:10:17.853000+00:00</t>
  </si>
  <si>
    <t>c++|arrays|copy|append</t>
  </si>
  <si>
    <t>how to unregister achievements that don't have an associated URL</t>
  </si>
  <si>
    <t>&lt;p&gt;I am seeing some incomplete entries in our app's registered achievements.&lt;/p&gt;
&lt;p&gt;Querying the achievements using the following graph api call&lt;/p&gt;
&lt;pre&gt;&lt;code&gt;curl "https://graph.facebook.com/&amp;lt;appid&amp;gt;/achievements?access_token=&amp;lt;app_access_token&amp;gt;"
&lt;/code&gt;&lt;/pre&gt;
&lt;p&gt;The call returns results like this:&lt;/p&gt;
&lt;pre&gt;&lt;code&gt;{
"data": [{
    "id": "10150249221973207",
    "updated_time": "2011-09-08T07:42:46+0000",
    "context": {
        "display_order": 0
    }
}, {
    "id": "10150283711123407",
    "updated_time": "2011-07-22T11:54:35+0000",
    "context": {
        "display_order": 0
    }
}, {
    "url": "http:\/\/www.gunshine.net\/achievement\/info?achievementType=104857600",
    "type": "game.achievement",
    "title": "Meet The Challenge",
    "image": [{
        "url": "http:\/\/c459558.r58.cf2.rackcdn.com\/asset_0_10_9\/graphics\/achievement_icons\/achievement_unlocked_icon.png"
    }],
    "description": "Reach level 2",
    "site_name": "gunshine.net",
    "data": {
        "points": 10
    },
    "id": "10150273610694165",
    "updated_time": "2011-09-07T15:47:27+0000",
    "context": {
        "display_order": 0
    }
},
and so on....
&lt;/code&gt;&lt;/pre&gt;
&lt;p&gt;As you can see the first 2 entries are incomplete, and I want to delete them, but according to the achievements documentation at &lt;a href="https://developers.facebook.com/docs/achievements/" rel="nofollow"&gt;https://developers.facebook.com/docs/achievements/&lt;/a&gt; the un-registering of an achievement requires a URL to be passed. &lt;/p&gt;
&lt;p&gt;Is there a way to un-register an achievement without the achievement URL?&lt;/p&gt;
&lt;p&gt;Trying to use the regular graph api delete mechanism results in an error message:&lt;/p&gt;
&lt;pre&gt;&lt;code&gt;curl -X DELETE "https://graph.facebook.com/&amp;lt;incomplete_achievement_id&amp;gt;?access_token=&amp;lt;app_access_token&amp;gt;"
&lt;/code&gt;&lt;/pre&gt;
&lt;p&gt;results in&lt;/p&gt;
&lt;pre&gt;&lt;code&gt;{"error":{"type":"GraphMethodException","message":"Unsupported delete request."}}
&lt;/code&gt;&lt;/pre&gt;</t>
  </si>
  <si>
    <t>2011-09-09 12:11:42.293000+00:00</t>
  </si>
  <si>
    <t>2011-12-07 20:35:12.520000+00:00</t>
  </si>
  <si>
    <t>2011-09-09 12:19:02.010000+00:00</t>
  </si>
  <si>
    <t>facebook-graph-api|achievements</t>
  </si>
  <si>
    <t>SCEditor emoticon from BBcode not convert to html</t>
  </si>
  <si>
    <t>&lt;p&gt;I created &lt;a href="http://www.sceditor.com/" rel="nofollow"&gt;SCEditor&lt;/a&gt; by this code&lt;/p&gt;
&lt;pre&gt;&lt;code&gt;var textBBcode = null;
$(function () {
    textBBcode = $("textarea").sceditor({
        plugins: "bbcode",
        style: "js/api/sceditor/jquery.sceditor.default.min.css",
        emoticonsRoot: "js/api/sceditor/"
    });
});
&lt;/code&gt;&lt;/pre&gt;
&lt;p&gt;And get the value(BBCode) and convert to html by this code&lt;/p&gt;
&lt;pre&gt;&lt;code&gt;var val = textBBcode.sceditor('instance').val();
var result = textBBcode.sceditor('instance').fromBBCode(val, true);
&lt;/code&gt;&lt;/pre&gt;
&lt;p&gt;The result is nearly OK, except the emoticon. It's doesn't convert.&lt;/p&gt;
&lt;p&gt;How to fix that?&lt;/p&gt;</t>
  </si>
  <si>
    <t>2015-05-23 16:44:28.737000+00:00</t>
  </si>
  <si>
    <t>bbcode|emoticons|sceditor</t>
  </si>
  <si>
    <t>Retain only values corresponding to true with haskell</t>
  </si>
  <si>
    <t>&lt;p&gt;I'm just learning Haskell and trying to create a retainTrue function which takes a list of elements and a list of booleans, then returns a list of the elements which correspond to the true booleans. So &lt;code&gt;retainTrue :: [a] -&amp;gt; [Bool] -&amp;gt; [a]&lt;/code&gt;&lt;/p&gt;
&lt;p&gt;An example test &lt;code&gt;retainTrue [1, 2, 3] [True, False, True]&lt;/code&gt; would return &lt;code&gt;[1, 3]&lt;/code&gt;. &lt;/p&gt;
&lt;p&gt;I would typically use filter for this purpose, but the addition of the boolean list is throwing me off. Can anyone recommend an elegant way to tackle this? &lt;/p&gt;</t>
  </si>
  <si>
    <t>2015-02-12 01:22:16.830000+00:00</t>
  </si>
  <si>
    <t>2015-02-12 02:23:44.097000+00:00</t>
  </si>
  <si>
    <t>Bing Maps equivalent for gesturehandling as in Google Maps</t>
  </si>
  <si>
    <t>&lt;p&gt;I'm using Bing Maps V8 and would like to have the functionality as in the gesturehandling property of Google Maps, where the map does not scroll with page scroll in a touch device, and indicates for a two finger scroll.&lt;/p&gt;
&lt;p&gt;Thanks in advance!&lt;/p&gt;</t>
  </si>
  <si>
    <t>2018-01-03 11:47:58.560000+00:00</t>
  </si>
  <si>
    <t>2018-01-03 22:37:47.767000+00:00</t>
  </si>
  <si>
    <t>2018-01-03 19:43:50.097000+00:00</t>
  </si>
  <si>
    <t>scroll|touch|bing-maps|panning</t>
  </si>
  <si>
    <t>GRAILS/Spring Security - SSO/SAML logout error</t>
  </si>
  <si>
    <t>&lt;p&gt;Our application during the logout phase of SSO using SAML is throwing an error. &lt;/p&gt;
&lt;p&gt;&lt;em&gt;2018-11-02 14:43:01.984 ERROR --- [nio-8443-exec-4] o.s.boot.web.support.ErrorPageFilter&lt;br&gt;
: Forwarding to error page from request [/logoff] due to exception 
[No signature of method:grails.plugin.springsecurity.web.authentication.logout.MutableLogoutFilter$_doFilter_closure1.d    oCall() 
is applicable for argument types: (org.springframework.security.web.authentication.logout.SimpleUrlLogoutSuccessHandler) values: [org.springframework.security.web.authentication.logout.SimpleUrlLogoutSuccessHandler@7e70276e]
Possible solutions: doCall(org.springframework.security.web.authentication.logout.LogoutHandler), findAll(), findAll(), isCase(java.lang.Object), isCase(java.lang.Object)]
groovy.lang.MissingMethodException: No signature of method: grails.plugin.springsecurity.web.authentication.logout.MutableLogoutFilter$_doFilter_closure1.doCall() is applicable for argument types: (org.springframework.security.web.authentication.logout.SimpleUrlLogoutSuccessHandler) values: [org.springframework.security.web.authentication.logout.SimpleUrlLogoutSuccessHandler@7e70276e]&lt;/em&gt;&lt;/p&gt;
&lt;p&gt;Its a standard SAML integration with the Identity Provider. There are two redirects - one for login and the other for logout, both point to the same URL - home page of the application. The login redirect works, but the logout is failing. &lt;/p&gt;
&lt;p&gt;I am not finding what method needs to be created or set for the SimpleUrlLogoutSuccessHandler. Or is it something else? &lt;/p&gt;
&lt;p&gt;Here's the metadata value which is used. Should it be changed to a value which is the home page of the application from the Identity Provider side? (Identity Provider is an external vendor, I am not sure if they should be approached.) &lt;/p&gt;
&lt;p&gt; &lt;/p&gt;</t>
  </si>
  <si>
    <t>2018-11-02 15:29:05.700000+00:00</t>
  </si>
  <si>
    <t>spring|grails|single-sign-on|saml</t>
  </si>
  <si>
    <t>RestKit how to handle Authentication Failure</t>
  </si>
  <si>
    <t>&lt;p&gt;I'm unsingf RestKit in my iPad Project pulling some JSON Data from Server. The iOS app needs to authenticate via Basic HTTP Authentication. &lt;/p&gt;
&lt;p&gt;If i enter wrong credentials, i can see on the console (Simulator):&lt;/p&gt;
&lt;pre&gt;&lt;code&gt;W restkit.network:RKResponse.m:157 Failed authentication challenge after 1 failures
&lt;/code&gt;&lt;/pre&gt;
&lt;p&gt;How can i catch this situation? I found nothing in RestKit documentation (and i'm sure there must be something).&lt;/p&gt;</t>
  </si>
  <si>
    <t>2011-11-14 13:02:00.050000+00:00</t>
  </si>
  <si>
    <t>2012-05-28 07:10:37.717000+00:00</t>
  </si>
  <si>
    <t>ios|authentication|error-handling|restkit</t>
  </si>
  <si>
    <t>least eigenvalue in python</t>
  </si>
  <si>
    <t>&lt;p&gt;I was wondering if numpy has efficient implementation to compute the largest or smallest eigenvalue of symmetric matrix, without the full spectral decomposition if possible.
I find the following modules implement the eigen-decomposition:&lt;/p&gt;
&lt;ol&gt;
&lt;li&gt;scipy.linalg;&lt;/li&gt;
&lt;li&gt;numpy linalg;&lt;/li&gt;
&lt;li&gt;scipy sparse linalg.&lt;/li&gt;
&lt;/ol&gt;
&lt;p&gt;scipy/sparse/linalg/eigsh can output the k smallest(largest) eigenvalues and eigenvectors; 
scipy/linalg/eigh also provides the option to select subset of eigenvalues;
numpy/linalg/eigvalsh outputs all the eigenvalues. However, none of them seem efficient if I just want a particular eigenvalue.&lt;/p&gt;
&lt;p&gt;I run some toy example to compare the time expense on finding the largest eigenvalue. 
All the methods give close enough solution, eigen decomposition function in numpy.linalg seems the most efficient, thought it requires full spectrum decomposition. Is there any better way to do the job?&lt;/p&gt;
&lt;p&gt;Here is the test code and solution&lt;/p&gt;
&lt;pre&gt;&lt;code&gt;import numpy as np
import scipy.linalg
import scipy.sparse.linalg
import time
def test_scipy_eig(a):
    p = a.shape[0]
    w = scipy.linalg.eigh(a, eigvals=[p-1, p-1], eigvals_only=True)
    return w
def test_scipy_sparse_eig(a):
    p = a.shape[0]
    w = scipy.sparse.linalg.eigsh(a, k=1, which='LA', return_eigenvectors=False)
    return w
def test_numpy_eig(a):
    w = np.linalg.eigvalsh(a)
    return w
p = 2000
a = np.random.normal(0,1,(p,p))
b = a.dot(a.T)
start = time.time()
w1 = test_scipy_eig(b)
t1 = time.time() - start
start = time.time()
w2 = test_numpy_eig(b)
t2 = time.time() - start
start = time.time()
w3 = test_scipy_sparse_eig(b)
t3 = time.time() - start
print "time expense:\n scipy:%f  numpy:%f scipy_sparse:%f " % (t1, t2, t3)
print "largest eigenvalue:\n scipy:%f  numpy:%f scipy_sparse:%f " % (w1[0], w2[-1], w3[0])
&lt;/code&gt;&lt;/pre&gt;
&lt;p&gt;Output&lt;/p&gt;
&lt;pre&gt;&lt;code&gt;time expense:
 scipy:1.427211  numpy:1.395954 scipy_sparse:4.520002 
largest eigenvalue:
 scipy:7949.429984  numpy:7949.429984 scipy_sparse:7949.429984 
&lt;/code&gt;&lt;/pre&gt;</t>
  </si>
  <si>
    <t>2014-06-25 21:04:17.610000+00:00</t>
  </si>
  <si>
    <t>2014-06-26 08:24:48.050000+00:00</t>
  </si>
  <si>
    <t>2014-06-25 21:10:05.523000+00:00</t>
  </si>
  <si>
    <t>python|numpy|scipy|eigenvalue</t>
  </si>
  <si>
    <t>given N absolute values of integers find the combination of N/2 negative and N/2 positive values whose sum is closest to 0</t>
  </si>
  <si>
    <t>&lt;p&gt;Let's say that I have an array of 10 numbers whose absolute value range can go from 1 to 10. Values can be repeated. An example of this could be &lt;/p&gt;
&lt;pre&gt;&lt;code&gt;{2, 4, 2, 6, 9, 10, 1, 7, 6, 3}. 
&lt;/code&gt;&lt;/pre&gt;
&lt;p&gt;To each of these numbers we can assign a positive or negative sign, but there should be always 5 negative and 5 positive numbers in each combination, for example&lt;/p&gt;
&lt;pre&gt;&lt;code&gt;{-2, -4, 2, -6, 9, 10, 1, 7, -6, -3}
{2, -4, -2, 6, -9, 10, -1, 7, -6, 3}
&lt;/code&gt;&lt;/pre&gt;
&lt;p&gt;are possible permutation that follow this rule.&lt;/p&gt;
&lt;p&gt;I would like to find, in all the possible permutations of half-positive and half-negative values of the given set, the minimum positive or negative sum whose value is closest to 0.&lt;/p&gt;
&lt;p&gt;Any suggestions? I feel that the problem is computationally very intensive and I'm not sure there is a solution that is not a brute force one (for example enumerating all the permutations and then applying a variation of the 3Sum closest).&lt;/p&gt;</t>
  </si>
  <si>
    <t>2013-03-02 13:35:18.117000+00:00</t>
  </si>
  <si>
    <t>2013-03-03 13:51:44.307000+00:00</t>
  </si>
  <si>
    <t>algorithm|integer|sum|permutation</t>
  </si>
  <si>
    <t>Determine data type from file_get_contents()</t>
  </si>
  <si>
    <t>&lt;p&gt;I'm writing a command line application in PHP that accepts a path to a local input file as an argument. The input file will contain one of the following things:&lt;/p&gt;
&lt;ul&gt;
&lt;li&gt;JSON encoded associative array&lt;/li&gt;
&lt;li&gt;A &lt;code&gt;serialized()&lt;/code&gt; version of the associative array&lt;/li&gt;
&lt;li&gt;A base 64 encoded version of the &lt;code&gt;serialized()&lt;/code&gt; associative array&lt;/li&gt;
&lt;li&gt;Base 64 encoded JSON encoded associative array&lt;/li&gt;
&lt;li&gt;A plain old PHP associative array&lt;/li&gt;
&lt;li&gt;Rubbish&lt;/li&gt;
&lt;/ul&gt;
&lt;p&gt;In short, there are several dissimilar programs that I have no control over that will be writing to this file, in a uniform way that I can understand, once I actually figure out the format. Once I figure out how to &lt;em&gt;ingest&lt;/em&gt; the data, I can just run with it.&lt;/p&gt;
&lt;p&gt;What I'm considering is:&lt;/p&gt;
&lt;ul&gt;
&lt;li&gt;If the first byte of the file is &lt;code&gt;{&lt;/code&gt; , try &lt;code&gt;json_decode()&lt;/code&gt;, see if it fails.&lt;/li&gt;
&lt;li&gt;If the first byte of the file is &lt;code&gt;&amp;lt;&lt;/code&gt; or &lt;code&gt;$&lt;/code&gt;, try &lt;code&gt;include()&lt;/code&gt;, see if it fails.&lt;/li&gt;
&lt;li&gt;if the first three bytes of the file match a:[0-9], try &lt;code&gt;unserialize()&lt;/code&gt;.&lt;/li&gt;
&lt;li&gt;If not the first three, try &lt;code&gt;base64_decode()&lt;/code&gt;, see if it fails. If not:
&lt;ul&gt;
&lt;li&gt;Check the first bytes of the decoded data, again.&lt;/li&gt;
&lt;li&gt;If all of that fails, it's rubbish.&lt;/li&gt;
&lt;/ul&gt;&lt;/li&gt;
&lt;/ul&gt;
&lt;p&gt;That just seems quite expensive for quite a simple task. Could I be doing it in a better way? If so, how?&lt;/p&gt;</t>
  </si>
  <si>
    <t>2011-05-24 18:40:43.970000+00:00</t>
  </si>
  <si>
    <t>2011-05-24 20:55:35.590000+00:00</t>
  </si>
  <si>
    <t>php|types</t>
  </si>
  <si>
    <t>PyParsing problem: how to tell PyParsing to wait for more string in a command line interface?</t>
  </si>
  <si>
    <t>&lt;p&gt;I'm trying to create a simple interpreter by using PyParsing module.
I searched for some documentation, but I'm unable to find something that solves my problem.
I post a simple sample of my grammar:&lt;/p&gt;
&lt;pre&gt;&lt;code&gt;from PyParsing import *
id = Word(alphas,alphanums)
typeid = Keyword("integer") | Keyword("string")
vardef = id + ":" + typeid
vardecl = Forward()
vardecl &amp;lt;&amp;lt; Literal("var") + DelimitedList(vardef)
&lt;/code&gt;&lt;/pre&gt;
&lt;p&gt;So, if I parse a string containing var declarations all works, even if I define more vardef.
But, if I parse a string containing only "var i:integer," vardecl.parseString returns a parser exception.
I wnat to tell vardecl.parseString that check if the string is complete or not. If not, it ask to input other code...
It is possible? 
I googled something, but I don't find anything.&lt;/p&gt;</t>
  </si>
  <si>
    <t>2018-09-08 08:13:21.577000+00:00</t>
  </si>
  <si>
    <t>2018-09-14 02:49:03.750000+00:00</t>
  </si>
  <si>
    <t>python|pyparsing</t>
  </si>
  <si>
    <t>Form field validation - who renders the error?</t>
  </si>
  <si>
    <t>&lt;p&gt;I have a model which contains 2 fields of type &lt;code&gt;PositiveSmallIntegerField&lt;/code&gt;.
And I have a &lt;code&gt;ModelForm&lt;/code&gt; for this model and these fields.&lt;/p&gt;
&lt;p&gt;My validation works fine. But if I type in negative number or alphanumeric string, I get the validation error as some sort of pop-up(see images below). My question: is the validation error rendered by the browser? Shouldn't the error be rendered by Django as HTML code?
And can I translate this error with django translations?&lt;/p&gt;
&lt;p&gt;Also, in my &lt;code&gt;clean&lt;/code&gt; method of the form I have a custom validation and I do this:&lt;/p&gt;
&lt;pre&gt;&lt;code&gt;if cleaned_data['capacity_min'] &amp;gt; cleaned_data['capacity_max']:
    raise ValidationError(_("Some message"))
&lt;/code&gt;&lt;/pre&gt;
&lt;p&gt;I can translate this one and it is rendered as I was expected, simple HTML code in the page&lt;/p&gt;
&lt;p&gt;Thank you&lt;/p&gt;
&lt;p&gt;This is what happens with firefox&lt;/p&gt;
&lt;p&gt;&lt;img src="https://i.stack.imgur.com/hSxIr.png" alt="enter image description here"&gt;&lt;/p&gt;
&lt;p&gt;This is what happens with Google Chrome
&lt;img src="https://i.stack.imgur.com/dlI75.png" alt="enter image description here"&gt;&lt;/p&gt;</t>
  </si>
  <si>
    <t>2015-01-11 10:30:12.673000+00:00</t>
  </si>
  <si>
    <t>2015-01-11 10:52:29.667000+00:00</t>
  </si>
  <si>
    <t>Sharing contact on Android 7.0</t>
  </si>
  <si>
    <t>&lt;p&gt;Problem is when I try to share contact on Android 7.0, my application getting crash. &lt;/p&gt;
&lt;pre&gt;&lt;code&gt;   final ContentResolver resolver = context.getContentResolver();
            cursor = resolver.query(contactsUri, null, null, null, null);
            String name = "";
            String contactLookupKey = "";
            if (cursor != null &amp;amp;&amp;amp; cursor.moveToFirst()) {
                name = cursor.getString(cursor.getColumnIndexOrThrow(
                        ContactsContract.Contacts.DISPLAY_NAME));
                contactLookupKey = cursor.getString(cursor.getColumnIndexOrThrow(
                        ContactsContract.Contacts.LOOKUP_KEY));
            }
            name = name.replaceAll("[^0-9a-zA-Z]", "_");
            name = name + "_" + CONTACT_PREFIX;
            Uri uri = Uri.withAppendedPath(ContactsContract.Contacts.CONTENT_VCARD_URI,
                    contactLookupKey);
            File storageDir = new File(Environment.getExternalStorageDirectory(), "contacts");
            if (!storageDir.exists()) {
                storageDir.mkdir();
            }
            File vCardFile = File.createTempFile(name, ".vcf", storageDir);
            if (!vCardFile.exists()) {
                vCardFile.createNewFile();
            }
            fileOutputStream = new FileOutputStream(vCardFile);
            AssetFileDescriptor
                    fd = resolver.openAssetFileDescriptor(uri, "r");
            fis = fd.createInputStream();
            final byte[] buf = new byte[(int) fd.getDeclaredLength()];
fd.getDeclaredLength() - return "-1" and app crash? 
&lt;/code&gt;&lt;/pre&gt;
&lt;p&gt;What could be a problem? &lt;/p&gt;</t>
  </si>
  <si>
    <t>2016-10-03 09:45:37.900000+00:00</t>
  </si>
  <si>
    <t>2016-11-22 13:58:40.530000+00:00</t>
  </si>
  <si>
    <t>2016-10-06 07:14:35.470000+00:00</t>
  </si>
  <si>
    <t>android|share|contacts|android-7.0-nougat</t>
  </si>
  <si>
    <t>Android - Send data using shared preference not working</t>
  </si>
  <si>
    <t>&lt;p&gt;I am new to android programming and i am just trying to send some data from one activity to another using Shared Preference but my code doesn't works.&lt;/p&gt;
&lt;p&gt;This is the activity i am entering data in.&lt;/p&gt;
&lt;pre&gt;&lt;code&gt;public class MainActivity extends ActionBarActivity {
    private  Button  BTN;
    private EditText EDTXT,EDTXT2,EDTXT3;
    private CheckBox CHKBX;
    private final String mName = "Middle Name";
    private final String fName = "First Name";
    private final String lName = "Last Name";
    private final String isReg = "Is Registered";
@Override
protected void onCreate(Bundle savedInstanceState) {
    super.onCreate(savedInstanceState);
    setContentView(R.layout.activity_main);
    BTN=(Button)findViewById(R.id.button);
    CHKBX=(CheckBox)findViewById(R.id.checkBox);
    EDTXT=(EditText)findViewById(R.id.editText);
    EDTXT2=(EditText)findViewById(R.id.editText2);
    EDTXT3=(EditText)findViewById(R.id.editText3);
    BTN.setOnClickListener(new View.OnClickListener() {
        @Override
        public void onClick(View v) {
            if(CHKBX.isChecked()){
                setPreferenceData();
                Intent INT = new Intent(MainActivity.this,SharedPreferenceData.class);
                startActivity(INT);
            }
        }
    });
}
public void setPreferenceData(){
    SharedPreferences sp = this.getSharedPreferences("MyPref",MODE_WORLD_READABLE);
    SharedPreferences.Editor spEditor = sp.edit();
    spEditor.putBoolean(isReg, CHKBX.isChecked());
    spEditor.putString(fName, EDTXT.getText().toString());
    spEditor.putString(mName, EDTXT2.getText().toString());
    spEditor.putString(lName, EDTXT3.getText().toString());
    spEditor.commit();
}
&lt;/code&gt;&lt;/pre&gt;
&lt;p&gt;This is the activity i want to pass data in.&lt;/p&gt;
&lt;pre&gt;&lt;code&gt;public class SharedPreferenceData extends ActionBarActivity {
private TextView TXTVW,TXTVW1,TXTVW2,TXTVW3;
private final String fName = "First Name";
private final String mName = "Middle Name";
private final String lName = "Last Name";
private final String isReg = "Is Registered";
@Override
protected void onCreate(Bundle savedInstanceState) {
    super.onCreate(savedInstanceState);
    setContentView(R.layout.activity_shared_preference_data);
    TXTVW = (TextView) findViewById(R.id.textView);
    TXTVW1 = (TextView) findViewById(R.id.textView2);
    TXTVW2 = (TextView) findViewById(R.id.textView3);
    TXTVW3 = (TextView) findViewById(R.id.textView4);
    getSharedPreferencesData();
}
public void getSharedPreferencesData(){
    SharedPreferences spf = this.getSharedPreferences("My Pref",MODE_WORLD_READABLE);
    TXTVW.setText("First Name:" + spf.getString(fName,""));
    TXTVW1.setText("Middle Name:" + spf.getString(mName,""));
    TXTVW2.setText("Last Name:" + spf.getString(lName,""));
    TXTVW3.setText("Is Registered:" + spf.getBoolean(isReg,true));
}
&lt;/code&gt;&lt;/pre&gt;</t>
  </si>
  <si>
    <t>2015-02-23 18:35:16.740000+00:00</t>
  </si>
  <si>
    <t>2015-02-23 18:48:12.953000+00:00</t>
  </si>
  <si>
    <t>Failed to pass constant string as parameter in C function</t>
  </si>
  <si>
    <t>&lt;p&gt;I copied the bootasm.S from &lt;a href="https://github.com/jeffallen/xv6/blob/master/bootasm.S" rel="nofollow noreferrer"&gt;https://github.com/jeffallen/xv6/blob/master/bootasm.S&lt;/a&gt;, 
&lt;code&gt;&lt;/p&gt;
&lt;pre&gt;&lt;code&gt;#include "asm.h"
# Start the first CPU: switch to 32-bit protected mode, jump into C.
# The BIOS loads this code from the first sector of the hard disk into
# memory at physical address 0x7c00 and starts executing in real mode
# with %cs=0 %ip=7c00.
#define SEG_KCODE 1 // kernel code
#define SEG_KDATA 2 // kernel data+stack
#define CR0_PE 1 // protected mode enable bit
.code16 # Assemble for 16-bit mode
.globl start
start:
        cli # BIOS enabled interrupts; disable
        # Set up the important data segment registers (DS, ES, SS).
        xorw %ax,%ax # Segment number zero
        movw %ax,%ds # -&amp;gt; Data Segment
        movw %ax,%es # -&amp;gt; Extra Segment
        movw %ax,%ss # -&amp;gt; Stack Segment
        # Physical address line A20 is tied to zero so that the first PCs
        # with 2 MB would run software that assumed 1 MB. Undo that.
        seta20.1:
        inb $0x64,%al # Wait for not busy
        testb $0x2,%al
        jnz seta20.1
        movb $0xd1,%al # 0xd1 -&amp;gt; port 0x64
        outb %al,$0x64
        seta20.2:
        inb $0x64,%al # Wait for not busy
        testb $0x2,%al
        jnz seta20.2
        movb $0xdf,%al # 0xdf -&amp;gt; port 0x60
        outb %al,$0x60
        # Switch from real to protected mode. Use a bootstrap GDT that makes
        # virtual addresses map dierctly to physical addresses so that the
        # effective memory map doesn't change during the transition.
        lgdt gdtdesc
        movl %cr0, %eax
        orl $CR0_PE, %eax
        movl %eax, %cr0
        # Complete transition to 32-bit protected mode by using long jmp
        # to reload %cs and %eip. The segment registers are set up with no
        # translation, so that the mapping is still the identity mapping.
        ljmp $(SEG_KCODE&amp;lt;&amp;lt;3), $start32
.code32 # Tell assembler to generate 32-bit code now.
start32:
        # Set up the protected-mode data segment registers
        movw $(SEG_KDATA&amp;lt;&amp;lt;3), %ax # Our data segment selector
        movw %ax, %ds # -&amp;gt; DS: Data Segment
        movw %ax, %es # -&amp;gt; ES: Extra Segment
        movw %ax, %ss # -&amp;gt; SS: Stack Segment
        xor  %eax, %eax  # Zero segments not ready for use 
        movw %ax, %fs # -&amp;gt; FS
        movw %ax, %gs # -&amp;gt; GS
        ## sti TaoWang: It should NOT call STI here, since NO IDT is ready.
        # Set up the stack pointer and call into C.
        movl $start, %esp
        call bootmain
    spin:
        jmp spin
# Bootstrap GDT
.p2align 2 # force 4 byte alignment
gdt:
SEG_NULLASM # null seg
SEG_ASM(STA_X|STA_R, 0x0, 0xffffffff) # code seg
SEG_ASM(STA_W, 0x0, 0xffffffff) # data seg
gdtdesc:
.word (gdtdesc - gdt - 1) # sizeof(gdt) - 1
.long gdt # address gdt
.fill 510-(.-start)
.word 0xaa55
&lt;/code&gt;&lt;/pre&gt;
&lt;p&gt;&lt;/code&gt;
and change the bootmain.c as follows,  &lt;/p&gt;
&lt;p&gt;&lt;code&gt;&lt;/p&gt;
&lt;pre&gt;&lt;code&gt;#include "types.h"
char    serial_buffer[256];
static void my_memcpy(void *dst, void *src, u32 length)
{
    u32 i = 0;
    for (i = 0; i &amp;lt; length; i ++) {
        *(char *)dst = *(char *)src;
    }
    if (serial_buffer[0] == 'A') {
        asm ("cli\nhlt\n");
    } else {
        asm ("vmcall");
    }
}
int bootmain(void)
{
    my_memcpy(serial_buffer, "Abcedife", 8);
    return 0;
}
void handle_page_fault(void)
{
    return;
}
&lt;/code&gt;&lt;/pre&gt;
&lt;p&gt;&lt;/code&gt;&lt;/p&gt;
&lt;p&gt;After the code is built through the Makefile (I listed below), the code to load the output binary is here,
&lt;code&gt;&lt;/p&gt;
&lt;pre&gt;&lt;code&gt;unsigned char tempbuf[0x400];
void file_load(char *vmfname)
{
    int    vmfd = -1;
    size_t cnt = 0, offset = 0;
    vmfd = open( vmfname, O_RDWR );
    if (vmfd &amp;lt; 0) {
        exit(2);
    }
    do {
        cnt = read(vmfd, tempbuf, sizeof(tempbuf));
        // initialize the virtual-machine registers
        memcpy((void *)(CODE_START + offset), tempbuf, cnt);
        offset += cnt;
    } while (cnt &amp;gt; 0);
    close(vmfd);
    printf("Loading %ld bytes of VM to run\n", offset);
}
&lt;/code&gt;&lt;/pre&gt;
&lt;p&gt;&lt;/code&gt;
To my surprise, the while loop does NOT execute at all.&lt;br&gt;
Here is my linker.ld, and I run them in Linux 4.4.0.  &lt;/p&gt;
&lt;pre&gt;&lt;code&gt;ENTRY(start);
SECTIONS
{
    . = 0x7C00;
    .text : AT(0x7C00)
    {
        _text = .;
        *(.text);
        _text_end = .;
    }
    .data :
    {
        _data = .;
        *(.bss);
        *(.bss*);
        *(.data);
        *(.rodata*);
        *(COMMON)
        _data_end = .;
    }
        PROVIDE(data = .);
        /* The data segment */
        .data : {
                *(.data)
        }
        PROVIDE(edata = .);
        .bss : {
                *(.bss)
        }
        PROVIDE(end = .);
        /DISCARD/ : {
                *(.eh_frame .note.GNU-stack)
        }
}
&lt;/code&gt;&lt;/pre&gt;
&lt;p&gt;The Makefile,&lt;/p&gt;
&lt;pre&gt;&lt;code&gt;all: test
OBJDUMP=objdump
OBJCOPY=objcopy
CFLAGS = -fno-pic -static -fno-builtin -fno-strict-aliasing -Wall -MD -ggdb -m32 -Werror -fno-omit-frame-pointer
CFLAGS += $(shell $(CC) -fno-stack-protector -E -x c /dev/null &amp;gt;/dev/null 2&amp;gt;&amp;amp;1 &amp;amp;&amp;amp; echo -fno-stack-protector)
ASFLAGS = -m32 -gdwarf-2 -Wa,-divide
LDFLAGS += -m $(shell $(LD) -V | grep elf_i386 2&amp;gt;/dev/null)
guest: test_app.c
        $(CC) -g2 -Wall -Wextra -Werror $^ -o $@
        $(CC) $(CFLAGS) -fno-pic -nostdinc -I. -c bootasm.S
        $(CC) $(CFLAGS) -fno-pic -I. -c bootmain.c
        $(LD) $(LDFLAGS) -N -e start -Tlinker.ld -o bootblock.o bootasm.o bootmain.o
        $(OBJDUMP) -S bootblock.o &amp;gt; bootblock.asm
        $(OBJCOPY) -S -O binary -j .text bootblock.o bootblock.bin
clean:
        rm -f *.o
        rm -f *.d
        rm -f test
        rm -f *.bin
        rm -f bootblock.asm
&lt;/code&gt;&lt;/pre&gt;
&lt;p&gt;I don't know why the constant string failed to be passed as the parameter or its content is all '0' ?&lt;br&gt;
If I use an array of char, put the array name as the parameter to myfputs(chararray), it will work well.  &lt;/p&gt;</t>
  </si>
  <si>
    <t>2018-05-24 02:01:25+00:00</t>
  </si>
  <si>
    <t>2018-05-24 23:13:56.293000+00:00</t>
  </si>
  <si>
    <t>2018-05-24 22:08:45.463000+00:00</t>
  </si>
  <si>
    <t>c|linux|x86</t>
  </si>
  <si>
    <t>How to export View to image data in React Native</t>
  </si>
  <si>
    <t>&lt;p&gt;I am trying to export the rendered graphic of a &lt;code&gt;View&lt;/code&gt; in React Native. For example, my view is like:&lt;/p&gt;
&lt;p&gt;&lt;code&gt;&amp;lt;View&amp;gt;
    &amp;lt;Image/&amp;gt;      // Some image
    &amp;lt;Rectangle /&amp;gt; // Some little
    &amp;lt;Circle /&amp;gt;    // Some circle
&amp;lt;/View&amp;gt;
&lt;/code&gt;&lt;/p&gt;
&lt;p&gt;How do I extract the rendered graphic from the container &lt;code&gt;View&lt;/code&gt; into whatever image data format?&lt;/p&gt;</t>
  </si>
  <si>
    <t>2015-08-06 12:19:07.250000+00:00</t>
  </si>
  <si>
    <t>2015-08-11 08:31:29.503000+00:00</t>
  </si>
  <si>
    <t>Array elements x axis actionscript 3</t>
  </si>
  <si>
    <t>&lt;p&gt;I have a text field array as the array elements has a different width sizes.. I want to add it to the stage as one line without spaces.. So.. how to set the x axis?&lt;/p&gt;
&lt;p&gt;here's the code:&lt;/p&gt;
&lt;pre&gt;&lt;code&gt;var _objects:Array = new Array();
var rowCount:uint = 114;
for (var o:uint = 0; o&amp;lt;114; o++)
{
    var label_txt:TextField = drawTxt();
    _objects.push(label_txt);
    label_txt.y = 10
    label_txt.x = (o % rowCount) * (_objects[o].width);// this code gives me 100 px on x for each element.
    addChild(label_txt);
}
&lt;/code&gt;&lt;/pre&gt;
&lt;p&gt;MORE DETAILS&lt;/p&gt;
&lt;p&gt;text field:&lt;/p&gt;
&lt;pre&gt;&lt;code&gt;function drawTxt():TextField
{
    var label_txt:TextField = new TextField();
    label_txt.border = true;
    label_txt.antiAliasType = AntiAliasType.ADVANCED;
    label_txt.selectable = false;
    label_txt.multiline = false;
    label_txt.defaultTextFormat = myFormatBold;
    return label_txt;
}
&lt;/code&gt;&lt;/pre&gt;
&lt;p&gt;text data (xml):&lt;/p&gt;
&lt;pre&gt;&lt;code&gt;function arrayzeLabelsXML():void
{
    for (var i:int = 0; i &amp;lt; xmlLabelsData.item.length(); i++)
    {
        attributeLabelsContent.push(xmlLabelsData.item[i].@item);
        translateContent.push(xmlLabelsData.item[i].@translate);
        nodeLabelsContent.push(xmlLabelsData.item[i]);
        nodeContent.push(xmlLabelsData.translate[i]);
        _objects[i].text = nodeLabelsContent[i];
        _objects[i].width = _objects[i].textWidth + 20;
        _objects[i].addEventListener(MouseEvent.CLICK,clickHandler);
    }
}
&lt;/code&gt;&lt;/pre&gt;
&lt;p&gt;Thank you&lt;/p&gt;</t>
  </si>
  <si>
    <t>2013-06-30 18:41:11.973000+00:00</t>
  </si>
  <si>
    <t>2013-07-01 01:31:26.533000+00:00</t>
  </si>
  <si>
    <t>2013-06-30 19:46:59.480000+00:00</t>
  </si>
  <si>
    <t>How to Zoomin/zoomout content and page both not only page height</t>
  </si>
  <si>
    <t>&lt;p&gt;I have created a website with applying 100% width using css but when I zoomout my page, it is zooming out only height, not height and width both&lt;/p&gt;
&lt;p&gt;Can Anyone know, why it is like that?&lt;/p&gt;</t>
  </si>
  <si>
    <t>2014-03-25 07:35:46.170000+00:00</t>
  </si>
  <si>
    <t>2014-03-25 08:04:55.107000+00:00</t>
  </si>
  <si>
    <t>javascript|css|css3|jsp</t>
  </si>
  <si>
    <t>���X-Squid-Error: ERR_CANNOT_FORWARD 0 ���When multi proxying</t>
  </si>
  <si>
    <t>&lt;p&gt;Situation&lt;/p&gt;
&lt;p&gt;AWS/Network Load Balancer���SquidProxy���Ziproxy&lt;/p&gt;
&lt;p&gt;When I request a web page via proxies above,&lt;/p&gt;
&lt;p&gt;&lt;code&gt;X-Squid-Error: ERR_CANNOT_FORWARD 0&lt;/code&gt;&lt;/p&gt;
&lt;p&gt;occur in Chrome developper tool.&lt;/p&gt;
&lt;p&gt;I sometimes fail to get images, but sometimes success. &lt;/p&gt;
&lt;p&gt;And in &lt;code&gt;cache.log&lt;/code&gt;in Squid, I got &lt;/p&gt;
&lt;p&gt;&lt;code&gt;TCP connection to proxy.googlezip.net/80 failed&lt;/code&gt;&lt;/p&gt;
&lt;p&gt;and&lt;/p&gt;
&lt;p&gt;&lt;code&gt;Detected DEAD Parent: proxy.googlezip.net&lt;/code&gt;&lt;/p&gt;
&lt;p&gt;error.&lt;/p&gt;
&lt;p&gt;What is the cause of this occasional error?
Any advice will helps me , thanks.&lt;/p&gt;</t>
  </si>
  <si>
    <t>2018-04-06 01:44:18.097000+00:00</t>
  </si>
  <si>
    <t>2018-04-06 03:46:05.480000+00:00</t>
  </si>
  <si>
    <t>amazon-web-services|proxy|server|squid|nlb</t>
  </si>
  <si>
    <t>How to split two or more sentences connected using conjunctions like(and,or..etc) into two separate sentences?</t>
  </si>
  <si>
    <t>&lt;p&gt;I am new to stanford.I tried to split two or more independent sentences which are connected with conjunctions like (and,or..etc) into separate single sentences using stanford tree parser.&lt;/p&gt;
&lt;p&gt;Example sentence - Lion and tiger are chasing a deer and fox is chasing a rabbit. I want split this for two independent sentences shown below.&lt;/p&gt;
&lt;p&gt;1) Lion and tiger are chasing a deer.&lt;/p&gt;
&lt;p&gt;2) fox is chasing a rabbit.&lt;/p&gt;
&lt;p&gt;sentences should only have to break with conjunctions which connected &lt;strong&gt;independent sentences&lt;/strong&gt;. &lt;strong&gt;Not&lt;/strong&gt; for &lt;strong&gt;two subjects&lt;/strong&gt;(Lion and tiger) or &lt;strong&gt;two objects&lt;/strong&gt; connected with "and". If anyone knows please help me.&lt;/p&gt;
&lt;p&gt;Parser tree structure &lt;/p&gt;
&lt;pre&gt;&lt;code&gt;(ROOT
  (S
    (NP (NNP Lion)
      (CC and)
      (NNP tiger))
    (VP (VBP are)
      (VP (VBG chasing)
        (SBAR
          (S
            (NP (DT a) (NNS deer)
              (CC and)
              (NN fox))
            (VP (VBZ is)
              (VP (VBG chasing)
                (NP (DT a) (NN rabbit))))))))))
&lt;/code&gt;&lt;/pre&gt;
&lt;p&gt;Thanks.&lt;/p&gt;</t>
  </si>
  <si>
    <t>2014-12-01 15:45:10.110000+00:00</t>
  </si>
  <si>
    <t>2014-12-01 17:44:44.127000+00:00</t>
  </si>
  <si>
    <t>2014-12-01 17:26:44.017000+00:00</t>
  </si>
  <si>
    <t>java|regex|stanford-nlp</t>
  </si>
  <si>
    <t>Laravel Apache2 OPTIONS HEADER</t>
  </si>
  <si>
    <t>&lt;p&gt;Good evening together,
i have trouble with Apache2 and Laravel by sending a request with angular 5 HttpClient.&lt;/p&gt;
&lt;p&gt;following situation&lt;/p&gt;
&lt;p&gt;The Laravel App run always with php artisan serve -host=0.0.0.0 on port 8000. And i can send my request for example over my local ip: 192.168.178.33&lt;/p&gt;
&lt;p&gt;For Login i have the follow Url: &lt;a href="http://192.168.178.33:8000/api/login" rel="nofollow noreferrer"&gt;http://192.168.178.33:8000/api/login&lt;/a&gt;
The Google Console show's me two responses OPTIONS HEADER and the second response return me the result of the laravel controller.&lt;/p&gt;
&lt;pre&gt;&lt;code&gt;General
Request URL:http://192.168.178.33:8000/api/login/
Request Method:OPTIONS
Status Code:200 OK
Remote Address:192.168.178.33:8000
Referrer Policy:no-referrer-when-downgrade
Request Headers
Accept:*/*
Accept-Encoding:gzip, deflate
Accept-Language:de-DE,de;q=0.9,en-US;q=0.8,en;q=0.7
Access-Control-Request-Headers:content-type
Access-Control-Request-Method:POST
Connection:keep-alive
Host:192.168.178.33:8000
Origin:http://localhost:8100
User-Agent:Mozilla/5.0 (X11; Linux x86_64) AppleWebKit/537.36 (KHTML, like Gecko) Ubuntu Chromium/64.0.3282.167 Chrome/64.0.3282.167 Safari/537.36
&lt;/code&gt;&lt;/pre&gt;
&lt;p&gt;Second response
    General
    Request URL:&lt;a href="http://192.168.178.33:8000/api/login/" rel="nofollow noreferrer"&gt;http://192.168.178.33:8000/api/login/&lt;/a&gt;
    Request Method:POST
    Status Code:200 OK
    Remote Address:192.168.178.33:8000
    Referrer Policy:no-referrer-when-downgrade&lt;/p&gt;
&lt;pre&gt;&lt;code&gt;Request Headers
Accept:application/json, text/plain, */*
Accept-Encoding:gzip, deflate
Accept-Language:de-DE,de;q=0.9,en-US;q=0.8,en;q=0.7
Connection:keep-alive
Content-Length:43
Content-Type:application/json
Host:192.168.178.33:8000
Origin:http://localhost:8100
Referer:http://localhost:8100/?ionicplatform=android&amp;amp;http://localhost:8100/ionic-lab&amp;amp;http://localhost:8100/ionic-lab
User-Agent:Mozilla/5.0 (X11; Linux x86_64) AppleWebKit/537.36 (KHTML, like Gecko) Ubuntu Chromium/64.0.3282.167 Chrome/64.0.3282.167 Safari/537.36
Request Payload
{"email":"demo@demo.com","password":"test"}
&lt;/code&gt;&lt;/pre&gt;
&lt;p&gt;So far so good, Now when i try the same request on the same DocumentRoot under apache2 with the URL: &lt;a href="http://192.168.178.33/api/login" rel="nofollow noreferrer"&gt;http://192.168.178.33/api/login&lt;/a&gt;&lt;/p&gt;
&lt;p&gt;I get the follow responses twice times for one request&lt;/p&gt;
&lt;pre&gt;&lt;code&gt;General
Request URL:http://192.168.178.33/api/login/
Request Method:OPTIONS
Status Code:301 Moved Permanently
Remote Address:192.168.178.33:80
Referrer Policy:no-referrer-when-downgrade
Request Headers
Accept:*/*
Accept-Encoding:gzip, deflate
Accept-Language:de-DE,de;q=0.9,en-US;q=0.8,en;q=0.7
Access-Control-Request-Headers:content-type
Access-Control-Request-Method:POST
Connection:keep-alive
Host:192.168.178.33
Origin:http://localhost:8100
User-Agent:Mozilla/5.0 (X11; Linux x86_64) AppleWebKit/537.36 (KHTML, like Gecko) Ubuntu Chromium/64.0.3282.167 Chrome/64.0.3282.167 Safari/537.36
&lt;/code&gt;&lt;/pre&gt;
&lt;p&gt;My Vhost&lt;/p&gt;
&lt;pre&gt;&lt;code&gt;&amp;lt;VirtualHost *:80&amp;gt;
  ServerName localhost
 Documentroot /home/alexander/PhpstormProjects/restaurant/server/public
&amp;lt;Directory "/home/alexander/PhpstormProjects/restaurant/server/public"&amp;gt;
            Options Indexes FollowSymLinks MultiViews
            AllowOverride All
            Order allow,deny
            allow from all
            Require all granted
&amp;lt;/Directory&amp;gt;
&amp;lt;/Virtualhost&amp;gt;
&lt;/code&gt;&lt;/pre&gt;
&lt;p&gt;It's the only one enabled vhost&lt;/p&gt;
&lt;p&gt;Versions&lt;/p&gt;
&lt;pre&gt;&lt;code&gt;php -v
PHP 7.0.25-0ubuntu0.16.04.1 (cli) ( NTS )
Copyright (c) 1997-2017 The PHP Group
Zend Engine v3.0.0, Copyright (c) 1998-2017 Zend Technologies
with Zend OPcache v7.0.25-0ubuntu0.16.04.1, Copyright (c) 1999-2017, by Zend Technologies
apache2 -v
Server version: Apache/2.4.18 (Ubuntu)
Server built:   2017-09-18T15:09:02
php artisan -V
Laravel Framework 5.5.37
&lt;/code&gt;&lt;/pre&gt;
&lt;p&gt;For me it looks like that the request never reached the laravel controller or something else from the framework. I have tried it with die('hello'); in the first lines of /public/index.php under apache2 the line never will showed.&lt;/p&gt;</t>
  </si>
  <si>
    <t>2018-03-09 21:39:24.447000+00:00</t>
  </si>
  <si>
    <t>2018-03-11 22:29:28.230000+00:00</t>
  </si>
  <si>
    <t>php|laravel|apache2|artisan</t>
  </si>
  <si>
    <t>Why does decltype remove const from return types for built-in types?</t>
  </si>
  <si>
    <t>&lt;p&gt;As a general rule, &lt;code&gt;decltype&lt;/code&gt; preserves constness:&lt;/p&gt;
&lt;pre&gt;&lt;code&gt;const int ci = 0;
decltype(ci)  x;         // x is const int
x = 5;                   // error--x is const
class Gadget{}:
const Gadget makeCG();         // factory
decltype(makeCG()) y1, y2;     // y1 and y2 are const Gadgets
y1 = y2;                       // error--y1 is const
&lt;/code&gt;&lt;/pre&gt;
&lt;p&gt;But for &lt;code&gt;const&lt;/code&gt; return types that return fundamental types, &lt;code&gt;decltype&lt;/code&gt; seems to throw &lt;code&gt;const&lt;/code&gt; away:&lt;/p&gt;
&lt;pre&gt;&lt;code&gt;const int makeCI();            // factory
decltype(makeCI()) z;          // z is NOT const
z = 5;                         // okay
&lt;/code&gt;&lt;/pre&gt;
&lt;p&gt;Why does &lt;code&gt;decltype&lt;/code&gt; discard constness in this case?  I mean the question in two ways:&lt;/p&gt;
&lt;ol&gt;
&lt;li&gt;What part of the standard specifies this behavior?&lt;/li&gt;
&lt;li&gt;What is the motivation for specifying the behavior this way?&lt;/li&gt;
&lt;/ol&gt;
&lt;p&gt;Thanks.&lt;/p&gt;</t>
  </si>
  <si>
    <t>2013-08-29 04:18:03.057000+00:00</t>
  </si>
  <si>
    <t>2013-08-29 05:14:07.753000+00:00</t>
  </si>
  <si>
    <t>c++|c++11|decltype</t>
  </si>
  <si>
    <t>How to give a polygon a gradient fill inside a svg?</t>
  </si>
  <si>
    <t>&lt;p&gt;I am using this awesome jQuery plugin - &lt;a href="http://benpickles.github.io/peity/" rel="nofollow"&gt;http://benpickles.github.io/peity/&lt;/a&gt;&lt;/p&gt;
&lt;p&gt;Basically, it renders mini graphs and charts in &lt;code&gt;svg&lt;/code&gt; format. Within this &lt;code&gt;svg&lt;/code&gt; element, there is one &lt;code&gt;polygon&lt;/code&gt; and one &lt;code&gt;polyline&lt;/code&gt;. I need to be able to give the polygon a gradient as its fill, instead of a solid colour.&lt;/p&gt;
&lt;p&gt;&lt;strong&gt;Here is the raw HTML before the plugin converts it:&lt;/strong&gt;&lt;/p&gt;
&lt;pre&gt;&lt;code&gt;&amp;lt;td class="chartSection"&amp;gt;
    &amp;lt;span class="chart"&amp;gt;100, 100.67, 102.34, 109.30, 101.20, 99.20, 70.20&amp;lt;/span&amp;gt;
&amp;lt;/td&amp;gt;
&lt;/code&gt;&lt;/pre&gt;
&lt;p&gt;&lt;strong&gt;Here is the chart after the conversion:&lt;/strong&gt;&lt;/p&gt;
&lt;pre&gt;&lt;code&gt;&amp;lt;td class="chartSection"&amp;gt;
    &amp;lt;span class="chart" style="display: none;"&amp;gt;100, 100.67, 102.34, 109.30, 101.20, 99.20, 70.20&amp;lt;/span&amp;gt;
    &amp;lt;svg class="peity" height="53" width="200"&amp;gt;
        &amp;lt;polygon fill="#c6d9fd" points="0 52 0 4.924519670631284 33.333333333333336 4.6057639524245175 66.66666666666667 3.8112534309240544 100 0.5 133.33333333333334 4.353613906678859 166.66666666666669 5.305123513266238 200 19.102012808783165 200 52"&amp;gt;&amp;lt;/polygon&amp;gt;
        &amp;lt;polyline fill="transparent" points="0 4.924519670631284 33.333333333333336 4.6057639524245175 66.66666666666667 3.8112534309240544 100 0.5 133.33333333333334 4.353613906678859 166.66666666666669 5.305123513266238 200 19.102012808783165" stroke="#4d89f9" stroke-width="1" stroke-linecap="square"&amp;gt;&amp;lt;/polyline&amp;gt;
    &amp;lt;/svg&amp;gt;
&amp;lt;/td&amp;gt;
&lt;/code&gt;&lt;/pre&gt;
&lt;p&gt;&lt;strong&gt;What I have tried:&lt;/strong&gt;&lt;/p&gt;
&lt;p&gt;I attempted to give the &lt;code&gt;fill&lt;/code&gt; a gradient through CSS such as &lt;code&gt;fill: linear-gradient(#FF0000, #00FF71)&lt;/code&gt;. Although, this caused the fill to be a solid black.&lt;/p&gt;
&lt;p&gt;&lt;a href="http://jsfiddle.net/T53hE/" rel="nofollow"&gt;&lt;strong&gt;HERE IS A DEMO&lt;/strong&gt;&lt;/a&gt;&lt;/p&gt;</t>
  </si>
  <si>
    <t>2014-05-05 02:38:01.357000+00:00</t>
  </si>
  <si>
    <t>2014-05-05 03:00:35.853000+00:00</t>
  </si>
  <si>
    <t>2014-05-05 02:45:31.640000+00:00</t>
  </si>
  <si>
    <t>javascript|jquery|css|svg|linear-gradients</t>
  </si>
  <si>
    <t>PHP : Error `failed to open stream: No such file or directory`</t>
  </si>
  <si>
    <t>&lt;p&gt;I new in PHP , I want to make an Uploader for image. Here my whole code :&lt;/p&gt;
&lt;pre&gt;&lt;code&gt;&amp;lt;?php
include "checkConnection.php";
$fileName = $_FILES['picture']['name']; //get the file name
$fileSize = $_FILES['picture']['size']; //get the size
$fileError = $_FILES['picture']['error']; //get the error when upload
if($fileSize &amp;gt; 0 || $fileError == 0){ //check if the file is corrupt or error
$move = move_uploaded_file($_FILES['picture']['tmp_name'], 'home/mario/public_html/API/Content/Images/'.$fileName); //save image to the folder
........
........
?&amp;gt;
&lt;/code&gt;&lt;/pre&gt;
&lt;p&gt;I get the error on &lt;code&gt;$move = move_uploaded_file($_FILES['picture']['tmp_name'], 'home/mario/public_html/API/Content/Images/'.$fileName); //save image to the folder&lt;/code&gt;&lt;/p&gt;
&lt;pre&gt;&lt;code&gt;Warning: move_uploaded_file(home/mario/public_html/API/Content/Images/1492599446257.jpg): failed to open stream: No such file or directory in /home/mario/public_html/API/uploadFile.php on line 7
Warning: move_uploaded_file(): Unable to move '/tmp/phpPvn44L' to 'home/mario/public_html/API/Content/Images/1492599446257.jpg' in /home/mario/public_html/API/uploadFile.php on line 7
&lt;/code&gt;&lt;/pre&gt;
&lt;p&gt;I read some article regarding this but its not working. Any suffestion will help for me. Thanks in Advance&lt;/p&gt;</t>
  </si>
  <si>
    <t>2017-07-22 11:43:30.677000+00:00</t>
  </si>
  <si>
    <t>2017-07-22 11:48:05.760000+00:00</t>
  </si>
  <si>
    <t>Get Speech To Text from "ok Google"</t>
  </si>
  <si>
    <t>&lt;p&gt;I want a background service to listen to the keyword or hot word , the API is 17 minutes and the minimum API to integrate hot Word is 21. But integrating " Ok Google " in my application i can get the voice-text. The problem is that I can't get the text.. &lt;/p&gt;
&lt;p&gt;In the manifest:&lt;/p&gt;
&lt;pre&gt;&lt;code&gt; &amp;lt;activity android:name=".SearchableActivity" &amp;gt;
        &amp;lt;intent-filter&amp;gt;
            &amp;lt;action android:name="com.google.android.gms.actions.SEARCH_ACTION" /&amp;gt;
            &amp;lt;category android:name="android.intent.category.DEFAULT" /&amp;gt;
        &amp;lt;/intent-filter&amp;gt;
    &amp;lt;/activity&amp;gt;
&lt;/code&gt;&lt;/pre&gt;
&lt;p&gt;How can i get the speech text in my app?&lt;/p&gt;</t>
  </si>
  <si>
    <t>2015-10-01 07:41:17.687000+00:00</t>
  </si>
  <si>
    <t>2016-01-25 06:32:58.400000+00:00</t>
  </si>
  <si>
    <t>android|service|keyword|voice-recognition|speech-to-text</t>
  </si>
  <si>
    <t>WP Widget Select Box selections not displaying correctly on save</t>
  </si>
  <si>
    <t>&lt;p&gt;I am attempting to create a custom Wordpress Widget, that has a dropdown select  field. Everything works, however when I go back to the widget (for example to edit) the select dropdown always displays the top result instead of my selection. Now what can I do? Please help me.&lt;/p&gt;
&lt;pre&gt;&lt;code&gt;public function form($three){
    ?&amp;gt;
        &amp;lt;div class="hut-widget-form"&amp;gt;
            &amp;lt;label for=""&amp;gt;Loop&amp;lt;/label&amp;gt;
            &amp;lt;select name="&amp;lt;?php echo $this-&amp;gt;get_field_name('loop') ?&amp;gt;" id="" class="widefat" &amp;gt; 
                &amp;lt;option  value="true" &amp;gt;True&amp;lt;/option&amp;gt;
                &amp;lt;option  value="false"&amp;gt;False&amp;lt;/option&amp;gt;
            &amp;lt;/select&amp;gt;
        &amp;lt;/div&amp;gt;
    &amp;lt;?php   
}
&lt;/code&gt;&lt;/pre&gt;</t>
  </si>
  <si>
    <t>2017-10-28 09:24:24.270000+00:00</t>
  </si>
  <si>
    <t>2017-10-28 20:00:38.257000+00:00</t>
  </si>
  <si>
    <t>wordpress|select|widget</t>
  </si>
  <si>
    <t>CSS/Javascript/Jquery 3D Rotation animation without CSS3 Transform?</t>
  </si>
  <si>
    <t>&lt;p&gt;I want to flip an object in a 3D-type manner, but I want the animation to be available to IE8+, Firefox, Opera, etc.  Obviously just collapsing it horizontally won't work, because it won't skew the image properly.  Is there any way to distort only part of an image, so the part that is 'closer' will be wider and the "farther" part will be thinner?&lt;/p&gt;
&lt;p&gt;Thanks!&lt;/p&gt;</t>
  </si>
  <si>
    <t>2013-04-06 15:59:43.887000+00:00</t>
  </si>
  <si>
    <t>Stringify error with parallel.js</t>
  </si>
  <si>
    <t>&lt;p&gt;I am trying to parallelize a JavaScript project using parallel.js, but I am running into some kind of parsing problems. &lt;/p&gt;
&lt;p&gt;The goal of the project is to have 9 ticket-sellers process customers in parallel. We have a working code right now, but the processing of the customers is still asynchronous, and we are trying to achieve the parallelization part using parallel.js.&lt;/p&gt;
&lt;p&gt;My original code in JS before parallelizing is:&lt;/p&gt;
&lt;pre&gt;&lt;code&gt;var ticketers = ["H", "M1", "M2", ...]; //There are 9 ticket-sellers
for(var i = 0; i &amp;lt; ticketers.length; i++) {
     ticketerBehavior(i);
}
&lt;/code&gt;&lt;/pre&gt;
&lt;p&gt;Where ticketers are the 9 ticket-sellers, and ticketerBehavior() is the function that takes care of what happens when a ticket-seller receives a customer.&lt;/p&gt;
&lt;p&gt;Using the parallel.js documentation and examples, this is what we tried out:&lt;/p&gt;
&lt;pre&gt;&lt;code&gt;var ticketBehav = function(ticketers){
    for (var i = 0; i &amp;lt; ticketers.length; i++)
            ticketerBehavior(i);
};
var p = new Parallel(100);
p.spawn(ticketBehav(ticketers)).then(console.log(ticketBehav(ticketers)));
&lt;/code&gt;&lt;/pre&gt;
&lt;p&gt;However, when we run the program, it gives us this error:&lt;/p&gt;
&lt;pre&gt;&lt;code&gt;/home/user/node_modules/paralleljs/lib/parallel.js:106
        return preStr + 'process.on("message", function(e)      {process.send(JSON.stringify((' + cb.toString() + ')(JSON.parse(e).data)))})';
                                                                                               ^
TypeError: Cannot read property 'toString' of undefined
at Parallel.getWorkerSource (/home/user/node_modules/paralleljs/lib/parallel.js:106:91)
&lt;/code&gt;&lt;/pre&gt;
&lt;p&gt;I tried googling the error but it does not return any results so far. I was a little confused on how to troubleshoot this error, since our data is technically serializable as JSON since they are only strings. Would a version compatibility cause any issues with running parallel.js as well?&lt;/p&gt;
&lt;p&gt;Could anyone please advise me on where to start troubleshooting? Any tips/advice would be appreciated. Thank you!&lt;/p&gt;</t>
  </si>
  <si>
    <t>2017-03-20 18:39:38.087000+00:00</t>
  </si>
  <si>
    <t>2017-03-21 00:41:21.837000+00:00</t>
  </si>
  <si>
    <t>2017-03-20 20:46:28.963000+00:00</t>
  </si>
  <si>
    <t>javascript|multithreading</t>
  </si>
  <si>
    <t>Unity WWW api call not working in iOS devices</t>
  </si>
  <si>
    <t>&lt;p&gt;I have a an api which is called on some event. The api works on the Web platform and on Editor too, but do not work on iOS devices. Here is my code where I called the api:&lt;/p&gt;
&lt;blockquote&gt;
&lt;pre&gt;&lt;code&gt;  string data = "{'UserName':'myUserName'," + 
                  "'Password':'myPass'}";   
  var encoding = new System.Text.UTF8Encoding();
  var header = new Hashtable();
  header.Add("content-type", "application/json");
  header.Add("content-length", data.Length);    
  Debug.Log("Time To Hit the api");
  ////Now below is the api I am hitting////
  WWW responseToken = new WWW(someLink, encoding.GetBytes(data), header); 
  yield return responseToken;       
  Debug.Log("Now get the response");
&lt;/code&gt;&lt;/pre&gt;
&lt;/blockquote&gt;
&lt;p&gt;Well I needed this api to work on my iOS devices as well. On iOS device when this code runs, it prints the log statement 'Time To Hit the api', but it never prints 'Now get the response' log.&lt;/p&gt;
&lt;p&gt;Please help me here, what am I doing wrong here?&lt;/p&gt;</t>
  </si>
  <si>
    <t>2013-09-14 10:53:10.933000+00:00</t>
  </si>
  <si>
    <t>2016-09-05 10:20:03.747000+00:00</t>
  </si>
  <si>
    <t>c#|unity3d</t>
  </si>
  <si>
    <t>Windows 7 advanced file searching criteria syntax</t>
  </si>
  <si>
    <t>&lt;p&gt;I need some help with the windows file search syntax for the criteria that the file name ends with 'xml' and the contents of the file contain the string 'bean'. So far I have it as:&lt;/p&gt;
&lt;pre&gt;&lt;code&gt;System.FileName:~&amp;gt;"xml" AND 
&lt;/code&gt;&lt;/pre&gt;
&lt;p&gt;what do I need to put after the &lt;code&gt;AND&lt;/code&gt;?&lt;/p&gt;</t>
  </si>
  <si>
    <t>2016-05-05 15:00:02.713000+00:00</t>
  </si>
  <si>
    <t>2016-05-05 15:03:21.577000+00:00</t>
  </si>
  <si>
    <t>search|windows-7</t>
  </si>
  <si>
    <t>Sticky Tooltips that show on click and hover</t>
  </si>
  <si>
    <t>&lt;p&gt;I am looking for a solution to allow a double behavior on click and on mouseover. Esentially, I need to display a div when hovering over an image but also to pin it (display it until another event) on the page and hide it if the user clicks outside of it / outside of the image. &lt;/p&gt;
&lt;p&gt;This is what I have so far&lt;/p&gt;
&lt;p&gt;&lt;strong&gt;HTML&lt;/strong&gt;
        Hiya&lt;/p&gt;&lt;/p&gt;
&lt;p&gt;&lt;strong&gt;JS&lt;/strong&gt;&lt;br&gt;
     &lt;/p&gt;
&lt;pre&gt;&lt;code&gt;$(document).ready(function() {
 $("#garden-1").mouseover(function(e) {
    //  Show my popup with slide effect, this can be a simple 
    $("#garden1").show("slow");
  // Bind click event to a link
  $("#garden-1").click(function(e) {
    e.preventDefault();
    //  Show my popup with slide effect, this can be a simple .show() or .fadeToggle()
    $("#garden1").slideToggle("slow");
  });
  // Cancel the mouseup event in the popup
  $("#garden1").mouseup(function() {
    return false
  });
  // Bind mouseup event to all the document
  $(document).mouseup(function(e) {
    // Check if the click is outside the popup
    if($(e.target).parents("#garden1").length==0 &amp;amp;&amp;amp; !$(e.target).is("#garden1")) {
      // Hide the popup
      $("#garden1").slideUp("slow");
    }
  });
});
&amp;lt;/script&amp;gt;
&lt;/code&gt;&lt;/pre&gt;
&lt;p&gt;However, the result is less than idea as you can see here: &lt;a href="http://candelascommunity.businesscatalyst.com/test" rel="nofollow"&gt;http://candelascommunity.businesscatalyst.com/test&lt;/a&gt;&lt;/p&gt;
&lt;p&gt;What am I doing wrong? &lt;/p&gt;
&lt;p&gt;Thanks!&lt;/p&gt;</t>
  </si>
  <si>
    <t>2013-10-21 18:37:50.840000+00:00</t>
  </si>
  <si>
    <t>2013-10-21 20:37:02.107000+00:00</t>
  </si>
  <si>
    <t>What should I learn to really understand NSData, NSMutableData, NSString in iOS?</t>
  </si>
  <si>
    <t>&lt;p&gt;I am an intermediate student in iOS development, I am trying to make a method that uploads an image to a server. I understand the server side scripting in PHP.&lt;/p&gt;
&lt;p&gt;But when I am following a tutorial to upload an image in Xcode, I don't really grasp about NSData, NSObject, NSMutableData, NSString, it seems the tutorial doesn't really the fundamental aspect of &lt;strong&gt;NSData, NSMutableData, NSString&lt;/strong&gt;...&lt;/p&gt;
&lt;p&gt;If want to take beautiful display, I should learn about auto layout, collection view etc.&lt;/p&gt;
&lt;p&gt;So, what kind of topic in iOS development that I should learn to really understand about these things step by step? It seems that I never learn specifically about these things. I don't know where to start.&lt;/p&gt;
&lt;p&gt;The code to upload an image is like this:&lt;/p&gt;
&lt;pre&gt;&lt;code&gt;func createBodyWithParameters(parameters: [String: String]?, filePathKey: String?, imageDataKey: NSData, boundary: String) -&amp;gt; NSData {
        let body = NSMutableData();
        if parameters != nil {
            for (key, value) in parameters! {
                body.appendString("--\(boundary)\r\n")
                body.appendString("Content-Disposition: form-data; name=\"\(key)\"\r\n\r\n")
                body.appendString("\(value)\r\n")
            }
        }
                let filename = "user-profile.jpg"
                let mimetype = "image/jpg"
                body.appendString("--\(boundary)\r\n")
                body.appendString("Content-Disposition: form-data; name=\"\(filePathKey!)\"; filename=\"\(filename)\"\r\n")
                body.appendString("Content-Type: \(mimetype)\r\n\r\n")
                body.appendData(imageDataKey)
                body.appendString("\r\n")
        body.appendString("--\(boundary)--\r\n")
        return body
    }
    func generateBoundaryString() -&amp;gt; String {
        return "Boundary-\(NSUUID().UUIDString)"
    }
}
extension NSMutableData {
    func appendString(string: String) {
        let data = string.dataUsingEncoding(NSUTF8StringEncoding, allowLossyConversion: true)
        appendData(data!)
    }
}
&lt;/code&gt;&lt;/pre&gt;</t>
  </si>
  <si>
    <t>2017-12-15 04:33:48.370000+00:00</t>
  </si>
  <si>
    <t>2017-12-15 10:32:49.127000+00:00</t>
  </si>
  <si>
    <t>Displaying selections to an SVG rectangle (JavaScript)</t>
  </si>
  <si>
    <t>&lt;p&gt;I saw &lt;a href="https://stackoverflow.com/questions/51848280/property-map-of-undefined-javascript"&gt;this post last night&lt;/a&gt; and wanted to replicate it/make it better - because it interested me. However, I'm stuck on displaying the selections to an SVG rectangle. I thought by appending text to the function where the Lasso is called would work, however it doesn't. I've included the problematic code and would like to know where I've gone wrong for me to improve. Thanks.&lt;/p&gt;
&lt;p&gt;If you need anymore code, holla. &lt;/p&gt;
&lt;pre&gt;&lt;code&gt;var textBox = svg.append("g")
        .attr("transform", "translate(5,385)");
textBox.append("rect")
        .attr("height", 10)
        .attr("width", 100)
        .style("stroke", "black")
        .style("fill", "none")
        .style("stroke-width", 1);
        var lasso_start = function() {
        lasso.items()
            .attr("r",7) 
            .classed("not_possible",true)
            .classed("selected",false);
};
var lasso_draw = function() {
        lasso.possibleItems()
            .classed("not_possible",false)
            .classed("possible",true);
        lasso.notPossibleItems()
            .classed("not_possible",true)
            .classed("possible",false);
};
var lasso_end = function() {
        lasso.items()
            .classed("not_possible",false)
            .classed("possible",false);
        selected = lasso.selectedItems()
            .classed("selected", true)
            .attr("r", 13);
        var selectedDots = selected.data().map(d=&amp;gt;d[0]);
};
var lasso = d3.lasso()
        .closePathSelect(true)
        .closePathDistance(100)
        .items(circles)
        .targetArea(area)
        .on("start",lasso_start)
        .on("draw",lasso_draw)
        .on("end",function(d) {
            textBox.append("text")
                .attr("x", 10)
                .attr("y", 20)
                .text(lasso_end)
});
svg.call(lasso);
&lt;/code&gt;&lt;/pre&gt;</t>
  </si>
  <si>
    <t>2018-08-15 17:42:04.723000+00:00</t>
  </si>
  <si>
    <t>2018-08-15 20:50:50.700000+00:00</t>
  </si>
  <si>
    <t>Confused about AngularJS dependency injection inconsistency</t>
  </si>
  <si>
    <t>&lt;p&gt;I am new to &lt;code&gt;angular.js&lt;/code&gt;, and went through several tutorials, including all of the ones here on &lt;strong&gt;&lt;a href="http://campus.codeschool.com/courses/shaping-up-with-angular-js/intro"&gt;codeschool&lt;/a&gt;&lt;/strong&gt;. I found them very useful, and learned a lot. But now that I have finished my "introduction" and am getting into trying to use it in some things, I am finding some confusing inconsistencies, most notably, "dependency injection".&lt;/p&gt;
&lt;p&gt;In the tutorials I took, dependencies for services were done like this;&lt;/p&gt;
&lt;pre&gt;&lt;code&gt;app.controller('name', [ $http, $scope, function($http, $scope) {
   // .. code ... //
}]);
&lt;/code&gt;&lt;/pre&gt;
&lt;p&gt;This strikes me as odd, but it works anyway. I was confused as to why the &lt;code&gt;[]&lt;/code&gt; didn't terminate before the function (I am &lt;strong&gt;presuming&lt;/strong&gt; this is what you refer to as a &lt;em&gt;'callback'&lt;/em&gt; function in javascript?). I was expecting it more like &lt;code&gt;require.js&lt;/code&gt; where it would have been ...&lt;/p&gt;
&lt;pre&gt;&lt;code&gt;app.controller('name', [ '$http', '$scope' ], function($http, $scope) { });
&lt;/code&gt;&lt;/pre&gt;
&lt;p&gt;However then I began to look at examples and demos of angular online, and I found this wasn't consistent. For instance, examine the following links;&lt;/p&gt;
&lt;ul&gt;
&lt;li&gt;&lt;a href="https://medium.com/opinionated-angularjs/angular-model-objects-with-javascript-classes-2e6a067c73bc"&gt;medium.com&lt;/a&gt;&lt;/li&gt;
&lt;li&gt;&lt;a href="http://blog.revolunet.com/blog/2014/02/14/angularjs-services-inheritance/"&gt;revolunet.com&lt;/a&gt;&lt;/li&gt;
&lt;li&gt;&lt;a href="http://demos.telerik.com/kendo-ui/scheduler/angular"&gt;kendo.ui&lt;/a&gt;&lt;/li&gt;
&lt;/ul&gt;
&lt;p&gt;In each of these, I see dependency injection used like this;&lt;/p&gt;
&lt;pre&gt;&lt;code&gt;app.controller('name', function($http, AdvancedGithubUser) { });
app.controller('name', function($scope){ });
function controllerName($scope) { };
&lt;/code&gt;&lt;/pre&gt;
&lt;p&gt;They completely bypass the &lt;code&gt;array&lt;/code&gt; like syntax, and all three are different. In one, it takes a type of object that is declared somewhere else, but I don't see any wiring done to point to it. &lt;/p&gt;
&lt;p&gt;In another, it just kind of has these objects.&lt;/p&gt;
&lt;p&gt;And still in another, the 'name' part of the &lt;code&gt;controller&lt;/code&gt; is the name of the function, and I see nothing that really denotes it as a &lt;code&gt;controller&lt;/code&gt;, but it is used that way in directives.&lt;/p&gt;
&lt;p&gt;Can anyone explain this to me? I am completely lost now. This inconsistency makes it a bit difficult to pick up the techniques.&lt;/p&gt;</t>
  </si>
  <si>
    <t>2014-07-29 16:30:53.880000+00:00</t>
  </si>
  <si>
    <t>2014-07-29 17:05:46.060000+00:00</t>
  </si>
  <si>
    <t>WPF Expander to expand on far right side of application</t>
  </si>
  <si>
    <t>&lt;p&gt;I would like to alter my program so that when an image is clicked it reveals a sidebar on the far right side of the application.&lt;/p&gt;
&lt;p&gt;I have currently been trying to achieve this using an &lt;code&gt;Expander&lt;/code&gt;. This is what it looks like so far:&lt;/p&gt;
&lt;p&gt;&lt;img src="https://i.stack.imgur.com/tyX4b.jpg" alt="enter image description here"&gt;&lt;/p&gt;
&lt;pre&gt;&lt;code&gt;&amp;lt;Expander&amp;gt;
         &amp;lt;Expander.Header&amp;gt;
               &amp;lt;Image Width="200" Height="300" Source="{Binding image}"/&amp;gt;
         &amp;lt;/Expander.Header&amp;gt;
         &amp;lt;i:Interaction.Behaviors&amp;gt;
            &amp;lt;local:UniqueNameBehavior ID="{Binding id}"/&amp;gt;
         &amp;lt;/i:Interaction.Behaviors&amp;gt;
         &amp;lt;StackPanel Margin="10,4,0,0"&amp;gt;
               &amp;lt;ToggleButton Margin="4" Content="Option 1" Template="{StaticResource SimpleExpanderButtonTemp}"/&amp;gt;
                &amp;lt;ListView&amp;gt;
                     &amp;lt;TextBox Text="Search" /&amp;gt;
                 &amp;lt;/ListView&amp;gt;
         &amp;lt;/StackPanel&amp;gt;
&amp;lt;/Expander&amp;gt;
&lt;/code&gt;&lt;/pre&gt;
&lt;p&gt;The idea is that whenever any movie is clicked, a sidebar on the far right side of the app is revealed containing info about the movie. If another movie is subsequently clicked, the sidebar will now contain info about the new movie.&lt;/p&gt;
&lt;p&gt;I know that it is possible to change the &lt;code&gt;ExpandDirection&lt;/code&gt;, but this  only results in the content appearing beside the image as opposed to the far right of the application.&lt;/p&gt;
&lt;p&gt;I've also tried adjusting the &lt;code&gt;Margin&lt;/code&gt; of &lt;code&gt;StackPanel&lt;/code&gt; but this results in the surrounding movies being pushed aside.&lt;/p&gt;
&lt;p&gt;Could someone please help me out with how I can achieve this?&lt;/p&gt;
&lt;p&gt;Thank you for your help!&lt;/p&gt;</t>
  </si>
  <si>
    <t>2014-12-17 06:40:23.770000+00:00</t>
  </si>
  <si>
    <t>2014-12-17 10:23:41.280000+00:00</t>
  </si>
  <si>
    <t>2014-12-17 06:55:07.013000+00:00</t>
  </si>
  <si>
    <t>c#|wpf|sidebar|expander</t>
  </si>
  <si>
    <t>Mysql one query fail in a group of statements</t>
  </si>
  <si>
    <t>&lt;p&gt;I had an error about 1 month ago that hasn't happened again. (See: &lt;a href="https://stackoverflow.com/questions/24782271/mysqlerror-duplicate-entry-1-5-for-key-primary-on-insert-unsure-of-how"&gt;MysqlError: Duplicate entry &amp;#39;1-5&amp;#39; for key &amp;#39;PRIMARY&amp;#39; on insert unsure of how&lt;/a&gt;)&lt;/p&gt;
&lt;p&gt;This is a follow up question to that.&lt;/p&gt;
&lt;p&gt;The error hasn't happened since then and I am starting to wonder if it is possible for one query to fail out of a bunch. (You can refer back to the other question for the queries)&lt;/p&gt;
&lt;p&gt;Is it possible that mysql_num_rows could return FALSE if there was a connection blip? (The rest of the queries in the transaction seemed to work fine). I have also tried replying the exact scenario without error.&lt;/p&gt;</t>
  </si>
  <si>
    <t>2014-08-20 19:48:28.033000+00:00</t>
  </si>
  <si>
    <t>2014-08-20 19:50:18.207000+00:00</t>
  </si>
  <si>
    <t>2017-05-23 11:49:31.240000+00:00</t>
  </si>
  <si>
    <t>How to organize pods with non-replicatable containers in kubernetes?</t>
  </si>
  <si>
    <t>&lt;p&gt;I'm trying to get my head around kubernetes.&lt;/p&gt;
&lt;p&gt;I understand that pods are a great way to organize containers that are related. I understand that replication controllers are a great way to ensure they are up and running.&lt;/p&gt;
&lt;p&gt;However, I do not get how to do it in real life.&lt;/p&gt;
&lt;p&gt;Given a webapp with, say a rails app on unicorn, behind nginx with a postgres database.&lt;/p&gt;
&lt;p&gt;The nginx and rails app can autoscale horizontally (if they are shared nothing), but postgres can't out of the box.&lt;/p&gt;
&lt;p&gt;Does that mean I can't organize the postgres database within the same pod as nginx and rails, when I want to have two servers behind a loadbalancer? Does postgres need an own replication controller and is simply a service within the cluster?&lt;/p&gt;
&lt;p&gt;The general question about that is: In common webscenarios, what kind of containers are going into one pod? I know that this can't be answered generally, so the ideas behind it are interesting.&lt;/p&gt;</t>
  </si>
  <si>
    <t>2016-02-11 19:34:57.570000+00:00</t>
  </si>
  <si>
    <t>2016-02-12 01:08:59.040000+00:00</t>
  </si>
  <si>
    <t>postgresql|kubernetes</t>
  </si>
  <si>
    <t>Authenticating PubSub Push messages in AppEngine</t>
  </si>
  <si>
    <t>&lt;p&gt;Is there a way to know for sure that a message received by app engine is from the Google PubSub service? Currently the PubSub service gets a 302 on the URLs configured as "login: admin" in appengine app.yaml. So it keeps retrying. &lt;/p&gt;
&lt;p&gt;I would have expected this to behave like the Tasks in Appengine and automatically authenticate to "login:admin" URLs.&lt;/p&gt;</t>
  </si>
  <si>
    <t>2016-04-07 12:22:51.887000+00:00</t>
  </si>
  <si>
    <t>2016-04-10 11:19:22.633000+00:00</t>
  </si>
  <si>
    <t>google-app-engine|google-cloud-pubsub</t>
  </si>
  <si>
    <t>C++ Updating a variable in object of derived class via pointer</t>
  </si>
  <si>
    <t>&lt;p&gt;I am building a linked list, where nodes are all linked to Head.  The Head is derived from node, but the Head requires a pointer to last node.  See the comment at the top of code.&lt;/p&gt;
&lt;pre&gt;&lt;code&gt;/*      Base &amp;lt;= node &amp;lt;= node &amp;lt;= node
 *       |                       ^
 *       |    ptr to last node   |
 *       -------------------------
 */
class Node {
 private:
    Node* prev;
 public:
    explicit Node(Node* parent) : prev(parent) {
        Node* foo_ptr = this;
        while (foo_ptr-&amp;gt;prev != 0) {
            foo_ptr = foo_ptr-&amp;gt;prev;
        }
        // foo_ptr points to Base, how can I now change Base::last?
    }
};
class Base : public Node {
 private:
    Node* last;
 public:
    Base() : Node(0), last(this) {}
};
&lt;/code&gt;&lt;/pre&gt;
&lt;p&gt;How can I change change variable &lt;code&gt;Base::last&lt;/code&gt; when adding new node, for example:&lt;/p&gt;
&lt;pre&gt;&lt;code&gt;Node* n = new Base;
new Node(n);            // can Node constructor update n-&amp;gt;last?
&lt;/code&gt;&lt;/pre&gt;
&lt;p&gt;I was thinking to use virtual function to update the variable, but according to this post:  &lt;a href="https://stackoverflow.com/questions/962132/calling-virtual-functions-inside-constructors"&gt;Calling virtual functions inside constructors&lt;/a&gt;, its a no no so I do not want to do it.  So is there a good way of achieving this type of linked list?&lt;/p&gt;
&lt;p&gt;Thanks...&lt;/p&gt;</t>
  </si>
  <si>
    <t>2015-06-18 20:48:03.030000+00:00</t>
  </si>
  <si>
    <t>2015-06-21 13:59:54.273000+00:00</t>
  </si>
  <si>
    <t>2017-05-23 12:22:19.133000+00:00</t>
  </si>
  <si>
    <t>c++|inheritance|linked-list</t>
  </si>
  <si>
    <t>Sending Stock Update Email Magento</t>
  </si>
  <si>
    <t>&lt;p&gt;I have been working on this stock update email alert module for my Magento store and I based my code on &lt;a href="https://magento.stackexchange.com/questions/1642/daily-admin-email-for-products-that-went-out-of-stock-that-day"&gt;a magento stack exchange thread here&lt;/a&gt;. After much fiddling I got my own version to work. I was wondering why the example code did not work:&lt;/p&gt;
&lt;pre&gt;&lt;code&gt;class MyCompany_MyModule_Model_Observer
{
    public function lowStockReport($observer)
    {
        $stockItem = $observer-&amp;gt;getEvent();
        if($stockItem-&amp;gt;getQty() &amp;lt; $stockItem-&amp;gt;getNotifyStockQty()){
            //stock is lower than the notify amount, send email
            $product = Mage::getModel('catalog/product')-&amp;gt;load($stockItem-&amp;gt;getProductId());
            $body = "{$product-&amp;gt;getName()} :: {$product-&amp;gt;getSku()} just Ran out of stock:\n\n";
            $body .= "Current Qty: {$stockItem-&amp;gt;getQty()}\n";
            $body .= "Low Stock Date: {$stockItem-&amp;gt;getLowStockDate()}\n";
            $mail = new Zend_Mail();
            $mail-&amp;gt;setType(Zend_Mime::MULTIPART_RELATED);
            $mail-&amp;gt;setBodyHtml($body);
            $mail-&amp;gt;setFrom('lowstock@yourwebsite.com', 'Low Stock Notifier');
            $mail-&amp;gt;addTo('youremail@gmail.com', 'Your Name Here');
            $mail-&amp;gt;setSubject('[Notice] An Item Has Gone Out of Stock');
            $mail-&amp;gt;send();
        }
    }
} 
&lt;/code&gt;&lt;/pre&gt;
&lt;p&gt;However, my dirtier code did work just fine:&lt;/p&gt;
&lt;pre&gt;&lt;code&gt;class Custom_Stockupdate_Model_Observer
{
    public function lowStockReport($observer)
    {
        $stockItem = $observer-&amp;gt;getEvent();
        $myItem = ($stockItem-&amp;gt;debug());
        $theQty = $myItem['data_object (Mage_CatalogInventory_Model_Stock_Item)']['qty'];
        $theId = $myItem['data_object (Mage_CatalogInventory_Model_Stock_Item)']['product_id'];
        if($theQty == '0'){
            //stock is lower than the notify amount, send email
            $product = Mage::getModel('catalog/product')-&amp;gt;load($theId);
            $body = "{$product-&amp;gt;getName()} :: {$product-&amp;gt;getSku()} just Ran out of stock:\n\n";
            $body .= "Current Qty: {$theQty}\n";
            $mail = new Zend_Mail();
            $mail-&amp;gt;setType(Zend_Mime::MULTIPART_RELATED);
            $mail-&amp;gt;setBodyHtml($body);
            $mail-&amp;gt;setFrom('lowstock@yourwebsite.com', 'Low Stock Notifier');
            $mail-&amp;gt;addTo('youremail@gmail.com', 'Your Name Here');
            $mail-&amp;gt;setSubject('[Notice] An Item Has Gone Out of Stock');
            $mail-&amp;gt;send();
        }
    }
} 
&lt;/code&gt;&lt;/pre&gt;
&lt;p&gt;Any critiques and best practices I missed would be much appreciated since I am still a novice.&lt;/p&gt;</t>
  </si>
  <si>
    <t>2015-02-26 18:38:18.620000+00:00</t>
  </si>
  <si>
    <t>2015-02-26 20:25:34.460000+00:00</t>
  </si>
  <si>
    <t>2017-04-13 12:54:55.673000+00:00</t>
  </si>
  <si>
    <t>php|magento|zend-framework</t>
  </si>
  <si>
    <t>How to pull data and export to excel within an ajax framework</t>
  </si>
  <si>
    <t>&lt;p&gt;I have a very specific problem and i'm looking for input on a good way to approach it.&lt;/p&gt;
&lt;p&gt;edit:(&lt;a href="https://stackoverflow.com/questions/2274653/export-to-excel-from-the-clientside"&gt;simplified question&lt;/a&gt;)  &lt;/p&gt;
&lt;p&gt;Essentially I have been working on a remote monitoring system for retail kiosks.  I am operating within a framework that is entirely dependent on AJAX.  I have been using XML to pass data between the clientside/serverside scripts that I use.&lt;/p&gt;
&lt;p&gt;On the clientside a user is presented with a datepicker (jquery) and my script pulls any data that is relevant.&lt;/p&gt;
&lt;p&gt;Now, I have been charged with the task of taking these tables (populated via ajax) and exporting them to excel.  I would like this functionality to be as flexible as possible.  This is a very young project and the requirements will be changing from client to client.  &lt;strong&gt;Flexibility&lt;/strong&gt;, simplicity, and rapid development are my primary concerns.  Data will vary from one table with simple data structure, to very non-uniform ways of storing data.  ex: multiple tables, images, graphs.&lt;/p&gt;
&lt;p&gt;&lt;strong&gt;EDIT:&lt;/strong&gt; A key to my situation is that I am not open to any third-party extensions that are not &lt;strong&gt;&lt;em&gt;widely&lt;/em&gt;&lt;/strong&gt; utilized, professional, and will continue to be developed for quite some time.  Ex: JQuery.&lt;/p&gt;
&lt;p&gt;Easy enough... right?&lt;/p&gt;
&lt;p&gt;I did a bit of research and stumbled upon &lt;a href="http://pear.php.net/package/Spreadsheet_Excel_Writer/redirected" rel="nofollow noreferrer"&gt;this&lt;/a&gt; PEAR plugin to make exporting to excel via PHP easy.  Good to go, I wrote a script that takes an array and writes it to a spreadsheet.&lt;/p&gt;
&lt;p&gt;Now, how do I pass the data to this function?&lt;/p&gt;
&lt;p&gt;I have decided that it is essential to do this from the clientside.  I have hard-coded table headers that I am planning on including in the spreadsheet.&lt;/p&gt;
&lt;p&gt;I've recently discovered it's not really all that practical to ship the data via AJAX to my Excel-exporting class due to the inability to actually send the file (which is done via the headers).&lt;/p&gt;
&lt;p&gt;&lt;strong&gt;I have a scope issue.&lt;/strong&gt;  How to pass the data from clientside -&gt; serverside outside of my ajax driven framework.&lt;/p&gt;
&lt;p&gt;I have several approaches I'm looking at for where to actually retrieve the data from.&lt;/p&gt;
&lt;p&gt;1)Read the data from the HTML of a table, format it into JSON, pass via form submission to my excelWriter.php file.  This has the advantage of efficiency and clarity.&lt;/p&gt;
&lt;p&gt;&lt;strong&gt;BUT&lt;/strong&gt; it limits the excelWriter.php to only printing elements that I &lt;em&gt;specifically&lt;/em&gt; code it to handle.  This function will be complex, given that data might be formatted differently in the future.  I would need to be able to pull data from multiple tables (how do I pull that data?), images, graphs rendered in flash (might not be possible...).&lt;/p&gt;
&lt;p&gt;I am concerned about rewriting this function every time I add a new type of data or display.&lt;/p&gt;
&lt;p&gt;2) Pull the data as I am formatting it into html.  Essentially, I am parsing this response object and formatting it into a string and rendering it into HTML.  I could take relevant data, images, graphical elements, and shove them into a json generating function.&lt;/p&gt;
&lt;p&gt;The benefit to this is I would have exact control over when and where I pull data.  It would be really simple to execute, modify, and get a finished version of this script.&lt;/p&gt;
&lt;p&gt;The drawbacks are obvious.  Readability is sacrificed, it's not object oriented... not all that creative (i like being creative =P)&lt;/p&gt;
&lt;p&gt;snippet:&lt;/p&gt;
&lt;pre&gt;&lt;code&gt;$.each(results.sale, function(i)
{
 if(difference &amp;gt;=2)
 {
  this.time = String(this.time);
  this.time = this.time.substr(5,2)+'/'+this.time.substr(8)+'/'+this.time.substr(0,4);
  //this.time would be packaged in a json object, along with other data i'd like to export to excel
 }
 htmlStr += "    &amp;lt;tr&amp;gt;"; 
 htmlStr += '     &amp;lt;td class="contentTableKey"&amp;gt;'+ this.time +'&amp;lt;/td&amp;gt;';
 htmlStr += '     &amp;lt;td class="contentTableValue"&amp;gt;$'+this.amount+'&amp;lt;/td&amp;gt;';
 htmlStr += "    &amp;lt;/tr&amp;gt;";
 total += parseInt(this.amount);
});
htmlStr += '    &amp;lt;/tbody&amp;gt;';
htmlStr += '    &amp;lt;tfoot&amp;gt;';
htmlStr += '     &amp;lt;tr&amp;gt;';
htmlStr += '      &amp;lt;td id="salesTotal" class="contentTableValue"&amp;gt;&amp;lt;/td&amp;gt;';
htmlStr += '      &amp;lt;td id="salesTotal" class="contentTableValue"&amp;gt;$'+total+'&amp;lt;/td&amp;gt;';
htmlStr += '     &amp;lt;/tr&amp;gt;';
htmlStr += '    &amp;lt;/tfoot&amp;gt;';
htmlStr += '   &amp;lt;/table&amp;gt;';
htmlStr += '  &amp;lt;/div&amp;gt;&amp;lt;/div&amp;gt;';
htmlStr += ' &amp;lt;/li&amp;gt;';
htmlStr += '&amp;lt;/ul&amp;gt;';
$("#contentData").html(htmlStr);
&lt;/code&gt;&lt;/pre&gt;
&lt;p&gt;It's a bit long, and detailed (too detailed??). Thanks for taking the time to read this.&lt;/p&gt;</t>
  </si>
  <si>
    <t>2010-02-16 15:58:24.933000+00:00</t>
  </si>
  <si>
    <t>2010-02-16 17:02:15.263000+00:00</t>
  </si>
  <si>
    <t>2017-05-23 10:34:18.037000+00:00</t>
  </si>
  <si>
    <t>javascript|excel|scope</t>
  </si>
  <si>
    <t>Getting the raw request and response SOAP XML in CXF</t>
  </si>
  <si>
    <t>&lt;p&gt;How can I get access to the raw request and response XMLs? I wrote an interceptor but message.getContent(String.class) return empty. Am I missing something?&lt;/p&gt;</t>
  </si>
  <si>
    <t>2016-12-05 23:04:49.537000+00:00</t>
  </si>
  <si>
    <t>2016-12-06 11:01:40.960000+00:00</t>
  </si>
  <si>
    <t>c#|cxf</t>
  </si>
  <si>
    <t>GraphViz keep node position with dot</t>
  </si>
  <si>
    <t>&lt;p&gt;i know there are some related questions but I am wondering if there are better solutions in forcing graphviz to keep node positions in defined order.&lt;/p&gt;
&lt;p&gt;Here is the my Problem:
I have two subgraphs with each 5 nodes. Each node is connected to each node of the other graph. I want the nodes to stay in order from 1-1 to 1-5. But graphviz always mixes them up.&lt;/p&gt;
&lt;p&gt;Here is the graph, i am using DOT:&lt;/p&gt;
&lt;pre&gt;&lt;code&gt;digraph G {
rankdir=LR;
ranksep=4.0;
subgraph cluster_1 {
rank=same;
label="Nr:1";
"1-1" [width=1, shape=circle, style=filled, fillcolor="#E3A869", label="1-1"];
"1-2" [width=1, shape=circle, style=filled, fillcolor="#E3A869", label="1-2"];
"1-3" [width=1, shape=circle, style=filled, fillcolor="#E3A869", label="1-3"];
"1-4" [width=1, shape=circle, style=filled, fillcolor="#E3A869", label="1-4"];
"1-5" [width=1, shape=circle, style=filled, fillcolor="#E3A869", label="1-5"];
}
subgraph cluster_2 {
rank=same;
label="Nr:2";
"2-1" [width=1, shape=circle, style=filled, fillcolor="#E3A869", label="2-1"];
"1-1" -&amp;gt; "2-1"  [color=blue, labelfontcolor="#009933", fontsize="10.0", penwidth=1];
"1-2" -&amp;gt; "2-1"  [color=blue, labelfontcolor="#009933", fontsize="10.0", penwidth=1];
"1-3" -&amp;gt; "2-1"  [color=blue, labelfontcolor="#009933", fontsize="10.0", penwidth=1];
"1-4" -&amp;gt; "2-1"  [color=blue, labelfontcolor="#009933", fontsize="10.0", penwidth=1];
"1-5" -&amp;gt; "2-1"  [color=blue, labelfontcolor="#009933", fontsize="10.0", penwidth=1];
"2-2" [width=1, shape=circle, style=filled, fillcolor="#E3A869", label="2-2"];
"1-1" -&amp;gt; "2-2"  [color=blue, labelfontcolor="#009933", fontsize="10.0", penwidth=1];
"1-2" -&amp;gt; "2-2"  [color=blue, labelfontcolor="#009933", fontsize="10.0", penwidth=1];
"1-3" -&amp;gt; "2-2"  [color=blue, labelfontcolor="#009933", fontsize="10.0", penwidth=1];
"1-4" -&amp;gt; "2-2"  [color=blue, labelfontcolor="#009933", fontsize="10.0", penwidth=1];
"1-5" -&amp;gt; "2-2"  [color=blue, labelfontcolor="#009933", fontsize="10.0", penwidth=1];
"2-3" [width=1, shape=circle, style=filled, fillcolor="#E3A869", label="2-3"];
"1-1" -&amp;gt; "2-3"  [color=blue, labelfontcolor="#009933", fontsize="10.0", penwidth=1];
"1-2" -&amp;gt; "2-3"  [color=blue, labelfontcolor="#009933", fontsize="10.0", penwidth=1];
"1-3" -&amp;gt; "2-3"  [color=blue, labelfontcolor="#009933", fontsize="10.0", penwidth=1];
"1-4" -&amp;gt; "2-3"  [color=blue, labelfontcolor="#009933", fontsize="10.0", penwidth=1];
"1-5" -&amp;gt; "2-3"  [color=blue, labelfontcolor="#009933", fontsize="10.0", penwidth=1];
"2-4" [width=1, shape=circle, style=filled, fillcolor="#E3A869", label="2-4"];
"1-1" -&amp;gt; "2-4"  [color=blue, labelfontcolor="#009933", fontsize="10.0", penwidth=1];
"1-2" -&amp;gt; "2-4"  [color=blue, labelfontcolor="#009933", fontsize="10.0", penwidth=1];
"1-3" -&amp;gt; "2-4"  [color=blue, labelfontcolor="#009933", fontsize="10.0", penwidth=1];
"1-4" -&amp;gt; "2-4"  [color=blue, labelfontcolor="#009933", fontsize="10.0", penwidth=1];
"1-5" -&amp;gt; "2-4"  [color=blue, labelfontcolor="#009933", fontsize="10.0", penwidth=1];
"2-5" [width=1, shape=circle, style=filled, fillcolor="#E3A869", label="2-5"];
"1-1" -&amp;gt; "2-5"  [color=blue, labelfontcolor="#009933", fontsize="10.0", penwidth=1];
"1-2" -&amp;gt; "2-5"  [color=blue, labelfontcolor="#009933", fontsize="10.0", penwidth=1];
"1-3" -&amp;gt; "2-5"  [color=blue, labelfontcolor="#009933", fontsize="10.0", penwidth=1];
"1-4" -&amp;gt; "2-5"  [color=blue, labelfontcolor="#009933", fontsize="10.0", penwidth=1];
"1-5" -&amp;gt; "2-5"  [color=blue, labelfontcolor="#009933", fontsize="10.0", penwidth=1];
}
&lt;/code&gt;&lt;/pre&gt;
&lt;p&gt;&lt;img src="https://i.stack.imgur.com/WuFnI.png" alt="Nodes in wrong order"&gt;&lt;/p&gt;</t>
  </si>
  <si>
    <t>2013-04-02 10:40:03.450000+00:00</t>
  </si>
  <si>
    <t>2013-04-02 19:03:46.303000+00:00</t>
  </si>
  <si>
    <t>graphviz</t>
  </si>
  <si>
    <t>redirect image to different image htaccess</t>
  </si>
  <si>
    <t>&lt;p&gt;I have tried cpanel redirect but it is not specific. I made a change to my site where anyone using a now old image needs to show a new image. I would like to redirect the link to the old image to the url to the new image.&lt;/p&gt;
&lt;p&gt;I have an image
&lt;a href="http://mysite.com/images/image.png" rel="nofollow"&gt;http://mysite.com/images/image.png&lt;/a&gt;&lt;/p&gt;
&lt;p&gt;When the image is called I want to show
&lt;a href="http://mysite.com/images/image.gif" rel="nofollow"&gt;http://mysite.com/images/image.gif&lt;/a&gt;&lt;/p&gt;
&lt;p&gt;What do I add to htaccess to create this specific rule?&lt;/p&gt;
&lt;p&gt;Note that image1 is a png and I am replacing it with a gif so I cant just overwrite with the new image. This is why I am looking for a redirect solution.&lt;/p&gt;
&lt;p&gt;EDIT: I can give the image the same name, it will just have different extension.&lt;/p&gt;
&lt;p&gt;EDIT 2: change to show image would have the same name, different extension.&lt;/p&gt;</t>
  </si>
  <si>
    <t>2013-06-01 01:25:45.653000+00:00</t>
  </si>
  <si>
    <t>2013-06-01 02:09:25.150000+00:00</t>
  </si>
  <si>
    <t>image|.htaccess|redirect</t>
  </si>
  <si>
    <t>How to make pages to move left or right after button was pressed(animation)?</t>
  </si>
  <si>
    <t>&lt;p&gt;I am looking for way to make all pages move left,right,top,down. Everything is ok with down and up.Right and left dont work exectly like I want.There are white space between pages. I put all pages in a big container. I use three smaller containers(display flex). I hidden all pages. Only one we can see. When we move down and up we see fist child of next(last)container. When we move on sides we move to nextSubline.Part down and up works. But when sides move, I first see like page move than white screen and than a new page.Is any ideas why between two pages is white? I guess that problem is im my css transform. I gave not correct, but can't find way how I should make it. &lt;/p&gt;
&lt;p&gt;&lt;div class="snippet" data-lang="js" data-hide="false" data-console="true" data-babel="false"&gt;_x000D_
&lt;div class="snippet-code"&gt;_x000D_
&lt;pre class="snippet-code-js lang-js prettyprint-override"&gt;&lt;code&gt;var down = document.getElementsByClassName("btn-arrow-down");_x000D_
_x000D_
for (var i = 0; i &amp;lt; down.length; i++) {_x000D_
    down[i].onclick = function showNext() {_x000D_
        var parent = this.parentElement;_x000D_
        var ourCont = parent.parentElement;_x000D_
        var nextCont = ourCont.nextElementSibling;_x000D_
        var pageToShow = nextCont.firstElementChild;_x000D_
        var contToMove = ourCont.parentElement;_x000D_
_x000D_
        function animationEnded() {_x000D_
            contToMove.classList.remove('page-moveUp');_x000D_
            parent.classList.remove('page-visible');_x000D_
            contToMove.removeEventListener('animationend', animationEnded);_x000D_
        }_x000D_
        contToMove.addEventListener('animationend', animationEnded);_x000D_
        pageToShow.classList.add('page-visible');_x000D_
        contToMove.classList.add('page-moveUp');_x000D_
_x000D_
    }_x000D_
}_x000D_
_x000D_
var up = document.getElementsByClassName("btn-arrow-up");_x000D_
_x000D_
for (var i = 0; i &amp;lt; up.length; i++) {_x000D_
    up[i].onclick = function showLast() {_x000D_
        var parent = this.parentElement;_x000D_
        var ourCont = parent.parentElement;_x000D_
        var lastCont = ourCont.previousElementSibling;_x000D_
        var pageToShow = lastCont.firstElementChild;_x000D_
        var contToMove = ourCont.parentElement;_x000D_
_x000D_
        function animationEnded() {_x000D_
            contToMove.classList.remove('page-moveDown');_x000D_
            parent.classList.remove('page-visible');_x000D_
            contToMove.removeEventListener('animationend', animationEnded);_x000D_
        }_x000D_
        contToMove.addEventListener('animationend', animationEnded);_x000D_
_x000D_
        pageToShow.classList.add('page-visible');_x000D_
        contToMove.classList.add('page-moveDown');_x000D_
_x000D_
_x000D_
    }_x000D_
_x000D_
}_x000D_
_x000D_
var left = document.getElementsByClassName("btn-arrow-left");_x000D_
_x000D_
for (var i = 0; i &amp;lt; left.length; i++) {_x000D_
    left[i].onclick = function showLeft() {_x000D_
        var parent = this.parentElement;_x000D_
        var maybeLeftToOpen = parent.previousElementSibling;_x000D_
        var ourCont = parent.parentElement;_x000D_
        var contToMove = ourCont.parentElement;_x000D_
        var cls = maybeLeftToOpen.className;_x000D_
        var clsarray = cls.split();_x000D_
_x000D_
        for (var j = 0; j &amp;lt; clsarray.length; j++) {_x000D_
            var name = clsarray[j];_x000D_
            if (name = 'page') {_x000D_
                var leftToOpen = maybeLeftToOpen;_x000D_
_x000D_
                function animationEnded() {_x000D_
                    contToMove.classList.remove('page-moveLeft');_x000D_
                    parent.classList.remove('page-visible');_x000D_
                    contToMove.removeEventListener('animationend', animationEnded);_x000D_
                }_x000D_
_x000D_
                contToMove.addEventListener('animationend', animationEnded);_x000D_
_x000D_
                leftToOpen.classList.add('page-visible');_x000D_
                contToMove.classList.add('page-moveLeft');_x000D_
_x000D_
            }_x000D_
_x000D_
        }_x000D_
    }_x000D_
_x000D_
}_x000D_
var right = document.getElementsByClassName("btn-arrow-right");_x000D_
_x000D_
for (var i = 0; i &amp;lt; right.length; i++) {_x000D_
    right[i].onclick = function showRight() {_x000D_
        var parent = this.parentElement;_x000D_
        var maybeRightToOpen = parent.nextElementSibling;_x000D_
        var ourCont = parent.parentElement;_x000D_
        var contToMove = ourCont.parentElement;_x000D_
        var cls = maybeRightToOpen.className;_x000D_
        var clsarray = cls.split();_x000D_
        for (var j = 0; j &amp;lt; clsarray.length; j++) {_x000D_
            var name = clsarray[j];_x000D_
            if (name = 'page') {_x000D_
                var rightToOpen = maybeRightToOpen;_x000D_
_x000D_
                function animationEnded() {_x000D_
                    contToMove.classList.remove('page-moveRight');_x000D_
                    parent.classList.remove('page-visible');_x000D_
                    contToMove.removeEventListener('animationend', animationEnded);_x000D_
                }_x000D_
                contToMove.addEventListener('animationend', animationEnded);_x000D_
                rightToOpen.classList.add('page-visible');_x000D_
                contToMove.classList.add('page-moveRight');_x000D_
_x000D_
            }_x000D_
        }_x000D_
    }_x000D_
}&lt;/code&gt;&lt;/pre&gt;_x000D_
&lt;pre class="snippet-code-css lang-css prettyprint-override"&gt;&lt;code&gt;body{_x000D_
    overflow-x: hidden;_x000D_
    overflow-y: hidden;    _x000D_
}_x000D_
.container{   _x000D_
    display: flex;   _x000D_
}_x000D_
.page{  _x000D_
    min-width: 100vw;_x000D_
    min-height: 100vh; _x000D_
    position: relative;  _x000D_
    display: none;_x000D_
}_x000D_
.page-visible {_x000D_
    display: block;_x000D_
}_x000D_
.q{_x000D_
    background:purple;_x000D_
}_x000D_
.a{_x000D_
    background:orange;_x000D_
}_x000D_
.z{_x000D_
    background:red;_x000D_
}_x000D_
.w{_x000D_
    background:brown;_x000D_
}_x000D_
.s{_x000D_
    background:green;_x000D_
}_x000D_
.x{_x000D_
    background:gray;_x000D_
}_x000D_
.e{_x000D_
    background:rgb(42, 165, 83);_x000D_
}_x000D_
.d{_x000D_
    background:rgb(91, 139, 91);_x000D_
}_x000D_
.c{_x000D_
    background:rgb(168, 37, 37);_x000D_
}_x000D_
.up{_x000D_
    position: absolute;_x000D_
    top: 50px;_x000D_
    left: 47%;  _x000D_
}_x000D_
.down{_x000D_
    position: absolute;_x000D_
    bottom: 50px;_x000D_
    left: 47%;_x000D_
}_x000D_
.left{_x000D_
    position: absolute;_x000D_
    top: 45%;_x000D_
    left: 50px;_x000D_
_x000D_
}_x000D_
.right{_x000D_
    position: absolute;_x000D_
    top: 45%;;_x000D_
    right: 50px;  _x000D_
_x000D_
}_x000D_
span{_x000D_
    cursor: pointer;_x000D_
}_x000D_
_x000D_
_x000D_
.page-moveUp {_x000D_
    animation: moveUp 3s ease both;_x000D_
  }_x000D_
@keyframes moveUp {_x000D_
 from {top:0px }_x000D_
 to {transform: translateY(-100vh); }_x000D_
}_x000D_
.page-moveDown{_x000D_
    animation: moveDown 3s ease both;_x000D_
}_x000D_
@keyframes moveDown {_x000D_
    from{ transform: translateY(-100vh); }_x000D_
    /* to {transform: translateY(0); } */_x000D_
    to{top:0px}_x000D_
}_x000D_
.page-moveLeft{_x000D_
    animation: moveLeft 6s ease both;_x000D_
}_x000D_
@keyframes moveLeft {_x000D_
 from{transform: translateX(-100vw);}_x000D_
 to {transform: translateX(0);}_x000D_
}_x000D_
.page-moveRight{_x000D_
    animation: moveRight 6s ease both;_x000D_
}_x000D_
@keyframes moveRight {_x000D_
 from{left:0}_x000D_
 to {transform: translateX(-100vw);}_x000D_
}&lt;/code&gt;&lt;/pre&gt;_x000D_
&lt;pre class="snippet-code-html lang-html prettyprint-override"&gt;&lt;code&gt;&amp;lt;div class="super-container"&amp;gt;_x000D_
    &amp;lt;div class="container1"&amp;gt;_x000D_
        &amp;lt;div class="page q page-visible"&amp;gt;_x000D_
            &amp;lt;span class="up btn-arrow-up"&amp;gt;up&amp;lt;/span&amp;gt;_x000D_
                &amp;lt;span class="left btn-arrow-left"&amp;gt;left&amp;lt;/span&amp;gt;_x000D_
                &amp;lt;span class="right btn-arrow-right"&amp;gt;right&amp;lt;/span&amp;gt;_x000D_
                &amp;lt;span class="down  btn-arrow-down"&amp;gt;down&amp;lt;/span&amp;gt;_x000D_
        &amp;lt;/div&amp;gt;_x000D_
        &amp;lt;div class="page a"&amp;gt;_x000D_
           &amp;lt;span class="up btn-arrow-up"&amp;gt;up&amp;lt;/span&amp;gt;_x000D_
                &amp;lt;span class="left btn-arrow-left"&amp;gt;left&amp;lt;/span&amp;gt;_x000D_
                &amp;lt;span class="right btn-arrow-right"&amp;gt;right&amp;lt;/span&amp;gt;_x000D_
                &amp;lt;span class="down  btn-arrow-down"&amp;gt;down&amp;lt;/span&amp;gt;_x000D_
        &amp;lt;/div&amp;gt;_x000D_
        &amp;lt;div class="page z"&amp;gt;_x000D_
            &amp;lt;span class="up btn-arrow-up"&amp;gt;up&amp;lt;/span&amp;gt;_x000D_
                &amp;lt;span class="left btn-arrow-left"&amp;gt;left&amp;lt;/span&amp;gt;_x000D_
                &amp;lt;span class="right btn-arrow-right"&amp;gt;right&amp;lt;/span&amp;gt;_x000D_
                &amp;lt;span class="down  btn-arrow-down"&amp;gt;down&amp;lt;/span&amp;gt;_x000D_
        &amp;lt;/div&amp;gt;_x000D_
    &amp;lt;/div&amp;gt;_x000D_
    &amp;lt;div class="container2"&amp;gt;_x000D_
        &amp;lt;div class="page w"&amp;gt;_x000D_
            &amp;lt;span class="up btn-arrow-up"&amp;gt;up&amp;lt;/span&amp;gt;_x000D_
                &amp;lt;span class="left btn-arrow-left"&amp;gt;left&amp;lt;/span&amp;gt;_x000D_
                &amp;lt;span class="right btn-arrow-right"&amp;gt;right&amp;lt;/span&amp;gt;_x000D_
                &amp;lt;span class="down  btn-arrow-down"&amp;gt;down&amp;lt;/span&amp;gt;_x000D_
        &amp;lt;/div&amp;gt;_x000D_
        &amp;lt;div class="page s"&amp;gt;_x000D_
            &amp;lt;span class="up btn-arrow-up"&amp;gt;up&amp;lt;/span&amp;gt;_x000D_
                &amp;lt;span class="left btn-arrow-left"&amp;gt;left&amp;lt;/span&amp;gt;_x000D_
                &amp;lt;span class="right btn-arrow-right"&amp;gt;right&amp;lt;/span&amp;gt;_x000D_
                &amp;lt;span class="down  btn-arrow-down"&amp;gt;down&amp;lt;/span&amp;gt;_x000D_
        &amp;lt;/div&amp;gt;_x000D_
    &amp;lt;/div&amp;gt;_x000D_
    &amp;lt;div class="container3"&amp;gt;_x000D_
            &amp;lt;div class="page x"&amp;gt;_x000D_
            &amp;lt;span class="up btn-arrow-up"&amp;gt;up&amp;lt;/span&amp;gt;_x000D_
                &amp;lt;span class="left btn-arrow-left"&amp;gt;left&amp;lt;/span&amp;gt;_x000D_
                &amp;lt;span class="right btn-arrow-right"&amp;gt;right&amp;lt;/span&amp;gt;_x000D_
                &amp;lt;span class="down  btn-arrow-down"&amp;gt;down&amp;lt;/span&amp;gt;_x000D_
        &amp;lt;/div&amp;gt;_x000D_
        &amp;lt;div class="page e"&amp;gt;_x000D_
            &amp;lt;span class="up btn-arrow-up"&amp;gt;up&amp;lt;/span&amp;gt;_x000D_
                &amp;lt;span class="left btn-arrow-left"&amp;gt;left&amp;lt;/span&amp;gt;_x000D_
                &amp;lt;span class="right btn-arrow-right"&amp;gt;right&amp;lt;/span&amp;gt;_x000D_
                &amp;lt;span class="down  btn-arrow-down"&amp;gt;down&amp;lt;/span&amp;gt;_x000D_
        &amp;lt;/div&amp;gt;_x000D_
        &amp;lt;div class="page d"&amp;gt;_x000D_
            &amp;lt;span class="up btn-arrow-up"&amp;gt;up&amp;lt;/span&amp;gt;_x000D_
                &amp;lt;span class="left btn-arrow-left"&amp;gt;left&amp;lt;/span&amp;gt;_x000D_
                &amp;lt;span class="right btn-arrow-right"&amp;gt;right&amp;lt;/span&amp;gt;_x000D_
                &amp;lt;span class="down  btn-arrow-down"&amp;gt;down&amp;lt;/span&amp;gt;_x000D_
        &amp;lt;/div&amp;gt;_x000D_
        &amp;lt;div class="page c"&amp;gt;_x000D_
            &amp;lt;span class="up btn-arrow-up"&amp;gt;up&amp;lt;/span&amp;gt;_x000D_
                &amp;lt;span class="left btn-arrow-left"&amp;gt;left&amp;lt;/span&amp;gt;_x000D_
                &amp;lt;span class="right btn-arrow-right"&amp;gt;right&amp;lt;/span&amp;gt;_x000D_
                &amp;lt;span class="down  btn-arrow-down"&amp;gt;down&amp;lt;/span&amp;gt;_x000D_
        &amp;lt;/div&amp;gt;_x000D_
_x000D_
    &amp;lt;/div&amp;gt;_x000D_
&amp;lt;/div&amp;gt;&lt;/code&gt;&lt;/pre&gt;_x000D_
&lt;/div&gt;_x000D_
&lt;/div&gt;_x000D_
&lt;/p&gt;</t>
  </si>
  <si>
    <t>2017-10-29 16:53:24.957000+00:00</t>
  </si>
  <si>
    <t>2017-10-30 06:03:21.543000+00:00</t>
  </si>
  <si>
    <t>2017-10-29 21:53:48.023000+00:00</t>
  </si>
  <si>
    <t>javascript|css-animations</t>
  </si>
  <si>
    <t>Getting numeric value to the left of a delimiter from a substring in sql</t>
  </si>
  <si>
    <t>&lt;p&gt;I am trying to pull the numeric value out of a substring of data from a column. I want to pull the numeric value from the left of GM. The problem is that the data is not uniform. Sometimes it shows up with a space between the number and GM, sometimes GM and the number are right next to eachother. I am using Microsoft SQL and cant run functions. I need to run it in a select statement.&lt;/p&gt;
&lt;pre&gt;&lt;code&gt;Product x SOD 5GM 200ML 
&lt;/code&gt;&lt;/pre&gt;
&lt;p&gt;I want it to pull 5&lt;/p&gt;
&lt;pre&gt;&lt;code&gt;RSAIZED2GMVL6/BX
&lt;/code&gt;&lt;/pre&gt;
&lt;p&gt;I want it to pull 2&lt;/p&gt;
&lt;pre&gt;&lt;code&gt;Product x2 30 MCG SOD 5.5GM 200ML 
&lt;/code&gt;&lt;/pre&gt;
&lt;p&gt;I want it to pull 5.5 MG.&lt;/p&gt;</t>
  </si>
  <si>
    <t>2017-10-17 21:34:54.763000+00:00</t>
  </si>
  <si>
    <t>2017-10-24 18:41:43.057000+00:00</t>
  </si>
  <si>
    <t>2017-10-17 22:03:40.633000+00:00</t>
  </si>
  <si>
    <t>JQ can't parse an Unicode emoji character. Is it valid JSON?</t>
  </si>
  <si>
    <t>&lt;p&gt;I have a JSON file, which contains JSON from Clojure's &lt;code&gt;data.json&lt;/code&gt; library. The data came from Twitter where people seem to smile a lot. &lt;/p&gt;
&lt;pre&gt;&lt;code&gt;$ cat /tmp/myfile | jq .
&lt;/code&gt;&lt;/pre&gt;
&lt;p&gt;I get:&lt;/p&gt;
&lt;pre&gt;&lt;code&gt;parse error: Invalid \uXXXX\uXXXX surrogate pair escape at line 1, column 14862268
&lt;/code&gt;&lt;/pre&gt;
&lt;p&gt;The offending section is:&lt;/p&gt;
&lt;pre&gt;&lt;code&gt;$ cut -c 14862258-14862269 /tmp/2017-02-23-2
79-7\ud83d",
&lt;/code&gt;&lt;/pre&gt;
&lt;p&gt;So, this escape code was found in a real JSON file and JQ can't read it.&lt;/p&gt;
&lt;pre&gt;&lt;code&gt;echo '"\ud83d"' | jq .
&lt;/code&gt;&lt;/pre&gt;
&lt;p&gt;&lt;a href="http://www.fileformat.info/info/unicode/char/1f603/index.htm" rel="nofollow noreferrer"&gt;Fileformat.info seems to suggest&lt;/a&gt; that it should come in a pair:&lt;/p&gt;
&lt;pre&gt;&lt;code&gt;SMILING FACE WITH OPEN MOUTH
"\uD83D\uDE03"
&lt;/code&gt;&lt;/pre&gt;
&lt;ol&gt;
&lt;li&gt;&lt;p&gt;Is this truly an invalid character to find in a JSON file? Is my JSON technically invalid?&lt;/p&gt;&lt;/li&gt;
&lt;li&gt;&lt;p&gt;Is there a simple utility I can pipe the data through to strip out these characters prior to JQ? Or can I make JQ relax it interpretation?&lt;/p&gt;&lt;/li&gt;
&lt;/ol&gt;</t>
  </si>
  <si>
    <t>2017-02-25 14:39:05.980000+00:00</t>
  </si>
  <si>
    <t>2017-02-28 07:39:55.973000+00:00</t>
  </si>
  <si>
    <t>2017-02-26 04:25:21.027000+00:00</t>
  </si>
  <si>
    <t>json|unicode|clojure|standards|jq</t>
  </si>
  <si>
    <t>Build JSON from deep recursive parent child relationship</t>
  </si>
  <si>
    <t>&lt;p&gt;I have the following records in a postgres database. The parent_pk is related to the pk in a parent-child relation. The pk = 1 is the parent of all children directly and indirectly.&lt;/p&gt;
&lt;pre&gt;&lt;code&gt;pk             name             type            parent_pk
---            ----             ----            ---------
1              hnumber101       house           1
2              hnumber201       house           1
791            dodge_charger    vehicle         1
801            mustang          vehicle         791
595020         civic            vehicle         2
10077661099    john             user            10046725614
10046725614    mesto            dev             1
801            shen             house           791
44444444       crep             house           10046725614
22222222       keper            user            10046725614
11111111       show             house           10046725614
84257651       shen             house           801
11             lemp             house           2
&lt;/code&gt;&lt;/pre&gt;
&lt;p&gt;And I want to generate a json out of the above in the following format-&lt;/p&gt;
&lt;pre&gt;&lt;code&gt;{
  "children" : [
    { "pk" : "1", "name" : "hnumber101", "children" : [
      { "pk" : "10046725614", "name" : "mesto", "children" : [
          { "pk" : "10077661099", "name" : "john", "children" : [] },
          { "pk" : "44444444", "name" : "crep", "children" : [] },
          { "pk" : "22222222", "name" : "keper", "children" : [] },
          { "pk" : "11111111", "name" : "show", "children" : [] }
        ] }
      ] },
      { "pk" : "791", "name" : "dodge_charger", "children" : [
        { "pk" : "801", "name" : "mustang", "children" : [
          { "pk" : "84257651", "name" : "shen", "children" : [
          ] }
        ] },
        { "pk" : "2", "name" : "hnumber201", "children" : [
          { "pk" : "595020", "name" : "civic", "children" : [] },
          { "pk" : "11", "name" : "lemp", "children" : [] }
        ] }
      ] }
    ] }
  ]
}
&lt;/code&gt;&lt;/pre&gt;
&lt;p&gt;With my present code, I can able to get only the children of children of pk = 1.
But the deep recursion is not happening.&lt;/p&gt;
&lt;pre&gt;&lt;code&gt;Collection&amp;lt;GatherEntity&amp;gt; gatherEntityChildren= gatherManager.findByParentGatherId(1);
getRecursiveGatherFromParent(gatherEntityChildren, gatherListParent);   
private List&amp;lt;Gather&amp;gt; getRecursiveGatherFromParent(Collection&amp;lt;GatherEntity&amp;gt; gatherEntityChildren, List&amp;lt;Gather&amp;gt; gatherListParent) throws JSONException {      
        if(gatherEntityChildren != null &amp;amp;&amp;amp; gatherEntityChildren.size() &amp;gt; 0) {
            for (Iterator&amp;lt;gatherEntity&amp;gt; iterator = gatherEntityChildren.iterator(); iterator.hasNext();) {
                GatherEntity gatherEntity = (GatherEntity) iterator.next();
                Gather gather = getGatherFromEntity(gatherEntity);
                List&amp;lt;Gather&amp;gt; gatherChildren = populateGatherAndChild(gatherEntity);
                gather.setChildren(new HashSet&amp;lt;Gather&amp;gt;(gatherChildren));
                gatherListParent.add(gather);
            }   
        }
        return gatherListParent;
    }
    private List&amp;lt;Gather&amp;gt; populateGatherAndChild(GatherEntity gatherEntity) {
        Collection&amp;lt;GatherEntity&amp;gt; gatherEntityChildren= gatherManager.findByParentGatherId(gatherEntity.getGatherId());
        List&amp;lt;Gather&amp;gt; gatherList = gatherEntityChildren.stream().map(UserAPIImpl::getGatherFromEntity).collect(Collectors.toList());      
        return gatherList;
    }
    private static Gather getGatherFromEntity(GatherEntity gatherEntity) {
        Gather gather = new Gather();
        gather.setGatherId(gatherEntity.getGatherId());
        gather.setName(gatherEntity.getName());
        return gather;
    }
&lt;/code&gt;&lt;/pre&gt;</t>
  </si>
  <si>
    <t>2016-10-17 08:06:06.300000+00:00</t>
  </si>
  <si>
    <t>2016-10-17 08:25:48.150000+00:00</t>
  </si>
  <si>
    <t>2016-10-17 08:14:05.233000+00:00</t>
  </si>
  <si>
    <t>java|json|postgresql|recursion</t>
  </si>
  <si>
    <t>Django Cache-Machine cache invalidation does not work in admin</t>
  </si>
  <si>
    <t>&lt;p&gt;I installed cache-machine for my Django 1.6 project as described here: &lt;a href="http://cache-machine.readthedocs.org/en/latest/" rel="nofollow"&gt;http://cache-machine.readthedocs.org/en/latest/&lt;/a&gt;&lt;/p&gt;
&lt;p&gt;Now in django's admin, I cannot see new entries anymore. Cache invalidation does not work. I can see that the entry is beeing generated in the DB, but it does not show up in admin's list-view. What am I doing wrong?&lt;/p&gt;
&lt;p&gt;Thx in advance!&lt;/p&gt;</t>
  </si>
  <si>
    <t>2014-05-08 11:38:11.070000+00:00</t>
  </si>
  <si>
    <t>2014-05-08 16:29:19.770000+00:00</t>
  </si>
  <si>
    <t>2014-05-08 11:41:36.417000+00:00</t>
  </si>
  <si>
    <t>python|django|caching|cache-invalidation|django-cache-machine</t>
  </si>
  <si>
    <t>Liquibase - SQLite - "Add Column" from a changeset drops table primary constraint</t>
  </si>
  <si>
    <t>&lt;p&gt;Maybe I missed something, but when I try to add a new column to an existing table that has a primary key, that primary key was dropped for some reason.&lt;/p&gt;
&lt;p&gt;ChangeSet:&lt;/p&gt;
&lt;pre&gt;&lt;code&gt;&amp;lt;changeSet author="author" id="21"&amp;gt;
    &amp;lt;addColumn tableName="my_table"&amp;gt;
        &amp;lt;column name="new_column_test" type="varchar(255)"/&amp;gt;
    &amp;lt;/addColumn&amp;gt;
&amp;lt;/changeSet
&lt;/code&gt;&lt;/pre&gt;
&lt;p&gt;I used this work around (And works): &lt;/p&gt;
&lt;pre&gt;&lt;code&gt;&amp;lt;changeSet author="author" id="21"&amp;gt;
    &amp;lt;sql splitStatements="false"&amp;gt;
        ALTER TABLE my_table ADD new_column_test VARCHAR(255);
    &amp;lt;/sql&amp;gt;
&amp;lt;/changeSet&amp;gt;
&lt;/code&gt;&lt;/pre&gt;
&lt;p&gt;I don't know what's wrong, but it's very odd.&lt;/p&gt;
&lt;p&gt;I googled a lot for something that fix this, but no luck.&lt;/p&gt;
&lt;p&gt;Thank's if someone can help.&lt;/p&gt;</t>
  </si>
  <si>
    <t>2018-01-02 18:36:18.070000+00:00</t>
  </si>
  <si>
    <t>2018-01-03 15:19:47.877000+00:00</t>
  </si>
  <si>
    <t>sqlite|primary-key|liquibase</t>
  </si>
  <si>
    <t>Global variable in Objective C IPhone</t>
  </si>
  <si>
    <t>&lt;p&gt;I load a few variables in my appdelegate class.  They are declared in my .h file.&lt;/p&gt;
&lt;p&gt;I have a &lt;code&gt;global.h&lt;/code&gt; file that declares the same vars as &lt;code&gt;extern&lt;/code&gt;, such as:&lt;/p&gt;
&lt;h3&gt;appdelegate.h&lt;/h3&gt;
&lt;pre&gt;&lt;code&gt;NSString *DBName;
&lt;/code&gt;&lt;/pre&gt;
&lt;h3&gt;global.h&lt;/h3&gt;
&lt;pre&gt;&lt;code&gt;extern NSString *DBName;
&lt;/code&gt;&lt;/pre&gt;
&lt;p&gt;I haven't found the pattern yet, but some of the classes I include the &lt;code&gt;global.h&lt;/code&gt; but the var is nil. &lt;/p&gt;
&lt;p&gt;Any idea what I am doing wrong?&lt;/p&gt;
&lt;h3&gt;EDIT:&lt;/h3&gt;
&lt;p&gt;It looks like the vars that are like:&lt;/p&gt;
&lt;pre&gt;&lt;code&gt;int x;
&lt;/code&gt;&lt;/pre&gt;
&lt;p&gt;stick and are available,
but the vars that are pointers get lost:&lt;/p&gt;
&lt;pre&gt;&lt;code&gt;NSString *Name;
&lt;/code&gt;&lt;/pre&gt;
&lt;p&gt;They are all loaded initially from a DB in the appdelegate. &lt;/p&gt;
&lt;p&gt;I also tried declaring&lt;/p&gt;
&lt;pre&gt;&lt;code&gt;char Name[30];
&lt;/code&gt;&lt;/pre&gt;
&lt;p&gt;then assigning it and all is good.&lt;/p&gt;
&lt;p&gt;Now what?&lt;/p&gt;</t>
  </si>
  <si>
    <t>2011-07-01 15:44:17.303000+00:00</t>
  </si>
  <si>
    <t>2012-01-23 11:15:19.943000+00:00</t>
  </si>
  <si>
    <t>2011-07-01 20:17:29.280000+00:00</t>
  </si>
  <si>
    <t>iphone|objective-c|global-variables</t>
  </si>
  <si>
    <t>Iterate through array and return itself</t>
  </si>
  <si>
    <t>&lt;p&gt;This code: &lt;code&gt;p [1, 2].each{ "foo" }&lt;/code&gt; produces &lt;code&gt;nil&lt;/code&gt;, whilst I want it to put &lt;code&gt;[1, 2]&lt;/code&gt; after iteration. How-to in Crystal?&lt;/p&gt;</t>
  </si>
  <si>
    <t>2017-08-24 20:43:34.590000+00:00</t>
  </si>
  <si>
    <t>2017-08-24 21:57:56.587000+00:00</t>
  </si>
  <si>
    <t>crystal-lang</t>
  </si>
  <si>
    <t>Libsyn RSS with Google Feed</t>
  </si>
  <si>
    <t>&lt;p&gt;I'm using google feeds API to read RSS-feeds from Libsyn.&lt;/p&gt;
&lt;p&gt;As i've noticed Google parses the feed itself and therefore excludes a lot of stuff.
Is there any way to change this so that it would include an image link included in the RSS-feed?&lt;/p&gt;
&lt;pre&gt;&lt;code&gt;    var feed = new google.feeds.Feed('http://podiet.libsyn.com/rss');
    feed.setNumEntries(25);
    feed.load(function (data) {
        console.log(data);
    });
&lt;/code&gt;&lt;/pre&gt;
&lt;p&gt;It's all working perfectly fine except the fact that some of the things in the feed are excluded.&lt;/p&gt;</t>
  </si>
  <si>
    <t>2014-11-11 15:18:22.760000+00:00</t>
  </si>
  <si>
    <t>2014-11-13 21:01:39.780000+00:00</t>
  </si>
  <si>
    <t>javascript|rss|feed|google-feed-api</t>
  </si>
  <si>
    <t>Batch load files in AutoCAD</t>
  </si>
  <si>
    <t>&lt;p&gt;I'm running into problems writing an application to batch load and export files in AutoCAD using a C#. I've received numerous errors listed below whenever I point to a folder full of .dxf files. I've been able to narrow the problem down to the point where I know it's only breaking on load. Sometimes it loads fine, others it will only load 3-4 files, and the rest of the time it will simply throw an error. The errors I'm seeing include but are not limited to  FaultExecutionEngineError, NullExceptionError, IndexOutOfRange error, and the wonderful FATAL EXCEPTION error, which causes Autocad to crash as well.&lt;/p&gt;
&lt;p&gt;Here is my code:&lt;/p&gt;
&lt;pre&gt;&lt;code&gt;public class MyCommands
{
    string folderPath = @"C:\Users\kdhyne\Desktop\New folder\";
    // Modal Command with localized name
    [CommandMethod("FileCycle", CommandFlags.Session)]
    public void MyCommand() // This method can have any name
    {
        var acDocManager = Autodesk.AutoCAD.ApplicationServices.Application.DocumentManager;
        string[] filesInDirectory;
        Document acDoc = null;
        filesInDirectory = Directory.GetFiles(folderPath, "*.dxf", SearchOption.TopDirectoryOnly);
        foreach (string someFile in filesInDirectory)
        {
            acDoc = acDocManager.Open(someFile);
        }
    }
}
&lt;/code&gt;&lt;/pre&gt;
&lt;p&gt;I've stripped this down as far as I can think. Hopefully someone can help. Thank you for reading.&lt;/p&gt;</t>
  </si>
  <si>
    <t>2014-06-09 20:29:03.253000+00:00</t>
  </si>
  <si>
    <t>c#|batch-processing|autocad</t>
  </si>
  <si>
    <t>How to pass a list of columns to data.table where some are predetermined</t>
  </si>
  <si>
    <t>&lt;h3&gt;Pass character vectors and column names to &lt;code&gt;data.table&lt;/code&gt; as a list of columns?&lt;/h3&gt;
&lt;p&gt;I want to be able to produce a subset of columns in R using data.table in a way that I can determine some of them earlier on and pass the predetermined list on as a character vector, then combine with a static list of columns.&lt;/p&gt;
&lt;p&gt;That is, given this:&lt;/p&gt;
&lt;pre&gt;&lt;code&gt;a &amp;lt;- 1:4
b &amp;lt;- 5:8
c &amp;lt;- c('aa','bb','cc','dd')
e &amp;lt;- 1:4
z &amp;lt;- data.table(a,b,c,e)
&lt;/code&gt;&lt;/pre&gt;
&lt;p&gt;I want to do this:&lt;/p&gt;
&lt;pre&gt;&lt;code&gt;z[, list(a,b)]
&lt;/code&gt;&lt;/pre&gt;
&lt;p&gt;Which produces this output:&lt;/p&gt;
&lt;pre&gt;&lt;code&gt;   a b
1: 1 5
2: 2 6
3: 3 7
4: 4 8
&lt;/code&gt;&lt;/pre&gt;
&lt;p&gt;But I want to do it in some way similar to this (which works, almost):&lt;/p&gt;
&lt;pre&gt;&lt;code&gt;cols &amp;lt;- "b"
z[, list(get(cols), a)]
&lt;/code&gt;&lt;/pre&gt;
&lt;p&gt;Results:
Note that it doesn't return the name of the column stored in &lt;code&gt;cols&lt;/code&gt;&lt;/p&gt;
&lt;pre&gt;&lt;code&gt;   V1 a
1:  5 1
2:  6 2
3:  7 3
4:  8 4
&lt;/code&gt;&lt;/pre&gt;
&lt;p&gt;but I need to do it with more than one element of &lt;code&gt;cols&lt;/code&gt; (which does not work):&lt;/p&gt;
&lt;pre&gt;&lt;code&gt;cols &amp;lt;- c('a', 'b')
z[, list(mget(cols), c)]
&lt;/code&gt;&lt;/pre&gt;
&lt;p&gt;The above produces the following error:&lt;/p&gt;
&lt;pre&gt;&lt;code&gt;Error: value for ���a��� not found
&lt;/code&gt;&lt;/pre&gt;
&lt;p&gt;I think my problem lies with scoping and which environments &lt;code&gt;mget&lt;/code&gt; is looking in, but I can't figure out what exactly I am doing wrong. Also, how do I preserve the column titles?&lt;/p&gt;</t>
  </si>
  <si>
    <t>2014-06-17 23:18:41.697000+00:00</t>
  </si>
  <si>
    <t>2014-06-18 21:32:03.697000+00:00</t>
  </si>
  <si>
    <t>2014-06-18 15:18:49.213000+00:00</t>
  </si>
  <si>
    <t>IE vs Chrome - Image Width / Div Width</t>
  </si>
  <si>
    <t>&lt;p&gt;This page has a content area where all the posts are held and a side bar. The content and side bar menu are sized properly and fit where they're supposed to in Chrome with the actual posts area taking up the left and the sidebar sitting on the right.&lt;/p&gt;
&lt;p&gt;In IE, the images are full-width and I'm not sure of a better way to fix this. &lt;/p&gt;
&lt;p&gt;The same issue was occurring where the images were full-width and adding the &lt;code&gt;width:100%&lt;/code&gt; attribute to the &lt;code&gt;.htheme_post_image img&lt;/code&gt; element seemed to fix the issue. If you view in IE, the two areas are side-by-side. However, if you click on a post.&lt;/p&gt;
&lt;p&gt;The side menu is underneath the post and the images/text are full width. &lt;/p&gt;
&lt;p&gt;If it helps, I'm in IE 11.0.9600&lt;/p&gt;</t>
  </si>
  <si>
    <t>2017-05-31 15:34:58.617000+00:00</t>
  </si>
  <si>
    <t>2017-06-01 14:47:59.233000+00:00</t>
  </si>
  <si>
    <t>html|css|internet-explorer|cross-browser</t>
  </si>
  <si>
    <t>Delay execution of Python script after system start up</t>
  </si>
  <si>
    <t>&lt;p&gt;I've got a Python script that I need to run upon start up and problem
is that it throws an error saying "no module named xyz". I'm using external library which I installed using pip3. The script works just fine on its own
but I get aforementioned error when I want to run it right after boot.&lt;/p&gt;
&lt;p&gt;What should I do ? I tried to delay importing the library with time.sleep(10) in case third-party libraries need few more seconds to load up after boot, but that didn't have desired effect.&lt;/p&gt;
&lt;p&gt;I run the script on Raspberry Pi with Debian-based os called Raspbian. I configured execution upon start up by adding this &lt;code&gt;sudo python3 script.py&lt;/code&gt; into /etc/profile file.&lt;/p&gt;</t>
  </si>
  <si>
    <t>2018-07-16 20:10:32.470000+00:00</t>
  </si>
  <si>
    <t>2018-07-16 20:35:17.137000+00:00</t>
  </si>
  <si>
    <t>2018-07-16 20:20:07.383000+00:00</t>
  </si>
  <si>
    <t>python|boot</t>
  </si>
  <si>
    <t>Alfresco community edition-5.1.x workflow form Administrator whats to add wherever have drop-down fields add more values via front-end</t>
  </si>
  <si>
    <t>&lt;p&gt;I am new to alfresco community edition-5.1.x ,I have created workflow activiti using kick-start after deployed alfresco workflow activti is working successfully. Administrator whats to add wherever have drop-down fields add more values via front-end without restart alfresco service is this possible ? help me out.&lt;/p&gt;</t>
  </si>
  <si>
    <t>2016-05-24 05:11:21.120000+00:00</t>
  </si>
  <si>
    <t>2016-05-25 03:53:05.667000+00:00</t>
  </si>
  <si>
    <t>java|alfresco|alfresco-share</t>
  </si>
  <si>
    <t>web app to console app?</t>
  </si>
  <si>
    <t>&lt;p&gt;I'm working with this small web application (1 page) built by someone else that does a specific task after pressing a button on the web page. &lt;/p&gt;
&lt;p&gt;Now the requirements have changed slightly, and we need to automate this to run weekly without the need of user interaction.&lt;/p&gt;
&lt;p&gt;What would be the best way of doing this, minimizing the changes done to the code?&lt;/p&gt;
&lt;p&gt;I was thinking on adding a console app to the project that then references internally the web app but that doesnt seem to work.&lt;/p&gt;
&lt;p&gt;Or maybe converting the web app to a to console app, if that is actualy possible?&lt;/p&gt;
&lt;p&gt;Is there any straightforward way of doing this?&lt;/p&gt;
&lt;p&gt;Thanks&lt;/p&gt;</t>
  </si>
  <si>
    <t>2011-10-06 09:21:56.230000+00:00</t>
  </si>
  <si>
    <t>2011-10-06 09:29:52.670000+00:00</t>
  </si>
  <si>
    <t>c#|.net|console-application</t>
  </si>
  <si>
    <t>How to create Access textbox that I can just type into?</t>
  </si>
  <si>
    <t>&lt;p&gt;I need to create a textbox that a user can enter an arbitrary string into. No matter what I try, I always have to link the textbox with a query, table, or something else -- I just want to be able to type anything into a textbox. Is this possible?&lt;/p&gt;
&lt;p&gt;Clarification: I'm using access 2003. Also, I'm talking about the user typing into it, not 'me'. Sorry about the confusion.&lt;/p&gt;</t>
  </si>
  <si>
    <t>2012-01-23 16:11:50.477000+00:00</t>
  </si>
  <si>
    <t>2013-07-24 19:10:35.330000+00:00</t>
  </si>
  <si>
    <t>2012-01-23 16:23:33.813000+00:00</t>
  </si>
  <si>
    <t>sql|ms-access|vba</t>
  </si>
  <si>
    <t>Release apk have no changes on real device</t>
  </si>
  <si>
    <t>&lt;p&gt;Hi I am newbee on android developement.My problem is i made some changes on my app in android studio.However if i run the app on emulator debug or release no matter everything works so i can see the changes.But when i install it on my real phone app is like the older version.I can not see the new changes.So again.My app is a Radio app.so i put new stations on it.When i run it on emulator new stations are there and working.When i make signed release apk also on emulator everything works.But on real device changes are not there same like old version.I also uninstall former version on my phone.Also clean the project restart android studio but nothing changed.
What is the Problem?&lt;/p&gt;</t>
  </si>
  <si>
    <t>2017-10-07 19:52:34.500000+00:00</t>
  </si>
  <si>
    <t>2017-10-07 21:12:33.250000+00:00</t>
  </si>
  <si>
    <t>android|apk</t>
  </si>
  <si>
    <t>factory is undefined when using ng-file-upload</t>
  </si>
  <si>
    <t>&lt;p&gt;I have a form in which I save some details and upload a file. I have a factory from which I get some data. When I use &lt;code&gt;ng-file-upload&lt;/code&gt; the factory is undefined. Here is the code:&lt;/p&gt;
&lt;pre&gt;&lt;code&gt;      angular.module('tollApp')
     .controller('mstrEmployeeCtrl',['Upload','$window',
       function(Upload,$window,$scope,$http,$timeout,$filter,$mdToast,userDetailsFactory){
       $scope.ipForHttp = userDetailsFactory.getUserDetailsFromFactory().ipAddress;
    //`userDetailsFactory` is undefined
       $scope.SaveData = function(){
            // $scope.dobObj = new Date($scope.Emp.EmpDoB);
             if ($scope.myform.$valid &amp;amp;&amp;amp; $scope.passwordEqual) {
            Upload.upload({
                url: '$scope.ipForHttp+"addEmployee?EmpID="+$scope.Emp.EmpID,
                data:{file:file} //pass file as data, should be user ng-model
            })
            .then(function(response){
                $scope.error=response.data.code;
                console.log(JSON.stringify(response));
               console.log($scope.error+" SCOPE");
            })
                $scope.submitted = false;
            }
        };
}
]);
&lt;/code&gt;&lt;/pre&gt;
&lt;p&gt;The error:&lt;/p&gt;
&lt;pre&gt;&lt;code&gt;angular.min.js:117 TypeError: Cannot read property 'getUserDetailsFromFactory' of undefined
at new &amp;lt;anonymous&amp;gt; (http://192.168.1.19/public/javascripts/mstrEmployeeCtrl.js:4:38)
at Object.instantiate (http://192.168.1.19/public/javascripts/angular.min.js:41:477)
at http://192.168.1.19/public/javascripts/angular.min.js:90:3
at Object.link (http://192.168.1.19/node_modules/angular-route/angular-route.min.js:7:274)
at http://192.168.1.19/public/javascripts/angular.min.js:16:230
at ia (http://192.168.1.19/public/javascripts/angular.min.js:81:35)
at n (http://192.168.1.19/public/javascripts/angular.min.js:66:176)
at g (http://192.168.1.19/public/javascripts/angular.min.js:58:429)
at http://192.168.1.19/public/javascripts/angular.min.js:58:67
at http://192.168.1.19/public/javascripts/angular.min.js:62:430 &amp;lt;div data-ng-view="" class="ng-scope" data-ng-animate="1"&amp;gt;
&lt;/code&gt;&lt;/pre&gt;
&lt;p&gt;The factory which is undefined:&lt;/p&gt;
&lt;pre&gt;&lt;code&gt;    angular.module('tollApp')
.controller('indexController', function($scope,$http,$window,userDetailsFactory){
    $scope.usernameFromServer={};
    $scope.getUserDetails = function(){
        $http({
            method:'GET',
            url:'http://192.168.1.19:80/getUserDetails'
        })
        .then(function(response){
            // console.log(JSON.stringify(response));
            userDetailsFactory.setUserDetailsInFactory(response.data);
        $scope.usernameFromFactory = userDetailsFactory.getUserDetailsFromFactory().usernameFromSession;
            // $scope.usernameFromServer = userDetailsFactory.getUserDetailsFromFactory().username;
            // console.log(JSON.stringify($scope.usernameFromFactory)+"usernameFromFactory");
        })
    }
    $scope.logout = function(request,response){
        $http({
            method:'GET',
            url:'/logout'
        })
        .then(function(response){
            console.log(JSON.stringify(response));
            if(response.data=="logout"){
                $window.location.href="http://192.168.1.19:80/login";
            }
        })
    }
    console.log("indexController");
}).factory('userDetailsFactory',function(){
    var user = {};
    return {
        setUserDetailsInFactory : function(val){
            user.useridFromSession = val[0].UserID;
            user.usernameFromSession = val[0].UserName;
            user.userroleFromSession = val[0].UserRole;
            user.clientidFromSession = val[0].ClientID;
             user.ipAddress = "http://192.168.1.19:80/";
            // user.ipAddress = "http://easypaytoll.com/";
            // console.log("in set "+user.clientidFromSession);
        },
        getUserDetailsFromFactory : function(){
            return user;
        }
    };
});
&lt;/code&gt;&lt;/pre&gt;</t>
  </si>
  <si>
    <t>2016-09-22 07:27:39.003000+00:00</t>
  </si>
  <si>
    <t>2016-09-22 08:42:28.280000+00:00</t>
  </si>
  <si>
    <t>javascript|angularjs|ng-file-upload|angular-module</t>
  </si>
  <si>
    <t>Get all jQuery/JavaScript event subscriptions of element</t>
  </si>
  <si>
    <t>&lt;p&gt;all forms on my website are getting submitted by AJAX. And I can't find where it is implemented.&lt;/p&gt;
&lt;p&gt;When I look into HTML I see the plain &lt;code&gt;&amp;lt;form&amp;gt;&lt;/code&gt; with submit button, but form is always sent asynchronously.&lt;/p&gt;
&lt;p&gt;I know that some &lt;code&gt;.js&lt;/code&gt; file contains something like this:&lt;/p&gt;
&lt;pre&gt;&lt;code&gt;$("form").onsubmit(function(e) {
   var form = $(this).serialize();
   $.post(......
   e.preventDefault();
   .....
});
&lt;/code&gt;&lt;/pre&gt;
&lt;p&gt;But I cant find this code. My JavaScript doesn't do such things.&lt;/p&gt;
&lt;p&gt;Where I can get the event subscriptions for events of particular element (or all form elements)?&lt;/p&gt;
&lt;p&gt;Thank you&lt;/p&gt;
&lt;p&gt;UPD:&lt;/p&gt;
&lt;p&gt;Ok. It seems I found the suspect. When I remove script reference to jquery.mobile my forms are sending normally.
How to disable sending by AJAX for one particular form?&lt;/p&gt;</t>
  </si>
  <si>
    <t>2013-04-24 14:25:51.863000+00:00</t>
  </si>
  <si>
    <t>2013-04-24 14:49:27.913000+00:00</t>
  </si>
  <si>
    <t>javascript|html|jquery</t>
  </si>
  <si>
    <t>Dialog in thread freeze whole app despite Gdk.threads_enter/leave()</t>
  </si>
  <si>
    <t>&lt;p&gt;I've got an application which makes something in background. To inform the user it update some widgets with its progress. That works.&lt;/p&gt;
&lt;p&gt;But somethings there is an error or something else in this background operation so it has to display a dialog. This freeze my whole application although I handle everything with the Threading-Lock. An example of code with exactly my problem is this:&lt;/p&gt;
&lt;pre&gt;&lt;code&gt;import threading, time
from gi.repository import Gtk, Gdk
def background(label, parent):
    for t in range(5):
        label.set_text(str(t))
        time.sleep(1)
    Gdk.threads_enter()
    dlg = Gtk.MessageDialog(
                type=Gtk.MessageType.INFO,
                buttons=Gtk.ButtonsType.OK,
                message_format="Time is gone.",
                title="Info")
    dlg.run()
    dlg.destroy()
    Gdk.threads_leave()
def main():
    window = Gtk.Window()
    window.connect("delete-event", Gtk.main_quit)
    label = Gtk.Label()
    window.add(label)
    window.show_all()
    thread = threading.Thread(target=background, args=(label, window))
    Gdk.threads_init()
    Gdk.threads_enter()
    thread.start()
    Gtk.main()
    Gdk.threads_leave()
if __name__=="__main__":
    main()
&lt;/code&gt;&lt;/pre&gt;</t>
  </si>
  <si>
    <t>2014-10-14 13:45:50.607000+00:00</t>
  </si>
  <si>
    <t>2014-10-14 14:20:47.200000+00:00</t>
  </si>
  <si>
    <t>python|gtk|gtk3|python-multithreading|pygobject</t>
  </si>
  <si>
    <t>iPhone: How to programmatically create a json file and insert the data obtained from my Sqlite database into it?</t>
  </si>
  <si>
    <t>&lt;p&gt;I want to get data from my Sqlite database and put it into this JSON file. &lt;/p&gt;
&lt;p&gt;How can I create a json file and insert the data obtained from my database into the JSON file?&lt;/p&gt;
&lt;p&gt;I want data in JSON file in this format:&lt;/p&gt;
&lt;pre&gt;&lt;code&gt;{
"data": [
    {
        "data": [
            null,
            null,
            30,
            45,
            69,
            70,
            65
        ],
        "title": "title5" 
    },
    {
        "data": [
            null,
            5,
            10,
            15,
            22,
            30 
        ],
        "title": "title4" 
    },
    {
        "data": [
            40,
            55,
        ],
        "title": "title3" 
    },
    {
          "data": [
              null,
            89,
            90,
            85
        ],
        "title": "title2" 
    },
    {
        "data": [
            66,
            77,
            55,
            33,
            50,
            -6,
            -8
        ],
        "title": "title1" 
    } 
],
 "x_labels": [
    6,
    7,
    8,
    9,
    10,
    11,
    12
]
}
&lt;/code&gt;&lt;/pre&gt;
&lt;p&gt;How can I do this?&lt;/p&gt;</t>
  </si>
  <si>
    <t>2011-05-21 07:35:39.277000+00:00</t>
  </si>
  <si>
    <t>2011-05-22 10:45:53.050000+00:00</t>
  </si>
  <si>
    <t>iphone|objective-c|cocoa-touch|json|ios4</t>
  </si>
  <si>
    <t>How to read a numeric value (i.e. double value) from excel sheet using apache poi</t>
  </si>
  <si>
    <t>&lt;p&gt;When I am passing numeric values into excel sheet, it is taking as double so that there was DataProvider Mismatch exception. How to handle this exception and how to pass only numeric values instead of double values?&lt;/p&gt;
&lt;p&gt;Below is my code:&lt;/p&gt;
&lt;pre&gt;&lt;code&gt;@DataProvider(name = "testdata")
public Object[][] TestDataFeed() throws Exception
{
    FileInputStream fis = new 
    FileInputStream("C:\\Users\\vidhya.r\\Desktop\\Testdata.xlsx");
    XSSFWorkbook wb = new XSSFWorkbook(fis);
    XSSFSheet sh1 = wb.getSheetAt(2);
    int numrow = sh1.getLastRowNum() + 1;
    int colnum = sh1.getRow(0).getLastCellNum();
    System.out.println("numrow ======= " + numrow);
    System.out.println("colnum ======= " + colnum);
    Object[][] data = new Object[numrow - 1][colnum];
    System.out.println("data.length ======= " + data.length);
    for (int i = 1; i &amp;lt; numrow; i++)
    {
        Row row = sh1.getRow(i);
        for (int j = 1; j &amp;lt; row.getLastCellNum(); j++)
        {
            int cellValue = sh1.getRow(i).getCell(j).getCellType();
            if (cellValue == Cell.CELL_TYPE_NUMERIC)
            {
                Object obj = 
                sh1.getRow(i).getCell(j).getNumericCellValue();
                data[i - 1][j-1] = obj;
                System.out.println("obj =num= " + obj);
            }
            else if (cellValue == Cell.CELL_TYPE_STRING)
            {
                Object obj = 
                sh1.getRow(i).getCell(j).getStringCellValue();
                data[i - 1][j-1] = obj;
                System.out.println("obj =str= " + obj);
            }
        }
    }
  return data;
  }
&lt;/code&gt;&lt;/pre&gt;
&lt;p&gt;Kindly help me to handle this &lt;/p&gt;</t>
  </si>
  <si>
    <t>2018-02-08 10:59:21.063000+00:00</t>
  </si>
  <si>
    <t>2018-02-08 19:28:24.707000+00:00</t>
  </si>
  <si>
    <t>2018-02-08 13:04:43.967000+00:00</t>
  </si>
  <si>
    <t>selenium|testng-dataprovider</t>
  </si>
  <si>
    <t>Why is static int always 0 when accessed from another class</t>
  </si>
  <si>
    <t>&lt;p&gt;I have a class with a static &lt;code&gt;int&lt;/code&gt;. I want that &lt;code&gt;int&lt;/code&gt;, once set, to be accessible anywhere in my program.&lt;/p&gt;
&lt;pre&gt;&lt;code&gt;public class MyClass
{
   public static int myInt;
   public MyClass()
   {
      myInt = 100;
      new TestClass();
   }
   static void Main(string[] args)
   {
      new MyClass();
   }
}
&lt;/code&gt;&lt;/pre&gt;
&lt;p&gt;..but when I try to call it in another class&lt;/p&gt;
&lt;pre&gt;&lt;code&gt;public class TestClass
{
   public TestClass()
   {
      int testInt = MyClass.myInt;
   }
}
&lt;/code&gt;&lt;/pre&gt;
&lt;p&gt;..&lt;code&gt;testInt&lt;/code&gt; is always 0, even when I check in debug mode and see that the static int was successfully set. &lt;/p&gt;
&lt;p&gt;What am I doing wrong?&lt;/p&gt;</t>
  </si>
  <si>
    <t>2013-12-27 04:11:18.907000+00:00</t>
  </si>
  <si>
    <t>2013-12-27 04:39:52.897000+00:00</t>
  </si>
  <si>
    <t>2013-12-27 04:28:42.433000+00:00</t>
  </si>
  <si>
    <t>c#|static|int</t>
  </si>
  <si>
    <t>Accessing indexes that may not exist Java</t>
  </si>
  <si>
    <t>&lt;p&gt;When I am referencing lines as stringArray[i+2] (I mean, there was a problem with [i+1] as well), I get the ArrayIndexOutOfBoundsException. is there any way that I can safely reference those lines without the possibility of attempting to call an index that does not exist, without fundamentally changing my code?&lt;/p&gt;
&lt;pre&gt;&lt;code&gt;import java.io.*;
import java.util.Scanner;
public class Test {
    public static void main(String [] args)  {
        /** Gets input from text file **/
        //defines file name for use
        String fileName = "temp.txt";
        //try-catches for file location
        Scanner fullIn = null;
        try {
            fullIn = new Scanner(new FileReader(fileName));
        } catch (FileNotFoundException e) {
            System.out.println("File Error : ");
        }
        Scanner in = null;
        try {
            in = new Scanner(new FileReader(fileName));
        } catch (FileNotFoundException e) {
            System.out.println("Error: File " + fileName + " has not been found. Try adjusting the file address or moving the file to the correct location." );
            e.printStackTrace();
        }
        //finds the amount of blocks in the file
        int blockCount = 0;
        for (;in.hasNext() == true;in.next()) {
            blockCount++;
            }
        //adding "" to every value of stringArray for each block in the file; created template for populating
        String[] stringArray = new String[blockCount];
        for (int x = 0; x == blockCount;x++) {
            stringArray[x] = "";
        }
        //we are done with first scanner
        in.close();
        //populating array with individual blocks
     for(int x = 0; x &amp;lt; blockCount; x++) {
         stringArray[x]=fullIn.next();
          }
     //we are done with second scanner
     fullIn.close();
     //for later
     Scanner reader;
    boolean isLast;
     for (int i = 0; i &amp;lt; stringArray.length; i++) {
        isLast = true;
         String currWord = stringArray[i].trim();
         int nextNew = i+1;
         String nextWord = stringArray[nextNew].trim();
         String thirdWord = stringArray[nextNew+1].trim();
         String fourthWord = stringArray[nextNew+2].trim();
         if (stringArray.length != i) {
             isLast = false;
         }
         String quotes = "\""; 
        if (isLast == false) {
        if (currWord.equalsIgnoreCase("say") &amp;amp;&amp;amp; nextWord.startsWith(quotes) &amp;amp;&amp;amp; nextWord.endsWith(quotes)) {
            System.out.println(nextWord.substring(1, nextWord.length()-1));
        }
        if (currWord.equalsIgnoreCase("say") &amp;amp;&amp;amp; isFileThere.isFileThere(nextWord) == true){
            System.out.println(VariableAccess.accessIntVariable(nextWord));
        }
        if (currWord.equalsIgnoreCase("lnsay") &amp;amp;&amp;amp; nextWord.startsWith(quotes) &amp;amp;&amp;amp; nextWord.endsWith(quotes)){
            System.out.print(nextWord.substring(1, nextWord.length()-1) + " ");
        }
         if (currWord.equalsIgnoreCase("get")) {
             reader = new Scanner(System.in);  // Reading from System.ins
             Variable.createIntVariable(nextWord, reader.nextInt()); // Scans the next token of the input as an int
             //once finished
             reader.close(); 
        }
         if (currWord.equalsIgnoreCase("int") &amp;amp;&amp;amp; thirdWord.equalsIgnoreCase("=")) {
            String tempName = nextWord;
            try {
                int tempVal = Integer.parseInt(fourthWord);
                Variable.createIntVariable(tempName, tempVal);
                } catch (NumberFormatException e) {
                System.out.println("Integer creation error");
                }
                 }
         }
        }
        }
    }
&lt;/code&gt;&lt;/pre&gt;</t>
  </si>
  <si>
    <t>2018-02-23 03:10:39.593000+00:00</t>
  </si>
  <si>
    <t>2018-02-23 04:06:50.597000+00:00</t>
  </si>
  <si>
    <t>2018-02-23 03:16:25.097000+00:00</t>
  </si>
  <si>
    <t>Display inline-block elements won't vertically aligned</t>
  </si>
  <si>
    <t>&lt;p&gt;I am trying to vertically align the two boxes inside the container but it not seems to work.&lt;/p&gt;
&lt;p&gt;&lt;div class="snippet" data-lang="js" data-hide="false"&gt;_x000D_
&lt;div class="snippet-code"&gt;_x000D_
&lt;pre class="snippet-code-css lang-css prettyprint-override"&gt;&lt;code&gt;.container {_x000D_
    width: 400px;_x000D_
    height: 400px;_x000D_
    text-align: center;_x000D_
    background-color: yellow;_x000D_
}_x000D_
.suggested-box {_x000D_
    width: 40%;_x000D_
    height: 80%;_x000D_
    display: inline-block;_x000D_
    vertical-align: middle;_x000D_
    box-shadow: 0px 0px 1px 0px #000;_x000D_
}&lt;/code&gt;&lt;/pre&gt;_x000D_
&lt;pre class="snippet-code-html lang-html prettyprint-override"&gt;&lt;code&gt;&amp;lt;section class="container"&amp;gt;_x000D_
  &amp;lt;section class="suggested-box"&amp;gt;&amp;lt;/section&amp;gt;_x000D_
  &amp;lt;section class="suggested-box"&amp;gt;&amp;lt;/section&amp;gt;_x000D_
&amp;lt;/section&amp;gt;&lt;/code&gt;&lt;/pre&gt;_x000D_
&lt;/div&gt;_x000D_
&lt;/div&gt;_x000D_
&lt;/p&gt;
&lt;p&gt;I searched around similar questions but didn't find any helpful answer.&lt;/p&gt;</t>
  </si>
  <si>
    <t>2015-05-05 10:11:55.037000+00:00</t>
  </si>
  <si>
    <t>2015-05-05 10:29:07.847000+00:00</t>
  </si>
  <si>
    <t>Sugar ORM just won't create tables</t>
  </si>
  <si>
    <t>&lt;p&gt;I am working on a standalone library project that requires persisting a simple model. Here is what my &lt;code&gt;SugarRecord&lt;/code&gt; looks like:&lt;/p&gt;
&lt;pre&gt;&lt;code&gt;/**
 *  Keeping track of previously received messages by ID
 */
public class MessageRequestIdModel extends SugarRecord {
    protected String messageRequestId;
    public MessageRequestIdModel() {
    }
    public MessageRequestIdModel(String messageRequestId) {
        this.messageRequestId = messageRequestId;
    }
    public String getMessageRequestId() {
        return this.messageRequestId;
    }
    public static boolean exists(String id) {
        return MessageRequestIdModel.find(
                MessageRequestIdModel.class,
                "messageRequestId = ?",
                id
        ).size() != 0;
    }
}
&lt;/code&gt;&lt;/pre&gt;
&lt;p&gt;In a repository class, I am attempting to persist it by calling this method:&lt;/p&gt;
&lt;pre&gt;&lt;code&gt;@Override
public void save(MessageRequestId messageRequestId) {
    new MessageRequestIdModel(messageRequestId.getId()).save();
}
&lt;/code&gt;&lt;/pre&gt;
&lt;p&gt;I now attempt to test this by using an &lt;code&gt;android.test.InstrumentationTestCase&lt;/code&gt; where I pass a &lt;code&gt;Context&lt;/code&gt; to Sugar like so:&lt;/p&gt;
&lt;pre&gt;&lt;code&gt;SugarContext.init(getInstrumentation().getContext());
&lt;/code&gt;&lt;/pre&gt;
&lt;p&gt;This results in this error when I run the test:
(truncating to keep this question a succinct read)&lt;/p&gt;
&lt;pre&gt;&lt;code&gt;android.database.sqlite.SQLiteException: no such table: MESSAGE_REQUEST_ID_MODEL (code 1): , while compiling: INSERT or REPLACE...
&lt;/code&gt;&lt;/pre&gt;
&lt;h2&gt;Troubleshooting I've already attempted:&lt;/h2&gt;
&lt;ul&gt;
&lt;li&gt;Keeping a different Manifest for the test package to pass the &lt;code&gt;.test&lt;/code&gt; package name to SugarORM. No change in behaviour&lt;/li&gt;
&lt;li&gt;&lt;p&gt;Adding a &lt;code&gt;MessageRequestIdModel.findById(MessageRequestIdModel.class, (long) 1);&lt;/code&gt; like in the other SO posts. Changes error to itself (Showing full stack-trace here in case it helps):&lt;/p&gt;
&lt;pre&gt;&lt;code&gt;android.database.sqlite.SQLiteException: no such table: MESSAGE_REQUEST_ID_MODEL (code 1): , while compiling: SELECT * FROM MESSAGE_REQUEST_ID_MODEL WHERE id=? LIMIT 1
at android.database.sqlite.SQLiteConnection.nativePrepareStatement(Native Method)
at android.database.sqlite.SQLiteConnection.acquirePreparedStatement(SQLiteConnection.java:889)
at android.database.sqlite.SQLiteConnection.prepare(SQLiteConnection.java:500)
at android.database.sqlite.SQLiteSession.prepare(SQLiteSession.java:588)
at android.database.sqlite.SQLiteProgram.&amp;lt;init&amp;gt;(SQLiteProgram.java:58)
at android.database.sqlite.SQLiteQuery.&amp;lt;init&amp;gt;(SQLiteQuery.java:37)
at android.database.sqlite.SQLiteDirectCursorDriver.query(SQLiteDirectCursorDriver.java:44)
at android.database.sqlite.SQLiteDatabase.rawQueryWithFactory(SQLiteDatabase.java:1316)
at android.database.sqlite.SQLiteDatabase.queryWithFactory(SQLiteDatabase.java:1163)
at android.database.sqlite.SQLiteDatabase.query(SQLiteDatabase.java:1034)
at android.database.sqlite.SQLiteDatabase.query(SQLiteDatabase.java:1240)
at com.orm.SugarRecord.find(SugarRecord.java:192)
at com.orm.SugarRecord.findById(SugarRecord.java:102)
at pm.tin.apprise.entities.message_request_ids.MessageRequestIdModelRepository.save(MessageRequestIdModelRepository.java:19)
&lt;/code&gt;&lt;/pre&gt;&lt;/li&gt;
&lt;li&gt;&lt;p&gt;I've tried removing all Sugar ORM config from the Manifest like suggested by many - this changes nothing&lt;/p&gt;&lt;/li&gt;
&lt;li&gt;&lt;p&gt;I've tried creating a Sample App module and tried running it as a test-case for that app, in case Standalone apps didn't get the right resources on the emulator/device (I've tested on both)&lt;/p&gt;&lt;/li&gt;
&lt;li&gt;&lt;p&gt;I've tried incrementing the &lt;code&gt;VERSION&lt;/code&gt; number for the database&lt;/p&gt;&lt;/li&gt;
&lt;li&gt;&lt;p&gt;I've tried switching to an &lt;code&gt;ActivityTestCase&lt;/code&gt; and using &lt;code&gt;getActivity().getApplicationContext()&lt;/code&gt;. This essentially fails with an error that suggests that this Context is incomplete to be able to setup SQLite&lt;/p&gt;&lt;/li&gt;
&lt;/ul&gt;
&lt;p&gt;As you can see, I have pushed hard at this boulder all night long, but at this point it is seeming Sisyphean and I have absolutely no lead for my next debug attempt other than to use a different ORM than Sugar (which doesn't really seem to be the problem). There is nothing more emasculating that not being able to run SQLite in a Test Case and I cry to the Holy Programmer Consciousness in you for help :-'(&lt;/p&gt;</t>
  </si>
  <si>
    <t>2016-03-03 07:28:36.520000+00:00</t>
  </si>
  <si>
    <t>2016-04-07 08:30:34.667000+00:00</t>
  </si>
  <si>
    <t>2016-03-03 07:55:42.020000+00:00</t>
  </si>
  <si>
    <t>android|sqlite|android-sqlite|android-testing|sugarorm</t>
  </si>
  <si>
    <t>HTTP 500 Error when attempting to access Web Service through ajax</t>
  </si>
  <si>
    <t>&lt;p&gt;I have two simple projects in a single Visual Studio solution to understand how a ajax request works. One is a web service and the second one is a project consuming the web service. Here are the relevant code snippets.&lt;/p&gt;
&lt;p&gt;&lt;strong&gt;Web Service #1st Project&lt;/strong&gt;&lt;/p&gt;
&lt;p&gt;&lt;em&gt;Custom Classes.&lt;/em&gt;&lt;/p&gt;
&lt;pre&gt;&lt;code&gt;public class JSONResponse
{
    public string message{ get; set; }
    public JSONResponse()
    {
        message = string.Empty;
    }
}
public class returnData
{
    public string UserValue { get; set; }
    public returnData()
    {
        UserValue = string.Empty;
    }
}
&lt;/code&gt;&lt;/pre&gt;
&lt;p&gt;&lt;em&gt;Web Method&lt;/em&gt;&lt;/p&gt;
&lt;pre&gt;&lt;code&gt;[WebService(Namespace = "http://tempuri.org/")]
[WebServiceBinding(ConformsTo = WsiProfiles.BasicProfile1_1)]
[System.ComponentModel.ToolboxItem(false)]
[System.Web.Script.Services.ScriptService]
public class Service1 : System.Web.Services.WebService
{
    [WebMethod]
    [ScriptMethod(ResponseFormat = ResponseFormat.Json)]
    public JSONResponse returnData(returnData objEnter)
    {            
        JSONResponse jsObj = new JSONResponse();
        jsObj.message =  objEnter.UserValue;
        return jsObj;
    }
}
&lt;/code&gt;&lt;/pre&gt;
&lt;p&gt;&lt;strong&gt;Consuming Application #2nd Project&lt;/strong&gt;&lt;/p&gt;
&lt;p&gt;&lt;em&gt;Javascript Object Creation&lt;/em&gt;&lt;/p&gt;
&lt;pre&gt;&lt;code&gt;    $(document).ready(function () {
        $("#btnSubmit").click(function () {
            debugger;
            var objEnter = {
                UserValue: $("#txtMsg").val()
            }
            pushToServer(objEnter, "returnData", "objEnter");
            // pushToServer(object,function to call,name of the object);
        });
    });
&lt;/code&gt;&lt;/pre&gt;
&lt;p&gt;&lt;em&gt;AJAX Request&lt;/em&gt;&lt;/p&gt;
&lt;pre&gt;&lt;code&gt;        function pushToServer(dataToPass, functionToCall, jsonObjectName) {
            debugger;
            $.ajax({
                url: "http://localhost:12016/DisplayError.asmx/" + functionToCall,
                type: "POST",
                dataType: "json",
                data: "{" + jsonObjectName + ":" + JSON.stringify(dataToPass) + "}",
                timeout: 30000,
                //async: false,        
                contentType: "application/json; charset=utf-8",
                success: function (data) {
                    return data;
                    alert(data);
                },
                error: function (result) {
                    //alert(e);
                    alert(result.status + ' ' + result.statusText);
                }
            });
        }
&lt;/code&gt;&lt;/pre&gt;
&lt;p&gt;But on inspecting through fiddler, I get the following &lt;strong&gt;HTTP 500 Error&lt;/strong&gt;.&lt;/p&gt;
&lt;pre&gt;&lt;code&gt;[InvalidOperationException: Request format is unrecognized for URL unexpectedly ending in &amp;amp;#39;/returnData&amp;amp;#39;.]
   System.Web.Services.Protocols.WebServiceHandlerFactory.CoreGetHandler(Type type, HttpContext context, HttpRequest request, HttpResponse response) +546417
   System.Web.Services.Protocols.WebServiceHandlerFactory.GetHandler(HttpContext context, String verb, String url, String filePath) +212
   System.Web.Script.Services.ScriptHandlerFactory.GetHandler(HttpContext context, String requestType, String url, String pathTranslated) +47
   System.Web.HttpApplication.MapHttpHandler(HttpContext context, String requestType, VirtualPath path, String pathTranslated, Boolean useAppConfig) +203
   System.Web.MapHandlerExecutionStep.System.Web.HttpApplication.IExecutionStep.Execute() +128
   System.Web.HttpApplication.ExecuteStep(IExecutionStep step, Boolean&amp;amp;amp; completedSynchronously) +184
&lt;/code&gt;&lt;/pre&gt;
&lt;p&gt;&lt;strong&gt;Chrome Console&lt;/strong&gt; puts out the following error,&lt;/p&gt;
&lt;pre&gt;&lt;code&gt;XMLHttpRequest cannot load http://localhost:12016/DisplayError.asmx/returnData. Origin http://localhost:12196 is not allowed by Access-Control-Allow-Origin.
&lt;/code&gt;&lt;/pre&gt;
&lt;p&gt;The web service is running on port 12016, and the project is on port 12196.&lt;/p&gt;
&lt;p&gt;I'm unable to understand what's causing the error.&lt;/p&gt;</t>
  </si>
  <si>
    <t>2012-12-30 19:47:44.893000+00:00</t>
  </si>
  <si>
    <t>2012-12-30 21:32:34.813000+00:00</t>
  </si>
  <si>
    <t>asp.net|ajax|jquery</t>
  </si>
  <si>
    <t>C# Reflection Call Method with ref/Pointer Parameter</t>
  </si>
  <si>
    <t>&lt;p&gt;I want to call with reflection each Method of an Class but I cant call Methods with an pointer as Reference. Normally I just could pass null for each pointer I find and everything would be fine. The Problem is when the function trys to access my passed pointer. The pointer would be an reference to the memory address 0 and that is obviously an instant crash for my Program.
So I need to pass an pointer to an valid memory adress, but I dont know how I can create an pointer during runtime&lt;/p&gt;
&lt;p&gt;A compressed Version of my Code:&lt;/p&gt;
&lt;pre&gt;&lt;code&gt;class Program
{
    static void Main(string[] args)
    {
        var obj = new TestClass();
        var pointerMethod = obj.GetType().GetMethod("Test");
        var referenceMethod = obj.GetType().GetMethod("Test2");
        var pointerParameter = pointerMethod.GetParameters()[0];
        var referenceParameter = referenceMethod.GetParameters()[0];
        //Get the instance of the class that is referred by the pointer/reference
        var pointerInstance = Activator.CreateInstance(pointerParameter.ParameterType.GetElementType());
        var referenceInstance = Activator.CreateInstance(referenceParameter.ParameterType.GetElementType());
        //Call the method and "cast" the char instance into an pointer
        pointerMethod.Invoke(obj, new[] {pointerInstance.GetType().MakePointerType()});
        referenceMethod.Invoke(obj, new[] { referenceInstance.GetType().MakeByRefType() });
     }
}
&lt;/code&gt;&lt;/pre&gt;
&lt;p&gt;And TestClass:&lt;/p&gt;
&lt;pre&gt;&lt;code&gt;public class TestClass
{
        unsafe public void Test(char* pointer)
        {
        }
        public void Test2(ref int reference)
        {
        }
}
&lt;/code&gt;&lt;/pre&gt;
&lt;p&gt;I've always get the Exception "System.RuntimeType" cannot be converted to type 'System.Char*'
The weird thing is that pointerInstance.GetType().MakePointerType() returns a char*, exactly that what I have to pass into the function...&lt;/p&gt;</t>
  </si>
  <si>
    <t>2015-06-18 09:21:37.623000+00:00</t>
  </si>
  <si>
    <t>2015-06-18 13:35:54.390000+00:00</t>
  </si>
  <si>
    <t>c#|pointers|reflection|ref</t>
  </si>
  <si>
    <t>Test Driven Development with hidden variables and methods in C</t>
  </si>
  <si>
    <t>&lt;p&gt;Is there a proper way to to TDD (test driven development) against private variables and functions efficiently?&lt;/p&gt;
&lt;p&gt;I am testing a new circular buffer module. The buffer parameters are held in a struct. These struct members should be private since the client doesn���t need to touch them. BUT by hiding the members, testing becomes much more difficult. If the struct format is public in the header, I can directly look to make sure I���m pointing at the storage array, that my read index is correct, that my write index is correct, etc. If private, I can only test the interface, which I obviously need to do, but validating the underlying hidden functionality feels slow and inefficient.&lt;/p&gt;
&lt;p&gt;&lt;strong&gt;buf.h&lt;/strong&gt; &lt;/p&gt;
&lt;pre&gt;&lt;code&gt;typedef struct circBuf circBuf_t;
&lt;/code&gt;&lt;/pre&gt;
&lt;p&gt;&lt;strong&gt;buf.c&lt;/strong&gt;&lt;/p&gt;
&lt;pre&gt;&lt;code&gt;struct circBuf {
    privateMember_1;
    ...
    privateMember_n;  
};
&lt;/code&gt;&lt;/pre&gt;
&lt;p&gt;Should I put a spy in my test function? i.e.:&lt;/p&gt;
&lt;p&gt;&lt;strong&gt;test_buf.c&lt;/strong&gt;&lt;/p&gt;
&lt;pre&gt;&lt;code&gt;#include "buf.h"      
struct spy_circBuf {
    privateMember_1;
    ...
    privateMember_n;
};
void test_circBufInit(void) 
{
    circBuf_t * p_testCircBuf;
    struct spy_circBuf * p_spy;
    p_testCircBuf = CircBuf_Init (initVar_1, ...);
    p_spy = ((struct spy_circBuf *)p_testCircBuf);
    TEST_ASSERT_EQUAL(p_spy-&amp;gt;privateMember_1, initVar_1);
}
&lt;/code&gt;&lt;/pre&gt;
&lt;p&gt;Is there a better way to do TDD on private variables and functions?&lt;/p&gt;</t>
  </si>
  <si>
    <t>2014-03-05 17:32:54.110000+00:00</t>
  </si>
  <si>
    <t>2014-05-09 20:19:01.833000+00:00</t>
  </si>
  <si>
    <t>c|unit-testing|struct|tdd|hidden-variables</t>
  </si>
  <si>
    <t>JpaRepository won't insert many-to-many data</t>
  </si>
  <si>
    <t>&lt;p&gt;I have User entity and Role entity which are generated using JPA Tools. User and Role have many-to-many relationship. I use following code to insert admin, however, no data is inserted into user_role table. Also I notice role class has @JoinTable but user class does not have it. Are there differences?&lt;/p&gt;
&lt;pre&gt;&lt;code&gt;private void addAdmin() {
    User admin = new User();
    admin.setDisplayName("admin");
    Role role1 = new Role();
    role1.setRole("ROLE_SUPER_ADMIN");
    Role role2 = new Role();
    role2.setRole("ROLE_END_USER");
    List&amp;lt;Role&amp;gt; roles = new ArrayList&amp;lt;Role&amp;gt;();
    roles.add(role1);
    roles.add(role2);
    admin.setRoles(roles);
    userRepository.save(admin);
}
&lt;/code&gt;&lt;/pre&gt;
&lt;p&gt;Following is my User class:&lt;/p&gt;
&lt;pre&gt;&lt;code&gt;@Entity
@NamedQuery(name="User.findAll", query="SELECT u FROM User u")
public class User implements Serializable {
  private static final long serialVersionUID = 1L;
  @Id
  @GeneratedValue(strategy=GenerationType.AUTO)
  private int id;
  @Column(name="display_name")
  private String displayName;
  //bi-directional many-to-many association to Role
  @ManyToMany(mappedBy="users")
  private List&amp;lt;Role&amp;gt; roles;
}
&lt;/code&gt;&lt;/pre&gt;
&lt;p&gt;Following is my role class:&lt;/p&gt;
&lt;pre&gt;&lt;code&gt;@Entity
@NamedQuery(name="Role.findAll", query="SELECT r FROM Role r")
public class Role implements Serializable {
  private static final long serialVersionUID = 1L;
  @Id
  @GeneratedValue(strategy=GenerationType.AUTO)
  private int id;
  private String role;
  //bi-directional many-to-many association to User
  @ManyToMany
  @JoinTable(
    name="user_role"
    , joinColumns={
        @JoinColumn(name="role_id")
        }
    , inverseJoinColumns={
        @JoinColumn(name="user_id")
        }
    )
  private List&amp;lt;User&amp;gt; users;
}
&lt;/code&gt;&lt;/pre&gt;</t>
  </si>
  <si>
    <t>2015-09-13 14:59:24.120000+00:00</t>
  </si>
  <si>
    <t>2017-06-26 07:40:04.493000+00:00</t>
  </si>
  <si>
    <t>2015-09-13 15:06:11.023000+00:00</t>
  </si>
  <si>
    <t>hibernate|jpa|many-to-many</t>
  </si>
  <si>
    <t>Ajax post is unable to find the URL, which leads to java class, with annotations. Gives error 404</t>
  </si>
  <si>
    <t>&lt;p&gt;I have written my &lt;code&gt;ajax&lt;/code&gt; &lt;code&gt;post&lt;/code&gt; in my &lt;code&gt;Java Script&lt;/code&gt; file like this:
Where obj1 is a &lt;code&gt;Stringified&lt;/code&gt; &lt;code&gt;JSON&lt;/code&gt; object.&lt;/p&gt;
&lt;pre&gt;&lt;code&gt;$.ajax({
    url:'./rest/input/post',
    type: 'POST',
    data:obj1,
    contentType: 'application/json',
    dataType:'json',
    success:function(data)
    {
        var values = JSON.stringify(data);
        alert(values);
    },
},'json');
&lt;/code&gt;&lt;/pre&gt;
&lt;p&gt;I am passing it to a &lt;code&gt;Java&lt;/code&gt; class which is as below:&lt;/p&gt;
&lt;pre&gt;&lt;code&gt;@Path("/input")
public class InputResponse {
@POST
@Path("/post")
@Consumes(MediaType.APPLICATION_JSON) 
@Produces(MediaType.APPLICATION_JSON)
     public Input postInputRecord(Input obj){
         return obj;
     }
}
&lt;/code&gt;&lt;/pre&gt;
&lt;p&gt;My &lt;code&gt;Web.xml&lt;/code&gt; file is as below:&lt;/p&gt;
&lt;pre&gt;&lt;code&gt;&amp;lt;?xml version="1.0" encoding="ISO-8859-1"?&amp;gt;
&amp;lt;web-app xmlns="http://java.sun.com/xml/ns/javaee"
xmlns:xsi="http://www.w3.org/2001/XMLSchema-instance"
xsi:schemaLocation="http://java.sun.com/xml/ns/javaee
http://java.sun.com/xml/ns/javaee/web-app_3_0.xsd"
version="3.0"
metadata-complete="true"&amp;gt;
&amp;lt;display-name&amp;gt;CAD&amp;lt;/display-name&amp;gt;
&amp;lt;servlet&amp;gt;
&amp;lt;servlet-name&amp;gt;Jersey Web Application&amp;lt;/servlet-name&amp;gt;
&amp;lt;servlet-class&amp;gt;org.glassfish.jersey.servlet.ServletContainer&amp;lt;/servlet-class&amp;gt;
&amp;lt;init-param&amp;gt;
  &amp;lt;param-name&amp;gt;jersey.config.server.provider.packages&amp;lt;/param-name&amp;gt;
  &amp;lt;param-value&amp;gt;com.cad.example.response&amp;lt;/param-value&amp;gt;
&amp;lt;/init-param&amp;gt;
&amp;lt;init-param&amp;gt;
    &amp;lt;param-name&amp;gt;com.sun.jersey.config.property.packages&amp;lt;/param-name&amp;gt;
    &amp;lt;param-value&amp;gt;com.cad.data.model&amp;lt;/param-value&amp;gt;
&amp;lt;/init-param&amp;gt;
&amp;lt;load-on-startup&amp;gt;1&amp;lt;/load-on-startup&amp;gt;
&amp;lt;/servlet&amp;gt;
&amp;lt;servlet-mapping&amp;gt;
&amp;lt;servlet-name&amp;gt;Jersey Web Application&amp;lt;/servlet-name&amp;gt;
&amp;lt;url-pattern&amp;gt;/rest/*&amp;lt;/url-pattern&amp;gt;
&amp;lt;/servlet-mapping&amp;gt;
&amp;lt;/web-app&amp;gt;
&lt;/code&gt;&lt;/pre&gt;
&lt;p&gt;This is the &lt;code&gt;maven&lt;/code&gt; project:
I am running it on a &lt;code&gt;Jetty&lt;/code&gt; &lt;code&gt;Server&lt;/code&gt;, while invoking a url "&lt;a href="http://localhost:8001/project_name/rest/input/post" rel="nofollow"&gt;http://localhost:8001/project_name/rest/input/post&lt;/a&gt;"
But it is giving me &lt;code&gt;404&lt;/code&gt; error. There is no error in console except this. 
Why is it so? How can I solve this?
Any suggestion much appreciated.&lt;/p&gt;</t>
  </si>
  <si>
    <t>2015-09-16 04:08:00.473000+00:00</t>
  </si>
  <si>
    <t>2015-09-16 04:50:59.103000+00:00</t>
  </si>
  <si>
    <t>java|ajax|maven|jetty|jax-rs</t>
  </si>
  <si>
    <t>Oracle SQL count() per hour</t>
  </si>
  <si>
    <t>&lt;p&gt;I have a query that shows the amount of shipments per hour, per carrier. I have it cased by hour, but it is showing zero's until the previous hour is complete before reporting data for next hour. Essentially, would like to read left to right, and have NULL if carrier didn't have shipment during that hour.&lt;/p&gt;
&lt;p&gt;Code:&lt;/p&gt;
&lt;pre&gt;&lt;code&gt;    select router_destination_code, 
count(case when to_char(app_last_updated_date_utc, 'HH24') = '00' then router_destination_code else NULL end) as "Hour 1",
count(case when to_char(app_last_updated_date_utc, 'HH24') = '01' then router_destination_code else NULL end) as "Hour 2",
count(case when to_char(app_last_updated_date_utc, 'HH24') = '02' then router_destination_code else NULL end) as "Hour 3",
count(case when to_char(app_last_updated_date_utc, 'HH24') = '03' then router_destination_code else NULL end) as "Hour 4",
count(case when to_char(app_last_updated_date_utc, 'HH24') = '04' then router_destination_code else NULL end) as "Hour 5",
count(case when to_char(app_last_updated_date_utc, 'HH24') = '05' then router_destination_code else NULL end) as "Hour 6"
from booker.routing_container_history
where 
app_last_updated_by_module in ('ManualSlam', 'slam')
and app_last_updated_date_utc between 'dec/07/2013 00:00:00' and 'dec/14/2013 00:00:00'
group by 
router_destination_code, 
case when to_char(app_last_updated_date_utc, 'HH24') = '00' then router_destination_code else NULL end,
case when to_char(app_last_updated_date_utc, 'HH24') = '01' then router_destination_code else NULL end,
case when to_char(app_last_updated_date_utc, 'HH24') = '02' then router_destination_code else NULL end,
case when to_char(app_last_updated_date_utc, 'HH24') = '03' then router_destination_code else NULL end,
case when to_char(app_last_updated_date_utc, 'HH24') = '04' then router_destination_code else NULL end,
case when to_char(app_last_updated_date_utc, 'HH24') = '05' then router_destination_code else NULL end
order by 
case when to_char(app_last_updated_date_utc, 'HH24') = '00' then router_destination_code else NULL end,
case when to_char(app_last_updated_date_utc, 'HH24') = '01' then router_destination_code else NULL end,
case when to_char(app_last_updated_date_utc, 'HH24') = '02' then router_destination_code else NULL end,
case when to_char(app_last_updated_date_utc, 'HH24') = '03' then router_destination_code else NULL end,
case when to_char(app_last_updated_date_utc, 'HH24') = '04' then router_destination_code else NULL end,
case when to_char(app_last_updated_date_utc, 'HH24') = '05' then router_destination_code else NULL end,
count(Router_Destination_code) desc;
&lt;/code&gt;&lt;/pre&gt;
&lt;p&gt;Output:&lt;/p&gt;
&lt;p&gt;&lt;img src="https://i.stack.imgur.com/RnoAt.jpg" alt="enter image description here"&gt;&lt;/p&gt;
&lt;p&gt;&lt;strong&gt;NEW QUERY FROM GORDON LINOFF&lt;/strong&gt;&lt;/p&gt;
&lt;pre&gt;&lt;code&gt;select router_destination_code, 
sum(case when to_char(app_last_updated_date_utc, 'HH24') = '00' then 1 end) as "Hour 1",
sum(case when to_char(app_last_updated_date_utc, 'HH24') = '01' then 2 end) as "Hour 2",
sum(case when to_char(app_last_updated_date_utc, 'HH24') = '02' then 3 end) as "Hour 3",
sum(case when to_char(app_last_updated_date_utc, 'HH24') = '03' then 4 end) as "Hour 4",
sum(case when to_char(app_last_updated_date_utc, 'HH24') = '04' then 5 end) as "Hour 5",
sum(case when to_char(app_last_updated_date_utc, 'HH24') = '05' then 6 end) as "Hour 6"
from booker.routing_container_history
where 
app_last_updated_by_module in ('ManualSlam', 'slam')
and app_last_updated_date_utc between 'dec/07/2013 00:00:00' and 'dec/14/2013 00:00:00'
group by 
router_destination_code, 
case when to_char(app_last_updated_date_utc, 'HH24') = '00' then 1 end,
case when to_char(app_last_updated_date_utc, 'HH24') = '01' then 2 end,
case when to_char(app_last_updated_date_utc, 'HH24') = '02' then 3 end,
case when to_char(app_last_updated_date_utc, 'HH24') = '03' then 4 end,
case when to_char(app_last_updated_date_utc, 'HH24') = '04' then 5 end,
case when to_char(app_last_updated_date_utc, 'HH24') = '05' then 6 end
order by 
case when to_char(app_last_updated_date_utc, 'HH24') = '00' then 1 end,
case when to_char(app_last_updated_date_utc, 'HH24') = '01' then 2 end,
case when to_char(app_last_updated_date_utc, 'HH24') = '02' then 3 end,
case when to_char(app_last_updated_date_utc, 'HH24') = '03' then 4 end,
case when to_char(app_last_updated_date_utc, 'HH24') = '04' then 5 end,
case when to_char(app_last_updated_date_utc, 'HH24') = '05' then 6 end,
count(Router_Destination_code) desc;
&lt;/code&gt;&lt;/pre&gt;</t>
  </si>
  <si>
    <t>2013-12-18 00:15:12.390000+00:00</t>
  </si>
  <si>
    <t>2013-12-18 01:51:02.107000+00:00</t>
  </si>
  <si>
    <t>2013-12-18 01:37:09.607000+00:00</t>
  </si>
  <si>
    <t>sql|oracle|count|null|case</t>
  </si>
  <si>
    <t>Want to understand how this url and back button is working</t>
  </si>
  <si>
    <t>&lt;blockquote&gt;
  &lt;p&gt;&lt;strong&gt;Possible Duplicate:&lt;/strong&gt;&lt;br&gt;
  &lt;a href="https://stackoverflow.com/questions/5792859/facebook-and-ajax"&gt;Facebook and Ajax&lt;/a&gt;&lt;br&gt;
  &lt;a href="https://stackoverflow.com/questions/5900266/change-url-from-javascript-like-facebook-does"&gt;Change URL from Javascript like facebook does&lt;/a&gt;  &lt;/p&gt;
&lt;/blockquote&gt;
&lt;p&gt;IN facebook, it is not loading the full page when you click on links in most of cases, such as clicking on my wall or Photos link, but it change the Url, for example:&lt;br&gt;
&lt;a href="http://www.facebook.com/amrelgarhy?sk=wall" rel="nofollow noreferrer"&gt;http://www.facebook.com/amrelgarhy?sk=wall&lt;/a&gt;&lt;br&gt;
&lt;a href="http://www.facebook.com/amrelgarhy?sk=photos" rel="nofollow noreferrer"&gt;http://www.facebook.com/amrelgarhy?sk=photos&lt;/a&gt;&lt;/p&gt;
&lt;p&gt;And when the I click on browser back button, it change the Url and goes back on the correct view.&lt;/p&gt;
&lt;p&gt;I want to understand how facebook is doing that, are they reading the Url using javascript when backbutton clicked and load the view based on the url or what is the case?&lt;/p&gt;
&lt;p&gt;I am asking because I am doing an ajax website and want to do something the same as what facebook is doing regarding backbutton and urls. &lt;/p&gt;</t>
  </si>
  <si>
    <t>2011-10-21 21:19:41.440000+00:00</t>
  </si>
  <si>
    <t>2011-10-22 12:43:31.277000+00:00</t>
  </si>
  <si>
    <t>2017-05-23 12:12:02.767000+00:00</t>
  </si>
  <si>
    <t>javascript|asp.net-mvc|ajax|facebook|back-button</t>
  </si>
  <si>
    <t>Will UpdateWindow() send a WM_PAINT message even if the HWND is validated?</t>
  </si>
  <si>
    <t>&lt;p&gt;I want to draw an image on an &lt;code&gt;HWND&lt;/code&gt; immediately (by the time the function returns, the image would have been drawn). So I am thinking of using &lt;code&gt;UpdateWindow()&lt;/code&gt; to do that, as I have read, &lt;code&gt;UpdateWindow()&lt;/code&gt; will send a WM_PAINT message by calling the Window Procedure directly, and not by placing a WM_PAINT message in the message queue.&lt;/p&gt;
&lt;p&gt;But there is one think that I am not sure of, &lt;code&gt;UpdateWindow()&lt;/code&gt; documentation says the following:&lt;/p&gt;
&lt;blockquote&gt;
  &lt;p&gt;If the update region is empty, no message is sent.&lt;/p&gt;
&lt;/blockquote&gt;
&lt;p&gt;What does "empty" means? Does it mean validated? If so, should I call &lt;code&gt;InvalidateRect()&lt;/code&gt; before calling &lt;code&gt;UpdateWindow()&lt;/code&gt;?&lt;/p&gt;</t>
  </si>
  <si>
    <t>2015-06-24 22:58:23.013000+00:00</t>
  </si>
  <si>
    <t>2015-06-24 23:03:51.877000+00:00</t>
  </si>
  <si>
    <t>Updating list object based on key - LINQ</t>
  </si>
  <si>
    <t>&lt;p&gt;This is my List object&lt;/p&gt;
&lt;pre&gt;&lt;code&gt;List&amp;lt;MemObject&amp;gt;
                   {
                       new MemObject
                           {Serial = 1, ErrorCode = "ABC", ModifedAt = new DateTime(2011, 12, 15, 10, 10, 30)},
                       new MemObject
                           {Serial = 1, ErrorCode = "ABD", ModifedAt = new DateTime(2011, 12, 15, 10, 10, 30)},
                       new MemObject
                           {Serial = 1, ErrorCode = "ABC", ModifedAt = new DateTime(2011, 12, 15, 10, 10, 30)},
                       new MemObject
                           {Serial = 1, ErrorCode = "ABC", ModifedAt = new DateTime(2011, 12, 15, 10, 10, 30)},
                   };
&lt;/code&gt;&lt;/pre&gt;
&lt;p&gt;I want to update ModifiedAt field by incrementing time with one second for every 2, 3, .. n record which has same Serial, ErrorCode.&lt;/p&gt;
&lt;p&gt;How can this be done in linq.&lt;/p&gt;</t>
  </si>
  <si>
    <t>2011-03-13 22:57:01.130000+00:00</t>
  </si>
  <si>
    <t>2011-03-14 01:46:14.990000+00:00</t>
  </si>
  <si>
    <t>c#|linq-to-objects</t>
  </si>
  <si>
    <t>Binding multiple select values in a dropdownlist to a string using Select2</t>
  </si>
  <si>
    <t>&lt;p&gt;I'm using the JQuery Select2 plugin from &lt;a href="http://select2.github.io/select2/" rel="nofollow noreferrer"&gt;http://select2.github.io/select2/&lt;/a&gt; and am having a problem binding a model to multiple items.&lt;/p&gt;
&lt;p&gt;I know that when using Select2 for multiple items, you can create a separate entity to hold the stored items, but in my case I'd like to use a comma delimited list.&lt;/p&gt;
&lt;p&gt;My view code is here:&lt;/p&gt;
&lt;pre&gt;&lt;code&gt;&amp;lt;div class="col-xs-3"&amp;gt;
    @Html.DropDownListFor(
    x =&amp;gt; x.Quote.TypeofRoof,
    Model.RoofTypes,
    "", new { @class = "ddl", @multiple = "multiple", @style = "width:100%;height:35px" })
&amp;lt;/div&amp;gt;
&lt;/code&gt;&lt;/pre&gt;
&lt;p&gt;TypeofRoof is a string in my Quote class:&lt;/p&gt;
&lt;pre&gt;&lt;code&gt;public string TypeofRoof { get; set; }
&lt;/code&gt;&lt;/pre&gt;
&lt;p&gt;My problem is that when I submit my form with multiple items selected, only the first is saved:&lt;/p&gt;
&lt;p&gt;&lt;img src="https://i.stack.imgur.com/gvRbB.png" alt="enter image description here"&gt;&lt;/p&gt;
&lt;p&gt;&lt;img src="https://i.stack.imgur.com/eADdh.png" alt="enter image description here"&gt;&lt;/p&gt;
&lt;p&gt;What I'm after is to have the model comma separate the values, i.e.:&lt;/p&gt;
&lt;p&gt;"Metal, Terracotta"&lt;/p&gt;</t>
  </si>
  <si>
    <t>2015-02-02 19:50:24.137000+00:00</t>
  </si>
  <si>
    <t>2015-02-02 20:49:43.683000+00:00</t>
  </si>
  <si>
    <t>jquery|asp.net-mvc|entity-framework|jquery-select2</t>
  </si>
  <si>
    <t>How to properly polt the Labels in the graph here?</t>
  </si>
  <si>
    <t>&lt;p&gt;I am a beginner in Python. I want to plot a 'Sequence of function' in python with corresponding &lt;strong&gt;Label&lt;/strong&gt; on each function in the plot. I use matplotlib...But I cannot do it properly as I wish...:&lt;/p&gt;
&lt;blockquote&gt;
  &lt;p&gt;(1). The grpah should Lavel $f_n$ corresponding to each function.&lt;/p&gt;
  &lt;p&gt;(2). Finally I have to save it (with the &lt;strong&gt;Labels&lt;/strong&gt;, Actually my code saves the plot without Labels) to use in my presentation.&lt;/p&gt;
&lt;/blockquote&gt;
&lt;p&gt;I paste my code here:&lt;/p&gt;
&lt;pre&gt;&lt;code&gt;import matplotlib as mpl
mpl.rc('text', usetex = True) #for LaTex notation in the Plot
mpl.rc('font', family = 'serif')
import matplotlib.pyplot as plt
import numpy as np
plt.gca().set_aspect('equal', adjustable='box')
plt.style.use(['ggplot','dark_background'])
x=np.arange(-1,1,0.001)
for i in range(1,5,1):
    y = 1 - (1 / (1+x**2)**i)
    plt.plot(x,y,label=i)
plt.xlabel('$x$')
plt.ylabel('$y$')
plt.savefig('seqn_of_function1.eps', format='eps', 
dpi=1000)
plt.legend()
plt.show()
&lt;/code&gt;&lt;/pre&gt;
&lt;p&gt;The problem with this code is:&lt;/p&gt;
&lt;blockquote&gt;
  &lt;ol&gt;
  &lt;li&gt;&lt;p&gt;This code gives the following output but cannot save the &lt;strong&gt;.eps&lt;/strong&gt; file with the Labels (&lt;code&gt;plt.savefig('seqn_of_function1.eps', format='eps', 
  dpi=1000)&lt;/code&gt;)
  &lt;a href="https://i.stack.imgur.com/qxMz0.png" rel="nofollow noreferrer"&gt;&lt;img src="https://i.stack.imgur.com/qxMz0.png" alt="enter image description here"&gt;&lt;/a&gt; &lt;/p&gt;&lt;/li&gt;
  &lt;li&gt;&lt;p&gt;It only labels 'i' but I want to label as $f_i$....For this I change the line in my code as :&lt;code&gt;plt.plot(x,y,label='$f_$',i)&lt;/code&gt; but it gives "invalid_syntax".&lt;/p&gt;&lt;/li&gt;
  &lt;/ol&gt;
&lt;/blockquote&gt;
&lt;p&gt;Please anyone help me in this regards.. Thank you.&lt;/p&gt;</t>
  </si>
  <si>
    <t>2018-09-02 07:15:27.440000+00:00</t>
  </si>
  <si>
    <t>2018-09-02 07:41:22.987000+00:00</t>
  </si>
  <si>
    <t>2018-09-02 07:29:02.310000+00:00</t>
  </si>
  <si>
    <t>Accessing a PHP class function through AJAX</t>
  </si>
  <si>
    <t>&lt;p&gt;Does anyone know how I can directly access a function from a PHP class through AJAX (using jQuery).&lt;/p&gt;
&lt;p&gt;PHP:&lt;/p&gt;
&lt;pre&gt;&lt;code&gt;class Blah
{
    function __construct()
    {
    }
    function doSomething(data)
    {
        echo "I am not an animal";
    }
}
&lt;/code&gt;&lt;/pre&gt;
&lt;p&gt;jQuery:&lt;/p&gt;
&lt;pre&gt;&lt;code&gt;$.ajax({
        url: myClass.php,
        data: Blah.doSomething(); "or" Blah-&amp;gt;doSomething()  "or whatever"
    });
&lt;/code&gt;&lt;/pre&gt;
&lt;p&gt;I know this is a crude example, i'm just trying to illustrate a point, I hope you can get the gist of my question. &lt;/p&gt;
&lt;p&gt;At the moment i'm doing something along these lines:&lt;/p&gt;
&lt;pre&gt;&lt;code&gt;$.ajax({
        url: myClass.php,
        data: data : { 'type':'doSomething' }
    });
&lt;/code&gt;&lt;/pre&gt;
&lt;p&gt;||&lt;/p&gt;
&lt;pre&gt;&lt;code&gt;if(POST['data']['type'] == 'doSomething')
{
     $this-&amp;gt;doSomething();
}
&lt;/code&gt;&lt;/pre&gt;
&lt;p&gt;And I don't like it...&lt;/p&gt;</t>
  </si>
  <si>
    <t>2012-02-09 18:07:23.110000+00:00</t>
  </si>
  <si>
    <t>2012-12-13 00:10:11.657000+00:00</t>
  </si>
  <si>
    <t>How to Install new_relic into django application running under apache and mod_wsgi</t>
  </si>
  <si>
    <t>&lt;p&gt;I am running Django using apache and mod_wsgi and i wanted to install new_relic&lt;/p&gt;
&lt;p&gt;I already preconfiure the newrelic.ini and put it in django base dir&lt;/p&gt;
&lt;p&gt;in new_relic doc they say to prefix with following :&lt;/p&gt;
&lt;pre&gt;&lt;code&gt;NEW_RELIC_CONFIG_FILE=newrelic.ini newrelic-admin run-program 
&lt;/code&gt;&lt;/pre&gt;
&lt;p&gt;but the file /var/www//index.wsgi looks like:&lt;/p&gt;
&lt;pre&gt;&lt;code&gt;import os
import sys
import site
#...
import django.core.handlers.wsgi
application = django.core.handlers.wsgi.WSGIHandler()
&lt;/code&gt;&lt;/pre&gt;
&lt;p&gt;how i emerge the new_relic into the django application using mod-wsgi ?&lt;/p&gt;
&lt;p&gt;Thanks,&lt;/p&gt;</t>
  </si>
  <si>
    <t>2014-11-19 10:12:36.267000+00:00</t>
  </si>
  <si>
    <t>2014-11-19 12:43:29.123000+00:00</t>
  </si>
  <si>
    <t>django|apache|mod-wsgi|newrelic</t>
  </si>
  <si>
    <t>Get all Countries Name from DBpedia using SPARQL</t>
  </si>
  <si>
    <t>&lt;p&gt;I want list of countries name from DBpedia.&lt;/p&gt;
&lt;p&gt;I am using &lt;a href="http://dbpedia.org/snorql/" rel="nofollow noreferrer"&gt;http://dbpedia.org/snorql/&lt;/a&gt; to execute my query, but till now I have not found all countries name which are available in DBpedia.&lt;/p&gt;
&lt;p&gt;For Example : dbr:&lt;a href="http://dbpedia.org/page/United_States" rel="nofollow noreferrer"&gt;United_Kingdom&lt;/a&gt;, dbr:&lt;a href="http://dbpedia.org/page/India" rel="nofollow noreferrer"&gt;India&lt;/a&gt;, dbr:&lt;a href="http://dbpedia.org/page/United_States" rel="nofollow noreferrer"&gt;United_States&lt;/a&gt;, etc. &lt;/p&gt;</t>
  </si>
  <si>
    <t>2017-06-22 12:49:02.017000+00:00</t>
  </si>
  <si>
    <t>2017-06-22 13:16:49.857000+00:00</t>
  </si>
  <si>
    <t>sparql|dbpedia</t>
  </si>
  <si>
    <t>Search and Update respective data using jsp,servlet,mysql</t>
  </si>
  <si>
    <t>&lt;pre&gt;&lt;code&gt;Hello,
           My Scenario is like thse-
I have one textbox ,in which when user type the project names then list of projects appear and user select one from the list.
&lt;/code&gt;&lt;/pre&gt;
&lt;p&gt;I have also one button to update the selected project details.
Now I want when user click on the Edit button then next jsp page should appear,and the previously selected project details should filled automatically in the textbox and now user can update the data.
I am not getting how to implement these using jsp,servlet and mysql.
 I want to update only drop down box values,and other textbox fields should be uneditable.&lt;/p&gt;
&lt;pre&gt;&lt;code&gt; &amp;lt;input id="name" type="text" name="ProjName"  placeholder="Search Project name"onkeyup="showState(this.value)"&amp;gt;&amp;amp;nbsp;&amp;amp;nbsp;&amp;amp;nbsp;&amp;amp;nbsp;&amp;amp;nbsp;&amp;amp;nbsp;&amp;amp;nbsp;&amp;amp;nbsp;
&amp;lt;input type="submit" value="Display" style="margin-left: 0%;width:80px;height:32px;background-color:#007BC0;color:white" onclick="form.action='&amp;lt;%=request.getContextPath()%&amp;gt;/SearchProject';"/&amp;gt;&amp;amp;nbsp;&amp;amp;nbsp;
&amp;lt;input type="submit" value="Edit" style="margin-left: 0%;width:80px;height:32px;background-color:#007BC0;color:white" onclick="form.action='&amp;lt;%=request.getContextPath()%&amp;gt;/EditProj.jsp';" /&amp;gt;&amp;amp;nbsp;&amp;amp;nbsp;
&amp;lt;input type="submit" value="Delete" style="margin-left: 0%;width:80px;height:32px;background-color:#007BC0;color:white" onclick="form.action='&amp;lt;%=request.getContextPath()%&amp;gt;/DeleteProject';" /&amp;gt;
&lt;/code&gt;&lt;/pre&gt;
&lt;p&gt;Above is the code for textbox and button.On click of Edit button EditProj.jsp page should appear .EditProj.jsp page is containing some textbox and drop down box.Please help me ,How Can I implement these scenario.&lt;/p&gt;</t>
  </si>
  <si>
    <t>2018-02-12 02:18:25.190000+00:00</t>
  </si>
  <si>
    <t>2018-02-12 08:04:20.647000+00:00</t>
  </si>
  <si>
    <t>2018-02-12 02:25:19.993000+00:00</t>
  </si>
  <si>
    <t>mysql|jsp|servlets</t>
  </si>
  <si>
    <t>Instantiate dynamic text in Unity</t>
  </si>
  <si>
    <t>&lt;p&gt;When I collect a power-up in my game I want to instantiate dynamic text (e.g. "Missile" or "Shield") at the power-up's location but my code doesn't work. &lt;/p&gt;
&lt;p&gt;This is my function (I admit it 's a bit messy):&lt;/p&gt;
&lt;pre&gt;&lt;code&gt;public Text upgradeTxtPrefab;
void ShowUpgradeTxt (string _upgradeTxt) {
        // find canvas
        GameObject canvas = GameObject.Find("Canvas");
        Text tempUpgradeTxt = (Text)Instantiate (upgradeTxtPrefab);
        tempUpgradeTxt.fontSize = 24;
        tempUpgradeTxt.transform.position = this.transform.position;
        tempUpgradeTxt.transform.SetParent (canvas.transform, false);
        upgradeTxtPrefab.text = _upgradeTxt;
}
&lt;/code&gt;&lt;/pre&gt;</t>
  </si>
  <si>
    <t>2018-05-14 15:26:09.153000+00:00</t>
  </si>
  <si>
    <t>2018-08-14 19:09:36.760000+00:00</t>
  </si>
  <si>
    <t>c#|unity3d|text</t>
  </si>
  <si>
    <t>StreamInsight pass Window Start Time to UDA</t>
  </si>
  <si>
    <t>&lt;p&gt;I have a problem I am stuck for two days now. Maybe someone of you guys can help me.&lt;/p&gt;
&lt;p&gt;I try to get the starttime of a window passed to a user defined aggregate. Unfortunately I don't know how to do this. The way I thought it should work looks like that:&lt;/p&gt;
&lt;pre&gt;&lt;code&gt;var tot = from row in tumblingWin
          select new
          {
              value = row.UserDefinedAggregate&amp;lt;Dataclass, Total2, double&amp;gt;(new StartBoundsConfig
              {
                  Winstart = row.WinStart().Ticks                       
              }) * processinginterval,
          };
&lt;/code&gt;&lt;/pre&gt;
&lt;p&gt;And the UDA looks like this:&lt;/p&gt;
&lt;pre&gt;&lt;code&gt;public class Total2: CepAggregate&amp;lt;Dataclass,double&amp;gt;
{
    private Dataclass lastone; //keep it, if needed for next window
    private StartBoundsConfig _conf;
    public Total2(StartBoundsConfig config)
    {
        _conf = config;
    }
    public override double GenerateOutput(IEnumerable&amp;lt;Dataclass&amp;gt; events)
    {
       //TODO check if value on window start =&amp;gt; if not use last from previous as starting value
       bool checkfirst = true;
       long result = 0;
       long tsone = 0;
       foreach (var evts in events)
       {
           if (checkfirst == true)
           {
               tsone = evts.Gentime.Ticks;
               checkfirst = false;
           }
           else
           {
               long tstwo = evts.Gentime.Ticks;
               long delta = tstwo - tsone;
               long value = (long) evts.Value;
               result += delta*value;
               tsone = tstwo;
           }
           lastone = evts;
       }
       return result;          
    }    
}
&lt;/code&gt;&lt;/pre&gt;
&lt;p&gt;I tried to pass the window start to the config of the UDA and read it from there.
Has anyone an idea why this doesn't work that way and how I could get the starttime of the window passed to the UDA to use it for calculation there?&lt;/p&gt;
&lt;p&gt;I am very grateful for any hint.&lt;/p&gt;
&lt;p&gt;Joe&lt;/p&gt;</t>
  </si>
  <si>
    <t>2014-05-13 14:32:42.527000+00:00</t>
  </si>
  <si>
    <t>2014-05-13 17:09:59.260000+00:00</t>
  </si>
  <si>
    <t>2014-05-13 14:38:43.297000+00:00</t>
  </si>
  <si>
    <t>c#|linq|streaminsight</t>
  </si>
  <si>
    <t>Averaging columns in a table - ignoring certain columns</t>
  </si>
  <si>
    <t>&lt;p&gt;I've the following code which successfully makes an average for all the columns from a table. What I need to do though is ignore certain columns in this equation.&lt;/p&gt;
&lt;pre&gt;&lt;code&gt;Dim totalNumber as Double = 0
Dim count as Integer = 0
For x = 0 To xyz123.Tables(0).Columns.Count - 1
  Dim current as Double = 0
  If Double.TryParse(xyz123.Tables(0).Rows(0)(x).ToString(), current) AndAlso current &amp;lt;&amp;gt; 0 Then
    count += 1
    totalNumber += current
  End If
Next
Dim averageRating as Double = totalNumber / count
&lt;/code&gt;&lt;/pre&gt;</t>
  </si>
  <si>
    <t>2011-02-21 10:31:40.790000+00:00</t>
  </si>
  <si>
    <t>2011-02-22 11:15:08.057000+00:00</t>
  </si>
  <si>
    <t>2011-02-21 11:27:55.007000+00:00</t>
  </si>
  <si>
    <t>asp.net|vb.net|average</t>
  </si>
  <si>
    <t>Spark - How to do summary statistics on SchemaRDD?</t>
  </si>
  <si>
    <t>&lt;p&gt;I want to calculate &lt;strong&gt;the summary statistics on the log count per user&lt;/strong&gt;, the RDD I used is from:&lt;/p&gt;
&lt;pre&gt;&lt;code&gt;val fileRdd = sc.textFile("s3n://&amp;lt;bucket&amp;gt;/project/20141215/log_type1/log_type1.*.gz")
val jsonRdd = sqlContext.jsonRDD(fileRdd)
rdd.registerTempTable("log_type1")
val result = sqlContext.sql("SELECT user_id, COUNT(*) AS the_count FROM log_type1 GROUP BY user_id ORDER BY the_count DESC")
&lt;/code&gt;&lt;/pre&gt;
&lt;p&gt;&lt;strong&gt;How can I apply the statistics functionalities provided by Spark MLlib on &lt;code&gt;result&lt;/code&gt;?&lt;/strong&gt; Since the log count of each user is important, I would like to have summary of the following form:&lt;/p&gt;
&lt;pre&gt;&lt;code&gt;Mean: 3.245 (user-id-abcdef)
Min: 1 (user-id-mmmnnnkkk)
Median: 15 (user-id-xyzrpg)
Max: 950 (user-id-123456789)
&lt;/code&gt;&lt;/pre&gt;
&lt;p&gt;How can I can this? It looks like there's no something like &lt;code&gt;MapRDD&lt;/code&gt; in Spark's API.&lt;/p&gt;</t>
  </si>
  <si>
    <t>2014-12-16 06:14:19.960000+00:00</t>
  </si>
  <si>
    <t>2014-12-17 02:44:52.043000+00:00</t>
  </si>
  <si>
    <t>Controlling my android phone using python code?</t>
  </si>
  <si>
    <t>&lt;p&gt;I want to know, Is possible to controlling my android phone via USB cab using python code?
for example: using python send request via USB to open Contact,Messaging or any action.
If possible , how can i control ? &lt;/p&gt;</t>
  </si>
  <si>
    <t>2014-12-12 02:58:43.407000+00:00</t>
  </si>
  <si>
    <t>2014-12-12 03:05:40.417000+00:00</t>
  </si>
  <si>
    <t>Web worker dealing with imageData working with Firefox but not Chrome</t>
  </si>
  <si>
    <t>&lt;p&gt;When I run code that deals with imageData being passed to a web worker and then back, then Firefox works great but Chrome gives "Uncaught Error: DATA_CLONE_ERR: DOM Exception 25"&lt;/p&gt;
&lt;p&gt;Searching google suggests that older versions of Chrome used to work? &lt;/p&gt;
&lt;p&gt;I checked some more and it seemed as if I needed to run JSON.stringify and JSON.parse on the imagedata before sending it but then it stops working everywhere. The code that works in FF 9 is:&lt;/p&gt;
&lt;p&gt;image.js:&lt;/p&gt;
&lt;pre&gt;&lt;code&gt;var myImageData = context.getImageData(0, 0, canvas.width, canvas.height).data;
var worker = new Worker("http://direct.link/helpers/worker.js");
worker.postMessage(myImageData);  
worker.onmessage = function(event) {
  var value = event.data;
  switch (value.cmd){
    case 'last':
      //doing stuff 
      break;
  default:
      //doing stuff
    });
}
&lt;/code&gt;&lt;/pre&gt;
&lt;p&gt;worker.js:&lt;/p&gt;
&lt;pre&gt;&lt;code&gt;addEventListener('message', function(event) {
  var myImageData = event.data;
  // doing stuff.
  sendItBack(colors);
});
};
    function sendItBack(colors){
    each(colors, function(index, value){
      self.postMessage(value);
    }); 
    self.postMessage({'cmd': 'last'});
    }
&lt;/code&gt;&lt;/pre&gt;
&lt;p&gt;What method should I use in order to send this imagedata back and forth the app and the web worker?&lt;/p&gt;
&lt;p&gt;Thanks!&lt;/p&gt;
&lt;p&gt;EDIT: &lt;/p&gt;
&lt;p&gt;If I copy to a regular array then Chrome starts working...&lt;/p&gt;
&lt;pre&gt;&lt;code&gt;var newImageData = [];
for (var i=0,len=myImageData.length;i&amp;lt;len;++i) newImageData[i] = myImageData[i];
&lt;/code&gt;&lt;/pre&gt;
&lt;p&gt;So chrome can't pass a CanvasPixelArray to a worker but it can pass a regular Array. But firefox can.&lt;/p&gt;</t>
  </si>
  <si>
    <t>2012-01-08 10:16:42.987000+00:00</t>
  </si>
  <si>
    <t>2013-10-14 15:51:59.713000+00:00</t>
  </si>
  <si>
    <t>2012-01-08 22:00:56.513000+00:00</t>
  </si>
  <si>
    <t>javascript|html5|html5-canvas|web-worker</t>
  </si>
  <si>
    <t>Cocoa - Bindings - Tableview - How to calculate sum of columns</t>
  </si>
  <si>
    <t>&lt;p&gt;Let's say I have an Entity named &lt;strong&gt;Values&lt;/strong&gt; and it has three attributes: &lt;strong&gt;A, B and SUM&lt;/strong&gt;.&lt;/p&gt;
&lt;p&gt;I have a tableview where &lt;strong&gt;Column A&lt;/strong&gt; and &lt;strong&gt;Column B&lt;/strong&gt; is bound to the attributes &lt;strong&gt;A&lt;/strong&gt; and &lt;strong&gt;B&lt;/strong&gt;. The user can change the values of the first to columns (&lt;strong&gt;A,B&lt;/strong&gt;) but not the third (&lt;strong&gt;SUM&lt;/strong&gt;). &lt;/p&gt;
&lt;p&gt;Now to my question:
The user should not be able to edit the third column (&lt;strong&gt;SUM&lt;/strong&gt;). That column should only show the sum of &lt;strong&gt;A * B&lt;/strong&gt;. How can I accomplish that? Can I use bindings in IB for that as well?&lt;/p&gt;
&lt;p&gt;Many thanks.&lt;/p&gt;
&lt;p&gt;&lt;img src="https://i.stack.imgur.com/PHde1.png" alt="SUM = A*B"&gt;&lt;/p&gt;</t>
  </si>
  <si>
    <t>2013-02-14 08:33:55.897000+00:00</t>
  </si>
  <si>
    <t>2013-02-14 12:58:15.217000+00:00</t>
  </si>
  <si>
    <t>objective-c|macos|core-data|cocoa-bindings</t>
  </si>
  <si>
    <t>Make pictures on my website slide from right to left during its timed transition</t>
  </si>
  <si>
    <t>&lt;p&gt;I am trying to make the pictures on my website slide from right to left in a timed transition. So far I have it transition at certain time but the next picture does not slide from right to left. I added my header and updated code. I am now having an issue where the pictures are covering the header and don't slide over top each other.&lt;/p&gt;
&lt;pre&gt;&lt;code&gt;HTML
&amp;lt;style&amp;gt;
.Header {
            position: fixed;
            width: 100%;
            height:70px;
            background-color: black;
            text-align:right;
        }
        .socialmedia {
            position:fixed;
            right:100px;
            top:35px;
            transform:translate(0,-50%);
            display: flex; /* add this */
            align-items: center; /* add this */
        }
        .preorder button {
            background-color: white;
            border: 0;
            height: 35px;
            width: 110px;
            margin-left: 35px;
        }
.photoSection{
            direction:rtl
        }
        .mySlides {
            position: relative;
            right: -1000px;
            -webkit-animation: slide 1s forwards;
            animation: slide 1s forwards;
        }
        @-webkit-keyframes slide {
            100% { right: 0; }
        }
        @keyframes slide {
            100% { right: 0; }
        }
&amp;lt;/style&amp;gt;
&amp;lt;div class="Header" id="myHeader"&amp;gt;
    &amp;lt;a class = "headerLogo"&amp;gt;
        &amp;lt;a href="file:///C:/Noah's%20stuff/Home.html" &amp;gt;&amp;lt;h1 style="color:white; font-family: Verdana; font-style: italic; font-size: x-large;
        text-align: center;"&amp;gt;Some Title&amp;lt;/h1&amp;gt;&amp;lt;/a&amp;gt;
        &amp;lt;style&amp;gt;
            a{text-decoration: none}
        &amp;lt;/style&amp;gt;
    &amp;lt;/a&amp;gt;
    &amp;lt;div class="socialmedia"&amp;gt;
        &amp;lt;a class = "Facebook"&amp;gt;
            &amp;lt;a href="https://www.facebook.com/" target="_blank"&amp;gt;&amp;lt;img src = "https://images.seeklogo.net/2016/09/facebook-icon-preview-1.png" width="50px" height="50px"&amp;gt;&amp;lt;/a&amp;gt;
        &amp;lt;/a&amp;gt;
        &amp;lt;a class = "Instagram"&amp;gt;
            &amp;lt;a href="https://www.instagram.com/"&amp;gt;&amp;lt;img src = "https://images.seeklogo.net/2016/06/Instagram-logo.png"  width="50px" height="50px"&amp;gt;&amp;lt;/a&amp;gt;
        &amp;lt;/a&amp;gt;
        &amp;lt;a class = "Youtube"&amp;gt;
            &amp;lt;a href="https://www.youtube.com/channel/" target="_blank"&amp;gt;&amp;lt;img src = "https://images.seeklogo.net/2016/06/YouTube-icon.png" width="50px" height="50px"&amp;gt;&amp;lt;/a&amp;gt;
        &amp;lt;/a&amp;gt;
        &amp;lt;a class = preorder&amp;gt;
            &amp;lt;button style = "background-color: white;"&amp;gt;Pre-Order&amp;lt;/button&amp;gt;
        &amp;lt;/a&amp;gt;
    &amp;lt;/div&amp;gt;
&amp;lt;/div&amp;gt;
&amp;lt;div class="photoSection"&amp;gt;
    &amp;lt;img src="board.png" style="width: 100%; height: 785px"&amp;gt;
    &amp;lt;img src = "pic2.png" style = "width: 100%; height: 786px"&amp;gt;
    &amp;lt;img src = "pic3.png" style = "width: 100%; height: 786px"&amp;gt;
    &amp;lt;span class="w3-badge demo w3-border w3-transparent w3-hover-white" onclick="currentDiv(1)"&amp;gt;&amp;lt;/span&amp;gt;
    &amp;lt;span class="w3-badge demo w3-border w3-transparent w3-hover-white" onclick="currentDiv(2)"&amp;gt;&amp;lt;/span&amp;gt;
    &amp;lt;span class="w3-badge demo w3-border w3-transparent w3-hover-white" onclick="currentDiv(3)"&amp;gt;&amp;lt;/span&amp;gt;
&amp;lt;/div&amp;gt;
JavaScript
&amp;lt;script&amp;gt;
    var myIndex = 0;
    carousel();
    function carousel() {
        var i;
        var x = document.getElementsByClassName("mySlides");
        for (i = 0; i &amp;lt; x.length; i++) {
            x[i].style.display = "none";
        }
        myIndex++;
        if (myIndex &amp;gt; x.length) {myIndex = 1}
        x[myIndex-1].style.display = "block";
        setTimeout(carousel, 2500);
    }
&amp;lt;/script&amp;gt;
&lt;/code&gt;&lt;/pre&gt;</t>
  </si>
  <si>
    <t>2017-03-15 22:05:10.560000+00:00</t>
  </si>
  <si>
    <t>2017-03-17 14:40:09.490000+00:00</t>
  </si>
  <si>
    <t>javascript|html|image|animation|slideshow</t>
  </si>
  <si>
    <t>PHP upload to certain folder based on HTML checkbox</t>
  </si>
  <si>
    <t>&lt;p&gt;Im new to PHP and still learning, but I want to know if I am able to do something like this. I have a basic HTML form like the one below.&lt;/p&gt;
&lt;pre&gt;&lt;code&gt;&amp;lt;form action="upload.php" method="post"
enctype="multipart/form-data"&amp;gt;
&amp;lt;label for="file"&amp;gt;Filename:&amp;lt;/label&amp;gt;
&amp;lt;input type="file" name="file" id="file"&amp;gt;&amp;lt;br&amp;gt;
&amp;lt;input type="submit" name="submit" value="Submit"&amp;gt;
&amp;lt;label&amp;gt;&amp;lt;input type="checkbox" id="cb" value="checkb"&amp;gt;Make Private.&amp;lt;/label&amp;gt;
&amp;lt;/form&amp;gt;
&lt;/code&gt;&lt;/pre&gt;
&lt;p&gt;And a basic upload PHP document like the one below as well.&lt;/p&gt;
&lt;pre&gt;&lt;code&gt;&amp;lt;?php
if ($_FILES["file"]["size"] &amp;lt; 2097152) {
    if ($_FILES["file"]["error"] &amp;gt; 0) {
        header('Location: /');
    }else {
        echo "Original Name: " . $_FILES["file"]["name"] . "&amp;lt;br&amp;gt;";
        echo "File Type: " . $_FILES["file"]["type"] . "&amp;lt;br&amp;gt;";
        echo "File Size: " . ($_FILES["file"]["size"] / 1024) . " kB&amp;lt;br&amp;gt;";
        $randprefix = hash('ripemd160', openssl_random_pseudo_bytes(32), false);
        $filepath = "upload/" . $randprefix . $_FILES["file"]["name"];
        if (file_exists($filepath)) {
            echo $filepath . " already exists. ";
        }else {
            move_uploaded_file($_FILES["file"]["tmp_name"], $filepath);
            echo "Link to file: " . '&amp;lt;a href = "' . $filepath . '"&amp;gt;' . $filepath . '&amp;lt;/a&amp;gt;' ;
        }
    }
}else {
    echo "File too large.";
}
?&amp;gt;
&lt;/code&gt;&lt;/pre&gt;
&lt;p&gt;What i'm asking is, is it possible to have a checkbox on the HTML form that when checked the file will upload to a folder named "private" and when unchecked the file will upload to a folder named "public". Thank you.&lt;/p&gt;</t>
  </si>
  <si>
    <t>2016-09-25 14:08:18.667000+00:00</t>
  </si>
  <si>
    <t>2016-09-25 14:25:37.873000+00:00</t>
  </si>
  <si>
    <t>2016-09-25 14:18:14.617000+00:00</t>
  </si>
  <si>
    <t>php|html|upload</t>
  </si>
  <si>
    <t>What type of chart is this?</t>
  </si>
  <si>
    <t>&lt;p&gt;This might not be the proper place to ask this, but I was not sure.&lt;/p&gt;
&lt;p&gt;Have a look at the chart seen &lt;a href="http://hughsk.io/disc/" rel="nofollow"&gt;here&lt;/a&gt;.&lt;/p&gt;
&lt;p&gt;What is the proper term for this type of chart?&lt;/p&gt;</t>
  </si>
  <si>
    <t>2014-07-18 15:12:35.797000+00:00</t>
  </si>
  <si>
    <t>2014-07-18 15:23:46.283000+00:00</t>
  </si>
  <si>
    <t>graph|charts</t>
  </si>
  <si>
    <t>Mirror Git Repository Periodically</t>
  </si>
  <si>
    <t>&lt;p&gt;Let's say that I have two Git repositories that have been created. One repository is accessible to my software team internally but external customer access is not permitted (call this the &lt;em&gt;repository-to-mirror&lt;/em&gt;). The other repository is accessible by my software team and my customer's software team (call this the &lt;em&gt;mirrored-repository&lt;/em&gt;).&lt;/p&gt;
&lt;p&gt;I'd like to push the changes three times per day (early morning, after lunch, end of day) to the &lt;em&gt;mirrored-repository&lt;/em&gt;. What is the most recommend method to synchronize the changes in the &lt;em&gt;repository-to-mirror&lt;/em&gt; with the &lt;em&gt;mirrored-repository&lt;/em&gt; using Git?&lt;/p&gt;
&lt;p&gt;I have done some research and found help pages on &lt;a href="https://help.github.com/articles/duplicating-a-repository/#mirroring-a-repository-in-another-location" rel="nofollow noreferrer"&gt;mirroring a repository in another location&lt;/a&gt;. It looks like the only option really is to define a different remote destination (the mirror) and push references to that repository. Is this correct?&lt;/p&gt;</t>
  </si>
  <si>
    <t>2017-09-13 03:38:58.913000+00:00</t>
  </si>
  <si>
    <t>2017-09-13 04:49:11.823000+00:00</t>
  </si>
  <si>
    <t>How to get started with sockets machine pack?</t>
  </si>
  <si>
    <t>&lt;p&gt;What all do I need to get the node-machine &lt;a href="http://node-machine.org/machinepack-sockets" rel="nofollow"&gt;socketio's&lt;/a&gt; blast to work on treeline? Do I need a socket.io client or does sails take care of that? I was assuming that the client socket is connected automatically by sails when sails.io.js is included then having a route that calls 'Send to all' and that all connected sockets would get something in the browsers console? Any help would be greatly appreciated, Thanks!&lt;/p&gt;</t>
  </si>
  <si>
    <t>2015-09-11 00:43:17.180000+00:00</t>
  </si>
  <si>
    <t>2015-09-11 15:47:07.023000+00:00</t>
  </si>
  <si>
    <t>sails.js|treeline</t>
  </si>
  <si>
    <t>Bootstrap grid not align with WebStorm</t>
  </si>
  <si>
    <t>&lt;p&gt;I want to display side by side content from the mentioned components, app-shopping-list and app-recipe-list. &lt;/p&gt;
&lt;p&gt;But Im getting this result.&lt;/p&gt;
&lt;p&gt;&lt;a href="https://i.stack.imgur.com/0kViP.png" rel="nofollow noreferrer"&gt;&lt;img src="https://i.stack.imgur.com/0kViP.png" alt="enter image description here"&gt;&lt;/a&gt;&lt;/p&gt;
&lt;pre&gt;&lt;code&gt;&amp;lt;div class="row"&amp;gt;
    &amp;lt;div class="col-md-7"&amp;gt;
         &amp;lt;app-shopping-list&amp;gt;&amp;lt;/app-shopping-list&amp;gt;
    &amp;lt;/div&amp;gt;
    &amp;lt;div class="col-md-5"&amp;gt;
         &amp;lt;app-recipe-list&amp;gt;&amp;lt;/app-recipe-list&amp;gt;
    &amp;lt;/div&amp;gt;
&amp;lt;/div&amp;gt;
&lt;/code&gt;&lt;/pre&gt;</t>
  </si>
  <si>
    <t>2018-09-13 05:35:34.617000+00:00</t>
  </si>
  <si>
    <t>2018-09-13 11:52:08.317000+00:00</t>
  </si>
  <si>
    <t>angular-ui-bootstrap|webstorm|bootstrap-grid</t>
  </si>
  <si>
    <t>Creating relation of ManyToMany table with another entity class</t>
  </si>
  <si>
    <t>&lt;p&gt;I want following relations in my database and for that I am trying to create JPA entity classes.  &lt;/p&gt;
&lt;pre&gt;&lt;code&gt;Class Question {
   private int questionId;
   private String title;
   private String description;
}
Class Interviewer {
   private int interviewerId;
   private String interviewerName;
   @ManyToMany(mappedBy = "interviewers")
   private List&amp;lt;InterviewerMatrix&amp;gt; interviewerMatrices = new ArrayList&amp;lt;&amp;gt;(); 
}
Class InterviewMatrix {
   private int interviewMatrixId;
   // An interviewer can be a part of many interviewMatrix and one interviewMatrix can have many interviewer. 
   @ManyToMany(cascade = CascadeType.ALL)
   @JoinTable(name = "InterviewMatrix_to_Interviewer", joinColumns = @JoinColumn(name = "interviewMatrixId"), inverseJoinColumns = @JoinColumn(name = "interviewerId"))
   private List&amp;lt;Interveiwer&amp;gt; interviewers = new ArrayList&amp;lt;&amp;gt;();
}
InterviewMatrix_to_Interviewer_to_Question ?? =&amp;gt; This is what I want to create. (ManyToMany relation between InterviewMatrix_to_Interviewer and Question Table)
&lt;/code&gt;&lt;/pre&gt;
&lt;p&gt;I want some table like "InterviewMatrix_to_Interviewer_to_Question", to map questions an interviewer will ask for an interviewMatrix he is a part of. &lt;/p&gt;
&lt;p&gt;That is, for each InterviewMatrix, each assigned interviewer can ask as many questions as he wants and each question can be a part of many such InterviewMatrix_to_Interviewer table entries. &lt;/p&gt;
&lt;p&gt;I am not sure how can I create such entities using JPA/Hibernate?&lt;/p&gt;</t>
  </si>
  <si>
    <t>2018-05-18 14:00:53.800000+00:00</t>
  </si>
  <si>
    <t>2018-05-18 15:25:40.767000+00:00</t>
  </si>
  <si>
    <t>java|sql-server|hibernate|jpa|orm</t>
  </si>
  <si>
    <t>lists in ods template with XDocReport and freemarker</t>
  </si>
  <si>
    <t>&lt;p&gt;Have a simple, ods template.
Just want to iterate a list and display the data in the columns&lt;/p&gt;
&lt;p&gt;Is working in ODT format, where I have this in the first character of a table:&lt;/p&gt;
&lt;pre&gt;&lt;code&gt;@table:table-row
[#list booksList! as book]
@/table:table-row
[/#list]
&lt;/code&gt;&lt;/pre&gt;
&lt;p&gt;This is not working in ODS (not iterating the rows. Displays an empty cell and the text "@table:table-row".&lt;/p&gt;
&lt;p&gt;For one row (without loop) the following freemarker tags in the ODS file , work fine:&lt;/p&gt;
&lt;pre&gt;&lt;code&gt;First cell: [#list booksList! as book]${book.title}
Second cell: ${book.author}
Third cell: [/#list]
&lt;/code&gt;&lt;/pre&gt;
&lt;p&gt;But these tags will fail if there are more than one itens (books)&lt;/p&gt;
&lt;p&gt;How to create ODS templates with freemarker lists ?&lt;/p&gt;
&lt;p&gt;Is it possible to add JOOScripts into ods files using Open Office?&lt;/p&gt;
&lt;p&gt;Thanks&lt;/p&gt;</t>
  </si>
  <si>
    <t>2017-04-10 15:23:09.933000+00:00</t>
  </si>
  <si>
    <t>2017-04-10 21:09:30.923000+00:00</t>
  </si>
  <si>
    <t>2017-04-10 15:43:59.110000+00:00</t>
  </si>
  <si>
    <t>list|freemarker|openoffice.org|ods|xdocreport</t>
  </si>
  <si>
    <t>How to stop generating WM_CONTEXTMENU when VK_APPS key is pressed?</t>
  </si>
  <si>
    <t>&lt;p&gt;I have handled &lt;code&gt;VK_APPS&lt;/code&gt; key in &lt;code&gt;CWinApp::PreTranslateMessage()&lt;/code&gt; and returned &lt;strong&gt;TRUE&lt;/strong&gt;&lt;br&gt;
(for both WM_KEYDOWN and WM_KEYUP) so that it does not go to &lt;code&gt;::TranslateMessage()&lt;/code&gt; and &lt;code&gt;::DispatchMessage()&lt;/code&gt;.&lt;br&gt;
But the thing is, &lt;code&gt;WM_CONTEXTMENU&lt;/code&gt; is still generated when I press &lt;code&gt;VK_APPS&lt;/code&gt; key.&lt;br&gt;
 Now I don't understand why is this happening?&lt;/p&gt;</t>
  </si>
  <si>
    <t>2015-02-04 09:02:17.360000+00:00</t>
  </si>
  <si>
    <t>2015-02-04 14:07:54.003000+00:00</t>
  </si>
  <si>
    <t>2015-02-04 09:44:23.673000+00:00</t>
  </si>
  <si>
    <t>user4440606</t>
  </si>
  <si>
    <t>c++|windows|mfc</t>
  </si>
  <si>
    <t>flyway vers 1.4.2 runs on Java 1.7?</t>
  </si>
  <si>
    <t>&lt;p&gt;we are using flyway-core version 1.4.2 and flyway-maven-plugin version 1.4.2 and we need to upgrade our version of Java on our systems to 1.7 &lt;/p&gt;
&lt;p&gt;I've searched stackoverflow and flywaydb.org (and google of course) for system requirements to see if this version of flyway is supported on Java 1.7 and am not having luck.&lt;/p&gt;
&lt;p&gt;i don't have resources to upgrade to the latest version of flyway right now, and we need to move to Java 1.7 &lt;/p&gt;
&lt;p&gt;does anyone know if this is supported, or will i need to bite the bullet and upgrade flyway to the latest and greatest?&lt;/p&gt;
&lt;p&gt;thank you for taking the time to read my request!
scott&lt;/p&gt;</t>
  </si>
  <si>
    <t>2013-08-22 23:36:45.380000+00:00</t>
  </si>
  <si>
    <t>2013-08-22 23:44:58.903000+00:00</t>
  </si>
  <si>
    <t>java|flyway</t>
  </si>
  <si>
    <t>Value category of conditional operator</t>
  </si>
  <si>
    <t>&lt;p&gt;Consider the following code:&lt;/p&gt;
&lt;pre&gt;&lt;code&gt;int x;
int&amp;amp; f() {
  return x ? x : throw 0;
}
&lt;/code&gt;&lt;/pre&gt;
&lt;p&gt;With &lt;code&gt;gcc version 7.3.0 (Ubuntu 7.3.0-27ubuntu1~18.04)&lt;/code&gt; I get the following compilation error: &lt;/p&gt;
&lt;pre&gt;&lt;code&gt;cannot bind non-const lvalue reference of type ���int&amp;amp;��� to an rvalue of type ���int���
&lt;/code&gt;&lt;/pre&gt;
&lt;p&gt;Note that this compiles just fine in clang.  Here is (what I believe to be) the relevant statement from the standard:&lt;/p&gt;
&lt;blockquote&gt;
  &lt;p&gt;&lt;strong&gt;N4659&lt;/strong&gt; [8.16.2.1] (Conditional Operator):&lt;br&gt;
  The second or the third operand (but not both) is a (possibly parenthesized) throw-expression (8.17); the result is of the type and value category of the other.&lt;/p&gt;
&lt;/blockquote&gt;
&lt;p&gt;As far as I understand, &lt;code&gt;x&lt;/code&gt; is an lvalue, so it seems to me that &lt;code&gt;clang&lt;/code&gt; is right.  Am I wrong? &lt;br&gt;
&lt;hr&gt;
If I had to take a guess, the l-to-rvalue conversion is occurring because the two expressions in the conditional don't have the same type, but because the second is a throw this conversion should be preempted.  I'm not familiar with submitting bug reports, but perhaps that would be a better forum for this.
&lt;hr&gt;
Here are some (probably) more helpful questions about the conditional operator:&lt;br&gt;
&lt;a href="https://stackoverflow.com/questions/26354868/why-does-this-function-return-an-lvalue-reference-given-rvalue-arguments"&gt;Why does this function return an lvalue reference given rvalue arguments?&lt;/a&gt;&lt;br&gt;
&lt;a href="https://stackoverflow.com/questions/6966299/error-lvalue-required-in-this-simple-c-code-ternary-with-assignment"&gt;Error: lvalue required in this simple C code? (Ternary with assignment?)&lt;/a&gt;&lt;/p&gt;</t>
  </si>
  <si>
    <t>2018-11-15 21:52:41.937000+00:00</t>
  </si>
  <si>
    <t>2018-11-16 03:39:14.800000+00:00</t>
  </si>
  <si>
    <t>2018-11-16 01:00:44.950000+00:00</t>
  </si>
  <si>
    <t>c++|g++|language-lawyer|conditional-operator|value-categories</t>
  </si>
  <si>
    <t>Aggregate to count values equal to a constant</t>
  </si>
  <si>
    <t>&lt;p&gt;In SQL there is an expressive way to count how many values differ from &lt;code&gt;'x'&lt;/code&gt;:&lt;/p&gt;
&lt;pre&gt;&lt;code&gt;SELECT COUNT(NULLIF(col, 'x')) FROM table
&lt;/code&gt;&lt;/pre&gt;
&lt;p&gt;I find it less elegant to count values equal to &lt;code&gt;'x'&lt;/code&gt;:&lt;/p&gt;
&lt;ul&gt;
&lt;li&gt;&lt;code&gt;SELECT COUNT(*) - COUNT(NULLIF(col, 'x')) FROM table&lt;/code&gt;&lt;/li&gt;
&lt;li&gt;&lt;code&gt;SELECT SUM(CASE WHEN col = 'x' THEN 1 ELSE 0��END) FROM table&lt;/code&gt;&lt;/li&gt;
&lt;li&gt;&lt;em&gt;[oracle]&lt;/em&gt; &lt;code&gt;SELECT COUNT(DECODE(col,'x','x',NULL)) FROM table&lt;/code&gt;&lt;/li&gt;
&lt;/ul&gt;
&lt;p&gt;Is there a more elegant way to do that?&lt;/p&gt;</t>
  </si>
  <si>
    <t>2013-10-14 12:02:30.200000+00:00</t>
  </si>
  <si>
    <t>2013-10-14 12:33:20.537000+00:00</t>
  </si>
  <si>
    <t>sql|oracle|count|aggregate-functions</t>
  </si>
  <si>
    <t>Define a constant that can be used in module/controller/etc. definition in angular</t>
  </si>
  <si>
    <t>&lt;p&gt;I would like to put module name, controller name etc. to string constants, so that I can easily change them if the need be (compared to fixing it in each and every file).&lt;/p&gt;
&lt;p&gt;So I have this code:&lt;/p&gt;
&lt;pre&gt;&lt;code&gt; angular
    .module("app.admin.home")
    .controller("HomeController", HomeController);
&lt;/code&gt;&lt;/pre&gt;
&lt;p&gt;And I would like it have this (or similar):&lt;/p&gt;
&lt;pre&gt;&lt;code&gt; angular
    .module(moduleConstants.admin)
    .controller(controllerConstants.adminHome, HomeController);
&lt;/code&gt;&lt;/pre&gt;
&lt;p&gt;Is there a proper way to define this type of constants in Angular (ordinary injection does not work in this case). I guess I can create just global javascript constants, but maybe there is a better way of achieving this, some common way to define constants in angular. I have a strong C# background and it sounds stupid to me that constants need to be injected, they are not abstract code that can have different implementation, so it sounds wrong to inject it rather than just reference.&lt;/p&gt;</t>
  </si>
  <si>
    <t>2016-01-11 11:19:07.193000+00:00</t>
  </si>
  <si>
    <t>2016-01-11 11:48:58.180000+00:00</t>
  </si>
  <si>
    <t>javascript|angularjs|constants</t>
  </si>
  <si>
    <t>Connecting to at-home server from web</t>
  </si>
  <si>
    <t>&lt;p&gt;I have a CentOS server at home that I'm trying to put a website on. I put the index.html in the /var/www/html/ folder and can access it from another computer on the local network (with 'http://192.168.etc'). The problem comes when I try to access it from the web with my ip (http://34.52.xx.xx). I turned off iptables when I tried to access it to rule out a firewall issue with no success. I use Comcast and read that they sometimes block port 80 so I edited the /etc/httpd/conf/httpd.conf to listen on port 8000 in addition to 80 incase port 80 was blocked (httpd restarted after changes). When I enter 'http://myIP:8000' with iptables down I still don't get my page to show up. &lt;/p&gt;
&lt;p&gt;What am I missing?&lt;/p&gt;
&lt;p&gt;Thanks!&lt;/p&gt;</t>
  </si>
  <si>
    <t>2012-09-01 21:16:43.633000+00:00</t>
  </si>
  <si>
    <t>2012-09-04 23:13:45.313000+00:00</t>
  </si>
  <si>
    <t>web|iptables</t>
  </si>
  <si>
    <t>Can't call forms &amp; classes, Can't use Properties.Settings</t>
  </si>
  <si>
    <t>&lt;p&gt;The last 2 days Visual studio is doing weird I already reinstalled it and it didn't fix my problems.&lt;/p&gt;
&lt;p&gt;I can't call other classes or forms :&lt;/p&gt;
&lt;p&gt;Class :
&lt;a href="http://snag.gy/7W4dl.jpg" rel="nofollow"&gt;http://snag.gy/7W4dl.jpg&lt;/a&gt;&lt;/p&gt;
&lt;p&gt;Form:
&lt;a href="http://snag.gy/lfm8Y.jpg" rel="nofollow"&gt;http://snag.gy/lfm8Y.jpg&lt;/a&gt;&lt;/p&gt;
&lt;p&gt;It doesn't let me use Properties.Settings :
&lt;a href="http://snag.gy/W3VJn.jpg" rel="nofollow"&gt;http://snag.gy/W3VJn.jpg&lt;/a&gt;&lt;/p&gt;
&lt;p&gt;Code open mods form :&lt;/p&gt;
&lt;pre&gt;&lt;code&gt;private void button2_Click_1(object sender, EventArgs e)
{
    Mods modsForm = new Mods();
    modsForm.ShowDialog();
}
&lt;/code&gt;&lt;/pre&gt;
&lt;p&gt;Code using Properties.Settings and calling class things &lt;/p&gt;
&lt;pre&gt;&lt;code&gt;if (SAVE_UN_CHECK.Checked)
{
    if (SAVE_UN_CHECK.Text != "")
    {
        string clearText = SAVE_UN_CHECK.Text.Trim();
        string cipherText = CryptorEngine.Encrypt(clearText, true);
        //Save textbox text to file
        Properties.Settings.Default.USER_USERNAME = cipherText;
        USERNAME_TEXT.Text = cipherText;
    }
}
&lt;/code&gt;&lt;/pre&gt;
&lt;p&gt;What to do? I never had these weird errors.
I already reinstalled Visual Studio 2012 and all its other stuff like SQL Server stuff.
But it didn't fix the problem.&lt;/p&gt;
&lt;p&gt;These are the using statements:&lt;/p&gt;
&lt;pre&gt;&lt;code&gt;using System;
using System.Collections.Generic;
using System.Drawing;
using System.Windows.Forms;
using System.Threading;
using System.ComponentModel;
using System.Diagnostics;
using System.IO;
using System.Net;
using System.Data;
using System.Linq;
using System.Text;
using System.Threading.Tasks;
&lt;/code&gt;&lt;/pre&gt;</t>
  </si>
  <si>
    <t>2013-04-09 12:15:03.107000+00:00</t>
  </si>
  <si>
    <t>2013-04-09 12:25:58.603000+00:00</t>
  </si>
  <si>
    <t>c#|visual-studio-2012|syntax-error|reinstall</t>
  </si>
  <si>
    <t>Is id = 1 - id atomic?</t>
  </si>
  <si>
    <t>&lt;p&gt;From page 291 of OCP Java SE 6 Programmer Practice Exams, question 25:&lt;/p&gt;
&lt;pre&gt;&lt;code&gt;public class Stone implements Runnable {
    static int id = 1;
    public void run() {
        id = 1 - id;
        if (id == 0) 
            pick(); 
        else 
            release();
    }
    private static synchronized void pick() {
        System.out.print("P ");
        System.out.print("Q ");
    }
    private synchronized void release() {
        System.out.print("R ");
        System.out.print("S ");
    }
    public static void main(String[] args) {
        Stone st = new Stone();
        new Thread(st).start();
        new Thread(st).start();
    }
}
&lt;/code&gt;&lt;/pre&gt;
&lt;p&gt;One of the answers is:&lt;/p&gt;
&lt;blockquote&gt;
  &lt;p&gt;The output could be &lt;code&gt;P Q P Q&lt;/code&gt;&lt;/p&gt;
&lt;/blockquote&gt;
&lt;p&gt;I marked this answer as correct. My reasoning:&lt;/p&gt;
&lt;ol&gt;
&lt;li&gt;We are starting two threads. &lt;/li&gt;
&lt;li&gt;First one enters &lt;code&gt;run()&lt;/code&gt;.&lt;/li&gt;
&lt;li&gt;According to &lt;a href="https://docs.oracle.com/javase/specs/jls/se8/html/jls-15.html#jls-15.26.1"&gt;JLS 15.26.1&lt;/a&gt;, it firstly evaluates &lt;code&gt;1 - id&lt;/code&gt;. Result is &lt;code&gt;0&lt;/code&gt;. It is stored on the thread's stack. We are just about to save that &lt;code&gt;0&lt;/code&gt; to static &lt;code&gt;id&lt;/code&gt;, but...&lt;/li&gt;
&lt;li&gt;Boom, scheduler chooses the second thread to run.&lt;/li&gt;
&lt;li&gt;So, the second thread enters &lt;code&gt;run()&lt;/code&gt;. Static &lt;code&gt;id&lt;/code&gt; is still &lt;code&gt;1&lt;/code&gt;, so he executes method &lt;code&gt;pick()&lt;/code&gt;. &lt;code&gt;P Q&lt;/code&gt; is printed.&lt;/li&gt;
&lt;li&gt;Scheduler chooses first thread to run. It takes &lt;code&gt;0&lt;/code&gt; from its stack and saves to static &lt;code&gt;id&lt;/code&gt;. So, the first thread also executes &lt;code&gt;pick()&lt;/code&gt; and prints &lt;code&gt;P Q&lt;/code&gt;.&lt;/li&gt;
&lt;/ol&gt;
&lt;p&gt;However, in the book it's written that this answer is incorrect:&lt;/p&gt;
&lt;blockquote&gt;
  &lt;p&gt;It is incorrect because the line &lt;code&gt;id = 1 - id&lt;/code&gt; swaps the value of &lt;code&gt;id&lt;/code&gt; between &lt;code&gt;0&lt;/code&gt; and &lt;code&gt;1&lt;/code&gt;. There is no chance for the same method to be executed twice.&lt;/p&gt;
&lt;/blockquote&gt;
&lt;p&gt;I don't agree. I think there is some chance for the scenario I presented above. Such swap is not atomic. Am I wrong?&lt;/p&gt;</t>
  </si>
  <si>
    <t>2014-11-23 12:56:11.113000+00:00</t>
  </si>
  <si>
    <t>2014-11-27 21:43:47.433000+00:00</t>
  </si>
  <si>
    <t>2014-11-24 08:21:07.253000+00:00</t>
  </si>
  <si>
    <t>java|multithreading|atomic|swap|scjp</t>
  </si>
  <si>
    <t>Elasticsearch "observer: timeout notification from cluster service" debug message</t>
  </si>
  <si>
    <t>&lt;p&gt;We have had a cluster with two nodes (running ES version 1.5.2), all within the same subnet, and recently added a third.  When we added the third node, the master node started logging this message every 30s:&lt;/p&gt;
&lt;pre&gt;&lt;code&gt;[2016-03-10 16:34:25,584][DEBUG][action.admin.cluster.health] [&amp;lt;master-node&amp;gt;] observer: timeout notification from cluster service. timeout setting [30s], time since start [30s]
&lt;/code&gt;&lt;/pre&gt;
&lt;p&gt;The cluster health is green, and all nodes are connected. Everything seems fine except for that debug message.&lt;/p&gt;
&lt;p&gt;Our config settings in each node are identical except node name:&lt;/p&gt;
&lt;pre&gt;&lt;code&gt;cluster.name: "tmes"
node.name: "tmes1.&amp;lt;subnet&amp;gt;"
node.master: true
node.data: true
discovery.zen.minimum_master_nodes: 1
discovery.zen.ping.timeout: 3s
discovery.zen.ping.multicast.enabled: false
discovery.zen.ping.unicast.hosts: ["tmes1:9300", "tmes2:9300", "tmes3:9300"]
&lt;/code&gt;&lt;/pre&gt;
&lt;p&gt;Has anyone come across this before? Or see what we are doing wrong?&lt;/p&gt;
&lt;p&gt;I've seen other people talking about this message, but most seem to have the cluster not connecting at all, or the message only happening intermittently.&lt;/p&gt;
&lt;p&gt;Thanks!
Isabel&lt;/p&gt;</t>
  </si>
  <si>
    <t>2016-03-10 04:00:48.037000+00:00</t>
  </si>
  <si>
    <t>Android xml - overlaying text/images in a relative layout</t>
  </si>
  <si>
    <t>&lt;p&gt;I am trying to create a background for each row of a &lt;code&gt;ListActivity&lt;/code&gt;. I have two background images that I need to place side by side. There is a &lt;code&gt;leftshopitem&lt;/code&gt; image, which serves as a placeholder for the item icon, and the &lt;code&gt;rightshopitem&lt;/code&gt; image, which the textual information is to be written over. &lt;/p&gt;
&lt;p&gt;Basically I want the following properties: I need the image icon to be centered over the &lt;code&gt;leftshopitem&lt;/code&gt; image, and I need the textViews to be displayed over the &lt;code&gt;rightshopitem&lt;/code&gt; image.&lt;/p&gt;
&lt;p&gt;At the moment, I have this code - which I realise is quite wrong. The background images show up correctly aligned, but the icon and text are not. I guess my question is, how can I make an imageView a 'parent' so that I can place other objects relative to it's position.&lt;/p&gt;
&lt;pre&gt;&lt;code&gt;&amp;lt;RelativeLayout xmlns:android="http://schemas.android.com/apk/res/android"
    android:id="@+id/relativeLayout1"
    android:layout_width="fill_parent"
    android:layout_height="fill_parent" &amp;gt;
        &amp;lt;ImageView
            android:id="@+id/leftbackground"
            android:layout_width="wrap_content"
            android:layout_height="wrap_content"
            android:layout_alignParentLeft="true"
            android:layout_alignParentTop="true"
            android:src="@drawable/leftshopitem" /&amp;gt;
        &amp;lt;ImageView
            android:id="@+id/img"
            android:layout_width="wrap_content"
            android:layout_height="wrap_content"
            android:layout_alignParentLeft="true"
            android:layout_alignParentTop="true"
            android:layout_centerInParent="true"
        /&amp;gt;
        &amp;lt;ImageView
        android:id="@+id/rightbackground"
        android:layout_width="wrap_content"
        android:layout_height="wrap_content"
        android:layout_alignParentTop="true"
        android:layout_toRightOf="@+id/leftbackground"
        android:src="@drawable/rightshopitem" /&amp;gt;
    &amp;lt;LinearLayout
    xmlns:android="http://schemas.android.com/apk/res/android"
    android:layout_width="fill_parent"
    android:layout_height="wrap_content"
    android:orientation="vertical"
    android:paddingLeft="10dp" 
         &amp;gt;
    &amp;lt;TextView
        android:id="@+id/name"
        android:layout_width="fill_parent"
        android:layout_height="wrap_content"
        android:textColor="#000000"
       /&amp;gt;
    &amp;lt;TextView
        android:id="@+id/weight"
        android:layout_width="fill_parent"
        android:layout_height="wrap_content"
        android:textColor="#000000"
        android:textSize="16sp"
         /&amp;gt;
    &amp;lt;/LinearLayout&amp;gt;
&amp;lt;/RelativeLayout&amp;gt;
&lt;/code&gt;&lt;/pre&gt;</t>
  </si>
  <si>
    <t>2011-11-07 08:50:34.360000+00:00</t>
  </si>
  <si>
    <t>2016-01-11 13:18:13.083000+00:00</t>
  </si>
  <si>
    <t>function call history and graph in Matlab</t>
  </si>
  <si>
    <t>&lt;p&gt;I've been trying to get a tool/code that saves the function call history and somehow plots it. I have seen several tools (fdep.m, GraphViz's dot) but can't quite find what I am looking for. Before writing something that does this, does anyone know if such tool exists?&lt;/p&gt;
&lt;p&gt;For instance,&lt;/p&gt;
&lt;p&gt;fun1.m contains &lt;code&gt;fun1()&lt;/code&gt;, &lt;code&gt;fun2()&lt;/code&gt; and a call to &lt;code&gt;fun3()&lt;/code&gt;.
fun3.m contains &lt;code&gt;fun3()&lt;/code&gt;&lt;/p&gt;
&lt;p&gt;Say &lt;code&gt;fun1()&lt;/code&gt; calls &lt;code&gt;fun2()&lt;/code&gt; and then &lt;code&gt;fun1()&lt;/code&gt; call &lt;code&gt;fun3()&lt;/code&gt;. The plot would display something like&lt;/p&gt;
&lt;p&gt;start-&gt;&lt;code&gt;fun1()&lt;/code&gt;,&lt;br&gt;
&lt;code&gt;fun1()&lt;/code&gt;-&gt;&lt;code&gt;fun2()&lt;/code&gt;,&lt;br&gt;
&lt;code&gt;fun2()&lt;/code&gt;-&gt;&lt;code&gt;fun1()&lt;/code&gt;,&lt;br&gt;
&lt;code&gt;fun1()&lt;/code&gt;-&gt;&lt;code&gt;fun3()&lt;/code&gt;,&lt;br&gt;
&lt;code&gt;fun3()&lt;/code&gt;-&gt;&lt;code&gt;fun1()&lt;/code&gt;,&lt;br&gt;
&lt;code&gt;fun1()&lt;/code&gt;-&gt;end.&lt;/p&gt;
&lt;p&gt;Do you get the idea?&lt;/p&gt;
&lt;p&gt;Matlab's profile tool does something similar but it 'profiles' every single function called, and I don't care about matlab's functions, just mine. &lt;/p&gt;</t>
  </si>
  <si>
    <t>2013-04-29 14:07:30.143000+00:00</t>
  </si>
  <si>
    <t>2015-01-16 09:50:04.807000+00:00</t>
  </si>
  <si>
    <t>matlab|profile|graphviz</t>
  </si>
  <si>
    <t>R data frame - Include NAs in aggregation</t>
  </si>
  <si>
    <t>&lt;p&gt;With a data frame &lt;code&gt;df1&lt;/code&gt; like below&lt;/p&gt;
&lt;pre&gt;&lt;code&gt;+-----------------------------------------+
|reg   |make  |model  |year|abs  |gears|fm|
+-----------------------------------------+
|ax1234|Toyota|Corolla|1999|true |6    |0 |
|ax1235|Toyota|Corolla|1999|false|5    |0 |
|ax1236|Toyota|Corolla|1992|false|4    |NA|
|ax1237|Toyota|Camry  |2001|true |7    |1 |
|ax1238|Honda |Civic  |1994|true |5    |NA|
|ax1239|Honda |Civic  |2000|false|6    |0 |
|ax1240|Honda |Accord |1992|false|4    |NA|
|ax1241|Nissan|Sunny  |2001|true |6    |0 |
|ax1242|      |       |1998|false|6    |0 |
|ax1243|NA    |NA     |1992|false|4    |NA|
+-----------------------------------------+
&lt;/code&gt;&lt;/pre&gt;
&lt;p&gt;On aggregation like below, I want to preserve &lt;code&gt;make&lt;/code&gt;s with &lt;code&gt;NA&lt;/code&gt; - how to achieve this ? It is fine to have the &lt;code&gt;make&lt;/code&gt; and &lt;code&gt;NA&lt;/code&gt; are combined together.&lt;/p&gt;
&lt;pre&gt;&lt;code&gt;&amp;gt; aggregate(reg ~ make, df1, length)
    make reg
1          1
2  Honda   3
3 Nissan   1
4 Toyota   4
&lt;/code&gt;&lt;/pre&gt;</t>
  </si>
  <si>
    <t>2017-01-30 07:35:28.187000+00:00</t>
  </si>
  <si>
    <t>2017-01-30 08:58:31.167000+00:00</t>
  </si>
  <si>
    <t>org.apache.jasper.JasperException: Unable to compile class for JSP - Tomcat 7</t>
  </si>
  <si>
    <t>&lt;p&gt;&lt;img src="https://i.stack.imgur.com/yf986.png" alt="This image description problem"&gt;&lt;/p&gt;
&lt;blockquote&gt;
  &lt;p&gt;I have a file jsp. when run file jsp with tomcat7, it show problem&lt;/p&gt;
&lt;/blockquote&gt;
&lt;pre&gt;&lt;code&gt;An error occurred at line: 11 in the jsp file: /topics.jsp
n cannot be resolved
8:  PropertiesConfiguration keywords = new PropertiesConfiguration();
9:  keywords.setDelimiterParsingDisabled(true);
10:     keywords.setEncoding("UTF8");
11:     keywords.setPath(n.props("crawler_config_file"));
12:     keywords.load();
13:     keywords.setReloadingStrategy(new FileChangedReloadingStrategy());
14:     String id = request.getParameter("id") == null ? "" : request.getParameter("id");
&lt;/code&gt;&lt;/pre&gt;</t>
  </si>
  <si>
    <t>2016-09-08 06:24:17.633000+00:00</t>
  </si>
  <si>
    <t>2016-09-08 07:54:37.380000+00:00</t>
  </si>
  <si>
    <t>java|jsp|tomcat</t>
  </si>
  <si>
    <t>delphi excel Hyperlink in a cell</t>
  </si>
  <si>
    <t>&lt;p&gt;How can I extract a hyperlink from some cell in excel table using Delphi?&lt;/p&gt;</t>
  </si>
  <si>
    <t>2010-09-08 21:57:47.373000+00:00</t>
  </si>
  <si>
    <t>2010-09-09 17:06:48.883000+00:00</t>
  </si>
  <si>
    <t>delphi|excel</t>
  </si>
  <si>
    <t>iPhone - After playing movie, playing audio is not doing well</t>
  </si>
  <si>
    <t>&lt;p&gt;In my application, when the app starts, I'm playing an introduction video. Later in the application, I'm playing some audio files on click of buttons. But the audio is not playing well. Its muffling and some times low audio etc problem are noticed. &lt;/p&gt;
&lt;p&gt;I found the bug is with playing video. When I'm not playing the introduction video, the audio is playing well. else it is causing trouble.&lt;/p&gt;
&lt;p&gt;I'm using the following code to set up movie player:&lt;/p&gt;
&lt;pre&gt;&lt;code&gt;-(void)setupMovie
{
    NSString* moviePath;
    if ([[UIDevice currentDevice] userInterfaceIdiom] ==  UIUserInterfaceIdiomPad)
    {
        moviePath = [[NSBundle mainBundle] pathForResource:@"ipad" ofType:@"3gp"];
    }
    else 
    {
        moviePath = [[NSBundle mainBundle] pathForResource:@"iphone" ofType:@"3gp"];    
    }
    NSURL* movieURL = [NSURL fileURLWithPath:moviePath];
    playerCtrl =  [[MPMoviePlayerController alloc] initWithContentURL:movieURL];
    if ([[UIDevice currentDevice] userInterfaceIdiom] ==  UIUserInterfaceIdiomPad)
    {
        playerCtrl.view.frame = CGRectMake(0, 0, 1024, 768);
    }
    else 
    {
        playerCtrl.view.frame = CGRectMake(0, 0, 480, 320);     
    }
    playerCtrl.scalingMode = MPMovieScalingModeFill;
    playerCtrl.controlStyle = MPMovieControlStyleNone;
    [playerCtrl prepareToPlay];
    [[NSNotificationCenter defaultCenter] addObserver:self 
                                             selector:@selector(moviePlayerLoadStateChanged:) 
                                                 name:MPMoviePlayerLoadStateDidChangeNotification 
                                               object:nil];
    [[NSNotificationCenter defaultCenter] addObserver:self 
                                             selector:@selector(moviePlayBackDidFinish:) 
                                                 name:MPMoviePlayerPlaybackDidFinishNotification 
                                               object:nil];
}
- (void) moviePlayerLoadStateChanged:(NSNotification*)notification 
{
    if ([playerCtrl loadState] != MPMovieLoadStateUnknown)
    {
        [[NSNotificationCenter  defaultCenter] removeObserver:self 
                                                         name:MPMoviePlayerLoadStateDidChangeNotification 
                                                       object:nil];
        // Play the movie
        [self.view addSubview:playerCtrl.view];
        [playerCtrl play];
        [[NSNotificationCenter defaultCenter] postNotificationName:@"GSPLAYER_STARTED" object:nil];
    }
    else 
    {
        NSLog(@"Player received unknown error");
        [[NSNotificationCenter defaultCenter] postNotificationName:@"GSPLAYER_ERROR" object:nil];
    }
}
&lt;/code&gt;&lt;/pre&gt;
&lt;p&gt;When movie finishes, I'm loading next view as follows:&lt;/p&gt;
&lt;pre&gt;&lt;code&gt;-(void)playerCompleted
{
    [pv.view removeFromSuperview];
    [pv release];
    pv = nil;
    [self.window addSubview:navigationController.view];
}
&lt;/code&gt;&lt;/pre&gt;
&lt;p&gt;The following code is to play audio:&lt;/p&gt;
&lt;pre&gt;&lt;code&gt;-(void)playAudio:(NSString*)filename
{
    self.allowAnimation = NO;
    NSString* bundleName = [[NSBundle mainBundle] pathForResource:[filename lowercaseString] ofType:nil];
    //NSURL* url = [[NSURL alloc] initFileURLWithPath: bundleName];
    NSURL* url = [NSURL fileURLWithPath:bundleName];
    if (appSoundPlayer) {
        [appSoundPlayer release];
    }
    appSoundPlayer = [[AVAudioPlayer alloc] initWithContentsOfURL:url error: nil];
    //[appSoundPlayer prepareToPlay];
    [appSoundPlayer setVolume: 1.0];
    [appSoundPlayer setDelegate: self];
    [appSoundPlayer play];  
}
&lt;/code&gt;&lt;/pre&gt;
&lt;p&gt;Has someone came across such issues earlier? What might be the problem and what will be the solution?&lt;/p&gt;</t>
  </si>
  <si>
    <t>2011-04-07 02:50:15.757000+00:00</t>
  </si>
  <si>
    <t>2013-08-08 05:02:23.753000+00:00</t>
  </si>
  <si>
    <t>ios|cocoa-touch|audio|video|avaudioplayer</t>
  </si>
  <si>
    <t>Flexslider start button on first slide</t>
  </si>
  <si>
    <t>&lt;p&gt;I was wondering if anyone has information on binding the play function to a button. I have been reading through the flexslider documentation and I can see there is the functionality available, but not how to fire it off. I am wanting to add a start button to the first slide of my slideshow and have that initiate the slideshow.  My js skills are at newbie level. Any information is greatly appreciated.&lt;/p&gt;
&lt;p&gt;My basic slider code is:&lt;/p&gt;
&lt;pre&gt;&lt;code&gt;$(document).ready(function() {
 $('.flexslider').flexslider({
   slideshow: false,
   useCSS: false,
   controlNav: false,
   directionNav: false,
   animationLoop: false
 });
});
&lt;/code&gt;&lt;/pre&gt;</t>
  </si>
  <si>
    <t>2018-06-25 03:36:37.393000+00:00</t>
  </si>
  <si>
    <t>2018-06-25 21:27:02.210000+00:00</t>
  </si>
  <si>
    <t>How to store functions in Dictionary with uint as key (C#)</t>
  </si>
  <si>
    <t>&lt;p&gt;Can someone provide me an example of how maybe I store different functions in a dictionary with int as a key and function as value. So then I could easly call function as following:&lt;/p&gt;
&lt;pre&gt;&lt;code&gt;functionsDictionary[123](string);
&lt;/code&gt;&lt;/pre&gt;
&lt;p&gt;Note all functions in dictionary will take only one input which is string. And will have no return.&lt;/p&gt;</t>
  </si>
  <si>
    <t>2011-02-26 07:43:54.453000+00:00</t>
  </si>
  <si>
    <t>2011-02-26 08:02:35.153000+00:00</t>
  </si>
  <si>
    <t>c#|function|dictionary</t>
  </si>
  <si>
    <t>Why is there no overloaded valueOf method for floats in BigDecimal?</t>
  </si>
  <si>
    <t>&lt;p&gt;If I calculate all Values from 0.01 divided by 10 all is fine with doubles.&lt;/p&gt;
&lt;pre&gt;&lt;code&gt;Stream.iterate(BigDecimal.valueOf(0.01), a -&amp;gt; a.divide(BigDecimal.valueOf(10.0))).limit(10).forEach(System.out::println);
&lt;/code&gt;&lt;/pre&gt;
&lt;p&gt;But if I use floats, it will break. The internal float representation of the values is not preferred for this task, but why is there no overloaded function in BigDecimal?&lt;/p&gt;
&lt;pre&gt;&lt;code&gt;Stream.iterate(BigDecimal.valueOf(0.01f), a -&amp;gt; a.divide(BigDecimal.valueOf(10.0f))).limit(10).forEach(System.out::println);
&lt;/code&gt;&lt;/pre&gt;</t>
  </si>
  <si>
    <t>2017-10-10 19:40:48.927000+00:00</t>
  </si>
  <si>
    <t>2017-10-10 19:47:40.110000+00:00</t>
  </si>
  <si>
    <t>Naming convention for Boolean properties</t>
  </si>
  <si>
    <t>&lt;p&gt;I'm struggeling with the prefixes of my Booleans between &lt;strong&gt;Is-&lt;/strong&gt; and &lt;strong&gt;Has-&lt;/strong&gt;. &lt;br/&gt;
Because sometimes &lt;strong&gt;Has-&lt;/strong&gt; make more sens than &lt;strong&gt;Is-&lt;/strong&gt;&lt;/p&gt;
&lt;p&gt;Sampe:&lt;/p&gt;
&lt;pre&gt;&lt;code&gt;bool IsPrintable
bool IsChecked
bool HasDocument
bool HasPermission
&lt;/code&gt;&lt;/pre&gt;
&lt;p&gt;so whats your opinion about that?&lt;/p&gt;</t>
  </si>
  <si>
    <t>2013-06-13 07:25:12.133000+00:00</t>
  </si>
  <si>
    <t>2013-06-13 07:30:41.247000+00:00</t>
  </si>
  <si>
    <t>properties|boolean|naming-conventions</t>
  </si>
  <si>
    <t>Reporting Services returning value for null or empty cell</t>
  </si>
  <si>
    <t>&lt;p&gt;I recently moved Reports that I created in Studio 2005 for SQL Server 2005 to SQL Server 2008 Reporting Services. In one of my reports cells that should be blank because they have no value display the same value. So instead on blank cells I get cells with the value 119. I don't know where the 119 value is coming from. &lt;/p&gt;
&lt;p&gt;Has anyone else encountered this problem? If so, what is the solution to fixing this?&lt;/p&gt;
&lt;p&gt;Thanks in advance.&lt;/p&gt;</t>
  </si>
  <si>
    <t>2010-05-14 14:04:46.270000+00:00</t>
  </si>
  <si>
    <t>2010-05-20 11:01:47.457000+00:00</t>
  </si>
  <si>
    <t>Auto refresh pivot tables VBA code</t>
  </si>
  <si>
    <t>&lt;p&gt;I am responsible for updating an Excel spreadsheet which pulls its information from an Access database on a daily basis. All the data that i need for my excel spreadsheet is available for me and all that i need to do is click the refresh button.&lt;/p&gt;
&lt;p&gt;I've sourced a VBA code which serves my purposes for small documents, however, when i open the larger files it doesn't work correctly.  The code opens the workbook specified but does not run its refresh step - it simply saves and closes the document.  I tried to put in time delays to allow time for the refresh but it seems the refresh never actually starts on the bigger files.   &lt;/p&gt;
&lt;p&gt;Any ideas?  The code i am using is as follows&lt;/p&gt;
&lt;pre&gt;&lt;code&gt;Sub Autorefresh()
Dim Excel
Set Excel = CreateObject("Excel.Application")
Excel.Visible = True
Excel.DisplayAlerts = False
Excel.AskToUpdateLinks = False
Excel.AlertBeforeOverwriting = False
Set Workbook = Excel.Workbooks.Open("MyWorkbook.xlsx", Password:="MyPassword")
Workbook.RefreshAll
Workbook.Save
Excel.Quit
Set Workbook = Nothing
Set Excel = Nothing
End Sub
&lt;/code&gt;&lt;/pre&gt;</t>
  </si>
  <si>
    <t>2015-08-19 11:03:54.113000+00:00</t>
  </si>
  <si>
    <t>2017-01-26 17:07:21.420000+00:00</t>
  </si>
  <si>
    <t>Where do Rails Jobs get called from in ActionCable and how can you pass parameters?</t>
  </si>
  <si>
    <t>&lt;p&gt;For example where is the the &lt;code&gt;perform&lt;/code&gt; method originally getting called in this following job in: &lt;/p&gt;
&lt;p&gt;jobs/message_broadcast_job.rb&lt;/p&gt;
&lt;pre&gt;&lt;code&gt;class MessageBroadcastJob &amp;lt; ApplicationJob
  queue_as :default
  def perform(message)
    ActionCable.server.broadcast "room_channel", message: render_message(message) #, roomId: roomId
  end
  private
    def render_message(message)
      ApplicationController.renderer.render(partial: 'messages/message', locals: { message: message })
    end
end
&lt;/code&gt;&lt;/pre&gt;
&lt;p&gt;In assets/javascripts/channels/room.coffee there is a method call:&lt;/p&gt;
&lt;pre&gt;&lt;code&gt;  speak: (message, roomId) -&amp;gt;
    @perform 'speak', message: message, roomId: roomId
&lt;/code&gt;&lt;/pre&gt;
&lt;p&gt;But that seems to call the corresponding method in channels/room_channel.rb: &lt;/p&gt;
&lt;pre&gt;&lt;code&gt;def speak(data)
     Message.create! text: data['message'], user_id: 1, room_id: data['roomId']
  end
&lt;/code&gt;&lt;/pre&gt;
&lt;p&gt;So where is the job getting called from, and how can I pass parameters into it? (Specifically I have a room channel ID I've already passed to &lt;code&gt;room_channel.rb&lt;/code&gt; via parameters, but also need to get this in the perform action to broadcast from the relevant room channel.&lt;/p&gt;
&lt;p&gt;Thanks!&lt;/p&gt;</t>
  </si>
  <si>
    <t>2016-04-24 00:38:00.850000+00:00</t>
  </si>
  <si>
    <t>2016-04-24 01:15:15.833000+00:00</t>
  </si>
  <si>
    <t>ruby-on-rails|websocket|jobs|ruby-on-rails-5|actioncable</t>
  </si>
  <si>
    <t>Finding cheapest values from a user input for a product</t>
  </si>
  <si>
    <t>&lt;p&gt;recently I was given a word problem where I had to write a program that takes a user input of the number of a product and the finds the cheapest way the user can buy the amount of that product. Values are as follows: product 1 is a 24 pack that sells for $109, product 2 is a 12 pack that sells for $55, product 3 is a 4 pack that sells for $19, and product 4 is a 1 pack that sells for $5. The program should tell the user the cheapest way to buy the product.&lt;/p&gt;</t>
  </si>
  <si>
    <t>2015-09-14 13:57:37.493000+00:00</t>
  </si>
  <si>
    <t>2015-09-14 14:40:43.630000+00:00</t>
  </si>
  <si>
    <t>Array resampling with Pandas</t>
  </si>
  <si>
    <t>&lt;p&gt;I have a 2000 x 200 hdf array from a 2000 run Monte Carlo. The data are the times in minutes before and after a certain event. For the first 50 or so rows, before the event is triggered, the time is negative, then when the event occurs, the time crosses zero and thereafter increases until the end of the simulation.  The data has no header, nor date column. This was how the data was given to me. I have loaded the data and extracted the time rows centered on a few minutes before and after the trigger event. I am now trying to use the Pandas resample function on this data subset to obtain a 1 second frequency data set for statistical analysis. I cant find any examples to help me up-sample a data array in the format in which this data was received. Perhaps I could add a date column to the array, or resample each column separately, but I wonder if anyone knows of a simpler faster way? Thanks and best regards!&lt;/p&gt;</t>
  </si>
  <si>
    <t>2018-09-24 17:10:05.633000+00:00</t>
  </si>
  <si>
    <t>2018-09-24 19:57:42.263000+00:00</t>
  </si>
  <si>
    <t>Displaying images on page with a shooting bullet effect</t>
  </si>
  <si>
    <t>&lt;p&gt;I want some guidance on HTML5 and a possible Javascript library.&lt;/p&gt;
&lt;p&gt;The idea is to display a list of images (the list of images will change every few minutes) on a web page. But each image would slide into the page with the effect of a speeding bullet with a trail. Images would stack up and stay in display for a few seconds and then new images would be pushed into the display (the old ones taken out of the display).&lt;/p&gt;
&lt;p&gt;Think of it like a ticker of images; but many tickers stacked up on top of each other.&lt;/p&gt;
&lt;p&gt;Are there any features in HTML5 that can accomplish this? Or any Javascript libraries that can enable this effect?&lt;/p&gt;
&lt;p&gt;Thanks in advance for your help!&lt;/p&gt;</t>
  </si>
  <si>
    <t>2012-09-08 22:42:36.013000+00:00</t>
  </si>
  <si>
    <t>2012-09-25 10:16:38.633000+00:00</t>
  </si>
  <si>
    <t>Android Sweet Alert Dialog dependencies</t>
  </si>
  <si>
    <t>&lt;p&gt;I read &lt;a href="https://android-arsenal.com/details/1/1065" rel="nofollow"&gt;Sweet AlertDialog&lt;/a&gt; tutorial and I have added dependencies to my project this way:&lt;/p&gt;
&lt;ol&gt;
&lt;li&gt;&lt;p&gt;select Build.Gradle (Module:app) and open&lt;/p&gt;&lt;/li&gt;
&lt;li&gt;&lt;p&gt;go to this line:&lt;/p&gt;
&lt;pre&gt;&lt;code&gt;dependencies {
    compile fileTree(dir: 'libs', include: ['*.jar'])
}
&lt;/code&gt;&lt;/pre&gt;
&lt;p&gt;and change to:&lt;/p&gt;
&lt;pre&gt;&lt;code&gt;dependencies {
    compile fileTree(dir: 'libs', include: ['*.jar'])
    compile 'cn.pedant.sweetalert:library:1.3'
}
&lt;/code&gt;&lt;/pre&gt;&lt;/li&gt;
&lt;li&gt;&lt;p&gt;Run the my app.but i get this error:&lt;/p&gt;
&lt;pre&gt;&lt;code&gt;Error:A problem occurred configuring project ':app'.
&amp;gt; Could not resolve all dependencies for configuration ':app:_debugCompile'.
   &amp;gt; Could not find com.android.support:appcompat-v7:21.0.0.
     Searched in the following locations:
         https://jcenter.bintray.com/com/android/support/appcompat-v7/21.0.0/appcompat-v7-21.0.0.pom
         https://jcenter.bintray.com/com/android/support/appcompat-v7/21.0.0/appcompat-v7-21.0.0.jar
         file:/D:/sdk/ADT-Bundle-Windows-x86-20140702.Full_p30download.com/sdk/extras/android/m2repository/com/android/support/appcompat-v7/21.0.0/appcompat-v7-21.0.0.pom
         file:/D:/sdk/ADT-Bundle-Windows-x86-20140702.Full_p30download.com/sdk/extras/android/m2repository/com/android/support/appcompat-v7/21.0.0/appcompat-v7-21.0.0.jar
         file:/D:/sdk/ADT-Bundle-Windows-x86-20140702.Full_p30download.com/sdk/extras/google/m2repository/com/android/support/appcompat-v7/21.0.0/appcompat-v7-21.0.0.pom
         file:/D:/sdk/ADT-Bundle-Windows-x86-20140702.Full_p30download.com/sdk/extras/google/m2repository/com/android/support/appcompat-v7/21.0.0/appcompat-v7-21.0.0.jar
     Required by:
         MyApplication:app:unspecified &amp;gt; cn.pedant.sweetalert:library:1.3 &amp;gt; com.pnikosis:materialish-progress:1.0
&lt;/code&gt;&lt;/pre&gt;&lt;/li&gt;
&lt;/ol&gt;
&lt;p&gt;And when i add &lt;code&gt;appcompat-v7-21.0.0.jar&lt;/code&gt; i get this error:&lt;/p&gt;
&lt;pre&gt;&lt;code&gt;Error:Failed to find: com.android.support:appcompat-v7:21.0.0
&amp;lt;a href="openFile"&amp;gt;Open File&amp;lt;/a&amp;gt;&amp;lt;br&amp;gt;&amp;lt;a href="open.dependency.in.project.structure"&amp;gt;Open in Project Structure dialog&amp;lt;/a&amp;gt;
&lt;/code&gt;&lt;/pre&gt;</t>
  </si>
  <si>
    <t>2015-03-22 15:17:26.950000+00:00</t>
  </si>
  <si>
    <t>2017-05-06 06:26:35.110000+00:00</t>
  </si>
  <si>
    <t>2016-04-27 12:50:29.770000+00:00</t>
  </si>
  <si>
    <t>android|github|gradle</t>
  </si>
  <si>
    <t>How to set a certain item status via the jenkins SCM Dimension plugin?</t>
  </si>
  <si>
    <t>&lt;p&gt;I'm using the Dimensions plugin (&lt;a href="https://wiki.jenkins.io/display/JENKINS/Dimensions+Plugin" rel="nofollow noreferrer"&gt;https://wiki.jenkins.io/display/JENKINS/Dimensions+Plugin&lt;/a&gt;) to upload my build artifacts to Serena.
It works fine, however my artifacts are under the status of "UNDER WORK". 
Would it be possible to set another status?
Thanks&lt;/p&gt;</t>
  </si>
  <si>
    <t>2017-12-12 22:41:56.813000+00:00</t>
  </si>
  <si>
    <t>jenkins|jenkins-plugins|serena</t>
  </si>
  <si>
    <t>Use JQuery variable inside of ASP.NET MVC Action link</t>
  </si>
  <si>
    <t>&lt;p&gt;I want to use the JQuery variable/value in the ASP.NET MVC Action link, So I need to use &lt;code&gt;$("#JobGR :radio:checked").val()&lt;/code&gt; in below line of code :&lt;/p&gt;
&lt;pre&gt;&lt;code&gt;     @Html.ActionLink("Insert", "InsertPersonJob","Reg" , new {JobNo=$("#JobGR :radio:checked").val(), PersonID=User.Identity.Name },null)
&lt;/code&gt;&lt;/pre&gt;
&lt;p&gt;I receive an error on &lt;code&gt;$&lt;/code&gt; , Please help me how I can solve this issue.&lt;/p&gt;</t>
  </si>
  <si>
    <t>2013-05-20 09:08:56.120000+00:00</t>
  </si>
  <si>
    <t>2013-05-20 09:25:30.543000+00:00</t>
  </si>
  <si>
    <t>2013-05-20 09:13:50.353000+00:00</t>
  </si>
  <si>
    <t>Setting value to an existing column for all the rows that have null value on that column</t>
  </si>
  <si>
    <t>&lt;p&gt;How to update and set a certain value for a column IF it's value is &lt;code&gt;null&lt;/code&gt;?&lt;/p&gt;
&lt;p&gt;For example:
I have 10 rows in the table &lt;code&gt;Products&lt;/code&gt;. I want to set the value &lt;code&gt;'0'&lt;/code&gt; for all the rows to a column called &lt;code&gt;quantity&lt;/code&gt; IF that row has value &lt;code&gt;null&lt;/code&gt; on that particular column.&lt;/p&gt;
&lt;p&gt;I tried:&lt;/p&gt;
&lt;pre&gt;&lt;code&gt;ALTER TABLE Products ADD DEFAULT '0' FOR quantity
WITH VALUES;
&lt;/code&gt;&lt;/pre&gt;
&lt;p&gt;...but it didn't update the &lt;code&gt;null&lt;/code&gt; values to &lt;code&gt;0&lt;/code&gt; on that column.&lt;/p&gt;</t>
  </si>
  <si>
    <t>2017-01-03 08:25:28.633000+00:00</t>
  </si>
  <si>
    <t>2017-01-03 09:38:31.853000+00:00</t>
  </si>
  <si>
    <t>Re-Enumerate and use PCIe SSD in Linux without shutdown</t>
  </si>
  <si>
    <t>&lt;p&gt;Good day,&lt;/p&gt;
&lt;p&gt;I am currently working on a project where PCIe SSDs are constantly being swapped out and tested through benchmark programs such as VDBench and Iometer. The problem I face right now, which is only on the Linux side (got it working fine on windows), is that if the drives were not on at initial boot-up, they never appear under GParted or Disks. Here's what I have done:&lt;/p&gt;
&lt;p&gt;Cold boot, PCIe Add-in-card SSD is off. It is then powered on through a pass through card that is logically controlled to make sure power and shorts are not an issue.&lt;/p&gt;
&lt;p&gt;I turn the device on, then run:&lt;/p&gt;
&lt;pre&gt;&lt;code&gt;sudo sh -c "echo 1 &amp;gt; /sys/bus/pci/rescan"
&lt;/code&gt;&lt;/pre&gt;
&lt;p&gt;Performing a&lt;/p&gt;
&lt;pre&gt;&lt;code&gt;lspci -tv
&lt;/code&gt;&lt;/pre&gt;
&lt;p&gt;The device shows with no issues in the tree. When I check under Disks however, it is not there.&lt;/p&gt;
&lt;p&gt;I have tried a bunch of different commands with none of them seeming to help me. I have tried&lt;/p&gt;
&lt;pre&gt;&lt;code&gt;partprobe
&lt;/code&gt;&lt;/pre&gt;
&lt;p&gt;Which did not do anything. and:&lt;/p&gt;
&lt;pre&gt;&lt;code&gt;sudo sh -c "echo 1 &amp;gt; /sys/bus/pci/devices/0000:82:00.0/remove"
&lt;/code&gt;&lt;/pre&gt;
&lt;p&gt;Followed up another rescan:&lt;/p&gt;
&lt;pre&gt;&lt;code&gt;sudo sh -c "echo 1 &amp;gt; /sys/bus/pci/rescan"
&lt;/code&gt;&lt;/pre&gt;
&lt;p&gt;As well as:&lt;/p&gt;
&lt;pre&gt;&lt;code&gt;sudo sh -c "echo 1 &amp;gt; /sys/bus/pci/devices/0000:82:00.0/enable"
&lt;/code&gt;&lt;/pre&gt;
&lt;p&gt;Still nothing. Also ran:&lt;/p&gt;
&lt;pre&gt;&lt;code&gt;dmesg
&lt;/code&gt;&lt;/pre&gt;
&lt;p&gt;Which shows, amongst other things:&lt;/p&gt;
&lt;pre&gt;&lt;code&gt;[   68.128778] pci 0000:82:00.0: [8086:0953] type 00 class 0x010802
[   68.128797] pci 0000:82:00.0: reg 0x10: [mem 0x00000000-0x00003fff 64bit]
[   68.128820] pci 0000:82:00.0: reg 0x30: [mem 0x00000000-0x0000ffff pref]
[   68.133398] pci 0000:84:00.0: [1c58:0003] type 00 class 0x010802
..............................
[   68.141751] nvme 0000:82:00.0: enabling device (0100 -&amp;gt; 0102)
..............................
&lt;/code&gt;&lt;/pre&gt;
&lt;p&gt;I do see a lot of fails in dmesg for other addresses, such as:&lt;/p&gt;
&lt;pre&gt;&lt;code&gt;[ 1264.718446] pcieport 0000:03:04.0: BAR 14: no space for [mem size     0x00400000]
[ 1264.718448] pcieport 0000:03:04.0: BAR 14: failed to assign [mem size 0x00400000]
[ 1264.718451] pcieport 0000:03:04.0: BAR 13: no space for [io  size 0x1000]
[ 1264.718453] pcieport 0000:03:04.0: BAR 13: failed to assign [io  size 0x1000]
&lt;/code&gt;&lt;/pre&gt;
&lt;p&gt;Although I have a feeling that those are unrelated to what I am doing, although I'd be happy for someone to prove me wrong.&lt;/p&gt;
&lt;p&gt;So, after all of these attempts, does anyone know if there is a way (or if it is even possible) to scan for this PCIe Add-in NVMe SSD and be able to use it without rebooting? I also took a look at some of the threads for other HDDs that reference a rescan for sata based drives, but this is NOT that, so referencing that won't help either.&lt;/p&gt;
&lt;p&gt;Thanks in advance.&lt;/p&gt;</t>
  </si>
  <si>
    <t>2016-03-15 21:05:07.303000+00:00</t>
  </si>
  <si>
    <t>2016-03-15 21:13:51.667000+00:00</t>
  </si>
  <si>
    <t>linux|disk|ssd</t>
  </si>
  <si>
    <t>set dynamic tableview height constraint in storyboard swift</t>
  </si>
  <si>
    <t>&lt;p&gt;i am using &lt;code&gt;tableview&lt;/code&gt; and &lt;code&gt;autolayout&lt;/code&gt;. I want to display array count based increase the &lt;code&gt;tableview&lt;/code&gt; height in storyboard. how to do this?&lt;/p&gt;
&lt;p&gt;I am using below code but not working&lt;/p&gt;
&lt;pre&gt;&lt;code&gt;@property(strong,nonatomic)iboutlet nslayoutconstraint *dynamicheight;
self.dynamicheight.constant=[self.array count]*44
&lt;/code&gt;&lt;/pre&gt;
&lt;p&gt;kindly help me anyone for this?&lt;/p&gt;
&lt;p&gt;&lt;a href="https://i.stack.imgur.com/jadT7.png" rel="nofollow noreferrer"&gt;https://i.stack.imgur.com/jadT7.png&lt;/a&gt;
 &lt;a href="https://i.stack.imgur.com/dP3tZ.png" rel="nofollow noreferrer"&gt;https://i.stack.imgur.com/dP3tZ.png&lt;/a&gt;&lt;/p&gt;</t>
  </si>
  <si>
    <t>2017-02-07 04:35:39.557000+00:00</t>
  </si>
  <si>
    <t>2017-02-07 09:23:36.367000+00:00</t>
  </si>
  <si>
    <t>2017-02-07 05:49:08.773000+00:00</t>
  </si>
  <si>
    <t>ChaiScript troubles</t>
  </si>
  <si>
    <t>&lt;p&gt;I'm using script language ChaiScript with c++ and Qt. I've defined such function:&lt;/p&gt;
&lt;pre&gt;&lt;code&gt;void ChaiPainter::drawRectangle(QPainter *painter, int x, int y, int height, int width)
{
    painter.drawRect(x, y, width, height);
}
&lt;/code&gt;&lt;/pre&gt;
&lt;p&gt;And in application paint-event:&lt;/p&gt;
&lt;pre&gt;&lt;code&gt;void MainWindow::paintEvent(QPaintEvent *event)
{
    QPainter painter(this);
    chaiPainter-&amp;gt;mChai.add(chaiscript::var(&amp;amp;painter), "painter");
    chaiPainter-&amp;gt;mChai.add(chaiscript::fun(&amp;amp;ChaiPainter::drawRectangle), "drawRect");
    chaiPainter-&amp;gt;mChai("drawRect(painter, 5, 5, 100, 100)");
}
&lt;/code&gt;&lt;/pre&gt;
&lt;p&gt;The error is:&lt;/p&gt;
&lt;blockquote&gt;
  &lt;p&gt;'chaiscript::Eval_Error'   what(): 
  Error: "No matching function to
  dispatch to with function 'drawRect'"
  during evaluation at (1, 1)&lt;/p&gt;
&lt;/blockquote&gt;
&lt;p&gt;What I do wrong?&lt;/p&gt;</t>
  </si>
  <si>
    <t>2010-03-23 18:07:04.817000+00:00</t>
  </si>
  <si>
    <t>2010-03-23 18:39:23.587000+00:00</t>
  </si>
  <si>
    <t>c++|qt|chaiscript</t>
  </si>
  <si>
    <t>Excel to Google Docs - formula conversion</t>
  </si>
  <si>
    <t>&lt;p&gt;I have the following formula that works out the value of all the rows between B2 and the bottom of the column (reason being that the column is constantly extending). This is how it looks in Excel:&lt;/p&gt;
&lt;blockquote&gt;
  &lt;p&gt;=SUM(B2:INDEX(B:B,MAX((B:B&amp;lt;&gt;"")*(ROW(B:B)))))&lt;/p&gt;
&lt;/blockquote&gt;
&lt;p&gt;and I would like to convert it to Google Spreadsheet format. Does anybody know if this is possible (i.e. the fact that the bottom row is 'unknown' - not formula conversion in general)? Copying and pasting verbatim does not work (kind of expected!)&lt;/p&gt;
&lt;p&gt;Thanks in advance...&lt;/p&gt;</t>
  </si>
  <si>
    <t>2011-11-10 23:41:29.873000+00:00</t>
  </si>
  <si>
    <t>2011-11-11 16:13:10.873000+00:00</t>
  </si>
  <si>
    <t>excel|spreadsheet|google-docs|excel-formula</t>
  </si>
  <si>
    <t>Is it better to use `$this` or to avoid it when calling another method in the same PHP class?</t>
  </si>
  <si>
    <t>&lt;p&gt;When calling a method in the same class from within another method, is it better to use &lt;code&gt;$this&lt;/code&gt; or to avoid it, or is there no difference at all?&lt;/p&gt;
&lt;p&gt;One benefit I can see with using &lt;code&gt;$this&lt;/code&gt; is that it is explicit. For example:&lt;/p&gt;
&lt;pre&gt;&lt;code&gt;class A {
  public function a() {
    $x = $this-&amp;gt;b();// or $x = b()
  }
  public function b() {
    //
  }
}
&lt;/code&gt;&lt;/pre&gt;</t>
  </si>
  <si>
    <t>2016-02-27 04:23:16.413000+00:00</t>
  </si>
  <si>
    <t>2016-02-27 04:48:16.367000+00:00</t>
  </si>
  <si>
    <t>2016-02-27 04:44:13.417000+00:00</t>
  </si>
  <si>
    <t>MSC delegated admin and impersonations</t>
  </si>
  <si>
    <t>&lt;p&gt;I have an MCSP account with admin delegation privileges for my client 365 tenants
i have 2 questions:&lt;/p&gt;
&lt;ol&gt;
&lt;li&gt;I would like to be able to get list of accounts in tenant using graph API is it possible?&lt;/li&gt;
&lt;li&gt;I'm using EWS with impersonation to access mailboxes data, is it possible to use my account with  delegated privileges or should i add service account within the tenant&lt;/li&gt;
&lt;/ol&gt;</t>
  </si>
  <si>
    <t>2018-10-08 18:33:08.993000+00:00</t>
  </si>
  <si>
    <t>2018-10-12 04:36:53.937000+00:00</t>
  </si>
  <si>
    <t>office365|exchange-server|microsoft-graph|exchangewebservices|azure-ad-graph-api</t>
  </si>
  <si>
    <t>LongListSelector strange behavior</t>
  </si>
  <si>
    <t>&lt;p&gt;My purpose is to add two buttons which allow the user to jump to the first of to the last item quickly. I'm using MVVM path and the code is very simple:&lt;/p&gt;
&lt;pre&gt;&lt;code&gt;Sub ScrollDown()
    If ResponseModel.Items.Count &amp;gt; 0 And ResponseModel.IsDataLoaded Then
           If ResponseModel.Items.LastOrDefault IsNot Nothing Then ResponseList.ScrollTo(ResponseModel.Items.LastOrDefault())
    End If
End Sub
&lt;/code&gt;&lt;/pre&gt;
&lt;p&gt;Sometimes this code throws a NullReferenceException on the last line, yes, the one with &lt;code&gt;End Sub&lt;/code&gt;. None of these object are null, so I can't find out what the problem is.&lt;/p&gt;
&lt;blockquote&gt;
  &lt;p&gt;System.NullReferenceException: Object reference not set to an instance of an object. at Microsoft.Phone.Controls.LongListSelector.ScrollTo(Object item, Nullable`1 isGroup) at Microsoft.Phone.Controls.LongListSelector.ScrollTo(Object item) at WindowsPhoneAnswers.Thread.&lt;em&gt;Lambda$&lt;/em&gt;_68() at WindowsPhoneAnswers.Thread.&lt;em&gt;Lambda$&lt;/em&gt;_67(Object a0, EventArgs a1) at MS.Internal.CoreInvokeHandler.InvokeEventHandler(Int32 typeIndex, Delegate handlerDelegate, Object sender, Object args) at MS.Internal.JoltHelper.FireEvent(IntPtr unmanagedObj, IntPtr unmanagedObjArgs, Int32 argsTypeIndex, Int32 actualArgsTypeIndex, String eventName)&lt;/p&gt;
&lt;/blockquote&gt;
&lt;p&gt;The only possible explanation is that the last item hasn't been realized yet, but how to check it?&lt;/p&gt;</t>
  </si>
  <si>
    <t>2014-04-11 17:06:16.210000+00:00</t>
  </si>
  <si>
    <t>2014-04-22 17:46:20.313000+00:00</t>
  </si>
  <si>
    <t>2014-04-12 00:39:39.707000+00:00</t>
  </si>
  <si>
    <t>vb.net|silverlight|windows-phone-8</t>
  </si>
  <si>
    <t>Error with Paperclip and RSpec 2.6</t>
  </si>
  <si>
    <t>&lt;p&gt;I'm trying to testing the paperclip methods in my model and I got the following problem:&lt;/p&gt;
&lt;pre&gt;&lt;code&gt;1) InventoryImportRequest 
Failure/Error: it { should have_attached_file(:file) }
NoMethodError:
undefined method has_attached_file?' for #&amp;lt;InventoryImportRequest:0x000001064fc728&amp;gt;
# ./spec/models/inventory_import_request_spec.rb:7:inblock (2 levels) in '
&lt;/code&gt;&lt;/pre&gt;
&lt;p&gt;My spec_helper.rb is configured as:&lt;/p&gt;
&lt;pre&gt;&lt;code&gt;require 'spec/rails'
require 'paperclip/matchers'
Dir[Rails.root.join("spec/support/*/.rb")].each {|f| require f}
RSpec.configure do |config|
    config.include Paperclip::Shoulda::Matchers
end
&lt;/code&gt;&lt;/pre&gt;
&lt;p&gt;I'm using Ruby 1.9.2-p180, Rails 3.0.7, RSpec 2.6.0 and Paperclip 2.3.8&lt;/p&gt;</t>
  </si>
  <si>
    <t>2011-07-28 18:15:22.387000+00:00</t>
  </si>
  <si>
    <t>2011-07-29 13:06:02.450000+00:00</t>
  </si>
  <si>
    <t>ruby-on-rails|ruby|rspec|paperclip</t>
  </si>
  <si>
    <t>Merging MP3 results in wrong duration time (Objective C)</t>
  </si>
  <si>
    <t>&lt;p&gt;I`m get some strange behavior from my AVAudioPlayer after merging multiple MP3's files, all the time I call "[AVAudioPlayer setCurrentTime: anyValueAfter260]" the current time is always set to 260, that's because the MP3 duration info is wrong. Anyone have some clue how can I replace that info on the MP3 or if is something wrong with my co&lt;br/&gt;
Here is my merge code:&lt;/p&gt;
&lt;pre&gt;&lt;code&gt;NSMutableData *original =  original = [[NSMutableData alloc] init];
for (int i=0; i&amp;lt; [self.filesPath count]; i++) {
    NSString *fileName = [self.filesPath objectAtIndex:i];
    NSMutableData *part=[NSMutableData dataWithContentsOfURL:[NSURL fileURLWithPath:fileName]];
    [original appendData:part];
}
if(original!=nil){
    [original writeToURL:[[NSURL alloc] initWithString: self.finalPath ]  atomically:YES];
}
&lt;/code&gt;&lt;/pre&gt;
&lt;p&gt;&lt;strong&gt;Screenshot's&lt;/strong&gt;&lt;br/&gt;&lt;/p&gt;
&lt;p&gt;File merged without problems on the left and file merged with wrong duration on the right&lt;/p&gt;
&lt;p&gt;&lt;a href="http://oi44.tinypic.com/9pm07c.jpg" rel="nofollow"&gt;http://oi44.tinypic.com/9pm07c.jpg&lt;/a&gt;&lt;/p&gt;
&lt;p&gt;MP3 with wrong duration on iTunes&lt;/p&gt;
&lt;p&gt;&lt;a href="http://oi43.tinypic.com/vcsy2t.jpg" rel="nofollow"&gt;http://oi43.tinypic.com/vcsy2t.jpg&lt;/a&gt;&lt;/p&gt;
&lt;p&gt;The most strange thing is that this issue doesn't occur all the time, in some cases the final file show's the correct time...&lt;/p&gt;</t>
  </si>
  <si>
    <t>2013-11-27 14:36:45.910000+00:00</t>
  </si>
  <si>
    <t>2013-11-27 14:42:28.883000+00:00</t>
  </si>
  <si>
    <t>ios|objective-c|audio|mp3</t>
  </si>
  <si>
    <t>How to put an Array object into JSON?</t>
  </si>
  <si>
    <t>&lt;p&gt;I have written the following Javascript code.  It's the best I could do to get my data formatted as valid JSON:&lt;/p&gt;
&lt;pre&gt;&lt;code&gt;var roles = getSelectedRoles(); // returns an Array object
/* TODO: Find a better way to get the roles into my JSON data */
var rolesString = '["' + roles[0] + '"';
if (roles.length &amp;gt; 1)
    for (var i = 1; i &amp;lt; roles.length; i++)
        rolesString += ',"' + roles[i] + '"';
rolesString += ']';                        
var lid = $('#lid').val();
var json = '{ "id": "' + lid + '", "roles":' + rolesString + '}';
&lt;/code&gt;&lt;/pre&gt;
&lt;p&gt;As you can see, I am building my JSON with string concatenation looping thru my Array object.  This is so ugly and it seems like there ought to be a clean way of inserting my Array data into my JSON.&lt;/p&gt;</t>
  </si>
  <si>
    <t>2011-04-13 18:08:34.087000+00:00</t>
  </si>
  <si>
    <t>2011-04-13 18:21:00.970000+00:00</t>
  </si>
  <si>
    <t>javascript|arrays|json</t>
  </si>
  <si>
    <t>Write a program that can be used by a small theater to sell tickets for performances. Read data from inputfile</t>
  </si>
  <si>
    <t>&lt;p&gt;Need help writing a program for class.  Here were the posted instructions:&lt;/p&gt;
&lt;blockquote&gt;
  &lt;p&gt;Step 1:  The program should have a FUNCTION that displays a screen that shows which seats are available and which are taken.  Seats that are taken should be represented by a # symbol and seats that are available should be represented by a * symbol.    The first thing your program should do is initialize all of the seats to available (*) and display the seating chart.  (HINT: The seating chart should be a two dimensional array.)  &lt;/p&gt;
  &lt;p&gt;Step 2:  Each row in the auditorium has a different ticket price.  So tickets in row 0 may be 5.00 each and tickets in row 1 may be 10.00 each.  Your program should have a FUNCTION that reads the ticket price of each row from an input file called prices.dat.  The ticket price for each row should be stored in a one dimensional array.&lt;/p&gt;
  &lt;p&gt;Step 3:  Your program should have variables tracking the total number of tickets sold and the total revenue for all tickets sold.&lt;/p&gt;
  &lt;p&gt;Step 4: 
  Your program should allow the user to sell tickets one at a time.  The user should be able to sell as many tickets as they would like (you need a loop for this). Do this with some sort of prompt or menu asking the user if they would like to sell another ticket.  Don���t forget to validate input data if you need to.&lt;/p&gt;
  &lt;p&gt;To allow the user to sell a ticket your program should have the user enter a row number and a seat number for the ticket they would like to sell.  The program should do four things with this information: &lt;/p&gt;
  &lt;ol&gt;
  &lt;li&gt;&lt;p&gt;It should check to see if the seat is available.  If the seat is taken the program should not allow the user to sell the ticket.  If this happens, print a message to the user saying the ticket is not available and prompt the user to see if they would like to sell another ticket. &lt;/p&gt;&lt;/li&gt;
  &lt;li&gt;&lt;p&gt;If the seat is available the program should update the seating chart by putting a taken symbol (#) in that seat���s position in the chart.&lt;/p&gt;&lt;/li&gt;
  &lt;li&gt;&lt;p&gt;The program should then look up the row price for the seat sold.  Your program should have a variable tracking the total revenue, the price of the seat sold should be added to this total after each sale.&lt;/p&gt;&lt;/li&gt;
  &lt;li&gt;&lt;p&gt;Your program should have a variable tracking the total tickets sold.  The next thing your program should do when selling a ticket is update the total tickets sold.&lt;/p&gt;&lt;/li&gt;
  &lt;/ol&gt;
  &lt;p&gt;Step 5: Once the user is finished selling tickets print out an updated seating chart followed by the total tickets sold and the total revenue generate from those tickets. &lt;/p&gt;
  &lt;p&gt;NOTE:  You are required to use two arrays in this program, one for the seating chart and one to store the prices for each row.  You are also required to use two functions:  one to display the seating chart and one to read in the price per row data and store it in the array with the prices for each row in it.  You may use other functions if you want to but they are not required.  &lt;/p&gt;
  &lt;p&gt;Note: The test data file for this run: prices.txt&lt;/p&gt;
&lt;pre&gt;&lt;code&gt;10
10
10
9
9
9
8
8
8
7
7
7
6
6
6
&lt;/code&gt;&lt;/pre&gt;
&lt;/blockquote&gt;
&lt;hr&gt;
&lt;p&gt;I am stuck on step two where it says:&lt;/p&gt;
&lt;blockquote&gt;
  &lt;p&gt;"Your program should have a FUNCTION that reads the ticket price of each row from an input file called prices.dat.  The ticket price for each row should be stored in a one dimensional array."&lt;/p&gt;
&lt;/blockquote&gt;
&lt;p&gt;I have no idea on how to create input files or check them for that matter.
Here is my code so far.  I stopped in my case '1' after checking for duplicate seats.  How would I then match the row with the price I want to charge from a data file?&lt;/p&gt;
&lt;pre&gt;&lt;code&gt;#include &amp;lt;iostream&amp;gt;
#include &amp;lt;iomanip&amp;gt;
#include &amp;lt;string&amp;gt;
#include &amp;lt;istream&amp;gt;
#include &amp;lt;fstream&amp;gt;
using namespace std;
const int numberOfRow = 15;
const int numberOfCol = 20;
void print(char matrix[][20], int numberOfRow, int numberOfCol);
int main()
{
char matrix[numberOfRow][numberOfCol], seat[numberOfRow][numberOfCol];
char option;
int i, j;
int row,col;
int ticketsold = 0;
bool another =true;
for(i = 0; i &amp;lt; numberOfRow; i++)
    for(j = 0; j &amp;lt; numberOfCol; j++)
        matrix[i][j] = '*';
while(another)
{
    print( matrix, numberOfRow, numberOfCol );
    cout &amp;lt;&amp;lt; "\nMenu:\n";
    cout &amp;lt;&amp;lt; "1)  Buy ticket\n";
    cout &amp;lt;&amp;lt; "2)  Total sell and exit\n\n";
    cout &amp;lt;&amp;lt; "Enter your choice  : ";
    cin &amp;gt;&amp;gt; option;
    cout &amp;lt;&amp;lt; endl &amp;lt;&amp;lt; endl;
    switch (option)
    {
    case '1' :
        {
            cout &amp;lt;&amp;lt; "Enter row: ";
            cin &amp;gt;&amp;gt; row;
            cout &amp;lt;&amp;lt; "\nEnter seat: ";
            cin &amp;gt;&amp;gt; col;
            if( matrix[row][col] == '*')
                {
                    matrix[row][col] = '#';
                    ticketsold++;
                }
              else
                { 
                  cout &amp;lt;&amp;lt; "Invalid seat choice";
                }
            //total revenue
        }
    /*case '2' :
        {
            another=false;
        }
    default :
        cout &amp;lt;&amp;lt; "Invalid choice";*/
    }
}
system("pause");
}
void print(char matrix[][20], int numberOfRow, int numberOfCol)
{
int row, col, i, j;
cout &amp;lt;&amp;lt; "* Seats available\n";
cout &amp;lt;&amp;lt; "# Reserved Seats\n";
cout &amp;lt;&amp;lt; "Seats:  0  1  2  3  4  5  6  7  8  9 10 11 12 13 14 15 16 17 18 19" &amp;lt;&amp;lt;  endl;
for(i = 0; i &amp;lt; numberOfRow; i++)
{
    cout &amp;lt;&amp;lt; "Row" &amp;lt;&amp;lt; setw(3) &amp;lt;&amp;lt; i;
    for(j=0; numberOfCol &amp;gt; j; j++)
        cout &amp;lt;&amp;lt; setw(3) &amp;lt;&amp;lt; matrix[i][j];
    cout &amp;lt;&amp;lt; endl;
}
}
&lt;/code&gt;&lt;/pre&gt;</t>
  </si>
  <si>
    <t>2013-05-09 01:04:54.807000+00:00</t>
  </si>
  <si>
    <t>2017-01-18 03:17:54.407000+00:00</t>
  </si>
  <si>
    <t>2015-11-20 19:26:24.693000+00:00</t>
  </si>
  <si>
    <t>c++|arrays|file-io|multidimensional-array|ifstream</t>
  </si>
  <si>
    <t>manipulate running VLC with java</t>
  </si>
  <si>
    <t>&lt;p&gt;First of all, I have to precise that I am a 2d year bachelor student, so I'm still learning computer science and I'm not an expert. I have to implement a java program that can control VLC (tells it to play, stop etc.) while VLC is already running. My problem is that I can't figure out what APIs or java classes I should use in order to access VLC from my application. Since I didn't know where to start, I made quite a lot of researching and I bumped in some possibly interesting things:&lt;/p&gt;
&lt;ul&gt;
&lt;li&gt;&lt;p&gt;firstly I thought Java Media Framework could help, but it seems that its purpose is to create kind of a fake graphical player with which you can stream multimedia files inside the java app, but that's not what I need&lt;/p&gt;&lt;/li&gt;
&lt;li&gt;&lt;p&gt;then I found out such VLCJ that &lt;em&gt;seems&lt;/em&gt; to be what I need, but I still didn't get how it is exactly and how it works&lt;/p&gt;&lt;/li&gt;
&lt;/ul&gt;
&lt;p&gt;So now my question is: is this VLCJ the right way? And in this case can someone please explain me how to use it or at least suggesting a point where to start? Should I use Runtime and Process classes to connect to VLC?&lt;/p&gt;
&lt;p&gt;Otherwise, if I'm on the wrong way, are there any other solutions suitable for my problem?&lt;/p&gt;
&lt;p&gt;PS: I also read something about a Remote Control Interface, but the explanations I've found are about some graphical content and not so clear, so I haven't gone deeper with that.&lt;/p&gt;</t>
  </si>
  <si>
    <t>2013-11-18 00:52:44.793000+00:00</t>
  </si>
  <si>
    <t>2017-11-30 15:01:15.147000+00:00</t>
  </si>
  <si>
    <t>java|controls|vlc</t>
  </si>
  <si>
    <t>How to design a summary page for the backend in Ruby on Rails?</t>
  </si>
  <si>
    <t>&lt;p&gt;I have a Rails application with a number of controllers such as &lt;code&gt;users&lt;/code&gt;, &lt;code&gt;sessions&lt;/code&gt;, &lt;code&gt;preferences&lt;/code&gt;, and &lt;code&gt;pages&lt;/code&gt;.&lt;/p&gt;
&lt;p&gt;I designed all these controllers in a RESTful way because most authors say that is the best way to do it.&lt;/p&gt;
&lt;p&gt;But now I need to set up a Summary / Dashboard page for the user backend and I wonder how to do that in a RESTful way.&lt;/p&gt;
&lt;p&gt;Right now I have this custom action in my &lt;code&gt;UsersController&lt;/code&gt;:&lt;/p&gt;
&lt;pre&gt;&lt;code&gt;def summary
  @title = "Summary page"  
end
&lt;/code&gt;&lt;/pre&gt;
&lt;p&gt;This works but is not RESTful at all.&lt;/p&gt;
&lt;p&gt;An alternative approach would be to set up a new &lt;code&gt;SummariesController&lt;/code&gt; with a single &lt;code&gt;show&lt;/code&gt; action. But that would only be 5 lines of code in a controller. &lt;/p&gt;
&lt;p&gt;What is the best way to do this?&lt;/p&gt;</t>
  </si>
  <si>
    <t>2013-02-21 11:50:13.953000+00:00</t>
  </si>
  <si>
    <t>2013-02-21 12:49:30.963000+00:00</t>
  </si>
  <si>
    <t>Querying Cassandra by a partial partition key</t>
  </si>
  <si>
    <t>&lt;p&gt;In Cassandra, I can create a composite partition key, separate from my clustering key:&lt;/p&gt;
&lt;pre&gt;&lt;code&gt;CREATE TABLE footable (
    column1 text,
    column2 text,
    column3 text,
    column4 text,
    PRIMARY KEY ((column1, column2))
)
&lt;/code&gt;&lt;/pre&gt;
&lt;p&gt;As I understand it, quering by partition key is an extremely efficient (the most efficient?) method for retrieving data. What I don't know, however, is whether it's also efficient to query by only part of a composite partition key.&lt;/p&gt;
&lt;p&gt;In MSSQL, this would be efficient, as long as components are included starting with the first (column1 instead of column2, in this example). Is this also the case in Cassandra? Is it highly efficient to query for rows based only on column1, here?&lt;/p&gt;</t>
  </si>
  <si>
    <t>2014-12-03 16:41:15.287000+00:00</t>
  </si>
  <si>
    <t>2015-01-15 21:16:27.227000+00:00</t>
  </si>
  <si>
    <t>cassandra|cql|cassandra-2.0</t>
  </si>
  <si>
    <t>Is there a way to control macro expansion order</t>
  </si>
  <si>
    <t>&lt;p&gt;I am hoping that someone may have an idea on how to control/specify the order of macro expansion.  Here is the context:&lt;/p&gt;
&lt;pre&gt;&lt;code&gt;
// 32 bit increments, processor has registers for set, clear and invert
#define CLR_OFF 1
#define SET_OFF 2
#define INV_OFF 3
#define SET(reg,bits) *((volatile unsigned long*)(&amp; reg+SET_OFF)) = bits
//Now if I use this I can do it quite nicely with
#define STATUS_LED 0x0040;
SET(LATB, STATUS_LED); // LATB is port of the LED.
&lt;/code&gt;&lt;/pre&gt;
&lt;p&gt;I've actually had to move hardware around quite a bit as of late so I decided to group the LATB info with the STATUS_LED like so...&lt;/p&gt;
&lt;pre&gt;&lt;code&gt;
#define STATUS_LED_PORT LATB
#define STATUS_LED_MASK 0x0040;
#define STATUS_LED STATUS_LED_PORT, STATUS_LED_MASK
//And I try to use it via
SET( STATUS_LED );
&lt;/code&gt;&lt;/pre&gt;
&lt;p&gt;But alas, LATB,0x0040 is passed to argument 1 of the SET macro.  When not used as a macro this method works properly:&lt;/p&gt;
&lt;pre&gt;&lt;code&gt;
inline void SET(u32_t *reg, u32_t bits) { ((volatile u32_t *) (((u32_t)reg) + SET_OFF*4 )) = bits; }
//Change the STATUS_LED macro to
#define STATUS_LED &amp;STATUS_LED_PORT, STATUS_LED_MASK
SET( STATUS_LED); //Works great!
&lt;/code&gt;&lt;/pre&gt;
&lt;p&gt;But unfortunately my compiler doesn't see the need to inline the function and causes 6 instructions to set the register as opposed to 4, so for use while bit-banging it is unpredictable.&lt;/p&gt;
&lt;p&gt;I am hoping someone may know of a way to expand the STATUS_LED macro first, something like: 
&lt;code&gt;SET( ##STATUS_LED )&lt;/code&gt;&lt;/p&gt;
&lt;p&gt;Currently my solution to move on is to have two macros SET, and SETRM (set register, mask) but I feel like there should be a solution because the code for SET looks like...&lt;/p&gt;
&lt;pre&gt;&lt;code&gt;
#define SETRM(reg,bits) ...
#define SET(args) SETRM(args) //WHY WOULD THIS GET EXPANDED HERE??
&lt;/code&gt;&lt;/pre&gt;
&lt;p&gt;And lastly, my processor's compiler does not support n-arguments to a macro, I thought I might be able to play with that but alas :(.&lt;/p&gt;
&lt;p&gt;Thank you very much for your time, and I would appreciate any thoughts, I can move forward, but it would be so much cleaner if I could just use SET everywhere.&lt;/p&gt;</t>
  </si>
  <si>
    <t>2010-02-04 18:27:15.057000+00:00</t>
  </si>
  <si>
    <t>2016-02-21 18:01:43.460000+00:00</t>
  </si>
  <si>
    <t>c|macros|c-preprocessor|expansion</t>
  </si>
  <si>
    <t>next() call in middleware of mounted apps in ExpressJS</t>
  </si>
  <si>
    <t>&lt;p&gt;I have an Express application:&lt;/p&gt;
&lt;pre&gt;&lt;code&gt;var site = new express();
&lt;/code&gt;&lt;/pre&gt;
&lt;p&gt;Then I make the admin part a sub app:&lt;/p&gt;
&lt;pre&gt;&lt;code&gt;var admin = new express();
admin.get("/users", function(req, res) {...});
&lt;/code&gt;&lt;/pre&gt;
&lt;p&gt;Finally I mount admin app onto the main site with a permission checking middleware:&lt;/p&gt;
&lt;pre&gt;&lt;code&gt;var isAdmin = function(req, res, next) {
    if (!req.user.admin) {
        return res.send("403");
    }
    next();
};
site.use("/admin", isAdmin, admin);
&lt;/code&gt;&lt;/pre&gt;
&lt;p&gt;Problem is: when I open &lt;code&gt;/admin/users&lt;/code&gt; page, the &lt;code&gt;next()&lt;/code&gt; call in permission checking leads to a 404 in the end. I feel it calls the next callback function in &lt;em&gt;site&lt;/em&gt; instead of going into &lt;em&gt;admin&lt;/em&gt;.&lt;/p&gt;
&lt;p&gt;If I remove the permission checking middleware, write just like this:&lt;/p&gt;
&lt;pre&gt;&lt;code&gt;site.use("/admin", admin);
&lt;/code&gt;&lt;/pre&gt;
&lt;p&gt;Then &lt;code&gt;/admin/users&lt;/code&gt; can be accessed finely. Without any ACL of course...&lt;/p&gt;
&lt;p&gt;Question is How can I make the code goes into &lt;em&gt;admin&lt;/em&gt; sub app in the middleware chain?&lt;/p&gt;</t>
  </si>
  <si>
    <t>2013-05-23 12:14:01.593000+00:00</t>
  </si>
  <si>
    <t>2013-05-23 12:23:55.447000+00:00</t>
  </si>
  <si>
    <t>node.js|express</t>
  </si>
  <si>
    <t>django allauth redirects to login instead of login on duplicate email</t>
  </si>
  <si>
    <t>&lt;p&gt;A default behavior of django-allauth is redirect to Singup form when the email retrieved from a social profile matches already existing user's emailid.&lt;/p&gt;
&lt;p&gt;Instead, I would like to redirect the user back to the login page with the following message in case of the matching emailid on social login:&lt;/p&gt;
&lt;p&gt;&lt;em&gt;An account already exists with this "EMAIL@ADDRESS.COM" e-mail address. Please sign in to that account first, then connect your "PROVIDER" account. You can sign in using "LIST OF LINKED TO THAT EMAIL PROVIDERS".&lt;/em&gt;&lt;/p&gt;
&lt;p&gt;Has anybody made something similar? Any help is appreciated.&lt;/p&gt;</t>
  </si>
  <si>
    <t>2015-03-04 00:43:44.327000+00:00</t>
  </si>
  <si>
    <t>2017-04-28 14:55:14.590000+00:00</t>
  </si>
  <si>
    <t>2015-03-05 17:33:06.713000+00:00</t>
  </si>
  <si>
    <t>django|django-allauth</t>
  </si>
  <si>
    <t>scrolling should be done within a div when an event is ocured not on the entire body</t>
  </si>
  <si>
    <t>&lt;p&gt;I have a &lt;code&gt;div&lt;/code&gt; with an id of &lt;code&gt;test&lt;/code&gt; like below: &lt;/p&gt;
&lt;pre&gt;&lt;code&gt;&amp;lt;div id="test"&amp;gt;&amp;lt;/div&amp;gt;
&lt;/code&gt;&lt;/pre&gt;
&lt;p&gt;this &lt;code&gt;div&lt;/code&gt; is scrollable as I set &lt;code&gt;overflow-y&lt;/code&gt; to &lt;code&gt;scroll&lt;/code&gt; &lt;/p&gt;
&lt;p&gt;When I click on a button this &lt;code&gt;div&lt;/code&gt; should be scrolled to another &lt;code&gt;div&lt;/code&gt; position. So what I did is I used Javascript &lt;code&gt;scrollTo&lt;/code&gt; method and scrolled to some random position Like this : &lt;/p&gt;
&lt;pre&gt;&lt;code&gt;document.getElementById('test').scrollTo(0,300)
&lt;/code&gt;&lt;/pre&gt;
&lt;p&gt;As I mentioned my &lt;code&gt;id&lt;/code&gt; reference here and with the scroll method, I thought only the &lt;code&gt;div&lt;/code&gt; will be scrolled but the entire website is getting scrolled.&lt;/p&gt;
&lt;p&gt;How should I scroll the &lt;code&gt;div&lt;/code&gt; to a certain position when a button is clicked and it should only scroll inside the &lt;code&gt;div&lt;/code&gt; not the body's &lt;code&gt;div&lt;/code&gt;. &lt;/p&gt;
&lt;p&gt;I want this to be done in pure JavaScript, No jQuery should be used in my project.&lt;/p&gt;</t>
  </si>
  <si>
    <t>2018-09-24 09:28:03.927000+00:00</t>
  </si>
  <si>
    <t>2018-09-24 09:40:00.410000+00:00</t>
  </si>
  <si>
    <t>2018-09-24 09:33:15.717000+00:00</t>
  </si>
  <si>
    <t>Internet Explorer 11 is changing value="1_1" to value="1"!! What can I do?</t>
  </si>
  <si>
    <t>&lt;p&gt;&lt;a href="http://bootsnipp.com/snippets/9ypWX" rel="nofollow"&gt;http://bootsnipp.com/snippets/9ypWX&lt;/a&gt;&lt;br&gt;
The issue is this:&lt;br&gt;
I've been working on an application leaning heavily on BootStrap Navbars. In order to pass values to javascript functions, I've added the attribute "value" to many of the li elements.
An example:&lt;/p&gt;
&lt;hr&gt;
&lt;pre&gt;&lt;code&gt;&amp;lt;ul&amp;gt;
   &amp;lt;li value="1_1" onclick="doSomethingTo(this);"&amp;gt;Option1&amp;lt;/li&amp;gt;
   &amp;lt;li value="1_2" onclick="doSomethingTo(this);"&amp;gt;Option2&amp;lt;/li&amp;gt;
&amp;lt;/ul&amp;gt;
&lt;/code&gt;&lt;/pre&gt;
&lt;p&gt;Everything is working fine until I try it in Internet Explorer. Then suddenly, internet explorer decides to change the attribute to value="1". It renders at the browser as:&lt;/p&gt;
&lt;pre&gt;&lt;code&gt;&amp;lt;ul&amp;gt;
   &amp;lt;li value="1" onclick="doSomethingTo(this);"&amp;gt;Option1&amp;lt;/li&amp;gt;
   &amp;lt;li value="1" onclick="doSomethingTo(this);"&amp;gt;Option2&amp;lt;/li&amp;gt;
&amp;lt;/ul&amp;gt;
&lt;/code&gt;&lt;/pre&gt;
&lt;p&gt;I now have no access to the rest of the value, which is used in the handler function.&lt;/p&gt;
&lt;p&gt;Is there anything I can do to IE to make it stop changing attribute values in this case? Is it a known issue? &lt;/p&gt;
&lt;p&gt;My workaround now is to change all the attribute names to 'val' instead and change all of my javascript. Not very pleased with this.&lt;/p&gt;
&lt;p&gt;Thanks.&lt;/p&gt;</t>
  </si>
  <si>
    <t>2016-06-14 19:53:56.157000+00:00</t>
  </si>
  <si>
    <t>2016-06-14 20:05:10.617000+00:00</t>
  </si>
  <si>
    <t>javascript|internet-explorer</t>
  </si>
  <si>
    <t>PHP Internals: Difference Between INI Macros</t>
  </si>
  <si>
    <t>&lt;p&gt;I'm working in a C codebase for a PHP extension.  This extension defines several &lt;code&gt;php.ini&lt;/code&gt; settings.  From what I've seen, there are &lt;strong&gt;two&lt;/strong&gt; macros that do this.  They are &lt;code&gt;PHP_INI_ENTRY_EX&lt;/code&gt; and &lt;code&gt;STD_PHP_INI_ENTRY_EX&lt;/code&gt;.  &lt;/p&gt;
&lt;pre&gt;&lt;code&gt;PHP_INI_BEGIN()
    PHP_INI_ENTRY_EX (...)
    STD_PHP_INI_ENTRY_EX (...)
PHP_INI_END()
&lt;/code&gt;&lt;/pre&gt;
&lt;p&gt;What's the practical difference between creating a &lt;code&gt;php.ini&lt;/code&gt; setting with one macro vs. the other?  That is, I can follow the white rabbit down the macro hole and &lt;a href="https://github.com/php/php-src/blob/master/Zend/zend_ini.h#L103" rel="nofollow noreferrer"&gt;see the final C that's generated&lt;/a&gt;, but what I want to know is what sort behavior/functionality differences a PHP developer using these &lt;code&gt;ini&lt;/code&gt; settings will see. &lt;/p&gt;</t>
  </si>
  <si>
    <t>2018-02-13 17:31:46.943000+00:00</t>
  </si>
  <si>
    <t>2018-02-16 17:29:27.920000+00:00</t>
  </si>
  <si>
    <t>php|macros|php-internals</t>
  </si>
  <si>
    <t>how do i setup the run time environment of microsoft visual fox pro on windows 7?</t>
  </si>
  <si>
    <t>&lt;p&gt;how do i setup the run time environment of microsoft visual fox pro on windows 7 ?
 I tried a lot after google the problem but still facing the same problem that is "Cannot find the runtime library of mirosoft visual foxpro". 
Edit: 
I am trying to install a standalone software that is made in foxpro in my laptop. And i never use foxpro so i don't know about it's runtime library or it's environment. So How do i setup it ? So that i can use that software. It is always showing me "Cannot find the runtime library of mirosoft visual foxpro"&lt;/p&gt;</t>
  </si>
  <si>
    <t>2017-12-05 16:58:46.093000+00:00</t>
  </si>
  <si>
    <t>2017-12-06 03:15:43.647000+00:00</t>
  </si>
  <si>
    <t>visual-foxpro</t>
  </si>
  <si>
    <t>Microsoft.AspNet.Identity, use email as username</t>
  </si>
  <si>
    <t>&lt;p&gt;I am using Asp.Net Webforms application. I used Microsoft.AspNet.Identity for authentication. I want use user's email address as username. But it doesn't let.
can you help me please?&lt;/p&gt;</t>
  </si>
  <si>
    <t>2013-11-24 18:05:17.247000+00:00</t>
  </si>
  <si>
    <t>2013-11-24 18:56:14.143000+00:00</t>
  </si>
  <si>
    <t>asp.net|webforms</t>
  </si>
  <si>
    <t>SSRS Count Occurances based on multiple columns</t>
  </si>
  <si>
    <t>&lt;p&gt;I have a dataset which returns data in the following format;&lt;/p&gt;
&lt;h2&gt;StartDate | EndDate | Resource | WBS&lt;/h2&gt;
&lt;p&gt;yyyy-mm-01 | yyyy-mm-07 | John Doe | ABCD&lt;/p&gt;
&lt;p&gt;yyyy-mm-01 | yyyy-mm-07 | John Doe | EFGH&lt;/p&gt;
&lt;p&gt;yyyy-mm-01 | yyyy-mm-07 | Jane Doe | ABCD&lt;/p&gt;
&lt;p&gt;yyyy-mm-01 | yyyy-mm-07 | Joe Blogs | IJKL&lt;/p&gt;
&lt;p&gt;yyyy-mm-08 | yyyy-mm-14 | John Doe | ABCD&lt;/p&gt;
&lt;p&gt;etc&lt;/p&gt;
&lt;p&gt;How can I count the occurrences of the startdate, enddate and resource only (not the wbs), and have that count display on each row - so that i can use the count to calculate the allocation per wbs, per week.&lt;/p&gt;
&lt;p&gt;e.g. in the above example, the output should be;&lt;/p&gt;
&lt;h2&gt;StartDate | EndDate | Resource | WBS | Allocation&lt;/h2&gt;
&lt;p&gt;yyyy-mm-01 | yyyy-mm-07 | John Doe | ABCD | 50%&lt;/p&gt;
&lt;p&gt;yyyy-mm-01 | yyyy-mm-07 | John Doe | EFGH | 50%&lt;/p&gt;
&lt;p&gt;yyyy-mm-01 | yyyy-mm-07 | Jane Doe | ABCD | 100%&lt;/p&gt;
&lt;p&gt;yyyy-mm-01 | yyyy-mm-07 | Joe Blogs | IJKL | 100%&lt;/p&gt;
&lt;p&gt;yyyy-mm-08 | yyyy-mm-14 | John Doe | ABCD | 100%&lt;/p&gt;
&lt;p&gt;etc&lt;/p&gt;
&lt;p&gt;Thanks in advance for any help - please let me know if i've been unclear in anyway.&lt;/p&gt;
&lt;p&gt;Sidenote - I've tried adding row groups, and can get the correct count - however this does not put the count on each row, instead it does the following (not sure how clear that one is);&lt;/p&gt;
&lt;h2&gt;StartDate | EndDate | Resource | WBS | Allocation&lt;/h2&gt;
&lt;p&gt;yyyy-mm-01 | yyyy-mm-07 | John Doe | ABCD || 25%&lt;/p&gt;
&lt;p&gt;yyyy-mm-01 | yyyy-mm-07 | John Doe | EFGH ||&lt;/p&gt;
&lt;p&gt;yyyy-mm-01 | yyyy-mm-07 | Jane Doe | ABCD || 100%&lt;/p&gt;
&lt;p&gt;yyyy-mm-01 | yyyy-mm-07 | Joe Blogs | IJKL || 100%&lt;/p&gt;
&lt;p&gt;yyyy-mm-08 | yyyy-mm-14 | John Doe | ABCD || 100%&lt;/p&gt;
&lt;p&gt;etc&lt;/p&gt;
&lt;p&gt;EDIT:
The proposed solution by @Hannover Fist seemed to be working, but I'm getting some unexpected behaviour from the lookupset.&lt;/p&gt;
&lt;p&gt;The last row is being overwritten with the second-to-last row.
when the lookupset is set as Fields!StartDate.Value &amp;amp; "|" &amp;amp; Fields!EndDate.Value, all columns show the correct values (except the allocation).
But if i add in the &amp;amp; "|" &amp;amp; Fields!Resource.Value;&lt;/p&gt;
&lt;p&gt;I the second-to-last row repeated.
i.e.&lt;/p&gt;
&lt;h2&gt;StartDate | EndDate | Resource | WBS&lt;/h2&gt;
&lt;p&gt;yyyy-mm-01 | yyyy-mm-07 | John Doe | ABCD&lt;/p&gt;
&lt;p&gt;yyyy-mm-01 | yyyy-mm-07 | John Doe | ABCD&lt;/p&gt;
&lt;p&gt;While my dataset actually has 2 rows;&lt;/p&gt;
&lt;p&gt;yyyy-mm-01 | yyyy-mm-07 | John Doe | ABCD&lt;/p&gt;
&lt;p&gt;yyyy-mm-01 | yyyy-mm-07 | John Doe | EFGH&lt;/p&gt;
&lt;p&gt;Any help would be greatly appreciated. I actually have no idea whats happening with it..
At first i thought it could be a conversion error or something - but that doesn't make sense seeming it doesnt repeat the row when just the start and end date are shown (they would need to be converted to a string because of the &amp;amp; "|").
Even still - i tried putting the start and end dates in a CSTR().
Still repeating though.&lt;/p&gt;</t>
  </si>
  <si>
    <t>2015-10-26 23:26:29.957000+00:00</t>
  </si>
  <si>
    <t>2015-10-28 06:26:19.450000+00:00</t>
  </si>
  <si>
    <t>sql-server|reporting-services|count</t>
  </si>
  <si>
    <t>IOS objective-C execute GCD only when ViewController is visible</t>
  </si>
  <si>
    <t>&lt;p&gt;Hi I'm implement a timeout function for my project using Objective-C (May be Swift in the future). The purpose is that if a we run a function (display an alert whenever a ViewController is present or has not been dismiss. We wait for 15 sec &lt;/p&gt;
&lt;p&gt;Here is my function &lt;/p&gt;
&lt;pre&gt;&lt;code&gt;dispatch_after(dispatch_time(DISPATCH_TIME_NOW, (int64_t)(15 * NSEC_PER_SEC)), dispatch_get_main_queue(), ^{
     // Do somework
    });
&lt;/code&gt;&lt;/pre&gt;
&lt;p&gt;How can we ensure the function is only invoke if the viewController still visible or any better way to run the code avoiding retain cycle or memory leak? Help is much appreciate. Thanks&lt;/p&gt;</t>
  </si>
  <si>
    <t>2016-12-28 04:00:33.233000+00:00</t>
  </si>
  <si>
    <t>2016-12-28 04:53:52.637000+00:00</t>
  </si>
  <si>
    <t>How to model relationships in MongoDB?</t>
  </si>
  <si>
    <t>&lt;p&gt;I started my studies in MongoDB recently and I didn't understand much better how we make the relationship between the entities that we have in the system.&lt;/p&gt;
&lt;p&gt;So, as I am used to make this relationships in the SQL way, I get kind of confused when I change the logic to think in NoSQL way.&lt;/p&gt;
&lt;p&gt;I saw that MongoDB has to types of modeling: Embedded and Referenced.&lt;/p&gt;
&lt;p&gt;If I understand correct, Referenced is like we do in SQL:&lt;/p&gt;
&lt;ul&gt;
&lt;li&gt;&lt;p&gt;Example: 1-to-N&lt;/p&gt;&lt;/li&gt;
&lt;li&gt;&lt;p&gt;Create two tables to represent the entities, like User and Address.&lt;/p&gt;&lt;/li&gt;
&lt;li&gt;&lt;p&gt;Create an user object and an address object&lt;/p&gt;&lt;/li&gt;
&lt;li&gt;&lt;p&gt;Put the Address ID into an user object &lt;/p&gt;&lt;/li&gt;
&lt;/ul&gt;
&lt;pre class="lang-js prettyprint-override"&gt;&lt;code&gt;{
   "_id":ObjectId("52ffc33cd85242f436000001"),
   "contact": "987654321",
   "dob": "01-01-1991",
   "name": "Tom Benzamin",
   "address_ids": [
      ObjectId("52ffc4a5d85242602e000000"),
      ObjectId("52ffc4a5d85242602e000001")
   ]
}
&lt;/code&gt;&lt;/pre&gt;
&lt;p&gt;And the Embedded:&lt;/p&gt;
&lt;ul&gt;
&lt;li&gt;&lt;p&gt;Create just one  table, in this case User.&lt;/p&gt;&lt;/li&gt;
&lt;li&gt;&lt;p&gt;Create an user object and inside of it put the address object:&lt;/p&gt;&lt;/li&gt;
&lt;/ul&gt;
&lt;pre class="lang-js prettyprint-override"&gt;&lt;code&gt;{
   "_id":ObjectId("52ffc33cd85242f436000001"),
   "contact": "987654321",
   "dob": "01-01-1991",
   "name": "Tom Benzamin",
   "address": [
      {
         "building": "22 A, Indiana Apt",
         "pincode": 123456,
         "city": "Los Angeles",
         "state": "California"
      },
      {
         "building": "170 A, Acropolis Apt",
         "pincode": 456789,
         "city": "Chicago",
         "state": "Illinois"
      }]
}
&lt;/code&gt;&lt;/pre&gt;
&lt;p&gt;So, my questions are: &lt;/p&gt;
&lt;p&gt;To use the best features of a NoSQL Database like MongoDB, I have to use Embedded Modeling ?&lt;/p&gt;
&lt;p&gt;In Embedded Modeling I just create only one Entity and the entity that is inside, the address object in this case, will not have an ID, since I didn't create a table ?&lt;/p&gt;</t>
  </si>
  <si>
    <t>2014-09-08 13:50:34.307000+00:00</t>
  </si>
  <si>
    <t>2017-07-04 12:35:23.837000+00:00</t>
  </si>
  <si>
    <t>2017-09-22 18:01:22.247000+00:00</t>
  </si>
  <si>
    <t>sql|mongodb|data-modeling|nosql</t>
  </si>
  <si>
    <t>Find first empty input field</t>
  </si>
  <si>
    <t>&lt;p&gt;This simple selector finds the first empty text input field in my form but skips over password type inputs:&lt;/p&gt;
&lt;pre&gt;&lt;code&gt;$('input:text[value=""]:first').focus();
&lt;/code&gt;&lt;/pre&gt;
&lt;p&gt;Is there a neat way to say :text or :password in the above statement?&lt;/p&gt;</t>
  </si>
  <si>
    <t>2014-04-23 17:42:14.967000+00:00</t>
  </si>
  <si>
    <t>2017-11-11 20:12:05.447000+00:00</t>
  </si>
  <si>
    <t>How to disable or enable cookie when using FormsAuthentication in ASP.NET webforms?</t>
  </si>
  <si>
    <t>&lt;p&gt;I need to use FormsAuthentication to authenticate login for users using ajax, I know I can't use FormsAuthentication.RedirectFromLoginPage("UserName",false) because there's no redirection when using ajax.&lt;br&gt;
What can I use to set that this user authorized.&lt;br&gt;
Tried to use:  &lt;/p&gt;
&lt;pre&gt;&lt;code&gt;FormsAuthentication.SetAuthCookie("UserName", false);
&lt;/code&gt;&lt;/pre&gt;
&lt;p&gt;But there's cookie here and I don't want to use cookie.  &lt;/p&gt;
&lt;p&gt;Thanks&lt;/p&gt;</t>
  </si>
  <si>
    <t>2012-10-23 19:23:03.387000+00:00</t>
  </si>
  <si>
    <t>2012-10-24 14:29:30.980000+00:00</t>
  </si>
  <si>
    <t>2012-10-23 20:00:45.013000+00:00</t>
  </si>
  <si>
    <t>asp.net|jquery|forms-authentication</t>
  </si>
  <si>
    <t>Parse return object</t>
  </si>
  <si>
    <t>&lt;p&gt;How do I return the Sequence object from the private function when called from parse cloud function.&lt;/p&gt;
&lt;pre&gt;&lt;code&gt;function getNextMemberId() {
    var id = -1;
    var Zseq = Parse.Object.extend("ZSeqMember");
    var query = new Parse.Query(Zseq);
    var IncObj;
    query.get("lcnm8AZWFK", {
        success: function (object) {
            object.increment("Seq");
            object.save(null,
                {
                    success: function (object) {  },
                    error: function (object, error) { return Parse.Promise.error(error); }
                }
            );
        }, error: function (object, error) {
            console.log(error);
            return Parse.Promise.error(error);
        }
    });
//I want to return the Object, which contains "Seq" column.      
    }
&lt;/code&gt;&lt;/pre&gt;</t>
  </si>
  <si>
    <t>2016-03-15 13:35:24.247000+00:00</t>
  </si>
  <si>
    <t>2016-03-15 14:30:46.887000+00:00</t>
  </si>
  <si>
    <t>what are the restricitons of the type of a default parameter in C++</t>
  </si>
  <si>
    <t>&lt;pre&gt;&lt;code&gt;void foo(Type1 a, Type2 b = value2)
&lt;/code&gt;&lt;/pre&gt;
&lt;p&gt;May I know what are the restrictions of Type2 to be a parameter that accepts default value?  I reckon value2 of type2 should be decidable at compile time. 
For example, an integer. Is this correct? &lt;/p&gt;</t>
  </si>
  <si>
    <t>2013-12-20 15:56:52.057000+00:00</t>
  </si>
  <si>
    <t>2017-04-06 12:43:01.370000+00:00</t>
  </si>
  <si>
    <t>c++|default-parameters</t>
  </si>
  <si>
    <t>ld commend doesn't search LIBRARY_PATH</t>
  </si>
  <si>
    <t>&lt;p&gt;In linux (like ubuntu), I set LIBRARY_PATH and LD_LIBRARY_PATH in my bash.bashrc file. 
But it seems that ld command does not search for that path.
I run '$ ld -l --verbose'
and it only search for default paths defined in /etc/ld.so.conf.d/*.conf
Why this happened? If I have to add -L option every time I compile, why $LIBRARY_PATH is needed? Or did I miss something?
Thanks.&lt;/p&gt;</t>
  </si>
  <si>
    <t>2016-08-11 17:50:16.273000+00:00</t>
  </si>
  <si>
    <t>2016-08-18 06:56:58.003000+00:00</t>
  </si>
  <si>
    <t>gcc|ld|library-path</t>
  </si>
  <si>
    <t>htaccess issue in codeigniter</t>
  </si>
  <si>
    <t>&lt;p&gt;I've 2 servers say x.com and x.net&lt;br /&gt;
x.com has CodeIgniter 1.7 and x.net has CodeIgniter 2.1&lt;br /&gt;
I'm using a htaccess to handle subdomain for the two servers&lt;/p&gt;
&lt;p&gt;when I enter y.x.com it will go to x.com/y and y.x.net to x.net/y&lt;br /&gt;
But htaccess on the x.net server isn't working&lt;/p&gt;
&lt;p&gt;the htaccess for x.net::&lt;/p&gt;
&lt;pre&gt;&lt;code&gt;DirectoryIndex index.php
RewriteEngine On
RewriteCond %{REQUEST_FILENAME} !-f
RewriteCond %{REQUEST_FILENAME} !-d
RewriteCond %{REQUEST_FILENAME} !^index\.php
RewriteCond %{HTTP_HOST} ^(.*)\.x\.net
RewriteCond %{HTTP_HOST} !^www\.x\.net
RewriteCond %{HTTP_HOST} !^x\.net
RewriteRule ^(.*)$ %1/%{REQUEST_URI}
&lt;/code&gt;&lt;/pre&gt;
&lt;p&gt;the htaccess for x.com is the same just the site name is different&lt;br /&gt;
any idea, why is this happening?&lt;/p&gt;</t>
  </si>
  <si>
    <t>2012-04-30 11:07:11.610000+00:00</t>
  </si>
  <si>
    <t>2012-05-04 02:03:55.477000+00:00</t>
  </si>
  <si>
    <t>apache|.htaccess|codeigniter|subdomain|codeigniter-2</t>
  </si>
  <si>
    <t>In MSQL Workbench, PHP can be scripted together with MYSQL?</t>
  </si>
  <si>
    <t>&lt;p&gt;Does MYSQL WORKBENCH have any feature to accommodate PHP scripting within MYSQL scripts and edit PHP scripts as it does MYSQL script?&lt;/p&gt;</t>
  </si>
  <si>
    <t>2015-03-13 22:31:42.483000+00:00</t>
  </si>
  <si>
    <t>2015-03-14 10:07:45.543000+00:00</t>
  </si>
  <si>
    <t>php|mysql|mysql-workbench</t>
  </si>
  <si>
    <t>SonarQube xproj not supported?</t>
  </si>
  <si>
    <t>&lt;p&gt;I am trying to configure SonarQube to build .net core projects, the build itself succeed but is getting the following error in the Complete SonarQube Analysis build step:&lt;/p&gt;
&lt;pre&gt;&lt;code&gt;2017-07-27T08:25:21.5598883Z ##[error]No analysable projects were found. SonarQube analysis will not be performed. Check the build summary report for details.
&lt;/code&gt;&lt;/pre&gt;
&lt;p&gt;We are using:&lt;/p&gt;
&lt;ul&gt;
&lt;li&gt;Java 8 on both SonarQube server and scanner&lt;/li&gt;
&lt;li&gt;SonarQube Version 6.2&lt;/li&gt;
&lt;li&gt;SonarQube Scanner for MSBuild 3.0&lt;/li&gt;
&lt;li&gt;Sonar C# 6.1.0.2359&lt;/li&gt;
&lt;li&gt;MSBuild 14.0&lt;/li&gt;
&lt;/ul&gt;
&lt;p&gt;but according to 
&lt;a href="https://jira.sonarsource.com/browse/SONARMSBRU-167" rel="nofollow noreferrer"&gt;https://jira.sonarsource.com/browse/SONARMSBRU-167&lt;/a&gt; ,&lt;/p&gt;
&lt;p&gt;it is already resolved in v2.3 , where as we are using v3.0. &lt;/p&gt;
&lt;p&gt;The xproj looks like this: &lt;/p&gt;
&lt;pre&gt;&lt;code&gt;..
  &amp;lt;PropertyGroup&amp;gt;
    &amp;lt;VisualStudioVersion Condition="'$(VisualStudioVersion)' == ''"&amp;gt;14.0&amp;lt;/VisualStudioVersion&amp;gt;
    &amp;lt;VSToolsPath Condition="'$(VSToolsPath)' == ''"&amp;gt;$(MSBuildExtensionsPath32)\Microsoft\VisualStudio\v$(VisualStudioVersion)&amp;lt;/VSToolsPath&amp;gt;
  &amp;lt;/PropertyGroup&amp;gt;
  &amp;lt;Import Project="$(VSToolsPath)\DotNet\Microsoft.DotNet.Props" Condition="'$(VSToolsPath)' != ''" /&amp;gt;
  &amp;lt;PropertyGroup Label="Globals"&amp;gt;
    &amp;lt;ProjectGuid&amp;gt;b43fc99f-b98f-4300-9a71-5252e01a602e&amp;lt;/ProjectGuid&amp;gt;
    ...
    &amp;lt;TargetFrameworkVersion&amp;gt;v4.5.2&amp;lt;/TargetFrameworkVersion&amp;gt;
..
&lt;/code&gt;&lt;/pre&gt;
&lt;p&gt;it has a project guid which according to &lt;a href="https://jira.sonarsource.com/browse/SONARMSBRU-167" rel="nofollow noreferrer"&gt;https://jira.sonarsource.com/browse/SONARMSBRU-167&lt;/a&gt; is the main reason of why the scanner exclude them from the analysis. Target framework is installed in the build server and we are using the correct msbuild version to build it.&lt;/p&gt;
&lt;p&gt;Are there any ways to make SonarQube work with xproj files?&lt;/p&gt;</t>
  </si>
  <si>
    <t>2017-07-27 08:42:35.417000+00:00</t>
  </si>
  <si>
    <t>2017-07-27 09:05:41.857000+00:00</t>
  </si>
  <si>
    <t>sonarqube|.net-core|sonarqube-msbuild-runner</t>
  </si>
  <si>
    <t>Should I put in an empty column to make space?</t>
  </si>
  <si>
    <t>&lt;p&gt;I have a two column row in bootstrap. How do I create space between the columns. - My first col is 8, but I want to make it 7 and have 1 column as just space.&lt;/p&gt;
&lt;p&gt;Here's my bootply:
&lt;a href="http://www.bootply.com/mwGajBOEVe" rel="noreferrer"&gt;http://www.bootply.com/mwGajBOEVe&lt;/a&gt;&lt;/p&gt;
&lt;p&gt;Here's my HTML.&lt;/p&gt;
&lt;pre&gt;&lt;code&gt;&amp;lt;div class="container"&amp;gt;
    &amp;lt;div class="row"&amp;gt;
        &amp;lt;div class="col-md-8"&amp;gt;
            &amp;lt;p&amp;gt;The apple tree (Malus domestica) is a deciduous tree in the rose family best known for its sweet, pomaceous fruit, the apple.&amp;lt;/p&amp;gt;
        &amp;lt;/div&amp;gt;
        &amp;lt;div class="col-md-4""&amp;gt;
        The orange (specifically, the sweet orange) is the fruit of the citrus species Citrus �� sinensis in the family Rutaceae.&amp;lt;/div&amp;gt;
    &amp;lt;/div&amp;gt;
&amp;lt;/div&amp;gt;
&lt;/code&gt;&lt;/pre&gt;</t>
  </si>
  <si>
    <t>2016-05-04 23:07:45.667000+00:00</t>
  </si>
  <si>
    <t>2018-09-13 20:22:51.403000+00:00</t>
  </si>
  <si>
    <t>Android Custom Layout Manager with scroll both vertical and horizontal and fill items by vertical first</t>
  </si>
  <si>
    <t>&lt;p&gt;I'm developing an Android application. One of the screens has UI like that:
&lt;a href="https://i.stack.imgur.com/CwFx6.png" rel="nofollow noreferrer"&gt;Mockup-UI&lt;/a&gt;&lt;/p&gt;
&lt;p&gt;It means: there are a number of columns, the width of column is fixed too, so maybe be it need to scroll horizontally. Each column may have different items number and when scrolling by vertical, all the columns will be scrolled.
So I don't know how to implement this UI. I tried a solution: create some big recyclerview in the two scrollview and then measure all their size:&lt;/p&gt;
&lt;pre&gt;&lt;code&gt;&amp;lt;LinearLayout
    xmlns:android="http://schemas.android.com/apk/res/android"
    xmlns:app="http://schemas.android.com/apk/res-auto"
    xmlns:tools="http://schemas.android.com/tools"
    android:layout_width="match_parent"
    android:layout_height="match_parent"
    android:orientation="vertical"&amp;gt;
        &amp;lt;ScrollView
            android:layout_width="match_parent"
            android:layout_height="match_parent"
            android:fillViewport="true"&amp;gt;
            &amp;lt;HorizontalScrollView
                android:id="@+id/horizontalScrollView"
                android:layout_width="match_parent"
                android:layout_height="wrap_content"
                android:fillViewport="true"
                android:scrollbars="none"&amp;gt;
                &amp;lt;LinearLayout
                    android:id="@+id/horizontalContainer"
                    android:layout_width="wrap_content"
                    android:layout_height="match_parent"
                    android:orientation="horizontal"&amp;gt;
                &amp;lt;/LinearLayout&amp;gt;
            &amp;lt;/HorizontalScrollView&amp;gt;
        &amp;lt;/ScrollView&amp;gt;
&amp;lt;/LinearLayout&amp;gt;
&lt;/code&gt;&lt;/pre&gt;
&lt;p&gt;But when the recyclerview is too big, the view is not re-used, the performance to measure all the sized is very bad.
So I found a custom layout manager can make a recycler view like this, but I don't know how to implement, maybe it is mixed from &lt;a href="https://github.com/devunwired/recyclerview-playground/blob/master/app/src/main/java/com/example/android/recyclerplayground/layout/FixedGridLayoutManager.java" rel="nofollow noreferrer"&gt;FixedGridLayoutManager&lt;/a&gt; and StaggeredGridLayoutManager.&lt;/p&gt;</t>
  </si>
  <si>
    <t>2016-07-04 08:39:36.537000+00:00</t>
  </si>
  <si>
    <t>2018-09-23 14:48:31.190000+00:00</t>
  </si>
  <si>
    <t>android|android-layout|android-recyclerview|gridlayoutmanager|recyclerview-layout</t>
  </si>
  <si>
    <t>Logarithmically scaled minor tick marks on a matplotlib colorbar?</t>
  </si>
  <si>
    <t>&lt;p&gt;I'm having some trouble setting up a pcolormesh plot with a colorbar that includes logarithmically spaced minor tick marks on the colorbar.&lt;/p&gt;
&lt;p&gt;The closest I've come is something like this:&lt;/p&gt;
&lt;pre&gt;&lt;code&gt;import matplotlib
import matplotlib.pyplot as plt
import numpy as np
xbins = np.linspace(0, 1, 50)
ybins = np.linspace(0, 1, 50)
data = np.random.random((49,49))
fig, ax = plt.subplots()
im = ax.pcolormesh(xbins, ybins, data, norm=matplotlib.colors.LogNorm())
cb = fig.colorbar(im)
cb.ax.minorticks_on()
plt.savefig('test.png')
&lt;/code&gt;&lt;/pre&gt;
&lt;p&gt;The trouble with this solution is that the minor ticks are spaced evenly in log space:&lt;/p&gt;
&lt;p&gt;&lt;img src="https://i.stack.imgur.com/rvUAV.png" alt="enter image description here"&gt;&lt;/p&gt;
&lt;p&gt;I'd like to set up the plot so I have evenly spaced minor ticks in linear space, which should show up &lt;em&gt;unevenly&lt;/em&gt; spaced on this plot.&lt;/p&gt;
&lt;p&gt;I know that I can manually set the minor tick labels using a &lt;code&gt;FixedFormatter&lt;/code&gt;, but I'd prefer not to do that if possible since I will be making a large number of plots automatically.&lt;/p&gt;</t>
  </si>
  <si>
    <t>2014-08-22 19:45:45.627000+00:00</t>
  </si>
  <si>
    <t>2016-05-15 14:50:42.483000+00:00</t>
  </si>
  <si>
    <t>2014-08-23 07:17:03.590000+00:00</t>
  </si>
  <si>
    <t>Generate Dataset from plot</t>
  </si>
  <si>
    <t>&lt;p&gt;Hello I have come across a problem where I need to generate dataset from a distribution given on a scatter plot where datapoints are mostly centred  around the centre of the circle and also surrounded within particular radius of the circle.Any ideas of generating such datasets in python ?&lt;/p&gt;</t>
  </si>
  <si>
    <t>2017-01-21 10:07:03.400000+00:00</t>
  </si>
  <si>
    <t>2017-01-23 09:30:52.747000+00:00</t>
  </si>
  <si>
    <t>python|matplotlib|machine-learning|dataset</t>
  </si>
  <si>
    <t>HTML Tags: Presentational vs Structural</t>
  </si>
  <si>
    <t>&lt;p&gt;I found many different views on many articles on presentation tags, &lt;a href="http://htmldog.com/reference/htmltags/presentational/" rel="nofollow noreferrer"&gt;with some people thinking all tags are presentational&lt;/a&gt;, but some others do not think so.&lt;/p&gt;
&lt;p&gt;For example: in the HTML 5 specification, they do not think &lt;code&gt;&amp;lt;small&amp;gt;&lt;/code&gt; is presentational.&lt;/p&gt;
&lt;p&gt;In this list of tags - which are all HTML 5 supported - which tag is presentational and which is not?  &lt;/p&gt;
&lt;pre&gt;&lt;code&gt;&amp;lt;abbr&amp;gt;
&amp;lt;address&amp;gt;
&amp;lt;area&amp;gt;
&amp;lt;b&amp;gt;
&amp;lt;bdo&amp;gt;
&amp;lt;blockquote&amp;gt;
&amp;lt;br&amp;gt;
&amp;lt;button&amp;gt;
&amp;lt;cite&amp;gt;
&amp;lt;dd&amp;gt;
&amp;lt;del&amp;gt;
&amp;lt;dfn&amp;gt;
&amp;lt;dl&amp;gt;
&amp;lt;dt&amp;gt;
&amp;lt;em&amp;gt;
&amp;lt;hr&amp;gt;
&amp;lt;i&amp;gt;
&amp;lt;ins&amp;gt;
&amp;lt;kbd&amp;gt;
&amp;lt;map&amp;gt;
&amp;lt;menu&amp;gt;
&amp;lt;pre&amp;gt;
&amp;lt;q&amp;gt;
&amp;lt;samp&amp;gt;
&amp;lt;small&amp;gt;
&amp;lt;span&amp;gt;
&amp;lt;strong&amp;gt;
&amp;lt;sub&amp;gt;
&amp;lt;sup&amp;gt;
&amp;lt;var&amp;gt;
&lt;/code&gt;&lt;/pre&gt;
&lt;p&gt;Who decides which HTML tag is presentational and Which is not - and how do they make that decision? Is it a particularly large group such as the W3C or is it based on groups of web developers, i.e. the web community? Also, between the two, which advice we should follow for deciding which tags are presentational?&lt;/p&gt;
&lt;p&gt;If a tag is valid as according to the W3C in accepted doctypes, then what are the pros to not using any &lt;code&gt;xhtml&lt;/code&gt; tag from any point of view?&lt;/p&gt;
&lt;p&gt;&lt;strong&gt;in user/usability/accessibility point of view&lt;/strong&gt;&lt;/p&gt;
&lt;p&gt;if we use more HTML tags then pages without CSS will better.&lt;/p&gt;
&lt;p&gt;&lt;strong&gt;in developer point of view&lt;/strong&gt;&lt;/p&gt;
&lt;p&gt;if we make use of more available tags in HTML, than we do not need to use &lt;code&gt;&amp;lt;span class=className"&amp;gt;&lt;/code&gt;&lt;/p&gt;
&lt;p&gt;it takes more time to write and it uses more charter space than tags in HTML and CSS both.&lt;/p&gt;
&lt;p&gt;&lt;strong&gt;For example:&lt;/strong&gt;&lt;/p&gt;
&lt;p&gt;instead of using:&lt;/p&gt;
&lt;pre&gt;&lt;code&gt;&amp;lt;span class="boldtext"&amp;gt;Some text&amp;lt;span&amp;gt;
.boldtext {font-weight:700}
&lt;/code&gt;&lt;/pre&gt;
&lt;p&gt;We can use:&lt;/p&gt;
&lt;pre&gt;&lt;code&gt;&amp;lt;b&amp;gt;Some text&amp;lt;b&amp;gt;
b  {font-weight:700} 
&lt;/code&gt;&lt;/pre&gt;
&lt;p&gt;it looks cleaner, it is easier to use , it uses less characters - which will reduce the page size - and it is more readable in source. It also does not break the rule of content and presentation separation.&lt;/p&gt;
&lt;p&gt;We can also do this:&lt;/p&gt;
&lt;pre&gt;&lt;code&gt;&amp;lt;b class="important"&amp;gt;Some text&amp;lt;b&amp;gt;
b.important  {font-weight:700}
&lt;/code&gt;&lt;/pre&gt;
&lt;p&gt;and whenever we want to change font-weight then we can change &lt;code&gt;css&lt;/code&gt; only in both examples.&lt;/p&gt;
&lt;p&gt;If a tag is considered valid by w3c in their recognized doctypes, then what are the pros to not using any X/HTML  presentational tags which are not directly recognized by either the W3C, or by the HTML specifications?&lt;/p&gt;
&lt;p&gt;Can we change any design parameters without changing anything in HTML? Does this fit within the meme of content and presentation separation?&lt;/p&gt;
&lt;p&gt;&lt;strong&gt;If any HTML tag breaks the rule of separation, then does not the &lt;code&gt;css&lt;/code&gt; property &lt;code&gt;Content&lt;/code&gt; break as well?&lt;/strong&gt;&lt;/p&gt;
&lt;p&gt;see this &lt;a href="http://line25.com/tutorials/how-to-create-a-cool-anaglyphic-text-effect-with-css" rel="nofollow noreferrer"&gt;article&lt;/a&gt;.&lt;/p&gt;
&lt;p&gt;Why are the &lt;code&gt;HEIGHT&lt;/code&gt; and &lt;code&gt;WIDTH&lt;/code&gt; attributes for the &lt;code&gt;IMG&lt;/code&gt; element permitted?. does it not break the rule of separation? A good debate on this matter can be found &lt;a href="http://annevankesteren.nl/2004/01/images-height-and-width-attributes" rel="nofollow noreferrer"&gt;here&lt;/a&gt;.&lt;/p&gt;</t>
  </si>
  <si>
    <t>2010-02-14 05:06:56.273000+00:00</t>
  </si>
  <si>
    <t>2012-08-27 00:07:23.440000+00:00</t>
  </si>
  <si>
    <t>css|xhtml|w3c|semantic-markup|html5</t>
  </si>
  <si>
    <t>PHP Table Creation (Multidimensional Arrays)</t>
  </si>
  <si>
    <t>&lt;p&gt;I have 4 arrays the first being the table headings for which there are six:&lt;/p&gt;
&lt;pre&gt;&lt;code&gt;array(6) {
    [0]=&amp;gt; string(3) "Who",
    [1]=&amp;gt; string(4) "What",
    [2]=&amp;gt; string(4) "When",
    [3]=&amp;gt; string(5) "Where",
    [4]=&amp;gt; string(3) "Why",
    [5]=&amp;gt; string(3) "How"
}
&lt;/code&gt;&lt;/pre&gt;
&lt;p&gt;and 3 other arrays that contain coinciding values. What I want to do is take the values of the first array is to make them the keys of another array with a value or &lt;code&gt;array&lt;/code&gt; like so:&lt;/p&gt;
&lt;pre&gt;&lt;code&gt;array(6) {
    ["Who"]=&amp;gt; array(0) {},
    ["What"]=&amp;gt; array(0) {},
    ["When"]=&amp;gt; array(0) {},
    ["Where"]=&amp;gt; array(0) {},
    ["Why"]=&amp;gt; array(0) {},
    ["How"]=&amp;gt; array(0) {}
}
&lt;/code&gt;&lt;/pre&gt;
&lt;p&gt;and then populate those arrays with the coinciding values much like a table. An example of one of the other arrays would be:&lt;/p&gt;
&lt;pre&gt;&lt;code&gt;array(6) {
    [0]=&amp;gt; string(3) "red",
    [1]=&amp;gt; string(4) "blue",
    [2]=&amp;gt; string(4) "green",
    [3]=&amp;gt; string(6) "yellow",
    [4]=&amp;gt; string(3) "black",
    [5]=&amp;gt; string(3) "white"
}
&lt;/code&gt;&lt;/pre&gt;
&lt;p&gt;For the sake of simplicity I am going to say that all 3 arrays have the exact same value as the one above.&lt;/p&gt;
&lt;p&gt;In the end I want the resulting array to be:&lt;/p&gt;
&lt;pre&gt;&lt;code&gt;array(6) {
    ["Who"]=&amp;gt; array(3) {
        [0]=&amp;gt; string(3) "red",
        [1]=&amp;gt; string(3) "red",
        [2]=&amp;gt; string(3) "red"
    },
    ["What"]=&amp;gt; array(3) {
        [0]=&amp;gt; string(4) "blue",
        [1]=&amp;gt; string(4) "blue",
        [2]=&amp;gt; string(4) "blue"
    },
    ["When"]=&amp;gt; array(3) {
        [0]=&amp;gt; string(5) "green",
        [1]=&amp;gt; string(5) "green",
        [2]=&amp;gt; string(5) "green"
    },
    ["Where"]=&amp;gt; array(3) {
        [0]=&amp;gt; string(6) "yellow",
        [1]=&amp;gt; string(6) "yellow",
        [2]=&amp;gt; string(6) "yellow"
    },
    ["Why"]=&amp;gt; array(3) {
        [0]=&amp;gt; string(5) "black",
        [1]=&amp;gt; string(5) "black",
        [2]=&amp;gt; string(5) "black"
    },
    ["How"]=&amp;gt; array(3) {
        [0]=&amp;gt; string(5) "white",
        [1]=&amp;gt; string(5) "white",
        [2]=&amp;gt; string(5) "white"
    }
}
&lt;/code&gt;&lt;/pre&gt;
&lt;p&gt;The code I am currently working with is as follows:&lt;/p&gt;
&lt;pre&gt;&lt;code&gt;... //Tokens are generated above (this is all in a loop)
foreach ($tokens as $token) {
    if ($i == 0) {
        $table[$token] = array();
    } else {
        foreach ($table as $col) {
            $table[$col][$i] = $token;
        }
    }
}
$i = $i + 1;
&lt;/code&gt;&lt;/pre&gt;
&lt;p&gt;All this generates is &lt;code&gt;array(0) {}&lt;/code&gt;&lt;/p&gt;
&lt;p&gt;It'd be appreciated if someone could point out a flaw in my logic.&lt;/p&gt;
&lt;p&gt;EDIT:&lt;/p&gt;
&lt;p&gt;Here is what the table will look like:&lt;/p&gt;
&lt;pre&gt;&lt;code&gt;_________________________________________
| Who | What | When | Where | Why | How |
-----------------------------------------
| red | blue | green| yellow|black|white|
-----------------------------------------
| red | blue | green| yellow|black|white|
-----------------------------------------
| red | blue | green| yellow|black|white|
-----------------------------------------
&lt;/code&gt;&lt;/pre&gt;</t>
  </si>
  <si>
    <t>2014-06-19 02:29:26.943000+00:00</t>
  </si>
  <si>
    <t>2014-06-19 05:06:59.157000+00:00</t>
  </si>
  <si>
    <t>2014-06-19 03:22:14.750000+00:00</t>
  </si>
  <si>
    <t>php|sorting|multidimensional-array</t>
  </si>
  <si>
    <t>How to force camera to take squared pictures in iOS 7</t>
  </si>
  <si>
    <t>&lt;p&gt;In iOS 7 the camera comes with several modes: video, photo, square and pano. In the application I am developing, we allow users to use the camera to take pictures. We only want squared pictures so we make users crop images afterwards.&lt;/p&gt;
&lt;p&gt;Is it possible to programmatically force the camera to only take squared pictures?&lt;/p&gt;
&lt;p&gt;This is my code to open the camera:&lt;/p&gt;
&lt;pre&gt;&lt;code&gt;-(void) openImagePickerSource:(UIImagePickerControllerSourceType)type
{
    UIImagePickerController *imagePicker = [[UIImagePickerController alloc] init];
    imagePicker.delegate = self;
    imagePicker.sourceType = type;
    [self presentViewController:imagePicker animated:YES completion:^{}];
}
&lt;/code&gt;&lt;/pre&gt;
&lt;p&gt;I have been looking at the documentation but didn't find anything.&lt;/p&gt;</t>
  </si>
  <si>
    <t>2013-09-25 11:34:07.787000+00:00</t>
  </si>
  <si>
    <t>2013-10-30 09:58:33.957000+00:00</t>
  </si>
  <si>
    <t>2013-09-25 13:17:45.390000+00:00</t>
  </si>
  <si>
    <t>iphone|ios|objective-c|camera|ios7</t>
  </si>
  <si>
    <t>Setting volumes for multiple streams using Media Foundation</t>
  </si>
  <si>
    <t>&lt;p&gt;I'm providing audio code for an application that will have multiple streams of audio being played back at the same time.  I'm a bit confused by all of the different options, and there are some specific things that I don't quite understand.&lt;/p&gt;
&lt;p&gt;I am using the IAudioClient calls to get and set volumes.  Is that the best way to get volumes for multiple streams?&lt;/p&gt;
&lt;p&gt;It appears that I have to call IAudioClient::Initialize.  This function requires a WAVEFORMATEX structure.  Are any parameters from that other than the number of channels used in volume setting?  Also, it appears that Initialize can only be used once, and volume setting and reading happens many times.  Should I save the reference to the IAudioClient and use it each time, or can I release it each time I get or set a volume?&lt;/p&gt;
&lt;p&gt;How do I differentiate between two streams being played on the same device (endpoint)?&lt;/p&gt;
&lt;p&gt;Here's the code that sets the volume (with the usual checks to make sure each call succeeded eliminated to save space):&lt;/p&gt;
&lt;pre&gt;&lt;code&gt;hr = CoCreateInstance(__uuidof(MMDeviceEnumerator), NULL, CLSCTX_INPROC_SERVER, IID_PPV_ARGS(&amp;amp;DeviceEnumerator));
hr = DeviceEnumerator-&amp;gt;GetDevice((wchar_t *)currentPlaybackDevice.id, &amp;amp;pPlaybackDevice);
hr = pPlaybackDevice-&amp;gt;Activate(__uuidof(IAudioClient), CLSCTX_INPROC_SERVER, NULL, reinterpret_cast&amp;lt;void **&amp;gt;(&amp;amp;pPlaybackClient));
hr = pPlaybackClient-&amp;gt;Initialize(AUDCLNT_SHAREMODE_SHARED, 0, 0, 0, &amp;amp;pWaveFormat, 0);
hr = pPlaybackClient-&amp;gt;GetService(__uuidof(IAudioStreamVolume), (void **)&amp;amp;pStreamVolume);
hr = pStreamVolume-&amp;gt;GetChannelCount(&amp;amp;channels);
for(UINT32 i = 0; i &amp;lt; channels; i++)
     chanVolumes[i] = playbackLevel;
hr = pStreamVolume-&amp;gt;SetAllVolumes(channels, chanVolumes);
&lt;/code&gt;&lt;/pre&gt;</t>
  </si>
  <si>
    <t>2012-11-18 04:47:36.817000+00:00</t>
  </si>
  <si>
    <t>2012-11-18 17:20:03.497000+00:00</t>
  </si>
  <si>
    <t>2012-11-18 15:52:27.617000+00:00</t>
  </si>
  <si>
    <t>windows|visual-c++|audio|ms-media-foundation</t>
  </si>
  <si>
    <t>Detect node.js/javascript memory leak in code</t>
  </si>
  <si>
    <t>&lt;p&gt;I have &lt;a href="http://pastie.org/private/twjvxnigdph4qjd30s9arw" rel="noreferrer"&gt;some code&lt;/a&gt; that is working, however it has a memory leak in it. &lt;/p&gt;
&lt;p&gt;What are some good strategies for tracking memory leaks in node.js?&lt;/p&gt;
&lt;p&gt;What steps should I follow when looking for such leaks?&lt;/p&gt;
&lt;p&gt;How can I track the leak in my code?&lt;/p&gt;
&lt;p&gt;Thanks&lt;/p&gt;</t>
  </si>
  <si>
    <t>2013-03-30 21:11:43.953000+00:00</t>
  </si>
  <si>
    <t>2013-03-30 21:56:37.923000+00:00</t>
  </si>
  <si>
    <t>2013-03-30 21:51:01.607000+00:00</t>
  </si>
  <si>
    <t>javascript|node.js|memory-leaks</t>
  </si>
  <si>
    <t>Can I append a "megadump" to the default ColdFusion error page?</t>
  </si>
  <si>
    <t>&lt;p&gt;I wish to toggle friendly error messaging in ColdFusion 9. My app.cfm looks like:&lt;/p&gt;
&lt;pre&gt;&lt;code&gt;&amp;lt;cfset App.EnableDebug = true&amp;gt;
&amp;lt;CFERROR TYPE="VALIDATION" TEMPLATE="/errorhandler.cfm"&amp;gt; 
&amp;lt;CFERROR TYPE="EXCEPTION" TEMPLATE="/errorhandler.cfm"&amp;gt;
&amp;lt;CFERROR TYPE="REQUEST" TEMPLATE="/errorhandler.cfm"&amp;gt;
&lt;/code&gt;&lt;/pre&gt;
&lt;p&gt;Currently, my errorhandler.cfm looks at App.EnableDebug and either displays a friendly error message or a cfdump of the error variable and then a "megadump" of all defined variables (app, cgi, session, etc). My problem is we prefer the look/layout of the default error page provided by ColdFusion. However, we also like having the "megadump" of all our variables. &lt;/p&gt;
&lt;p&gt;Now, I know that if I just comment out the cferror tags then ColdFusion will display it's default error page. Which is pretty handy, except I wish to include a "megadump" of all my variables. Any way to merge my two desires into one reality?&lt;/p&gt;</t>
  </si>
  <si>
    <t>2011-05-11 21:18:18.727000+00:00</t>
  </si>
  <si>
    <t>2011-05-12 14:57:26.953000+00:00</t>
  </si>
  <si>
    <t>coldfusion|coldfusion-9</t>
  </si>
  <si>
    <t>App limit on a single Heroku account</t>
  </si>
  <si>
    <t>&lt;p&gt;Is there a limit to the number of apps I can host with a single Heroku account?&lt;/p&gt;
&lt;p&gt;I currently run multiple apps each using 1 dyno for free. But could I host hundreds (or even thousands) of small applications for free?&lt;/p&gt;
&lt;p&gt;I also know there is a 2TB bandwidth soft limit, but is there any other limitation I could encounter?&lt;/p&gt;</t>
  </si>
  <si>
    <t>2013-02-19 22:08:25.223000+00:00</t>
  </si>
  <si>
    <t>2013-11-22 09:39:11.893000+00:00</t>
  </si>
  <si>
    <t>heroku</t>
  </si>
  <si>
    <t>Copy data from one workbook to another while performing a check</t>
  </si>
  <si>
    <t>&lt;p&gt;Completely new to VBA. But here is the code I have. The first code box is to perform a check that Cell X in Workbook1 equals Cell Y in Workbook2, if successful it will continue to my second code box where it will pull the data from the designated cells and then paste it in the row where the active cell is currently located. The second code box needs an overhaul to designate the paste function into the active row, starting at the active cell.&lt;/p&gt;
&lt;p&gt;I get errors trying to get the row where the active cell is currently located.&lt;/p&gt;
&lt;p&gt;Here's the flow..&lt;/p&gt;
&lt;ol&gt;
&lt;li&gt;&lt;p&gt;Command Button Click&lt;/p&gt;&lt;/li&gt;
&lt;li&gt;&lt;p&gt;Select File with data to be copied from (this workbook has static cells so data is being pulled from the same cell regardless of which spreadsheet is being used)&lt;/p&gt;&lt;/li&gt;
&lt;li&gt;&lt;p&gt;Perform a check that workbook1 process number (static cell) matches process number in workbook 2 in the current row where active cell is located (same column, changing rows)&lt;/p&gt;
&lt;p&gt;4a. Success- Proceed to copy and paste data into active row beginning at the active cell&lt;/p&gt;
&lt;p&gt;4b. Fail- Error message and don't copy or paste.&lt;/p&gt;&lt;/li&gt;
&lt;/ol&gt;
&lt;p&gt;Code:&lt;/p&gt;
&lt;pre&gt;&lt;code&gt;Sub Foo()
 Dim vFile As Variant
 Dim wbCopyTo As Workbook
 Dim wsCopyTo As Worksheet
 Dim wbCopyFrom As Workbook
 Dim wsCopyFrom As Worksheet
 Set wbCopyTo = ActiveWorkbook
 Set wsCopyTo = ActiveSheet
     '-------------------------------------------------------------
     'Open file with data to be copied
     vFile = Application.GetOpenFilename("Excel Files (*.xl*)," &amp;amp; _
     "*.xl*", 1, "Select Excel File", "Open", False)
     'If Cancel then Exit
     If TypeName(vFile) = "Boolean" Then
         Exit Sub
     Else
     Set wbCopyFrom = Workbooks.Open(vFile)
     Set wsCopyFrom = wbCopyFrom.Worksheets(1)
     End If
'Process number check to see if values match and the data is being put in the correct row
Dim projectNumber As Long
Dim column As Integer  
Dim row As Integer
Dim rng As Range
'Set column and row to whatever row/column contains the Project Number in wsCopyFrom (could also use Range if its a particular cell)
projectNumber = wsCopyFrom.Range("G5).Value
Set rng = wsCopyTo.Cells.EntireRow.Select 'Get selected row in Active Worksheet
For Each c In rng.Cells    ' Check each cell in row/range
    If c.Value = projectNumber   ' Project number was found
        MsgBox("Project number found!")
        ' Insert copy and pasting code here.... See below code box
    End If
Next c
' Project number was not found in selected range if you get to this point
 MsgBox("Project Number Does Not Match")
'Close file that was opened
     wbCopyFrom.Close SaveChanges:=False
&lt;/code&gt;&lt;/pre&gt;
&lt;p&gt;Code:&lt;/p&gt;
&lt;pre&gt;&lt;code&gt;'Copy and Pasting
 wsCopyFrom.Range("F21").Copy
 wsCopyTo.Range("Active Row, beginning at Active Cell").PasteSpecial Paste:=xlPasteValues, _
         Operation:=xlNone, SkipBlanks:=False, Transpose:=False
 wsCopyFrom.Range("G21").Copy
 wsCopyTo.Range("Active Row and Offset one column to the right from previous cell").PasteSpecial Paste:=xlPasteValues, _
         Operation:=xlNone, SkipBlanks:=False, Transpose:=False
 wsCopyFrom.Range("L21").Copy
 wsCopyTo.Range("Active Row and Offset one column to the right from previous cell").PasteSpecial Paste:=xlPasteValues, _
         Operation:=xlNone, SkipBlanks:=False, Transpose:=False
 wsCopyFrom.Range("M21").Copy
 wsCopyTo.Range("Active Row and Offset one column to the right from previous cell").PasteSpecial Paste:=xlPasteValues, _
         Operation:=xlNone, SkipBlanks:=False, Transpose:=False
 wsCopyFrom.Range("R21").Copy
 wsCopyTo.Range("Active Row and Offset one column to the right from previous cell").PasteSpecial Paste:=xlPasteValues, _
         Operation:=xlNone, SkipBlanks:=False, Transpose:=False
 wsCopyFrom.Range("S21").Copy
 wsCopyTo.Range("Active Row and Offset one column to the right from previous cell").PasteSpecial Paste:=xlPasteValues, _
         Operation:=xlNone, SkipBlanks:=False, Transpose:=False
 wsCopyFrom.Range("G31").Copy
 wsCopyTo.Range("Active Row and Offset one column to the right from previous cell").PasteSpecial Paste:=xlPasteValues, _
         Operation:=xlNone, SkipBlanks:=False, Transpose:=False
 wsCopyFrom.Range("M31").Copy
 wsCopyTo.Range(""Active Row and Offset one column to the right from previous cell).PasteSpecial Paste:=xlPasteValues, _
         Operation:=xlNone, SkipBlanks:=False, Transpose:=False
 wsCopyFrom.Range("S31").Copy
 wsCopyTo.Range("Active Row and Offset one column to the right from previous cell").PasteSpecial Paste:=xlPasteValues, _
         Operation:=xlNone, SkipBlanks:=False, Transpose:=False
 wsCopyFrom.Range("F41").Copy
 wsCopyTo.Range(""Active Row and Offset one column to the right from previous cell).PasteSpecial Paste:=xlPasteValues, _
         Operation:=xlNone, SkipBlanks:=False, Transpose:=False
 wsCopyFrom.Range("G41").Copy
 wsCopyTo.Range("Active Row and Offset one column to the right from previous cell").PasteSpecial Paste:=xlPasteValues, _
         Operation:=xlNone, SkipBlanks:=False, Transpose:=False
&lt;/code&gt;&lt;/pre&gt;</t>
  </si>
  <si>
    <t>2018-05-24 21:41:25.650000+00:00</t>
  </si>
  <si>
    <t>2018-05-25 16:33:19.933000+00:00</t>
  </si>
  <si>
    <t>EF Core - Disposable DbContext and Attach() - or - DbContext as member - or - Disconnected Entities</t>
  </si>
  <si>
    <t>&lt;p&gt;I'm not sure about how to correctly use the DbContext for Entities bound to a WPF DataGrid? &lt;/p&gt;
&lt;p&gt;How do I correctly "re-attach" and save changes to the database for all the entities that were loaded to the datagrid during UserControl load? &lt;/p&gt;
&lt;p&gt;I was using a DbContext as a member variable and ObservableCollection as DataSource for Datagrids. So everything was fine so far, no need to search for errors in the code below. Just to show what I have done so far. &lt;/p&gt;
&lt;pre&gt;&lt;code&gt;// Old code - working perfectly as desired
private TestMenuDataContext _Db;
public ObservableCollection&amp;lt;Vendor&amp;gt; Vendors { get; set; }
private void ucGeneralSettings_Loaded(object sender, RoutedEventArgs e) {
    //Do not load your data at design time.
    if (!System.ComponentModel.DesignerProperties.GetIsInDesignMode(this)) {
        _Db = new TestMenuDataContext();
        _Db.Database.EnsureCreated();
        Vendors = new ObservableCollection&amp;lt;Vendor&amp;gt;(_Db.Vendors);
        Vendors.CollectionChanged += Vendors_CollectionChanged;
        vendorDataGrid.ItemsSource = Vendors;
    }
}
private void Vendors_CollectionChanged(object sender, NotifyCollectionChangedEventArgs e) {
    switch (e.Action) {
        case NotifyCollectionChangedAction.Add:
            _Db.Vendors.AddRange(e.NewItems.Cast&amp;lt;Vendor&amp;gt;());
            foreach (var vendor in e.NewItems.Cast&amp;lt;Vendor&amp;gt;()) {
                vendor.TimeStamp = DateTime.Now;
                vendor.UserName = Environment.UserName;
            }
            break;
        case NotifyCollectionChangedAction.Remove:
            _Db.Vendors.RemoveRange(e.OldItems.Cast&amp;lt;Vendor&amp;gt;());
            break;
    }
}
private void SaveSettingsButton_Click(object sender, RoutedEventArgs e) {
    var queryDeletedUsedVendor = _Db.TestMenu.Where(t =&amp;gt; !Vendors.Any(v =&amp;gt; v.Name== t.Vendor));
    if (queryDeletedUsedVendor.Any())       {
        _AppManager.AddStatusMessage($"Saving settings not possible. Vendor {queryDeletedUsedVendor.FirstOrDefault().Vendor} deleted but it is in use in the Test Menu!", State.Error);
        return;
    }
    try {
        _Db.SaveChanges();
        _AppManager.AddStatusMessage("Settings saved", State.Ok);
    }
    catch (Exception ex) {
        _AppManager.AddStatusMessage($"Saving data failed {ex.Message}", State.Error);
    }
    // fire delegate event to inform MainWindow 
    onDatabaseUpdated?.Invoke(this);
}
private void ucGeneralSettings_Unloaded(object sender, RoutedEventArgs e) {
    if (_Db != null)
        _Db.Dispose();
}
&lt;/code&gt;&lt;/pre&gt;
&lt;p&gt;BUT, currently starting with MVVM and search how to correctly integrate EF Core. Now I have read several times:&lt;/p&gt;
&lt;blockquote&gt;
  &lt;p&gt;&lt;strong&gt;Your DbContext lifetime should be limited to the transaction you are&lt;/strong&gt;
  &lt;strong&gt;running.&lt;/strong&gt;&lt;/p&gt;
&lt;/blockquote&gt;
&lt;p&gt;E.g. here:&lt;a href="https://stackoverflow.com/a/33076123/3090544"&gt;c# entity framework: correct use of DBContext class inside your repository class&lt;/a&gt;&lt;/p&gt;
&lt;p&gt;So taking this into account and changed the saving code to:&lt;/p&gt;
&lt;pre&gt;&lt;code&gt;// new code 
using (TestMenuDataContext db = new TestMenuDataContext())
{
    foreach (Vendor v in Vendors) {
        var test = db.Vendors.Attach(v);
        bool isAlreadyInside = db.Vendors.Any(v2 =&amp;gt; v2.Id == v.Id);
        if (!isAlreadyInside)
            db.Vendors.Add(v);
    }
    db.SaveChanges();
&lt;/code&gt;&lt;/pre&gt;
&lt;p&gt;Do I really need to loop over all entities, attach every single entity and check manually for deleted or added entities? I don't like to have a DbContext opened every time when CollectionChanged event appears. I can't believe it should be this complicated... So currently I would prefer to go with the DbContext as member variable as used before...&lt;br&gt;&lt;/p&gt;
&lt;p&gt;&lt;br&gt;
If I'm googling correct the not implemented disconnected entities aren't intended to be used in a WPF app with DB-Server connection, they are meant to be used in n-tier environment. So this is not the topic to search for, correct?&lt;br&gt;
&lt;a href="https://stackoverflow.com/questions/21290420/do-i-need-disconnected-entities"&gt;Do I need disconnected entities?&lt;/a&gt;&lt;br&gt;
&lt;a href="https://docs.microsoft.com/en-us/ef/core/saving/disconnected-entities" rel="nofollow noreferrer"&gt;Disconnected Entities on MSDN&lt;/a&gt;&lt;/p&gt;</t>
  </si>
  <si>
    <t>2017-08-24 12:46:10.710000+00:00</t>
  </si>
  <si>
    <t>2017-08-25 07:16:38.457000+00:00</t>
  </si>
  <si>
    <t>c#|.net|wpf|datagrid|entity-framework-core</t>
  </si>
  <si>
    <t>multiple build targets in boost build</t>
  </si>
  <si>
    <t>&lt;p&gt;I want to have two different targets for my unit test Jamfile. &lt;/p&gt;
&lt;p&gt;This is my currently directory structure : &lt;/p&gt;
&lt;pre&gt;&lt;code&gt;Jamroot
src/Jamfile
test/Jamfile
&lt;/code&gt;&lt;/pre&gt;
&lt;p&gt;and this is my test/Jamfile:&lt;/p&gt;
&lt;pre&gt;&lt;code&gt;using testing ;
lib boost_unit_test_framework ;
run [ glob *.cpp ] boost_unit_test_framework 
    : --log_format=XML --log_sink=results.xml --log_level=all --report_level=no
    : 
    : &amp;lt;define&amp;gt;BOOST_TEST_DYN_LINK : test-xml ;
run [ glob *.cpp ] boost_unit_test_framework 
    : 
    : 
    : &amp;lt;define&amp;gt;BOOST_TEST_DYN_LINK : test ;
&lt;/code&gt;&lt;/pre&gt;
&lt;p&gt;I want to be able to run &lt;code&gt;b2 test&lt;/code&gt; when developing and have my CI run &lt;code&gt;b2 test-xml&lt;/code&gt; to generate unit test reports for Jenkins. With this Jamfile I can only do it if I am currently in the "test" subdirectory, if I try to &lt;code&gt;b2 test-xml&lt;/code&gt; from the Jamroot directory it says &lt;/p&gt;
&lt;blockquote&gt;
  &lt;p&gt;don't know how to make test-xml&lt;/p&gt;
&lt;/blockquote&gt;
&lt;p&gt;Any ideas?&lt;/p&gt;</t>
  </si>
  <si>
    <t>2013-11-23 20:34:32.887000+00:00</t>
  </si>
  <si>
    <t>2014-03-14 14:31:18.447000+00:00</t>
  </si>
  <si>
    <t>2013-11-24 07:37:49.570000+00:00</t>
  </si>
  <si>
    <t>c++|boost|boost-test|boost-build</t>
  </si>
  <si>
    <t>Looking for a unsigned 128bit Integer Datatype for the .net Framework</t>
  </si>
  <si>
    <t>&lt;blockquote&gt;
  &lt;p&gt;&lt;strong&gt;Possible Duplicate:&lt;/strong&gt;&lt;br&gt;
  &lt;a href="https://stackoverflow.com/questions/227731/int128-in-net"&gt;Int128 in .Net?&lt;/a&gt;  &lt;/p&gt;
&lt;/blockquote&gt;
&lt;p&gt;as I'm working on a tool which manages IP devices and I'd like to add IPv6 Support to it, I'm searching for a 128bit unsigned Integer .net Datatype to do basic IP related calculations (Subnetting, List all Hosts for a Subnet, ..)&lt;/p&gt;
&lt;p&gt;It should support the standard arithmetic/logic methods.&lt;/p&gt;
&lt;p&gt;Thank you :)&lt;/p&gt;</t>
  </si>
  <si>
    <t>2011-09-02 12:11:04.080000+00:00</t>
  </si>
  <si>
    <t>2011-09-02 12:14:10.323000+00:00</t>
  </si>
  <si>
    <t>2017-05-23 12:01:03.210000+00:00</t>
  </si>
  <si>
    <t>What are the VERY basic dependencies for a JSF project?</t>
  </si>
  <si>
    <t>&lt;p&gt;I am trying to learn JSF.&lt;/p&gt;
&lt;p&gt;Can someone give me the LEAST required dependencies for a JSF project which will be built to a war file which says Hello world? I guess I need a servlet, and apache myfaces? &lt;/p&gt;
&lt;p&gt;It would be better if it is in terms of maven dependencies.&lt;/p&gt;
&lt;p&gt;Thank you.&lt;/p&gt;</t>
  </si>
  <si>
    <t>2013-03-17 21:05:11.480000+00:00</t>
  </si>
  <si>
    <t>2013-03-17 22:02:33.870000+00:00</t>
  </si>
  <si>
    <t>jsf|java-ee</t>
  </si>
  <si>
    <t>Bluemix can not list docker images</t>
  </si>
  <si>
    <t>&lt;p&gt;I've successfully logged in bluemix container service via command &lt;code&gt;ice login&lt;/code&gt; with following output:&lt;/p&gt;
&lt;pre&gt;&lt;code&gt;Authentication with container cloud service at https://api-ice.ng.bluemix.net/v1.0/containers completed successfully
You can issue commands now to the container service
Proceeding to authenticate with the container cloud registry at registry-ice.ng.bluemix.net
Login Succeeded
&lt;/code&gt;&lt;/pre&gt;
&lt;p&gt;And &lt;code&gt;ice ps -a&lt;/code&gt; works as well, but when issuing &lt;code&gt;ice images&lt;/code&gt;, it failed with:&lt;/p&gt;
&lt;pre&gt;&lt;code&gt;$ ice --verbose images
@2015-05-07 13:59:29.221306 - Namespace(cloud=False, local=False, subparser_name='images', verbose=True)
@2015-05-07 13:59:29.221370 - request url: https://api-ice.ng.bluemix.net/v1.0/containers/images/json
@2015-05-07 13:59:30.012412 - Return code: 404   Return reason: NOT FOUND
@2015-05-07 13:59:30.012439 - Req-ID: a382f2f79d54b157
@2015-05-07 13:59:30.012451 - Exit err level = 1
&lt;/code&gt;&lt;/pre&gt;
&lt;p&gt;Here's the command line version:&lt;/p&gt;
&lt;pre&gt;&lt;code&gt;$ ice version
ICE CLI Version        : 2.0.1 000 2015-03-26T19:51:27
&lt;/code&gt;&lt;/pre&gt;
&lt;p&gt;Notice that &lt;code&gt;ice images&lt;/code&gt; works last week.&lt;/p&gt;
&lt;p&gt;is there anything changed in the server side?&lt;/p&gt;</t>
  </si>
  <si>
    <t>2015-05-07 18:13:02.707000+00:00</t>
  </si>
  <si>
    <t>2015-05-08 19:59:38.500000+00:00</t>
  </si>
  <si>
    <t>docker|ibm-cloud</t>
  </si>
  <si>
    <t>Silverlight freeze on google chrome</t>
  </si>
  <si>
    <t>&lt;p&gt;In Google Chrome my Silverlight site loads and lets me click on GUI elements but it freezes when I try to receive data from the WCF service. Fiddler shows no data response with &lt;code&gt;-1&lt;/code&gt;. On IE and Firefox it shows always 200 - data received. &lt;/p&gt;</t>
  </si>
  <si>
    <t>2012-01-02 08:41:15.790000+00:00</t>
  </si>
  <si>
    <t>2012-01-03 01:58:24.210000+00:00</t>
  </si>
  <si>
    <t>silverlight|wcf|google-chrome</t>
  </si>
  <si>
    <t>How to add number in filename while writing in a loop?</t>
  </si>
  <si>
    <t>&lt;p&gt;Acceleration is recorded in result.txt, but I want to record only 1 result in result. &lt;/p&gt;
&lt;p&gt;I'd like to record next result in result_1.txt and then result_2.txt, result_3.txt &lt;/p&gt;
&lt;p&gt;How can I record 1 result in 1 txt file?&lt;/p&gt;
&lt;p&gt;This is my code.&lt;/p&gt;
&lt;pre&gt;&lt;code&gt;local filename = "result.txt"
local file = io.open(filename, "a")
for i=1, 1000 do
    sim:stepForward()
    local p = ship.rb:getAcceleration():z()
    file:write(string.format("%d\n",p))
end
file:close()
&lt;/code&gt;&lt;/pre&gt;</t>
  </si>
  <si>
    <t>2016-05-26 14:03:58.720000+00:00</t>
  </si>
  <si>
    <t>2016-05-28 03:29:19.930000+00:00</t>
  </si>
  <si>
    <t>2016-05-26 15:49:30.860000+00:00</t>
  </si>
  <si>
    <t>loops|lua</t>
  </si>
  <si>
    <t>File obtained through FileSystemView.getFile(parent,false) return true both for isDirectory() and isFile()</t>
  </si>
  <si>
    <t>&lt;p&gt;I'm wrinting a java desktop application with a file's search function like the windows file's browser. For this application i'm using the class FileSystemView from javax.swing.filechooser.*; 
After some testing i noticed that a File object got with the method FileSystemView.getFiles(parent,false); return true both for isFile() and isDirectory() methods of class File.&lt;/p&gt;
&lt;p&gt;This file is a windows link to another folder under C:\&lt;/p&gt;
&lt;p&gt;Instead a file (always a windows link) got with the same FileSystemView method but related to a .exe file return with the normal values. &lt;/p&gt;
&lt;p&gt;I have all this links on my Desktop, here a sample routine for testing: 
(just put a link to a Folder and to a File in your desktop) &lt;/p&gt;
&lt;pre&gt;&lt;code&gt;import java.io.File;
import javax.swing.filechooser.FileSystemView;
public class Test {
    public static void main(String a[]) {
        //get the FileSystemView instance and root files
        FileSystemView fsv = FileSystemView.getFileSystemView();
        File[] rootList = fsv.getRoots();
        for(File root : rootList) {
            System.out.println("Root file: "+root.getName() +"       ("+root.getAbsolutePath()+")");
        //scan root childrens 
        File[] childrens = fsv.getFiles(root, true);
        if(childrens != null) {
            for(File atm : childrens) {
                System.out.println("\tScanning  "+root.getName()+"\\"+atm.getName());
                System.out.println("\t\t&amp;gt; isFile: "+atm.isFile()+"\tisDirectory: "+atm.isDirectory());
            }
        }
    }
    //this link (on my desktop) is pointing to a folder (under C:\\COLLAUDI)
    File windowsShortcutToFolder = new File("C:\\Documents and Settings\\SIC\\Desktop\\COLLAUDI.lnk");
    //this link (on my desktop) is pointing to a file (under C:\\GestApp\\GeInt\\GeInt.exe)
    File windowsShortcutToFile = new File("C:\\Documents and Settings\\SIC\\Desktop\\GeInt.lnk");
    //Here isFile and isDirectory return with the right values 
    System.out.println("\nScanning files properties: ");
    System.out.println("Scanning "+windowsShortcutToFolder);
    System.out.println("\t&amp;gt; isDirectory:"+windowsShortcutToFolder.isDirectory()
        +"\t&amp;gt; isFile:"+windowsShortcutToFolder.isFile());
    System.out.println("Scanning "+windowsShortcutToFile);
    System.out.println("\t&amp;gt; isDirectory:"+windowsShortcutToFile.isDirectory()
        +"\t&amp;gt; isFile:"+windowsShortcutToFile.isFile());
    }
}
&lt;/code&gt;&lt;/pre&gt;
&lt;p&gt;And this is the output: &lt;/p&gt;
&lt;pre&gt;&lt;code&gt;Root file: Desktop (C:\Documents and Settings\SIC\Desktop)
Scanning Desktop\::{20D04FE0-3AEA-1069-A2D8-08002B30309D}
    &amp;gt; isFile: false isDirectory: true
Scanning Desktop\::{208D2C60-3AEA-1069-A2D7-08002B30309D}
    &amp;gt; isFile: false isDirectory: true
Scanning Desktop\Documenti
    &amp;gt; isFile: false isDirectory: true
Scanning Desktop\COLLAUDI.lnk
    &amp;gt; isFile: true  isDirectory: true
Scanning Desktop\GeInt.lnk
    &amp;gt; isFile: true  isDirectory: false
Scanning files properties: 
Scanning C:\Documents and Settings\SIC\Desktop\COLLAUDI.lnk
    &amp;gt; isDirectory:false &amp;gt; isFile:true
Scanning C:\Documents and Settings\SIC\Desktop\GeInt.lnk
    &amp;gt; isDirectory:false &amp;gt; isFile:true
&lt;/code&gt;&lt;/pre&gt;
&lt;p&gt;Why i got this values? &lt;/p&gt;</t>
  </si>
  <si>
    <t>2017-07-31 14:16:09.970000+00:00</t>
  </si>
  <si>
    <t>java|windows|file</t>
  </si>
  <si>
    <t>Getting a remote file and fill a dropdown list</t>
  </si>
  <si>
    <t>&lt;p&gt;Ok, I have a silly question to ask. I have to get this &lt;a href="http://currencies.apps.grandtrunk.net/currencies" rel="nofollow"&gt;page&lt;/a&gt; with a jquery function and fill a dropdown list with data in an asp.net form. Any ideas or examples?&lt;/p&gt;</t>
  </si>
  <si>
    <t>2012-04-22 09:47:58+00:00</t>
  </si>
  <si>
    <t>2012-04-22 20:59:16.460000+00:00</t>
  </si>
  <si>
    <t>node-parse-api multiple include keys</t>
  </si>
  <si>
    <t>&lt;p&gt;Today I started to work with this API for Parse and is very easy to understand and implement I have almost done all my work, but I have a problem and I couldn't find documentation about it,&lt;/p&gt;
&lt;p&gt;Is about having multiple pointers in a find query&lt;/p&gt;
&lt;p&gt;This is what i did, but only get one of includes&lt;/p&gt;
&lt;pre&gt;&lt;code&gt;var query = {
            where: {type: 'OK'}, 
            include: 'dataLink1', 
            include: 'dataLink2', 
            limit: 1000
        }
        app.find('_User', query, function (err, response) {
            if (response === undefined) {
                console.log(err);
                return res.send(error, 401);
            }
            return res.send(response);
        });
&lt;/code&gt;&lt;/pre&gt;
&lt;p&gt;If somebody need the link of the API, this is &lt;/p&gt;
&lt;p&gt;&lt;a href="https://github.com/Leveton/node-parse-api" rel="nofollow"&gt;https://github.com/Leveton/node-parse-api&lt;/a&gt;&lt;/p&gt;
&lt;p&gt;thanks in advance for the help.&lt;/p&gt;</t>
  </si>
  <si>
    <t>2016-03-16 02:26:08.643000+00:00</t>
  </si>
  <si>
    <t>2016-03-28 07:07:29.563000+00:00</t>
  </si>
  <si>
    <t>node.js|api|parsing|parse.com|include</t>
  </si>
  <si>
    <t>How can I use `orm.ems` when declaring multiple Doctrine EntityManagers in Silex?</t>
  </si>
  <si>
    <t>&lt;p&gt;I am writing a PHP Silex application and I want to use multiple OMS Entity Managers. I have followed the instructions for the &lt;code&gt;Silex\Provider\DoctrineServiceProvider&lt;/code&gt; to add multiple named databases&lt;/p&gt;
&lt;pre&gt;&lt;code&gt;$dbs_options = [
    "base" =&amp;gt; [
        "driver" =&amp;gt; "pdo_sqlite",
        "path" =&amp;gt; "C:\users\russells\workspaces\turlesystems\database\dev.sqlite"
    ]
];
$app -&amp;gt; register(new DoctrineServiceProvider, ['dbs.options' =&amp;gt; $dbs_options]);
&lt;/code&gt;&lt;/pre&gt;
&lt;p&gt;And I have configured the EntityManagers thus:&lt;/p&gt;
&lt;pre&gt;&lt;code&gt;$mappings =  [
    [
        'type' =&amp;gt; 'annotation',
        'namespace' =&amp;gt; 'Turtle\Model\Entity',
        'path' =&amp;gt; "c:\users\russells\workspaces\fisheagle\Turtle\Model\Entity",
        'use_simple_annotation_reader' =&amp;gt; false
    ]
];
$app -&amp;gt; register(new DoctrineOrmServiceProvider, [
        'orm.proxies_dir' =&amp;gt; Utils::joinPaths($app -&amp;gt; config -&amp;gt; appRoot, 'running', 'proxies'),
        'orm.em.options' =&amp;gt; [
            'mappings' =&amp;gt; $mappings
        ]
    ]
);
$app['orm.ems.default'] = 'basedb';
$app['orm.ems.options'] = [
    'basedb' =&amp;gt; [
        'connection' =&amp;gt; 'base',
        'mappings' =&amp;gt; $app['orm.em.options']['mappings']
    ]
];
&lt;/code&gt;&lt;/pre&gt;
&lt;p&gt;I then try to perform &lt;code&gt;findAll()&lt;/code&gt; operation on a repository and my application crashes, or rather the display states there has been an Exception but I am not seeing one in the logs nor does &lt;code&gt;try ... catch&lt;/code&gt; show anything.&lt;/p&gt;
&lt;pre&gt;&lt;code&gt;dump("Retrieve Entity Manager");
$em = $this -&amp;gt; app['orm.ems']['basedb'];
dump("Get Repo");
$repo = $em -&amp;gt; getRepository("\Turtle\Model\Entity\WebsiteDomain");
dump("Get all items");
$items = $repo -&amp;gt; findAll();
dump("Display items");
dump($items);
&lt;/code&gt;&lt;/pre&gt;
&lt;p&gt;&lt;a href="https://i.stack.imgur.com/hmTbt.png" rel="nofollow noreferrer"&gt;&lt;img src="https://i.stack.imgur.com/hmTbt.png" alt="enter image description here"&gt;&lt;/a&gt;&lt;/p&gt;
&lt;p&gt;I am running the app using PHP built in web server, and the logs are as follows:&lt;/p&gt;
&lt;pre&gt;&lt;code&gt;PHP 7.1.8 Development Server started at Thu Oct  5 14:42:32 2017
Listening on http://0.0.0.0:10000
Document root is C:\Users\russells\workspaces\turtlesystems\fisheagle\web\local
Press Ctrl-C to quit.
[Thu Oct  5 14:43:43 2017] 127.0.0.1:65116 [200]: /
[Thu Oct  5 14:43:45 2017] 127.0.0.1:65117 Invalid request (Unexpected EOF)
[Thu Oct  5 14:43:45 2017] 127.0.0.1:65119 Invalid request (Unexpected EOF)
&lt;/code&gt;&lt;/pre&gt;
&lt;p&gt;I am stumped. If I use just one EM in the configuration my application works without issue, it only happens when I try to use the &lt;code&gt;orm.ems&lt;/code&gt; options. Is there something very simple that I am missing.&lt;/p&gt;
&lt;p&gt;I am using PHP 7.1 and Silex 2. This code is running on Windows, I have not yet tried it on Linux, but given that one EM works I &lt;em&gt;feel&lt;/em&gt; that this is not the issue.&lt;/p&gt;</t>
  </si>
  <si>
    <t>2017-10-05 13:46:21.873000+00:00</t>
  </si>
  <si>
    <t>2017-10-06 09:20:49.930000+00:00</t>
  </si>
  <si>
    <t>php|doctrine2|silex</t>
  </si>
  <si>
    <t>How can I parse html with Gecko SDK?</t>
  </si>
  <si>
    <t>&lt;p&gt;How can I parse html with Gecko SDK? Is there any Visual C++ project for this task?&lt;/p&gt;</t>
  </si>
  <si>
    <t>2011-02-18 12:25:52.347000+00:00</t>
  </si>
  <si>
    <t>visual-c++|html-parsing|gecko</t>
  </si>
  <si>
    <t>svn diff: getting 'real' diffs for removed/readded files after merge</t>
  </si>
  <si>
    <t>&lt;p&gt;So I have two branches, &lt;code&gt;b1&lt;/code&gt; and &lt;code&gt;b2&lt;/code&gt;. I have a working copy of &lt;code&gt;b1&lt;/code&gt; checked out at a certain revision, &lt;code&gt;r1000&lt;/code&gt;, and I've merged in some changes from &lt;code&gt;r1001&lt;/code&gt; of &lt;code&gt;b2&lt;/code&gt;.&lt;/p&gt;
&lt;p&gt;I've manually edited a file &lt;code&gt;foo&lt;/code&gt;, in my working copy, such that it's now identical to the &lt;code&gt;r1000&lt;/code&gt; revision of &lt;code&gt;b1&lt;/code&gt;. However, when I do an &lt;code&gt;svn diff&lt;/code&gt;, the output is a diff against the &lt;code&gt;b2&lt;/code&gt;, &lt;code&gt;r1001&lt;/code&gt; revision, not the (empty) diff against &lt;code&gt;b1&lt;/code&gt;, &lt;code&gt;r1000&lt;/code&gt; that I would expect.&lt;/p&gt;
&lt;p&gt;Is there a generic way to get &lt;code&gt;svn diff&lt;/code&gt; to say "this is what's going to change in the repository if you check this in", or do I have to specify branches and revision numbers on the command line to get what I want?&lt;/p&gt;</t>
  </si>
  <si>
    <t>2013-02-01 18:45:54.470000+00:00</t>
  </si>
  <si>
    <t>2013-02-05 01:59:26.190000+00:00</t>
  </si>
  <si>
    <t>2013-02-05 01:12:55.507000+00:00</t>
  </si>
  <si>
    <t>svn|svn-merge</t>
  </si>
  <si>
    <t>Javascript Calculator: issues with program not reading secondnumber</t>
  </si>
  <si>
    <t>&lt;p&gt;My calculator works with only multiplying/adding/subtracting/dividing the first number. For some reason it can't access the second number. What's going wrong?&lt;/p&gt;
&lt;p&gt;&lt;div class="snippet" data-lang="js" data-hide="false" data-console="true" data-babel="false"&gt;_x000D_
&lt;div class="snippet-code"&gt;_x000D_
&lt;pre class="snippet-code-js lang-js prettyprint-override"&gt;&lt;code&gt;var firstnumber;_x000D_
var secondnumber;_x000D_
var result;_x000D_
var operations;_x000D_
_x000D_
_x000D_
function numzero() {_x000D_
  if (document.getElementById("maininput").value === "0" || document.getElementById("maininput").value === result) {_x000D_
    document.getElementById("maininput").value = "0";_x000D_
  } else //if(document.inputmaster.maininput.value != "0")_x000D_
  {_x000D_
    document.getElementById("maininput").value = document.getElementById("maininput").value + "0";_x000D_
  }_x000D_
}_x000D_
_x000D_
function numone() {_x000D_
  if (document.inputmaster.maininput.value === "0" || document.inputmaster.maininput.value === result) {_x000D_
    document.inputmaster.maininput.value = "1";_x000D_
  } else //if(document.inputmaster.maininput.value != "0")_x000D_
  {_x000D_
    document.inputmaster.maininput.value = document.inputmaster.maininput.value + "1";_x000D_
  }_x000D_
}_x000D_
_x000D_
_x000D_
function numtwo() {_x000D_
  if (document.inputmaster.maininput.value === "0" || document.inputmaster.maininput.value === result) {_x000D_
    document.inputmaster.maininput.value = "2";_x000D_
  } else //if(document.inputmaster.maininput.value != "0")_x000D_
  {_x000D_
    document.inputmaster.maininput.value = document.inputmaster.maininput.value + "2";_x000D_
  }_x000D_
}_x000D_
_x000D_
function numone() {_x000D_
  if (document.inputmaster.maininput.value === "0" || document.inputmaster.maininput.value === result) {_x000D_
    document.inputmaster.maininput.value = "1";_x000D_
  } else //if(document.inputmaster.maininput.value != "0")_x000D_
  {_x000D_
    document.inputmaster.maininput.value = document.inputmaster.maininput.value + "1";_x000D_
  }_x000D_
}_x000D_
_x000D_
function numthree() {_x000D_
  if (document.inputmaster.maininput.value === "0" || document.inputmaster.maininput.value === result) {_x000D_
    document.inputmaster.maininput.value = "3";_x000D_
  } else //if(document.inputmaster.maininput.value != "0")_x000D_
  {_x000D_
    document.inputmaster.maininput.value = document.inputmaster.maininput.value + "3";_x000D_
  }_x000D_
}_x000D_
_x000D_
function numfour() {_x000D_
  if (document.inputmaster.maininput.value === "0" || document.inputmaster.maininput.value === result) {_x000D_
    document.inputmaster.maininput.value = "4";_x000D_
  } else //if(document.inputmaster.maininput.value != "0")_x000D_
  {_x000D_
    document.inputmaster.maininput.value = document.inputmaster.maininput.value + "4";_x000D_
  }_x000D_
}_x000D_
_x000D_
function numfive() {_x000D_
  if (document.inputmaster.maininput.value === "0" || document.inputmaster.maininput.value === result) {_x000D_
    document.inputmaster.maininput.value = "5";_x000D_
  } else //if(document.inputmaster.maininput.value != "0")_x000D_
  {_x000D_
    document.inputmaster.maininput.value = document.inputmaster.maininput.value + "5";_x000D_
  }_x000D_
}_x000D_
_x000D_
function numsix() {_x000D_
  if (document.inputmaster.maininput.value === "0" || document.inputmaster.maininput.value === result) {_x000D_
    document.inputmaster.maininput.value = "6";_x000D_
  } else //if(document.inputmaster.maininput.value != "0")_x000D_
  {_x000D_
    document.inputmaster.maininput.value = document.inputmaster.maininput.value + "6";_x000D_
  }_x000D_
}_x000D_
_x000D_
function numseven() {_x000D_
  if (document.inputmaster.maininput.value === "0" || document.inputmaster.maininput.value === result) {_x000D_
    document.inputmaster.maininput.value = "7";_x000D_
  } else //if(document.inputmaster.maininput.value != "0")_x000D_
  {_x000D_
    document.inputmaster.maininput.value = document.inputmaster.maininput.value + "7";_x000D_
  }_x000D_
}_x000D_
_x000D_
function numeight() {_x000D_
  if (document.inputmaster.maininput.value === "0" || document.inputmaster.maininput.value === result) {_x000D_
    document.inputmaster.maininput.value = "8";_x000D_
  } else //if(document.inputmaster.maininput.value != "0")_x000D_
  {_x000D_
    document.inputmaster.maininput.value = document.inputmaster.maininput.value + "8";_x000D_
  }_x000D_
}_x000D_
_x000D_
function numnine() {_x000D_
  if (document.inputmaster.maininput.value === "0" || document.inputmaster.maininput.value === result) {_x000D_
    document.inputmaster.maininput.value = "9";_x000D_
  } else //if(document.inputmaster.maininput.value != "0")_x000D_
  {_x000D_
    document.inputmaster.maininput.value = document.inputmaster.maininput.value + "9";_x000D_
  }_x000D_
}_x000D_
_x000D_
function clearb() {_x000D_
  document.getElementById("maininput").value = "";_x000D_
  return;_x000D_
}_x000D_
_x000D_
_x000D_
_x000D_
_x000D_
function plusb() {_x000D_
  operation = "+";_x000D_
  firstnumber = parseInt(document.getElementById("maininput").value);_x000D_
  document.getElementById("maininput").value = firstnumber + operation;_x000D_
_x000D_
}_x000D_
_x000D_
function minusb() {_x000D_
  operation = "-";_x000D_
  firstnumber = parseInt(document.getElementById("maininput").value);_x000D_
  document.getElementById("maininput").value = "0";_x000D_
  document.getElementById("maininput").value = firstnumber + operation;_x000D_
}_x000D_
_x000D_
function timesb() {_x000D_
  operation = "*";_x000D_
  firstnumber = parseInt(document.getElementById("maininput").value);_x000D_
  document.getElementById("maininput").value = firstnumber + operation;_x000D_
}_x000D_
_x000D_
function divideb() {_x000D_
  operation = "/";_x000D_
  firstnumber = parseInt(document.getElementById("maininput").value);_x000D_
  document.getElementById("maininput").value = firstnumber + operation;_x000D_
}_x000D_
_x000D_
_x000D_
function enterb() {_x000D_
  secondnumber = parseInt(document.getElementById("maininput").value);_x000D_
_x000D_
  if (operation == "+") {_x000D_
    result = firstnumber + secondnumber;_x000D_
  } else if (operation == "-") {_x000D_
_x000D_
    result = firstnumber - secondnumber;_x000D_
  } else if (operation == "*") {_x000D_
_x000D_
    result = firstnumber * secondnumber;_x000D_
  } else if (operation == "/") {_x000D_
_x000D_
    result = firstnumber / secondnumber;_x000D_
  }_x000D_
_x000D_
  document.getElementById("maininput").value = "";_x000D_
  document.getElementById("maininput").value = result.toString();_x000D_
  return;_x000D_
}&lt;/code&gt;&lt;/pre&gt;_x000D_
&lt;pre class="snippet-code-css lang-css prettyprint-override"&gt;&lt;code&gt;h1 {_x000D_
  text-align: center;_x000D_
  margin-bottom: 50px;_x000D_
  font-size: 45px;_x000D_
}_x000D_
_x000D_
#zero {_x000D_
  width: 60px;_x000D_
  height: 60px;_x000D_
  margin: 1px;_x000D_
}_x000D_
_x000D_
#one {_x000D_
  width: 60px;_x000D_
  height: 60px;_x000D_
  margin: 1px;_x000D_
}_x000D_
_x000D_
#two {_x000D_
  width: 60px;_x000D_
  height: 60px;_x000D_
  margin: 1px;_x000D_
}_x000D_
_x000D_
#three {_x000D_
  width: 60px;_x000D_
  height: 60px;_x000D_
  margin: 1px;_x000D_
}_x000D_
_x000D_
#four {_x000D_
  width: 60px;_x000D_
  height: 60px;_x000D_
  margin: 1px;_x000D_
}_x000D_
_x000D_
#five {_x000D_
  width: 60px;_x000D_
  height: 60px;_x000D_
  margin: 1px;_x000D_
}_x000D_
_x000D_
#six {_x000D_
  width: 60px;_x000D_
  height: 60px;_x000D_
  margin: 1px;_x000D_
}_x000D_
_x000D_
#seven {_x000D_
  width: 60px;_x000D_
  height: 60px;_x000D_
  margin: 1px;_x000D_
}_x000D_
_x000D_
#eight {_x000D_
  width: 60px;_x000D_
  height: 60px;_x000D_
  margin: 1px;_x000D_
}_x000D_
_x000D_
#nine {_x000D_
  width: 60px;_x000D_
  height: 60px;_x000D_
  margin: 1px;_x000D_
}_x000D_
_x000D_
#plus {_x000D_
  width: 60px;_x000D_
  height: 60px;_x000D_
  margin: 1px;_x000D_
  background-color: purple;_x000D_
  color: red;_x000D_
  font-size: 15px;_x000D_
}_x000D_
_x000D_
#minus {_x000D_
  width: 60px;_x000D_
  height: 60px;_x000D_
  margin: 1px;_x000D_
  background-color: purple;_x000D_
  color: red;_x000D_
  font-size: 15px;_x000D_
}_x000D_
_x000D_
#divide {_x000D_
  width: 60px;_x000D_
  height: 60px;_x000D_
  margin: 1px;_x000D_
  background-color: purple;_x000D_
  color: red;_x000D_
  font-size: 15px;_x000D_
}_x000D_
_x000D_
#times {_x000D_
  width: 60px;_x000D_
  height: 60px;_x000D_
  margin: 1px;_x000D_
  background-color: purple;_x000D_
  color: red;_x000D_
  font-size: 15px;_x000D_
}_x000D_
_x000D_
#Clear {_x000D_
  width: 60px;_x000D_
  height: 60px;_x000D_
  margin: 1px;_x000D_
  background-color: red;_x000D_
}_x000D_
_x000D_
#Enter {_x000D_
  width: 60px;_x000D_
  height: 60px;_x000D_
  margin: 1px;_x000D_
  background-color: orange;_x000D_
}_x000D_
_x000D_
#maininput {_x000D_
  margin: 5px;_x000D_
  font-size: 25px;_x000D_
  font-family: monospace;_x000D_
}_x000D_
_x000D_
.row-one {_x000D_
  padding-top: 25px;_x000D_
  padding-bottom: 25px;_x000D_
  border-bottom: solid;_x000D_
  border-spacing: 3px;_x000D_
}_x000D_
_x000D_
.row-two {_x000D_
  padding-bottom: 15px;_x000D_
  padding-top: 15px;_x000D_
}_x000D_
_x000D_
.row-three {_x000D_
  padding-bottom: 15px;_x000D_
}_x000D_
_x000D_
.row-four {_x000D_
  padding-bottom: 15px;_x000D_
}_x000D_
_x000D_
.row-five {_x000D_
  padding-bottom: 15px;_x000D_
}_x000D_
_x000D_
.final-row {_x000D_
  padding-bottom: 15px;_x000D_
}_x000D_
_x000D_
.enter-row {_x000D_
  padding-top: 15px;_x000D_
}_x000D_
_x000D_
.button-cal {_x000D_
  text-align: center;_x000D_
  border: solid;_x000D_
  border-width: 5px;_x000D_
}&lt;/code&gt;&lt;/pre&gt;_x000D_
&lt;pre class="snippet-code-html lang-html prettyprint-override"&gt;&lt;code&gt;&amp;lt;h1&amp;gt;Simple Calculator&amp;lt;/h1&amp;gt;_x000D_
_x000D_
&amp;lt;div class="button-cal" id="fullcal"&amp;gt;_x000D_
_x000D_
_x000D_
  &amp;lt;div class="row-one"&amp;gt;_x000D_
    &amp;lt;form name="inputmaster"&amp;gt;_x000D_
      &amp;lt;input size="25" style="width: 300px; height: 50px;" value=0 id="maininput"&amp;gt;_x000D_
    &amp;lt;/form&amp;gt;_x000D_
  &amp;lt;/div&amp;gt;_x000D_
  &amp;lt;div class="row-two"&amp;gt;_x000D_
    &amp;lt;button onclick="divideb()" id="divide"&amp;gt;/&amp;lt;/button&amp;gt;_x000D_
    &amp;lt;button onclick="timesb()" id="times"&amp;gt;*&amp;lt;/button&amp;gt;_x000D_
    &amp;lt;button onclick="clearb()" id="Clear"&amp;gt;Clear&amp;lt;/button&amp;gt;_x000D_
  &amp;lt;/div&amp;gt;_x000D_
  &amp;lt;div class="row-three"&amp;gt;_x000D_
    &amp;lt;button onclick="numnine()" id="nine"&amp;gt;9&amp;lt;/button&amp;gt;_x000D_
    &amp;lt;button onclick="plusb()" id="plus"&amp;gt;+&amp;lt;/button&amp;gt;_x000D_
    &amp;lt;button onclick="minusb()" id="minus"&amp;gt;-&amp;lt;/button&amp;gt;_x000D_
  &amp;lt;/div&amp;gt;_x000D_
  &amp;lt;div class="row-four"&amp;gt;_x000D_
    &amp;lt;button onclick="numsix()" id="six"&amp;gt;6&amp;lt;/button&amp;gt;_x000D_
    &amp;lt;button onclick="numseven()" id="seven"&amp;gt;7&amp;lt;/button&amp;gt;_x000D_
    &amp;lt;button onclick="numeight()" id="eight"&amp;gt;8&amp;lt;/button&amp;gt;_x000D_
  &amp;lt;/div&amp;gt;_x000D_
  &amp;lt;div class="row-five"&amp;gt;_x000D_
    &amp;lt;button onclick="numthree()" id="three"&amp;gt;3&amp;lt;/button&amp;gt;_x000D_
    &amp;lt;button onclick="numfour()" id="four"&amp;gt;4&amp;lt;/button&amp;gt;_x000D_
    &amp;lt;button onclick="numfive()" id="five"&amp;gt;5&amp;lt;/button&amp;gt;_x000D_
  &amp;lt;/div&amp;gt;_x000D_
  &amp;lt;div class="final-row"&amp;gt;_x000D_
    &amp;lt;button onclick="numzero()" id="zero"&amp;gt;0&amp;lt;/button&amp;gt;_x000D_
    &amp;lt;button onclick="numone()" id="one"&amp;gt;1&amp;lt;/button&amp;gt;_x000D_
    &amp;lt;button onclick="numtwo()" id="two"&amp;gt;2&amp;lt;/button&amp;gt;_x000D_
    &amp;lt;div class="enter-row"&amp;gt;_x000D_
      &amp;lt;button onclick="enterb()" id="Enter"&amp;gt;Enter&amp;lt;/button&amp;gt;_x000D_
    &amp;lt;/div&amp;gt;_x000D_
  &amp;lt;/div&amp;gt;_x000D_
&amp;lt;/div&amp;gt;&lt;/code&gt;&lt;/pre&gt;_x000D_
&lt;/div&gt;_x000D_
&lt;/div&gt;_x000D_
&lt;/p&gt;</t>
  </si>
  <si>
    <t>2018-02-13 01:06:42.060000+00:00</t>
  </si>
  <si>
    <t>2018-02-13 01:26:50.707000+00:00</t>
  </si>
  <si>
    <t>2018-02-13 01:10:02.210000+00:00</t>
  </si>
  <si>
    <t>user9352507</t>
  </si>
  <si>
    <t>neuralnet training time grows exponentially</t>
  </si>
  <si>
    <t>&lt;p&gt;I have a training data set of 60'000 data entries with 28 features each. After training a neural network with all the data crashed R, I used only a subset of the training data and noticed that the training time of the neural network grows exponentially with the number of rows used from the training data. &lt;/p&gt;
&lt;p&gt;For 100 rows, training takes 0.5 seconds. For 400 rows, it's 10.5 seconds. For 1000 rows, it's 170 seconds.&lt;/p&gt;
&lt;p&gt;My (newbie) questions are: Is this exponential growth expected? What is the intuition behind it? Any hints how to speed up the training (currently I am using a hidden layer of 10x5x10)?&lt;/p&gt;
&lt;p&gt;&lt;strong&gt;Update: added code and example data&lt;/strong&gt;&lt;/p&gt;
&lt;pre&gt;&lt;code&gt;library(neuralnet)
library(readr)
training_data &amp;lt;- read_csv("traindata.csv",col_names=TRUE, skip=8, col_types = cols(
  .default = col_double(),
  digit = col_character()
))
# Convert the "digits" column to 10 individual binary columns
training_data &amp;lt;- cbind(training_data[, 1:28], nnet::class.ind(training_data$digit))
# DEBUG use first n rows only
training_data &amp;lt;- training_data[1:1000,]
feats &amp;lt;- names(training_data)
f &amp;lt;- paste(feats[1:28],collapse=' + ')
f &amp;lt;- paste('D0 + D1 + D2 + D3 + D4 + D5 + D6 + D7 + D8 + D9 ~',f)
f &amp;lt;- as.formula(f)
nn &amp;lt;- neuralnet(f,training_data,hidden=c(10,5,10),linear.output=FALSE)  
&lt;/code&gt;&lt;/pre&gt;
&lt;p&gt;The training data looks like this:&lt;/p&gt;
&lt;pre&gt;&lt;code&gt;head (training_data)
  C1 C2 C3 C4            C5            C6           C7            C8           C9          C10
1  0  0  0  0 0.00000000000 0.18417366947 0.4061624650 0.40812324930 0.3319327731 0.1767507003
2  0  0  0  0 0.09411764706 0.17913165266 0.2203081232 0.27507002801 0.3334733894 0.2981792717
3  0  0  0  0 0.00000000000 0.04733893557 0.0675070028 0.09719887955 0.1156862745 0.1326330532
4  0  0  0  0 0.00000000000 0.09733893557 0.1268907563 0.13221288515 0.1127450980 0.1238095238
5  0  0  0  0 0.00000000000 0.00000000000 0.0000000000 0.18515406162 0.3008403361 0.2282913165
6  0  0  0  0 0.00000000000 0.03739495798 0.1812324930 0.26610644258 0.2815126050 0.2732492997
            C11           C12           C13          C14          C15          C16          C17
1 0.07170868347 0.08179271709 0.07338935574 0.1078431373 0.1359943978 0.1280112045 0.1121848739
2 0.24425770308 0.23123249300 0.20938375350 0.1854341737 0.1883753501 0.1875350140 0.1659663866
3 0.13473389356 0.15042016807 0.16554621849 0.1892156863 0.3408963585 0.4490196078 0.2428571429
4 0.11904761905 0.11554621849 0.12142857143 0.1130252101 0.1102240896 0.1330532213 0.1320728291
5 0.22955182073 0.22338935574 0.21344537815 0.2236694678 0.2756302521 0.3422969188 0.2172268908
6 0.24411764706 0.12577030812 0.10098039216 0.1575630252 0.2481792717 0.3191876751 0.2941176471
            C18           C19           C20           C21           C22           C23           C24
1 0.11414565826 0.15042016807 0.22507002801 0.23109243697 0.22338935574 0.23865546218 0.25952380952
2 0.17450980392 0.15686274510 0.18641456583 0.27955182073 0.33151260504 0.26134453782 0.15238095238
3 0.07843137255 0.06722689076 0.06722689076 0.07254901961 0.07268907563 0.08067226891 0.08081232493
4 0.13207282913 0.13221288515 0.11820728291 0.13319327731 0.12941176471 0.11036414566 0.11036414566
5 0.09509803922 0.08361344538 0.07366946779 0.08361344538 0.08851540616 0.08039215686 0.07366946779
6 0.38067226891 0.38627450980 0.29201680672 0.28459383754 0.21694677871 0.05588235294 0.00000000000
            C25           C26          C27 C28 D0 D1 D2 D3 D4 D5 D6 D7 D8 D9
1 0.19467787115 0.00000000000 0.0000000000   0  0  0  0  0  0  1  0  0  0  0
2 0.00000000000 0.00000000000 0.0000000000   0  1  0  0  0  0  0  0  0  0  0
3 0.07044817927 0.00000000000 0.0000000000   0  0  0  0  0  1  0  0  0  0  0
4 0.09663865546 0.00000000000 0.0000000000   0  0  1  0  0  0  0  0  0  0  0
5 0.08109243697 0.08837535014 0.0637254902   0  0  0  0  0  0  0  0  0  0  1
6 0.00000000000 0.00000000000 0.0000000000   0  0  0  1  0  0  0  0  0  0  0
&lt;/code&gt;&lt;/pre&gt;</t>
  </si>
  <si>
    <t>2017-05-11 19:36:36.643000+00:00</t>
  </si>
  <si>
    <t>2017-05-12 08:31:24.367000+00:00</t>
  </si>
  <si>
    <t>r|neural-network</t>
  </si>
  <si>
    <t>why am I getting a RoutinError on PNG file</t>
  </si>
  <si>
    <t>&lt;p&gt;On Rails 3.2 environment&lt;/p&gt;
&lt;p&gt;Why I am getting this error? 
I don't even use that apple-touch-icon-precomposed.png anywhere ?&lt;/p&gt;
&lt;pre&gt;&lt;code&gt;**Started GET "/apple-touch-icon-precomposed.png" for 37.197.150.223 at 2013-07-22 16:52:10 -0700
2013-07-22T23:52:10.946520+00:00 app[web.1]: 
2013-07-22T23:52:10.946520+00:00 app[web.1]: ActionController::RoutingError (No route matches [GET] "/apple-touch-icon-precomposed.png"):
2013-07-22T23:52:10.932584+00:00 heroku[router]: at=info method=GET path=/apple-touch-icon-precomposed.png host=biowattsonline.com fwd="37.197.150.223" dyno=web.1 connect=1ms service=167ms status=404 bytes=728
2013-07-22T23:52:10.946520+00:00 app[web.1]:   .bundle/gems/ruby/1.9.1/gems/actionpack-3.2.11/lib/action_dispatch/middleware/debug_exceptions.rb:21:in `call'
2013-07-22T23:52:10.946520+00:00 app[web.1]:   .bundle/gems/ruby/1.9.1/gems/actionpack-3.2.11/lib/action_dispatch/middleware/show_exceptions.rb:56:in `call'
2013-07-22T23:52:10.946520+00:00 app[web.1]:   .bundle/gems/ruby/1.9.1/gems/railties-3.2.11/lib/rails/rack/logger.rb:32:in `call_app'
2013-07-22T23:52:10.946520+00:00 app[web.1]:   .bundle/gems/ruby/1.9.1/gems/railties-3.2.11/lib/rails/rack/logger.rb:18:in `call'
**
&lt;/code&gt;&lt;/pre&gt;
&lt;p&gt;The error itself if not a showstopper but I am getting many I don't understand why.&lt;/p&gt;
&lt;p&gt;Idea lead?&lt;/p&gt;</t>
  </si>
  <si>
    <t>2013-07-22 23:58:05.720000+00:00</t>
  </si>
  <si>
    <t>ruby-on-rails|routing</t>
  </si>
  <si>
    <t>How can i reduce the linear fit plot to a certain interval?</t>
  </si>
  <si>
    <t>&lt;p&gt;what i do is to fit two linear function��s to my data. 
i know how to select the data for the various fitting functions. My problem is that i want the fitted lines only to be plottet in a certain interval. 
What i did till now:&lt;/p&gt;
&lt;pre&gt;&lt;code&gt;f(x) = a*x + b; fit [800:1250][-2:8] f(x) 'Daten.txt' u 1:2 via a,b   
g(x) = c*x + d; fit [1258:1650][-2:8] g(x) 'Daten.txt' u 1:2 via c,d                                                                            
plot "Daten.txt" u 1:2 w l, f(x) t title_f(a,b), g(x) t title_g(c,d)                                                            
&lt;/code&gt;&lt;/pre&gt;
&lt;p&gt;it results in &lt;/p&gt;
&lt;p&gt;a picture i��m not allowed to post...&lt;/p&gt;
&lt;p&gt;How can i make the green fittin-line only to run from 800-1200 and the blue fitting-line from 1100-end?&lt;/p&gt;</t>
  </si>
  <si>
    <t>2013-06-14 14:00:53.333000+00:00</t>
  </si>
  <si>
    <t>2013-06-14 15:25:35.233000+00:00</t>
  </si>
  <si>
    <t>gnuplot|data-fitting</t>
  </si>
  <si>
    <t>Store SQL query message/Print Statement in file</t>
  </si>
  <si>
    <t>&lt;p&gt;I want to store SQL Query Message into the File.&lt;/p&gt;
&lt;p&gt;For Example: This is my query&lt;/p&gt;
&lt;pre&gt;&lt;code&gt;Select Getdate() 
&lt;/code&gt;&lt;/pre&gt;
&lt;p&gt;The Result is:&lt;/p&gt;
&lt;pre&gt;&lt;code&gt;2016-07-15 18:12:24.007  
&lt;/code&gt;&lt;/pre&gt;
&lt;p&gt;and the message is:&lt;/p&gt;
&lt;blockquote&gt;
  &lt;p&gt;(1 row(s) affected)&lt;/p&gt;
&lt;/blockquote&gt;
&lt;p&gt;I Want to store the message into file with &lt;code&gt;extension.log&lt;/code&gt;&lt;/p&gt;
&lt;p&gt;OR &lt;/p&gt;
&lt;p&gt;How can I store &lt;code&gt;Print&lt;/code&gt; Statement result in file. This will be helpful&lt;/p&gt;
&lt;p&gt;Can anyone help me out this.&lt;/p&gt;</t>
  </si>
  <si>
    <t>2016-07-15 12:46:20.740000+00:00</t>
  </si>
  <si>
    <t>2016-07-18 11:55:02.130000+00:00</t>
  </si>
  <si>
    <t>Run IPython notebook with Spark in another directory</t>
  </si>
  <si>
    <t>&lt;p&gt;I am trying to use IPython Notebook with spark. &lt;/p&gt;
&lt;p&gt;When I am in the spark installation directory, this command works well:&lt;/p&gt;
&lt;pre&gt;&lt;code&gt;IPYTHON_OPTS="notebook --pylab inline" ./bin/pyspark
&lt;/code&gt;&lt;/pre&gt;
&lt;p&gt;However, I can create notebooks only on the spark installation directory and its sub directories. 
If I launch this command on another directory on my computer:&lt;/p&gt;
&lt;pre&gt;&lt;code&gt;PYTHON_OPTS="notebook --pylab inline" /Users/poiuytrez/Documents/programs/spark/bin/pyspark
&lt;/code&gt;&lt;/pre&gt;
&lt;p&gt;I get only a regular pyspark shell and not a notebook. Do you have any ideas of what could be wrong? &lt;/p&gt;</t>
  </si>
  <si>
    <t>2014-10-02 07:58:53.167000+00:00</t>
  </si>
  <si>
    <t>2014-10-04 23:33:35.383000+00:00</t>
  </si>
  <si>
    <t>ipython-notebook|apache-spark</t>
  </si>
  <si>
    <t>ReactJS dangerouslySetStyle?</t>
  </si>
  <si>
    <t>&lt;p&gt;I am using ReactJS and am aware of &lt;code&gt;dangerouslySetInnerHTML&lt;/code&gt; but I want to be able to set an element's &lt;code&gt;style&lt;/code&gt; attribute to a raw string. I've searched and had a look through the React source but I can't find anything.&lt;/p&gt;
&lt;p&gt;Is there a way to do this?&lt;/p&gt;</t>
  </si>
  <si>
    <t>2015-01-30 14:43:06.173000+00:00</t>
  </si>
  <si>
    <t>2015-12-18 12:45:19.510000+00:00</t>
  </si>
  <si>
    <t>How to push element down when another is added</t>
  </si>
  <si>
    <t>&lt;pre&gt;&lt;code&gt;&amp;lt;form id="password_form" action="" method="post"&amp;gt;
    Username: &amp;lt;/br&amp;gt;
    &amp;lt;input type="text" name="login_username"&amp;gt;&amp;lt;/br&amp;gt;
    Password:&amp;lt;/br&amp;gt; 
    &amp;lt;input type="password" name="login_password"&amp;gt;
    &amp;lt;/br&amp;gt;
    &amp;lt;input type="submit" name="login" value="Log in"&amp;gt;  
&amp;lt;/form&amp;gt;
//form validation now occurs
&amp;lt;?php
    if (isset($_POST['login']))
    {
        $username = trim($_POST['login_username']);
        $password = trim($_POST['login_password']);
        //checks if correct credentials were given          
        $login = login($username, $password); 
        if ($login === FALSE)
        {
            $errors[] = 'That username/password combination is incorrect';
            $errors_1 = output_errors($errors);
            echo "&amp;lt;div id='errors'&amp;gt; $errors_1&amp;lt;/div&amp;gt;";
        }
    } 
?&amp;gt;
&lt;/code&gt;&lt;/pre&gt;
&lt;p&gt;Above is my code. After the user submits the form, I check to make sure the user has provided the correct credentials. If not, then an error message is added to the $errors array and is outputted. I want the errors to be outputted above the form and the form to be moved down proportionally. I've tried locating the errors array above the form and increased the margin and padding but that did not work. Any suggestions?  &lt;/p&gt;</t>
  </si>
  <si>
    <t>2014-12-30 02:38:58.423000+00:00</t>
  </si>
  <si>
    <t>2014-12-30 03:00:10.423000+00:00</t>
  </si>
  <si>
    <t>php|jquery|html|css</t>
  </si>
  <si>
    <t>PaperClip - How to skip an attachment from being saved based on dimentions</t>
  </si>
  <si>
    <t>&lt;p&gt;I have a rails 3 app with paperclip. If the attachment is an image, and the image width or height is under 100, I want to skip it from being saved.&lt;/p&gt;
&lt;p&gt;I have the following in the model:&lt;/p&gt;
&lt;pre&gt;&lt;code&gt;  validate :file_dimensions, :unless =&amp;gt; "errors.any?"
  def file_dimensions
    dimensions = Paperclip::Geometry.from_file(attachment.to_file(:original))
    if dimensions.width &amp;lt; 100 || dimensions.height &amp;lt; 100
      errors.add(:file,'Width or height must be at least 100px')
    end
  end
&lt;/code&gt;&lt;/pre&gt;
&lt;p&gt;Problem is I don't want to raise an error because then the entire job fails, I just want paperclip to skip that attachment from being saved, and not stop the entire process.&lt;/p&gt;</t>
  </si>
  <si>
    <t>2011-04-06 05:27:56.967000+00:00</t>
  </si>
  <si>
    <t>2011-04-08 04:51:03.787000+00:00</t>
  </si>
  <si>
    <t>ruby|ruby-on-rails-3|paperclip</t>
  </si>
  <si>
    <t>Identifying groups with same column value and count them</t>
  </si>
  <si>
    <t>&lt;p&gt;I am working with a dataframe, consisting of a continuity column df['continuity'] and a column group df['group'].
Both are binary columns.&lt;/p&gt;
&lt;p&gt;I want to add an extra column 'group_id' that gives consecutive rows of 1s the same integer value, where the first group of rows have a
1, then 2 etc. After each time where the continuity value of a row is 0, the counting should start again at 1.&lt;/p&gt;
&lt;p&gt;Since this question is rather specific, I'm not sure how to tackle this vectorized. Below an example, where the first two
columns are the input and the column the output I'd like to have.&lt;/p&gt;
&lt;pre&gt;&lt;code&gt;continuity  group   group_id
1           0       0
1           1       1
1           1       1
1           1       1
1           0       0
1           1       2
1           1       2
1           1       2
1           0       0
1           0       0
1           1       3
1           1       3
0           1       1
0           0       0
1           1       1
1           1       1
1           0       0
1           0       0
1           1       2
1           1       2
&lt;/code&gt;&lt;/pre&gt;</t>
  </si>
  <si>
    <t>2018-01-13 14:56:19.683000+00:00</t>
  </si>
  <si>
    <t>2018-01-13 17:36:22.943000+00:00</t>
  </si>
  <si>
    <t>2018-01-13 15:58:23.967000+00:00</t>
  </si>
  <si>
    <t>Problems with pagination in woocomerce</t>
  </si>
  <si>
    <t>&lt;p&gt;In any way I can not fasten pagination to this page:
&lt;a href="http://www.staff-demo.pp.ua/skidki/" rel="nofollow noreferrer"&gt;page of discounts&lt;/a&gt;
I use woocommerce with theme:
&lt;a href="http://savoy.nordicmade.com/" rel="nofollow noreferrer"&gt;savoy.nordicmade.com&lt;/a&gt;&lt;/p&gt;
&lt;p&gt;I bring out discounts by a shortcode:&lt;/p&gt;
&lt;pre&gt;&lt;code&gt;[sale_products per_page="8" pagination="true"]
&lt;/code&gt;&lt;/pre&gt;
&lt;p&gt;Install the plugin "Shortcode Pagination for WooCommerce" ... On the category page (from the theme box) everything works, on the discounts page - no (connected already necessary scripts, but still does not work) ...&lt;/p&gt;
&lt;p&gt;What else have I missed?&lt;/p&gt;</t>
  </si>
  <si>
    <t>2017-12-21 13:02:15.517000+00:00</t>
  </si>
  <si>
    <t>php|wordpress|woocommerce|pagination</t>
  </si>
  <si>
    <t>Create a shell script that reads folders in a specific folder and outputs their size and name to a file</t>
  </si>
  <si>
    <t>&lt;p&gt;Would like to create a shell script that will read the contents of a folder that contains many folders on a server- it should output a list of these folders with their size and date modified if possible.&lt;/p&gt;</t>
  </si>
  <si>
    <t>2011-04-25 13:23:50.673000+00:00</t>
  </si>
  <si>
    <t>2011-04-27 19:04:24.767000+00:00</t>
  </si>
  <si>
    <t>How do I generate custom title tag in wordpress manually?</t>
  </si>
  <si>
    <t>&lt;p&gt;Here's the sample code:&lt;/p&gt;
&lt;pre&gt;&lt;code&gt;&amp;lt;title&amp;gt;Reviews &amp;lt;?php wp_title();?&amp;gt;&amp;lt;?php echo " (".get_post_meta($post-&amp;gt;ID, 'imdb_year', true).")"; ?&amp;gt;&amp;lt;/title&amp;gt;
&lt;/code&gt;&lt;/pre&gt;
&lt;p&gt;And How do I create the wp_title() function above correctly?&lt;/p&gt;</t>
  </si>
  <si>
    <t>2017-08-11 17:31:30.513000+00:00</t>
  </si>
  <si>
    <t>2017-08-11 18:11:40.747000+00:00</t>
  </si>
  <si>
    <t>R Read table, keep quotes in string</t>
  </si>
  <si>
    <t>&lt;p&gt;For example, I have a file with the following contents:&lt;/p&gt;
&lt;pre&gt;&lt;code&gt;x=setwd('./blabla/bla'); system('python ........');
b=1,2,3
...
&lt;/code&gt;&lt;/pre&gt;
&lt;p&gt;This is a list of stuff of a problem which I need to keep and process later on.&lt;/p&gt;
&lt;p&gt;I need to use read table, but the problem I'm having is that the string loses the quotes and becomes:&lt;/p&gt;
&lt;pre&gt;&lt;code&gt;setwd(./blabla/bla);
&lt;/code&gt;&lt;/pre&gt;
&lt;p&gt;How can I keep the quotes by reading with read.table? If I use &lt;code&gt;quote=""&lt;/code&gt;, it gives me an error:&lt;/p&gt;
&lt;blockquote&gt;
  &lt;p&gt;Error in scan(file, what, nmax, sep, dec, quote, skip, nlines, na.strings,  :&lt;br&gt;
      line 1 did not have 4 elements&lt;/p&gt;
&lt;/blockquote&gt;</t>
  </si>
  <si>
    <t>2014-03-17 12:13:22.873000+00:00</t>
  </si>
  <si>
    <t>2014-03-17 16:21:45.973000+00:00</t>
  </si>
  <si>
    <t>2014-03-17 15:27:23.390000+00:00</t>
  </si>
  <si>
    <t>How to call a php file with parameters on click of a button?</t>
  </si>
  <si>
    <t>&lt;p&gt;I have the following code in a file called send_payment.php that I have been given. It sends some parameters to a bank payment page, I presume when a form has been submitted somewhere. &lt;/p&gt;
&lt;p&gt;&lt;/p&gt;
&lt;pre&gt;&lt;code&gt;&amp;lt;head&amp;gt;
    &amp;lt;script type="text/javascript"&amp;gt;
        function onLoad()
        {
            document.frmInput.submit();
        }   
    &amp;lt;/script&amp;gt;
&amp;lt;/head&amp;gt;
&amp;lt;body onLoad="onLoad();"&amp;gt;
&amp;lt;form name="frmInput" id="frmInput" 
action="https://tmbepgw.tmbbank.com/TMBPayment/Payment.aspx" method="post"&amp;gt;
    &amp;lt;input type="hidden" id=MERID name=MERID value="000001110801149"&amp;gt;
    &amp;lt;input type="hidden" id=TERMINALID name=TERMINALID value="78000113"&amp;gt;
    &amp;lt;input type="hidden" id=AMOUNT name=amount value="000000000000"&amp;gt;
    &amp;lt;input type="hidden" id=BACKENDURL name=BackendUrl value=""&amp;gt;
    &amp;lt;input type="hidden" id=RESPONSEURL name=ResponseUrl value="http://www.nibh.com/html"&amp;gt;
    &amp;lt;input type="hidden" id=MERCHANTDATA name=merchantdata value="NIBH"&amp;gt;
    &amp;lt;input type="hidden" id=INVOICENO name=INVOICENO value="090517153914"&amp;gt;
    &amp;lt;input type="hidden" id=CURRENCYCODE name=CURRENCYCODE value="764"&amp;gt;
    &amp;lt;input type="hidden" id=VERSION name=VERSION value="1.0"&amp;gt;
&amp;lt;/form&amp;gt;
&amp;lt;/body&amp;gt;
&amp;lt;/html&amp;gt;
&lt;/code&gt;&lt;/pre&gt;
&lt;p&gt;I have the code from a form submission on my site, that contains an href upon click of a button:&lt;/p&gt;
&lt;pre&gt;&lt;code&gt;&amp;lt;a class="button" href="#"&amp;gt;Make Payment&amp;lt;/a&amp;gt;
&lt;/code&gt;&lt;/pre&gt;
&lt;p&gt;In that code I have access to fields from the form like $AMOUNT etc... for the send_payment.php.&lt;/p&gt;
&lt;p&gt;But, am stuck. I want to make the same call as in the .php file when the user clicks submit.&lt;/p&gt;
&lt;ol&gt;
&lt;li&gt;How do I call the same code as in send_payment.php file when my button is clicked?&lt;/li&gt;
&lt;li&gt;I just want to send the same variables in the 'action' of the send_payment page&lt;/li&gt;
&lt;li&gt;&lt;p&gt;Is it best to call a php file to do this - if so any guides on how to send parameters to a php file and then call that URL:&lt;/p&gt;
&lt;p&gt;"&lt;a href="https://tmbepgw.tmbbank.com/TMBPayment/Payment.aspx" rel="nofollow noreferrer"&gt;https://tmbepgw.tmbbank.com/TMBPayment/Payment.aspx&lt;/a&gt;" method="post"&lt;/p&gt;&lt;/li&gt;
&lt;/ol&gt;
&lt;p&gt;With the variables I have at that time? (e.g. $amount etc...)&lt;/p&gt;
&lt;p&gt;Thanks.&lt;/p&gt;</t>
  </si>
  <si>
    <t>2017-05-09 22:41:12.567000+00:00</t>
  </si>
  <si>
    <t>2017-05-11 00:19:25.763000+00:00</t>
  </si>
  <si>
    <t>What does var i$0 mean in javascript?</t>
  </si>
  <si>
    <t>&lt;p&gt;I'm looking at a javascript file someone else wrote, and I see a loop that does this:&lt;/p&gt;
&lt;pre&gt;&lt;code&gt;for (var i$0 = 0; i$0 &amp;lt; strings.length; ++i$0)
{
  var id$1 = strings[i$0][0];
  var data = strings[i$0][1];
  // ... blah
}
&lt;/code&gt;&lt;/pre&gt;
&lt;p&gt;Since I am not super familiar with every feature javascript has to offer, what do &lt;code&gt;i$0&lt;/code&gt; and &lt;code&gt;id$1&lt;/code&gt; mean? Do they create a variable name based on input/command line parameters or do they do something else entirely?&lt;/p&gt;</t>
  </si>
  <si>
    <t>2017-03-17 19:32:48.900000+00:00</t>
  </si>
  <si>
    <t>2017-03-17 19:44:46.487000+00:00</t>
  </si>
  <si>
    <t>Substitute onclick with addEventListener</t>
  </si>
  <si>
    <t>&lt;p&gt;In a for loop I found this legacy code and I want to use &lt;code&gt;addEventListener("click"...)&lt;/code&gt; instead of the current &lt;code&gt;onclick&lt;/code&gt;. How can I convert this piece of code? I can't undestand how can I pass the function as the second argument of the &lt;code&gt;addEventListener&lt;/code&gt; method.&lt;/p&gt;
&lt;pre&gt;&lt;code&gt;el.onclick = (function() {
                  var value="num"+i;
                  //
                  return function() {test(value);}
})();
&lt;/code&gt;&lt;/pre&gt;</t>
  </si>
  <si>
    <t>2012-07-05 13:19:52.050000+00:00</t>
  </si>
  <si>
    <t>2012-07-05 13:38:50.347000+00:00</t>
  </si>
  <si>
    <t>Base class methods calling derived class methods, any possible solution?</t>
  </si>
  <si>
    <t>&lt;p&gt;I am unable to find a solution to my problem other than modifying all the derived classes.&lt;/p&gt;
&lt;p&gt;I have a &lt;code&gt;Base&lt;/code&gt; class and some 1000 &lt;code&gt;Derived&lt;/code&gt; classes inheriting from &lt;code&gt;Base&lt;/code&gt;. Now, there is another class say &lt;code&gt;Container&lt;/code&gt; which contains a vector of &lt;code&gt;Base&lt;/code&gt; class pointers &lt;code&gt;std::vector&amp;lt;Base *&amp;gt; derivList&lt;/code&gt;.&lt;/p&gt;
&lt;p&gt;The above list is populated with the addresses of all the derived classes objects after creation.&lt;/p&gt;
&lt;p&gt;All the files are in different translation units.&lt;/p&gt;
&lt;p&gt;&lt;strong&gt;What I want to do&lt;/strong&gt;:&lt;/p&gt;
&lt;p&gt;&lt;code&gt;1)&lt;/code&gt; To be able to call a single function of &lt;code&gt;Base&lt;/code&gt; class  from &lt;code&gt;Container&lt;/code&gt; class using the elements of vector in the Container which are pointing to different derived classes. &lt;/p&gt;
&lt;p&gt;&lt;code&gt;2)&lt;/code&gt; But when I call this function, inside that function I should go be able to access the &lt;code&gt;public members&lt;/code&gt; of different &lt;code&gt;Derived&lt;/code&gt; class to which the &lt;code&gt;Base&lt;/code&gt; class pointer is pointing to.&lt;/p&gt;
&lt;pre&gt;&lt;code&gt;class Base
{
  public: 
    virtual void someMethod();
    void containerCallsThisMethod();
};
void Base::containerCallsThisMethod()
{
  // I need to access the public functions of derived classes here
  // say: Derived1::calc(), Derived2::calc,.( I don't have derived class names here in  Base)
}
class Derived1:public Base
{
   public:
      void calc();
};
class Container
{
    std::vector&amp;lt;Base *&amp;gt; derivList;
    void execute();
};
void Container::execute()
{
    for(i = 0; i &amp;lt; derivList.size();i++)
    {
      derivList[i]-&amp;gt;containerCallsThisMethod();
    }
}
&lt;/code&gt;&lt;/pre&gt;
&lt;p&gt;&lt;strong&gt;My constraints are&lt;/strong&gt;:&lt;/p&gt;
&lt;ul&gt;
&lt;li&gt;I should not &lt;strong&gt;Touch&lt;/strong&gt; the &lt;code&gt;Derived&lt;/code&gt; class as it is very laborious, but still I can change the &lt;code&gt;Base&lt;/code&gt; class.&lt;/li&gt;
&lt;li&gt;&lt;code&gt;Base&lt;/code&gt; can't have a list( not even forward declarations) of &lt;code&gt;Derived&lt;/code&gt; classes.&lt;/li&gt;
&lt;/ul&gt;
&lt;p&gt;I thought I could do it through the &lt;code&gt;this&lt;/code&gt; pointer as it has the &lt;code&gt;ClassName&lt;/code&gt; type for &lt;code&gt;non-const&lt;/code&gt; functions and it points to the derived class objects. But I am unable to call the &lt;code&gt;Derived&lt;/code&gt; class methods using &lt;code&gt;this&lt;/code&gt;. &lt;/p&gt;
&lt;p&gt;Is there any way to do this without much labor, any specific design pattern or a hack?&lt;/p&gt;</t>
  </si>
  <si>
    <t>2013-08-07 11:05:25.380000+00:00</t>
  </si>
  <si>
    <t>2016-12-02 00:13:18.477000+00:00</t>
  </si>
  <si>
    <t>'AttributeError' while trying to create a console screen using urwid</t>
  </si>
  <si>
    <t>&lt;p&gt;code below creates a layout and displays some text in the layout. Next the layout is displayed on the console screen using raw display module from urwid library. (More info on my complete project can be gleaned from questions at &lt;a href="https://stackoverflow.com/questions/17846930/required-widgets-for-displaying-a-1d-console-application"&gt;widget advice for a console project&lt;/a&gt; and &lt;a href="https://stackoverflow.com/questions/17381319/using-urwid-to-create-a-2d-console-application"&gt;urwid for a console project&lt;/a&gt;. My skype help request being &lt;a href="https://stackoverflow.com/questions/17846113/widget-to-choose-for-1d-urwid-application"&gt;here&lt;/a&gt;.) However running the code fails as an AttributeError is raised as described below. On looking at source code for urwid at /usr/lib64/python2.7/site-packages/urwid I see that both main_loop.py and curses_display.py have a draw_screen function with different arguments :
main_loop.py -&gt;    def draw_screen(self):&lt;/p&gt;
&lt;p&gt;curses_display.py &gt; def draw_screen(self, (cols, rows), r ):&lt;/p&gt;
&lt;p&gt;Do I have to specify which one to use by something like &lt;strong&gt;import draw_screen from specificFile&lt;/strong&gt; command ? Or is there anything fundamentally wrong I am looking at the canvas concept ? I can also see that the frame class (&lt;strong&gt;class Frame(BoxWidget):&lt;/strong&gt; ) in the file 
/usr/lib64/python2.7/site-packages/urwid/&lt;strong&gt;container.py&lt;/strong&gt; has a render function  (&lt;strong&gt;def render(self, size, focus=False):&lt;/strong&gt;)&lt;/p&gt;
&lt;p&gt;Error on running code is :&lt;br&gt;
&lt;code&gt;
Traceback (most recent call last):&lt;br&gt;
      File "./yamlUrwidUIPhase6.py", line 104, in &amp;lt;module&amp;gt;&lt;br&gt;
        main()
      File "./yamlUrwidUIPhase6.py", line 98, in main&lt;br&gt;
        form.main()&lt;br&gt;
      File "./yamlUrwidUIPhase6.py", line 51, in main&lt;br&gt;
        self.loop.run()&lt;br&gt;
      File "/usr/lib64/python2.7/site-packages/urwid/main_loop.py", line 274, in run&lt;br&gt;
        self.screen.run_wrapper(self._run)&lt;br&gt;
      File "/usr/lib64/python2.7/site-packages/urwid/raw_display.py", line 237, in       run_wrapper
    return fn()&lt;br&gt;
      File "/usr/lib64/python2.7/site-packages/urwid/main_loop.py", line 285, in _run
    self.draw_screen()&lt;br&gt;
      File "/usr/lib64/python2.7/site-packages/urwid/main_loop.py", line 508, in draw_screen&lt;br&gt;
    canvas = self._topmost_widget.render(self.screen_size, focus=True)&lt;br&gt;
AttributeError: 'NoneType' object has no attribute 'render'
&lt;/code&gt;&lt;/p&gt;
&lt;p&gt;The code :&lt;/p&gt;
&lt;pre&gt;&lt;code&gt;import sys  
sys.path.append('./lib')  
import os  
from pprint import pprint  
import random  
import urwid  
ui=urwid.raw_display.Screen()
class FormDisplay(object):
    def __init__(self):
        global ui
        self.ui = ui
        self.palette = self.ui.register_palette([
            ('Field', 'dark green, bold', 'black'), # information fields, Search: etc.
            ('Info', 'dark green', 'black'), # information in fields
            ('Bg', 'black', 'black'), # screen background
            ('InfoFooterText', 'white', 'dark blue'), # footer text
            ('InfoFooterHotkey', 'dark cyan, bold', 'dark blue'), # hotkeys in footer text
            ('InfoFooter', 'black', 'dark blue'),  # footer background
            ('InfoHeaderText', 'white, bold', 'dark blue'), # header text
            ('InfoHeader', 'black', 'dark blue'), # header background
            ('BigText', RandomColor(), 'black'), # main menu banner text
            ('GeneralInfo', 'brown', 'black'), # main menu text
            ('LastModifiedField', 'dark cyan, bold', 'black'), # Last modified:
            ('LastModifiedDate', 'dark cyan', 'black'), # info in Last modified:
            ('PopupMessageText', 'black', 'dark cyan'), # popup message text
            ('PopupMessageBg', 'black', 'dark cyan'), # popup message background
            ('SearchBoxHeaderText', 'light gray, bold', 'dark cyan'), # field names in the search box
            ('SearchBoxHeaderBg', 'black', 'dark cyan'), # field name background in the search box
            ('OnFocusBg', 'white', 'dark magenta') # background when a widget is focused
           ])
        urwid.set_encoding('utf8')
    def main(self):
        global ui
        #self.view = ui.run_wrapper(formLayout)
        self.ui.start()
        self.view = formLayout()
        self.loop = urwid.MainLoop(self.view, self.palette, unhandled_input=self.unhandled_input)
        self.loop.run()
    def unhandled_input(self, key):
        if key == 'f8':
          quit()
          return
def formLayout():
    global ui
    text1 = urwid.Text("Urwid 3DS Application program - F8 exits.")
    text2 = urwid.Text("One mission accomplished")
    textH = urwid.Text("topmost Pile text")
    cols = urwid.Columns([text1,text2])
    pile = urwid.Pile([textH,cols])
    fill = urwid.Filler(pile)
    textT  = urwid.Text("Display") 
    textSH = urwid.Text("Pile text in Frame")
    textF = urwid.Text("Good progress !")
    frame = urwid.Frame(fill,header=urwid.Pile([textT,textSH]),footer=textF)
    dim = ui.get_cols_rows()
    #ui is treated as global handle for all functions, either belonging
    #to any class or standalone functions such as formLayout
    #need to check if screen has been started
    if not ui._started:
        print("Screen has not been started, so no use of rendering.Thus return :-( ")
        return
    ui.draw_screen(dim, frame.render(dim, True))
    return
def RandomColor():
    '''Pick a random color for the main menu text'''
    listOfColors = ['dark red', 'dark green', 'brown', 'dark blue',
                    'dark magenta', 'dark cyan', 'light gray',
                    'dark gray', 'light red', 'light green', 'yellow',
                    'light blue', 'light magenta', 'light cyan', 'default']
    color = listOfColors[random.randint(0, 14)]
    return color
def main():
    form = FormDisplay()
    form.main()
########################################
##### MAIN ENTRY POINT
########################################
if __name__ == '__main__':
    main()
&lt;/code&gt;&lt;/pre&gt;
&lt;p&gt;I don't want to change the function formLayout as I intend to add more to this basic code framework, where in another function will be added that repeatedly calls formLayout to keep updating the screen based on reading values from a yml file. I already have a separate code that deals with reading the yaml file and extracting ordered dictionaries out it. After figuring out how to get basic urwid console working, I can move on to integrating both to create my final application. &lt;/p&gt;</t>
  </si>
  <si>
    <t>2013-07-28 13:14:07.977000+00:00</t>
  </si>
  <si>
    <t>2013-07-29 17:43:00.460000+00:00</t>
  </si>
  <si>
    <t>python|user-interface|python-2.7|console-application|urwid</t>
  </si>
  <si>
    <t>hibernate parent loop to fetch children</t>
  </si>
  <si>
    <t>&lt;p&gt;Hello I have an app using Hibernate/JPA and Spring Data.
I have 2 entities with a parent child relationship with one to many relationship.
They are below:&lt;/p&gt;
&lt;p&gt;this is the parent:&lt;/p&gt;
&lt;pre&gt;&lt;code&gt;@Entity
@Table(name = "dataset")
public class Dataset {
    @Id
    @GenericGenerator(name = "generator", strategy = "increment")
    @GeneratedValue(generator = "generator")
    private Long id;
    @Column(name = "name", nullable = false)
    private String name;
    @Column(name = "guid", nullable = false)
    private String guid;
    @Column(name = "size", nullable = false)
    private Long size;
    @Column(name = "create_time", nullable = false)
    private Date createTime;
    @OneToOne(optional = false)
    @JoinColumn(name = "created_by")
    private User createdBy;
    @Column(name = "active", nullable = false)
    private boolean active;
    @Column(name = "orig_source", nullable = false)
    private String origSource;
    @Column(name = "orig_source_type", nullable = false)
    private String origSourceType;
    @Column(name = "orig_source_org", nullable = false)
    private String origSourceOrg;
    @Column(name = "uri", nullable = false)
    private String uri;
    @Column(name = "mimetype", nullable = false)
    private String mimetype;
    @Column(name = "registration_state", nullable = false)
    private int registrationState;
    @OneToMany(fetch = FetchType.EAGER, cascade = {CascadeType.ALL})
    @JoinColumn(name = "dataset_id")
    @JsonManagedReference
    private List&amp;lt;DatasetFile&amp;gt; datasetFiles;
    ...
}
&lt;/code&gt;&lt;/pre&gt;
&lt;p&gt;and this is the child:&lt;/p&gt;
&lt;pre&gt;&lt;code&gt;@Entity
@Table(name = "dataset_file")
public class DatasetFile implements Serializable {
    @Id
    @GenericGenerator(name = "generator", strategy = "increment")
    @GeneratedValue(generator = "generator")
    private Long id;
    @Column(name = "filename", nullable = false)
    private String filename;
    @Column(name = "filesize", nullable = false)
    private Long filesize;
    @Column(name = "location", nullable = false)
    private String uri;
    @Column(name = "alias", nullable = false)
    private String alias;
    @Column(name = "guid", nullable = false)
    private String guid;
    @Column(name = "mimetype", nullable = false)
    private String mimetype;
    @ManyToOne(fetch = FetchType.EAGER)
    @JoinColumn(name = "dataset_id")
    @JsonBackReference
    private Dataset dataset;
&lt;/code&gt;&lt;/pre&gt;
&lt;p&gt;The following is the Spring Data repository I created:&lt;/p&gt;
&lt;pre&gt;&lt;code&gt;public interface DatasetRepo extends JpaRepository&amp;lt;Dataset, Long&amp;gt; {
    @Query("SELECT CASE WHEN COUNT(p) &amp;gt; 0 THEN 'true' ELSE 'false' END FROM Dataset p WHERE p.uri = ?1")
    public Boolean existsByURI(String location);
}
&lt;/code&gt;&lt;/pre&gt;
&lt;p&gt;When I call the repository's &lt;code&gt;findAll()&lt;/code&gt; method I'm noticing that Hibernate first fetches all the parents, then loops through each parent and runs a query per parent to fetch the children, I can't imagine that Hibernate doesn't know to just run 1 query to fetch the parents and the children all in one fell swoop and unmarshall the record set accordingly.&lt;/p&gt;
&lt;p&gt;below is the snippet from the log (annotated with my own comments)&lt;/p&gt;
&lt;pre&gt;&lt;code&gt;//this is where it fetches the data set
Hibernate: select dataset0_.id as id1_1_, dataset0_.active as active2_1_, dataset0_.create_time as create_t3_1_, dataset0_.created_by as created13_1_, dataset0_.guid as guid4_1_, dataset0_.mimetype as mimetype5_1_, dataset0_.name as name6_1_, dataset0_.orig_source as orig_sou7_1_, dataset0_.orig_source_org as orig_sou8_1_, dataset0_.orig_source_type as orig_sou9_1_, dataset0_.registration_state as registr10_1_, dataset0_.size as size11_1_, dataset0_.uri as uri12_1_ from dataset dataset0_
//this is where it fetches the create user
Hibernate: select user0_.id as id1_5_1_, user0_.active as active2_5_1_, user0_.fn as fn3_5_1_, user0_.home_div as home_div4_5_1_, user0_.ln as ln5_5_1_, user0_.mi as mi6_5_1_, user0_.password as password7_5_1_, user0_.username as username8_5_1_, authoritie1_.id_user as id_user1_5_3_, authority2_.id as id_autho2_6_3_, authority2_.id as id1_0_0_, authority2_.name as name2_0_0_ from user user0_ left outer join users_authority authoritie1_ on user0_.id=authoritie1_.id_user left outer join authority authority2_ on authoritie1_.id_authority=authority2_.id where user0_.id=?
//this is where it fetch dataset files
Hibernate: select datasetfil0_.dataset_id as dataset_8_1_1_, datasetfil0_.id as id1_2_1_, datasetfil0_.id as id1_2_0_, datasetfil0_.alias as alias2_2_0_, datasetfil0_.dataset_id as dataset_8_2_0_, datasetfil0_.filename as filename3_2_0_, datasetfil0_.filesize as filesize4_2_0_, datasetfil0_.guid as guid5_2_0_, datasetfil0_.mimetype as mimetype6_2_0_, datasetfil0_.location as location7_2_0_ from dataset_file datasetfil0_ where datasetfil0_.dataset_id=?
    Hibernate: select datasetfil0_.dataset_id as dataset_8_1_1_, datasetfil0_.id as id1_2_1_, datasetfil0_.id as id1_2_0_, datasetfil0_.alias as alias2_2_0_, datasetfil0_.dataset_id as dataset_8_2_0_, datasetfil0_.filename as filename3_2_0_, datasetfil0_.filesize as filesize4_2_0_, datasetfil0_.guid as guid5_2_0_, datasetfil0_.mimetype as mimetype6_2_0_, datasetfil0_.location as location7_2_0_ from dataset_file datasetfil0_ where datasetfil0_.dataset_id=?
    Hibernate: select datasetfil0_.dataset_id as dataset_8_1_1_, datasetfil0_.id as id1_2_1_, datasetfil0_.id as id1_2_0_, datasetfil0_.alias as alias2_2_0_, datasetfil0_.dataset_id as dataset_8_2_0_, datasetfil0_.filename as filename3_2_0_, datasetfil0_.filesize as filesize4_2_0_, datasetfil0_.guid as guid5_2_0_, datasetfil0_.mimetype as mimetype6_2_0_, datasetfil0_.location as location7_2_0_ from dataset_file datasetfil0_ where datasetfil0_.dataset_id=?
    Hibernate: select datasetfil0_.dataset_id as dataset_8_1_1_, datasetfil0_.id as id1_2_1_, datasetfil0_.id as id1_2_0_, datasetfil0_.alias as alias2_2_0_, datasetfil0_.dataset_id as dataset_8_2_0_, datasetfil0_.filename as filename3_2_0_, datasetfil0_.filesize as filesize4_2_0_, datasetfil0_.guid as guid5_2_0_, datasetfil0_.mimetype as mimetype6_2_0_, datasetfil0_.location as location7_2_0_ from dataset_file datasetfil0_ where datasetfil0_.dataset_id=?
    Hibernate: select datasetfil0_.dataset_id as dataset_8_1_1_, datasetfil0_.id as id1_2_1_, datasetfil0_.id as id1_2_0_, datasetfil0_.alias as alias2_2_0_, datasetfil0_.dataset_id as dataset_8_2_0_, datasetfil0_.filename as filename3_2_0_, datasetfil0_.filesize as filesize4_2_0_, datasetfil0_.guid as guid5_2_0_, datasetfil0_.mimetype as mimetype6_2_0_, datasetfil0_.location as location7_2_0_ from dataset_file datasetfil0_ where datasetfil0_.dataset_id=?
...
&lt;/code&gt;&lt;/pre&gt;
&lt;p&gt;Any idea how to help Hibernate to smarter about these queries?  (If I were to write this in raw SQL I'd join the dataset, user, and dataset_file all in one query, it's many times faster.&lt;/p&gt;
&lt;p&gt;Thank you&lt;/p&gt;</t>
  </si>
  <si>
    <t>2016-08-02 14:57:00.633000+00:00</t>
  </si>
  <si>
    <t>2016-10-07 13:27:00.543000+00:00</t>
  </si>
  <si>
    <t>hibernate|jpa|spring-data-jpa</t>
  </si>
  <si>
    <t>while run JUNit test in shows NullPointerException.. but my code is completely error free</t>
  </si>
  <si>
    <t>&lt;blockquote&gt;
  &lt;p&gt;java.lang.NullPointerException    at
  com.Accounts.Account.deposit(Account.java:14)     at
  feature.PrintStatementFeature.print_statement_containing_all_transactions(PrintStatementFeature.java:30)
    at sun.reflect.NativeMethodAccessorImpl.invoke0(Native Method)  at
  sun.reflect.NativeMethodAccessorImpl.invoke(Unknown Source)   at
  sun.reflect.DelegatingMethodAccessorImpl.invoke(Unknown Source)   at
  java.lang.reflect.Method.invoke(Unknown Source)   at
  org.junit.runners.model.FrameworkMethod$1.runReflectiveCall(FrameworkMethod.java:50)
    at
  org.junit.internal.runners.model.ReflectiveCallable.run(ReflectiveCallable.java:12)
    at
  org.junit.runners.model.FrameworkMethod.invokeExplosively(FrameworkMethod.java:47)
    at
  org.junit.internal.runners.statements.InvokeMethod.evaluate(InvokeMethod.java:17)
    at
  org.junit.internal.runners.statements.RunBefores.evaluate(RunBefores.java:26)
    at org.junit.runners.ParentRunner.runLeaf(ParentRunner.java:325)    at
  org.junit.runners.BlockJUnit4ClassRunner.runChild(BlockJUnit4ClassRunner.java:78)
    at
  org.junit.runners.BlockJUnit4ClassRunner.runChild(BlockJUnit4ClassRunner.java:57)
    at org.junit.runners.ParentRunner$3.run(ParentRunner.java:290)  at
  org.junit.runners.ParentRunner$1.schedule(ParentRunner.java:71)   at
  org.junit.runners.ParentRunner.runChildren(ParentRunner.java:288)     at
  org.junit.runners.ParentRunner.access$000(ParentRunner.java:58)   at
  org.junit.runners.ParentRunner$2.evaluate(ParentRunner.java:268)  at
  org.junit.runners.ParentRunner.run(ParentRunner.java:363)     at
  org.mockito.internal.runners.DefaultInternalRunner$1.run(DefaultInternalRunner.java:68)
    at
  org.mockito.internal.runners.DefaultInternalRunner.run(DefaultInternalRunner.java:74)
    at
  org.mockito.internal.runners.StrictRunner.run(StrictRunner.java:39)
    at
  org.mockito.junit.MockitoJUnitRunner.run(MockitoJUnitRunner.java:161)
    at
  org.eclipse.jdt.internal.junit4.runner.JUnit4TestReference.run(JUnit4TestReference.java:86)
    at
  org.eclipse.jdt.internal.junit.runner.TestExecution.run(TestExecution.java:38)
    at
  org.eclipse.jdt.internal.junit.runner.RemoteTestRunner.runTests(RemoteTestRunner.java:459)
    at
  org.eclipse.jdt.internal.junit.runner.RemoteTestRunner.runTests(RemoteTestRunner.java:678)
    at
  org.eclipse.jdt.internal.junit.runner.RemoteTestRunner.run(RemoteTestRunner.java:382)
    at
  org.eclipse.jdt.internal.junit.runner.RemoteTestRunner.main(RemoteTestRunner.java:192)&lt;/p&gt;
&lt;/blockquote&gt;
&lt;p&gt;My Code is this
package feature;&lt;/p&gt;
&lt;pre&gt;&lt;code&gt;@RunWith(MockitoJUnitRunner.class)
public class PrintStatementFeature {
    @Mock Console console;  
    private Account account;
    @Before 
    public void initialise() {
        TransactionRepository transactionRepository = new TransactionRepository();
        account = new Account(transactionRepository); //now create its local variable.
    }
    @Test public void   
    print_statement_containing_all_transactions ()
    {
        account.deposit(1000);
        account.withdraw(100);
        account.deposit(500);
        account.printStatement();
        InOrder inOrder = inOrder(console);
        inOrder.verify(console).printLine("DATE.........|...AMOUNT...|...BALANCE... ");
        inOrder.verify(console).printLine("17/04/2015...|....500.....|.....1400.... ");
        inOrder.verify(console).printLine("15/04/2015...|...-100.....|.....1400.... ");
        inOrder.verify(console).printLine("10/04/2015...|....1000....|.....1500.... ");
    }
}
&lt;/code&gt;&lt;/pre&gt;</t>
  </si>
  <si>
    <t>2017-10-10 11:53:02.453000+00:00</t>
  </si>
  <si>
    <t>2017-10-10 14:28:12.190000+00:00</t>
  </si>
  <si>
    <t>user5845413</t>
  </si>
  <si>
    <t>java|junit|mockito</t>
  </si>
  <si>
    <t>How do I return my large Google BigQuery v2 response?</t>
  </si>
  <si>
    <t>&lt;p&gt;I have tried to run a simple query, but I get the error &lt;code&gt;response too large to return&lt;/code&gt;&lt;/p&gt;
&lt;blockquote&gt;
  &lt;p&gt;SELECT accno, year, month,  count(*) as cnt&lt;br/&gt;
  FROM eric.accesslogs_tbl&lt;br/&gt;
  GROUP BY accno, year, month&lt;br/&gt;
  ORDER BY cnt, year, month limit 1000;&lt;/p&gt;
&lt;/blockquote&gt;
&lt;p&gt;My data table statistics: &lt;/p&gt;
&lt;blockquote&gt;
  &lt;p&gt;Table Size:    64.7 GB&lt;br/&gt;
  Number of Rows: 59,971,371&lt;/p&gt;
&lt;/blockquote&gt;
&lt;p&gt;Is there a workaround for it? Otherwise, we can't use it.&lt;/p&gt;</t>
  </si>
  <si>
    <t>2012-10-02 20:08:13.010000+00:00</t>
  </si>
  <si>
    <t>2012-10-04 09:28:40.110000+00:00</t>
  </si>
  <si>
    <t>Dropzone custom config typeError on thumb preview</t>
  </si>
  <si>
    <t>&lt;p&gt;When using the following dropzone config I get an error but only when the thumbnail is generated.&lt;/p&gt;
&lt;pre&gt;&lt;code&gt;Error: TypeError: file.acceptDimensions is not a function
Source File: .../jquery.js?v=3 line 2 &amp;gt; eval
Line: 66
In firebug I see at line 70 the error is at Emitter.prototype.off = function(event, fn) {
&lt;/code&gt;&lt;/pre&gt;
&lt;p&gt;Standard setup works fine. Can anybody spot the issue and fix my drop out zone! &lt;/p&gt;
&lt;pre&gt;&lt;code&gt;var uploader = new Dropzone('#droparea', {  
previewTemplate: previewTemplate,               // preview Template
previewsContainer: "#av-dz-preview",            // container Holding html5 image previews
url: upload_url,
maxFiles:1,                                     // number of files
maxFilesize: 4,                                 // in MB
acceptedFiles: '.jpg, .gif, .png, .jpeg',       // allowed image types don't use image/*
autoQueue: false,                               // make sure the files aren't queued until manually added
addRemoveLinks: false,                          // show remove links bool
thumbnailHeight:40,                             // ds thumb preview width in px (int)
thumbnailWidth: 40,                             // dz thumb preview height in px (int)
createImageThumbnails: true,                    // show thumbnails bool
clickable: "#add-file",                         // Define the element that should be used as click trigger to select files.
init: function() {
this.on("thumbnail", function(file) {
      if (file.width &amp;lt; thumbW || file.height &amp;lt; thumbH) {
        file.rejectDimensions();
      }
      else {
        file.acceptDimensions();
      }
    });
  },
  accept: function(file, done) {
    file.acceptDimensions = done;
    file.rejectDimensions = function() { done("Image is too small"); };
  }, });
&lt;/code&gt;&lt;/pre&gt;</t>
  </si>
  <si>
    <t>2015-10-07 11:23:45.530000+00:00</t>
  </si>
  <si>
    <t>2015-10-07 11:58:36.183000+00:00</t>
  </si>
  <si>
    <t>dropzone.js</t>
  </si>
  <si>
    <t>.hgignore directory "_notes" throughout repository tree?</t>
  </si>
  <si>
    <t>&lt;p&gt;I want to ignore all directories "_notes" throughout a repository. _notes is generated by dreamweaver and is not part of the project itself, but these directories are scattered throughout the project.&lt;/p&gt;
&lt;p&gt;Somehow ^_notes$ is not doing the job in .hgignore ... Do I have to direct .hgignore to each and every directory "_notes" or does it do it recursively?&lt;/p&gt;
&lt;p&gt;I am not quite sure about the man pages&lt;/p&gt;</t>
  </si>
  <si>
    <t>2010-04-14 09:41:58.763000+00:00</t>
  </si>
  <si>
    <t>2010-05-20 05:21:51.973000+00:00</t>
  </si>
  <si>
    <t>mercurial|hgignore</t>
  </si>
  <si>
    <t>Passing Redux Store down to multiple Providers</t>
  </si>
  <si>
    <t>&lt;p&gt;I'm having trouble with Redux. Im trying to pass 1 store down to multiple providers but when I update the State, the changes are only made to Component A and not to Component B.&lt;/p&gt;
&lt;p&gt;This is where I create my store. -configureStore.js&lt;/p&gt;
&lt;pre&gt;&lt;code&gt;import {createStore, combineReducers, applyMiddleware, compose} from 'redux';
import listsReducer from '../reducers/lists';
import usersReducer from '../reducers/users';
import thunk from 'redux-thunk';
const composeEnhancers = window.__REDUX_DEVTOOLS_EXTENSION_COMPOSE__ || compose;
//Store Creation
//combine reducers in object
export default () =&amp;gt; {
    const store = createStore(
    combineReducers({
            listsData: listsReducer,
            usersData: usersReducer
        }),
        composeEnhancers(applyMiddleware(thunk))
    );
    return store;
};
&lt;/code&gt;&lt;/pre&gt;
&lt;p&gt;and this is where I am trying to pass it down to multiple Providers, but the state doesn't get updated in both Stores.&lt;/p&gt;
&lt;pre&gt;&lt;code&gt;import React from 'react';
import ReactDOM from 'react-dom';
import { Provider } from 'react-redux';
import configureStore from './store/configureStore';
import Header from './components/Header';
import ListGrid from './components/ListGrid';
import LeadsList from './components/LeadsList';
//Redux
const store = configureStore();
const AppRouter = () =&amp;gt; (
    &amp;lt;div&amp;gt;
        &amp;lt;Header/&amp;gt;
        &amp;lt;ListGrid/&amp;gt;
    &amp;lt;/div&amp;gt;
);
const jsx = (
    &amp;lt;Provider store={store}&amp;gt;
        &amp;lt;AppRouter/&amp;gt;
    &amp;lt;/Provider&amp;gt;
);
if (document.getElementById('root')) {
    ReactDOM.render(jsx, document.getElementById('root'));
}
const Belscherm = () =&amp;gt; (
    &amp;lt;div&amp;gt;
        &amp;lt;LeadsList/&amp;gt;
    &amp;lt;/div&amp;gt;
);
const bellen = (
    &amp;lt;Provider store={store}&amp;gt;
        &amp;lt;Belscherm/&amp;gt;
    &amp;lt;/Provider&amp;gt;
);
if (document.getElementById('bellen')) {
    ReactDOM.render(bellen, document.getElementById('bellen'));
}
&lt;/code&gt;&lt;/pre&gt;</t>
  </si>
  <si>
    <t>2018-03-17 14:20:06.157000+00:00</t>
  </si>
  <si>
    <t>2018-03-18 00:50:44.323000+00:00</t>
  </si>
  <si>
    <t>javascript|reactjs|ecmascript-6|redux|react-redux</t>
  </si>
  <si>
    <t>Performance tuning: Reading servlet request body</t>
  </si>
  <si>
    <t>&lt;p&gt;We are having a performance problem in our application - particularly when the browser client submits large volume of POST data to the server.&lt;/p&gt;
&lt;p&gt;The bottleneck is in reading the servlet request body into a Stringbuffer - which we have observed timings above 10 seconds for large requests:  (&lt;strong&gt;800 - 1400 KB&lt;/strong&gt;  - which, from the browsers perspective translates to anything between &lt;strong&gt;800,000 - 1,500,000&lt;/strong&gt; characters)&lt;/p&gt;
&lt;pre&gt;&lt;code&gt;        StringBuilder strBuilder = new StringBuilder(2 ^ 19);
        InputStreamReader isr = new InputStreamReader(request.getInputStream());
        BufferedReader bufReader = new BufferedReader(isr);
        char[] charBuffer = new char[2 ^ 19];
        for (int readCount = bufReader.read(charBuffer); readCount &amp;gt; -1; readCount = bufReader.read(charBuffer))
        {
            strBuilder.append(charBuffer, 0, readCount);
        }
&lt;/code&gt;&lt;/pre&gt;
&lt;p&gt;Some points to note:&lt;/p&gt;
&lt;ul&gt;
&lt;li&gt;The 'reader' variable in the code sample above corresponds to &lt;strong&gt;javax.servlet.ServletRequest&lt;/strong&gt; class&lt;/li&gt;
&lt;li&gt;Initially, the char buffer size was at &lt;strong&gt;128&lt;/strong&gt;, and no-arg StringBuilder. &lt;/li&gt;
&lt;li&gt;I subsequently increased this to &lt;strong&gt;2^19&lt;/strong&gt; to minimise the number of iterations, and resizing of the internal char buffer used by the StringBuilder for large input requests (for the examples detailed above)&lt;/li&gt;
&lt;/ul&gt;
&lt;p&gt;Yes, I have a nagging feeling there may be greater scalability issues lurking behind this problem :-). &lt;br/&gt;&lt;br/&gt;
However, before re-evaluating the design of the application, I would like to know whether there are any optimisations around this code block which I could try. &lt;/p&gt;
&lt;p&gt;Any suggestions would be much appreciated.&lt;/p&gt;</t>
  </si>
  <si>
    <t>2011-03-18 13:32:23.030000+00:00</t>
  </si>
  <si>
    <t>2011-03-25 14:15:21.920000+00:00</t>
  </si>
  <si>
    <t>2011-03-18 20:59:28.200000+00:00</t>
  </si>
  <si>
    <t>performance|servlets|java-ee</t>
  </si>
  <si>
    <t>Insert a new string to the trie graph</t>
  </si>
  <si>
    <t>&lt;p&gt;I am trying to implement the insert method of the Patricia Trie data structure and I am trying to handle this case:&lt;/p&gt;
&lt;ul&gt;
&lt;li&gt;first string: &lt;code&gt;abaxyzalexsky&lt;/code&gt;,&lt;/li&gt;
&lt;li&gt;second string: &lt;code&gt;abaxyzalex&lt;/code&gt;, &lt;/li&gt;
&lt;li&gt;third string: &lt;code&gt;abaxyz&lt;/code&gt;, &lt;/li&gt;
&lt;li&gt;fourth string: &lt;code&gt;aba&lt;/code&gt;&lt;/li&gt;
&lt;/ul&gt;
&lt;p&gt;I want to mark the trie as the following aba-xyz-alex-sky after inserting the fourth string, but I don't know how can I get it work.&lt;/p&gt;
&lt;p&gt;How can I mark the words in the trie in the case above?&lt;/p&gt;
&lt;pre&gt;&lt;code&gt;public void insert(String s) {
    if (nodeRoot == null) {
        nodeRoot = new TrieNode(s);
        nodeRoot.isWord = true;
    } else {
        insert(nodeRoot, s);
    }
}
private void insert(TrieNode node, String s) {
    int len1 = node.edge.length();
    int len2 = s.length();
    int len = Math.min(len1, len2);
    ArrayList&amp;lt;TrieNode&amp;gt; nextNode = node.getNext();
    for (int index = 0; index &amp;lt; len; index++) {
        if (s.charAt(index) != node.edge.charAt(index)) {
            // In case the both words have common substrings and after the
            // common substrings the words are split. For example abad, abac
} else if (index == (s.length() - 1)
                || index == (node.edge.length() - 1)) {
            // In case the node just needs one path since one word is
            // substring of the other.
            // For example (aba and abac)
            if (len1 &amp;gt; len2) {
                // node edge string is longer than the inserted one. For example (abac
                // and aba).
                String samesubString = node.edge.substring(0, index + 1);
                String different = node.edge.substring(index + 1);
                node.edge = samesubString;
                if (node.getNext() != null &amp;amp;&amp;amp; !node.getNext().isEmpty()) {
                    for (TrieNode subword : node.getNext()) {
                       //I am here when I insert the third string. The code below retrives wrong data structure.
                        TrieNode node1 = new TrieNode(different);
                        node1.isWord = true;
                        node1.next.add(subword);
                        node.next.add(node1);                           
                    }
                } else {
                    TrieNode leaf = new TrieNode(different);
                    leaf.isWord = true;
                    node.next.add(leaf);
                    for (TrieNode subword : node.getNext()) {
                        System.out.println(node.getEdge() + "---"
                                + subword.getEdge());
                    }
                }
            } else {
                // new inserted string value is longer. For example (aba
                // and abac).
            }
        } else {
            System.out.println("The strings are the same - " + index);
        }
    }
}
&lt;/code&gt;&lt;/pre&gt;
&lt;p&gt;&lt;strong&gt;NodeTrie class&lt;/strong&gt;&lt;/p&gt;
&lt;pre&gt;&lt;code&gt;package patriciaTrie;
import java.util.ArrayList;
public class TrieNode {
    ArrayList&amp;lt;TrieNode&amp;gt; next = new ArrayList&amp;lt;TrieNode&amp;gt;();
    String edge;
    boolean isWord;
    TrieNode(String edge){
        this.edge = edge;
    }
    public ArrayList&amp;lt;TrieNode&amp;gt; getNext() {
        return next;
    }
    public void setNext(ArrayList&amp;lt;TrieNode&amp;gt; next) {
        this.next = next;
    }
    public String getEdge() {
        return edge;
    }
    public void setEdge(String edge) {
        this.edge = edge;
    }
}
&lt;/code&gt;&lt;/pre&gt;</t>
  </si>
  <si>
    <t>2015-11-20 19:05:27.947000+00:00</t>
  </si>
  <si>
    <t>2015-11-21 01:14:30.920000+00:00</t>
  </si>
  <si>
    <t>How to use IntegralToString</t>
  </si>
  <si>
    <t>&lt;p&gt;I am working on a android App and am trying to use IntegralToString, android studio always prompt "Cannot resolve symbol IntegralToString".&lt;/p&gt;
&lt;p&gt;I find source &lt;a href="https://android.googlesource.com/platform/frameworks/base/+/android-4.4.4_r1/tools/layoutlib/create/src/com/android/tools/layoutlib/java/IntegralToString.java" rel="nofollow"&gt;here&lt;/a&gt;&lt;/p&gt;
&lt;p&gt;but I cannot import com.android.tools.layoutlib.java package in my Java code, can anyone help?&lt;/p&gt;
&lt;p&gt;Thanks&lt;/p&gt;</t>
  </si>
  <si>
    <t>2016-03-28 20:24:40.420000+00:00</t>
  </si>
  <si>
    <t>2016-03-28 20:44:48.840000+00:00</t>
  </si>
  <si>
    <t>2016-03-28 20:40:12.677000+00:00</t>
  </si>
  <si>
    <t>Terminate EC2 instance after AWS Batch is succeeded</t>
  </si>
  <si>
    <t>&lt;p&gt;I am running a simple java HelloWorld program using docker container in AWS Batch. I have created a managed Compute Environment with following values&lt;/p&gt;
&lt;p&gt;Minimum vCPUs 0&lt;/p&gt;
&lt;p&gt;Desired vCPUs 0&lt;/p&gt;
&lt;p&gt;Maximum vCPUs 256&lt;/p&gt;
&lt;p&gt;Instance types optimal&lt;/p&gt;
&lt;p&gt;On submitting the Job, the job is executed successfully i.e. the job is submitted to the queue, the scheduler provisions the ec2 instance ( with aws-ecs agent container and java helloworld container which is specified in Job Definition) and the job is successfully completed with the logs in CloudWatch Stream.&lt;/p&gt;
&lt;p&gt;My issue is that after the job is succeeded the compute environment (ec2 instance) provisioned by scheduler still keeps on running instead of terminating.&lt;/p&gt;
&lt;p&gt;Pls. suggest if I am missing anything.&lt;/p&gt;</t>
  </si>
  <si>
    <t>2018-05-29 05:45:49.720000+00:00</t>
  </si>
  <si>
    <t>2018-09-21 05:36:53.660000+00:00</t>
  </si>
  <si>
    <t>amazon-web-services|amazon-ec2|aws-batch</t>
  </si>
  <si>
    <t>Is there an WCF extension point that is called before UserNamePasswordValidator?</t>
  </si>
  <si>
    <t>&lt;p&gt;I need something to be run before &lt;code&gt;UserNamePasswordValidator.Validate(username, password)&lt;/code&gt; is called for each WCF request.&lt;/p&gt;
&lt;p&gt;I already tried to use an &lt;code&gt;IDispatchMessageInspector&lt;/code&gt;, but the inspector is called after &lt;code&gt;UserNamePasswordValidator.Validate&lt;/code&gt;.&lt;/p&gt;
&lt;p&gt;Is there an WCF extension point that is called before &lt;code&gt;UserNamePasswordValidator&lt;/code&gt;?&lt;/p&gt;</t>
  </si>
  <si>
    <t>2015-05-28 13:01:47.990000+00:00</t>
  </si>
  <si>
    <t>2015-09-12 18:53:34.307000+00:00</t>
  </si>
  <si>
    <t>2015-07-01 22:06:30.653000+00:00</t>
  </si>
  <si>
    <t>View border shadow without affect its child</t>
  </si>
  <si>
    <t>&lt;p&gt;I want to add a shadow to the border of my view . But, i dont want all the child in the view to be affected by the shadow too . I just want shadow outside the border of view , but not the text or image in the view . is it possible to do this ?&lt;/p&gt;
&lt;pre&gt;&lt;code&gt;        &amp;lt;View style ={{
            margin:5,
            borderWidth:0.5,
            borderColor:'grey',
            borderRadius:15,
            overflow:'hidden',
            elevation:10,
            height:100}}
            &amp;gt;&amp;lt;/View&amp;gt;
&lt;/code&gt;&lt;/pre&gt;</t>
  </si>
  <si>
    <t>2018-06-03 22:10:19.510000+00:00</t>
  </si>
  <si>
    <t>2018-06-05 13:33:52.517000+00:00</t>
  </si>
  <si>
    <t>css|reactjs|react-native</t>
  </si>
  <si>
    <t>Overlapping crisscross border in CSS</t>
  </si>
  <si>
    <t>&lt;p&gt;&lt;img src="https://i.stack.imgur.com/n196T.jpg" alt=""&gt;&lt;/p&gt;
&lt;p&gt;im trying to set this up as a div block centered in a section, not sure how to make the divs borders look like so. The top right and left corner have the crisscross effect. Was thinking maybe two divs with absolute positioning, then a div wrapping both of them with relative positioning&lt;/p&gt;</t>
  </si>
  <si>
    <t>2018-07-13 14:31:13.673000+00:00</t>
  </si>
  <si>
    <t>2018-07-13 16:09:42.020000+00:00</t>
  </si>
  <si>
    <t>c# recursive function not all code paths return a value</t>
  </si>
  <si>
    <t>&lt;p&gt;I trying to make recursive function but I get this error: &lt;strong&gt;not all code paths return a value&lt;/strong&gt; I know why I get this error its because the &lt;code&gt;if&lt;/code&gt; not returning something but I don't want it to return something... How to bypass this error? (It should really be just warning)&lt;/p&gt;
&lt;pre&gt;&lt;code&gt;    private double calculate(double money, int months)
    {
        months--;
        if (months != 0)
            calculate(profit * 0.3, months);
        else
            return profit;
    }
&lt;/code&gt;&lt;/pre&gt;
&lt;p&gt;Edit: I call it like that when user click the button&lt;/p&gt;
&lt;pre&gt;&lt;code&gt;    private void bCalculate_Click(object sender, EventArgs e)
    {
        profit = double.Parse(tbMoney.Text);
        months = int.Parse(tbMonth.Text);
        tbPpofit.Text = calculate(profit,months+1).ToString();
    }
&lt;/code&gt;&lt;/pre&gt;
&lt;p&gt;If I write return like you say it will not give the result that i need&lt;/p&gt;</t>
  </si>
  <si>
    <t>2012-12-15 16:16:27.810000+00:00</t>
  </si>
  <si>
    <t>2012-12-15 16:27:04.130000+00:00</t>
  </si>
  <si>
    <t>2012-12-15 16:24:29.670000+00:00</t>
  </si>
  <si>
    <t>c#|function|recursion</t>
  </si>
  <si>
    <t>Delete multiple rows from devexpress gridcontrol</t>
  </si>
  <si>
    <t>&lt;p&gt;I have a wpf application in which one of the user controls uses a &lt;code&gt;devexpress&lt;/code&gt; grid control. I have given the user functionality to select a particular row and delete it by handling the &lt;code&gt;keydown&lt;/code&gt; event as mentioned in the code below:&lt;/p&gt;
&lt;pre&gt;&lt;code&gt;private void m_gridA_KeyDown(object sender, KeyEventArgs e)
{
    Tableview view = sender as Tableview;
    if(e.Key == Key.Delete)
    {
        IList&amp;lt;GridCell&amp;gt; celllist = null;
        celllist = (sender as TableView).GetSelectedCells();
        if(cellist.Count &amp;lt; 10)
            return;
        view.DeleteRow(view.FocusedRowHandle)
    }
}
&lt;/code&gt;&lt;/pre&gt;
&lt;p&gt;This works perfectly fine when the user selects a single row. However how do I implement the same functionality if the user needs to delete multiple rows at the same time.&lt;/p&gt;
&lt;p&gt;This is the approach I tried:&lt;/p&gt;
&lt;pre&gt;&lt;code&gt;int[] rows = m_gridA.GetSelectedRowHandles();
&lt;/code&gt;&lt;/pre&gt;
&lt;p&gt;Then loop over each row handle and delete them. The problem with this approach that I am facing is that in my application, there is a lot of data in the grid control. So in order to make sense of the data a lot of filtering is done using the grid control filter editor. Due to this the function &lt;code&gt;GetSelectedRowHandles&lt;/code&gt; returns the row handles selected and visible in the current filtered view. So when I call &lt;code&gt;view.DeleteRow(row[i])&lt;/code&gt; it deletes some other row in the grid control whose rowhandle matches that of the grid control in the unfiltered condition.&lt;/p&gt;
&lt;p&gt;How do I overcome this?&lt;/p&gt;</t>
  </si>
  <si>
    <t>2015-05-04 20:53:37.073000+00:00</t>
  </si>
  <si>
    <t>2015-05-04 22:10:58.607000+00:00</t>
  </si>
  <si>
    <t>c#|wpf|devexpress</t>
  </si>
  <si>
    <t>Limiting the path of a QTreeView</t>
  </si>
  <si>
    <t>&lt;p&gt;How do i limit the path of a treeview on PyQt5? Below is my code and i want to limit the path to &lt;code&gt;C:\My Stuff\Movies&lt;/code&gt; To show folders and files inside that directory. Also how to i set what formats it can show such as .avi and .mp4?&lt;/p&gt;
&lt;pre&gt;&lt;code&gt;    self.treeView = QtWidgets.QTreeView(self.centralWidget)
    self.treeView.setSortingEnabled(True)
    self.treeView.setObjectName("treeView")
    self.horizontalLayout_4.addWidget(self.treeView)
    self.file_model=QtWidgets.QFileSystemModel()
    self.file_model.setRootPath('C:\My Stuff\Movies')
    self.treeView.setModel(self.file_model)
    self.treeView.setHeaderHidden(True)
    self.treeView.hideColumn(1)
    self.treeView.hideColumn(2)
    self.treeView.hideColumn(3)
&lt;/code&gt;&lt;/pre&gt;</t>
  </si>
  <si>
    <t>2016-07-07 01:07:23.843000+00:00</t>
  </si>
  <si>
    <t>python|pyqt|treeview|pyqt5</t>
  </si>
  <si>
    <t>How to tell whether a class/method is accessible using reflection?</t>
  </si>
  <si>
    <t>&lt;p&gt;I use a Dynamic Assembly to create derived classes at run time. How can I tell, using reflection, whether the base class and individual methods in the base class can be used/called from within the derived class in the dynamic assembly?&lt;/p&gt;</t>
  </si>
  <si>
    <t>2010-06-16 18:00:36.270000+00:00</t>
  </si>
  <si>
    <t>2010-06-16 18:09:18.803000+00:00</t>
  </si>
  <si>
    <t>.net|reflection|visibility|reflection.emit</t>
  </si>
  <si>
    <t>Swift: Adding a UIButton in each cell while having a UITableViewCell in the code but not in the storyboard</t>
  </si>
  <si>
    <t>&lt;p&gt;I have a list of tracks, which represents list of tasks stored in the array, anyways, I need to have a button next to each that is named "Track" So that the user can track to this task by moving to another page that has this functions.
My problem is that I couldn't make the button displayed next to each cell.
the code of displaying the information in table view:&lt;/p&gt;
&lt;pre&gt;&lt;code&gt;func tableView(tableView: UITableView, cellForRowAtIndexPath indexPath: NSIndexPath) -&amp;gt; UITableViewCell
{
    let cell: UITableViewCell = UITableViewCell(style: UITableViewCellStyle.Subtitle, reuseIdentifier: "cell")
    cell.textLabel?.text = trackMgr.tracks[indexPath.row].name
    cell.detailTextLabel?.text = String(trackMgr.tracks[indexPath.row].score)
    return cell
}
&lt;/code&gt;&lt;/pre&gt;
&lt;p&gt;This is what my table view looks like in the storyboard:
&lt;a href="http://i.stack.imgur.com/PkPHr.png" rel="nofollow"&gt;here&lt;/a&gt;&lt;/p&gt;
&lt;p&gt;What I tried to do is declaring "mybutton" that equals UIButton! at the top, and then calling cell.mybutton.text = "text" but it didn't work. &lt;/p&gt;</t>
  </si>
  <si>
    <t>2015-11-04 18:50:29.460000+00:00</t>
  </si>
  <si>
    <t>2015-11-04 19:16:43.293000+00:00</t>
  </si>
  <si>
    <t>2015-11-04 19:08:07.890000+00:00</t>
  </si>
  <si>
    <t>ios|xcode|swift|uitableview|tableview</t>
  </si>
  <si>
    <t>Java Compile Error: Cannot find symbol Priority Queue</t>
  </si>
  <si>
    <t>&lt;p&gt;Full Error shown in the compiler: ListPriorityQueue.java:11: error: cannot find symbol
public class ListPriorityQueue &gt; implements PriorityQueue 
                                                                    ^
  symbol: class PriorityQueue
I just don't understand because the error shown is not exactly very informative. PriorityQueue does exist in the package. &lt;/p&gt;
&lt;pre&gt;&lt;code&gt;package data_structures;
import java.util.Iterator;
import java.util.NoSuchElementException;
/**
 * This is a linked list implementing ListADT interface
 * @param &amp;lt;E&amp;gt; The data type of the linked list
 */
public class ListPriorityQueue &amp;lt;E extends Comparable&amp;lt;E&amp;gt;&amp;gt; implements PriorityQueue&amp;lt;E&amp;gt;
{
       int count;           //number of elements in the queue
       Node&amp;lt;E&amp;gt; first;       //Head of the queue
       Node&amp;lt;E&amp;gt;  last;           //Tails of the queue
       int capacity= DEFAULT_MAX_CAPACITY;
       //Constructor
       public ListPriorityQueue()
       {
          first = null;
          last = null;
       }
       public ListPriorityQueue(int capacity )
       {
          first = null;
          last = null;
          this.capacity= capacity;
       }
            public boolean insert(E object) 
        {
            if(this.isFull())
                return false;
            Node&amp;lt;E&amp;gt; prev = null;
             Node&amp;lt;E&amp;gt; current = this.first;
             Node&amp;lt;E&amp;gt; temp = new Node&amp;lt;E&amp;gt;(object);
             // while (current != null &amp;amp;&amp;amp; current.getData().pValue &amp;gt;= item.pValue)
             while (current != null &amp;amp;&amp;amp; current.getData().compareTo(temp.getData())&amp;lt;0 )
              {
                 prev = current;
                 current = current.getNext();
              }
              if (prev == null)
              {
                 temp.setNext(this.first);
                 this.first = temp;
              }
              else
              {
                 temp.setNext(current);
                 prev.setNext( temp);
              }  
              count++;
            return true;
        }
       public E remove() 
       {
           E result;
           //If the list is empty
           if(count==0)
           {
               return null;
           }
           result= first.getData();
           first= first.getNext();
           count--;
           if(count==0)
           {
               last=null;
           }
           return result;
       }
            public E peek() 
        {
            if(count==0)
            {
                return null;
            }
            return first.getData();  //Return first element without removing
        }
       public int size()
       {
           return count;
       }
       public boolean contains (E target) 
       {
           boolean found= false;
           //If there is no element in the list
           if (count==0)
           {
               return found;
           }
          Node&amp;lt;E&amp;gt; current;
          current = first;
          // iterate the list looking for target
          while(!found &amp;amp;&amp;amp; current != null)
          {
              //If current node data same as target
              if(target.equals(current.getData()))
              {
                 found = true;
              }
              else
                 current = current.getNext();
          }
          return found;
       }
           public Iterator&amp;lt;E&amp;gt; iterator()
       {
          return new TheIterator();
       }
            public void clear() 
        {
            //Loop to removeFirst till the list is empty 
            while (!this.isEmpty()) 
            {
                    this.remove();
             }
        }
       public boolean isEmpty()
       {
           if(count == 0){
           return true;}
           else{return false;}
       }
        public boolean isFull() 
        {
            if(count == capacity){  
              return true;}
              else { return false;}
        }
class Node&amp;lt;E&amp;gt;
{
  private Node&amp;lt;E&amp;gt; next; //Next element
  private E data;       //Data
 //Initialize Node
  public Node (E obj)
  {
    next = null;
    data = obj;
  }
  //Return next node
  public Node&amp;lt;E&amp;gt; getNext()
  {
    return next;
  }
  //Set the next node
  public void setNext (Node&amp;lt;E&amp;gt; node)
  {
    next = node;
  }
  //Get data of the node
  public E getData()
  {
    return data;
  }
  //Set node data
  public void setData (E obj)
  {
    data = obj;
  }
} 
/**
 * 
 * Iterartor for the passed in collection
 * @param &amp;lt;E&amp;gt;
 */
class TheIterator&amp;lt;E&amp;gt; implements Iterator&amp;lt;E&amp;gt;
{
   private Node&amp;lt;E&amp;gt; current; 
    public TheIterator ()
    {
       current = (Node&amp;lt;E&amp;gt;)first;     
    }
    public boolean hasNext()
    {
    return current != null;               
    }
    public E next() 
    {
       if ( hasNext() == false) //If there are no more elements
          throw new NoSuchElementException();
       E result = current.getData();
       current = current.getNext();
       return result;
    }
    public void remove()
    {
       throw new UnsupportedOperationException(); //remove not supported
    }
}
}
&lt;/code&gt;&lt;/pre&gt;</t>
  </si>
  <si>
    <t>2013-11-12 11:56:34.157000+00:00</t>
  </si>
  <si>
    <t>2013-11-12 15:51:39.180000+00:00</t>
  </si>
  <si>
    <t>2013-11-12 14:26:06.273000+00:00</t>
  </si>
  <si>
    <t>alloy beginner's concept</t>
  </si>
  <si>
    <t>&lt;p&gt;I'm quite new to alloy and currently reading the tutorials at mit. I got a little stuck in the logic of things. A very basic thing i'm trying to do is below.&lt;/p&gt;
&lt;ul&gt;
&lt;li&gt;a person can only do at most 1 task&lt;/li&gt;
&lt;li&gt;a task can be done at most by 1 person&lt;/li&gt;
&lt;li&gt;a person can only do what s/he is able to&lt;/li&gt;
&lt;/ul&gt;
&lt;p&gt;When i run the following, everyone has the same skills(all skills) and every task requires the same skills (all again). The people at least get assigned 1 task each but they get the same task sometimes.&lt;/p&gt;
&lt;p&gt;thanks in advance&lt;/p&gt;
&lt;pre&gt;&lt;code&gt;some sig Skills{ }
some sig Person  {
 has:  some Skills, 
 assigned: lone Task
 }
some sig Task
 {  
 requires: some Skills
 }
 {
// everyone must have the required task skills for assignment
 all p:Person | p.has= requires
 }
pred Valid ()
 {  
//everyone must be assigned to single task
  all p:Person | lone t:Task| p.assigned in t
// no one can have the same task
  no p1:Person , p2:Person | p1.assigned not in p2.assigned
 }
run Valid
&lt;/code&gt;&lt;/pre&gt;</t>
  </si>
  <si>
    <t>2012-11-01 09:44:54.997000+00:00</t>
  </si>
  <si>
    <t>2012-11-01 16:51:47.233000+00:00</t>
  </si>
  <si>
    <t>alloy</t>
  </si>
  <si>
    <t>How do I format this dynamic generated html table</t>
  </si>
  <si>
    <t>&lt;p&gt;I'm trying to render 4 columns from a mysql query but I cannot properly align the output values, how can I format the table, so all 4 columns and headers to align center?&lt;/p&gt;
&lt;pre&gt;&lt;code&gt;$tableStyle = "padding: 5px;border:1px"; 
$tdStyle = "padding:5px "; 
echo '&amp;lt;table style="' . $tableStyle . '" cellpadding="5" cellspacing="5"&amp;gt;'; 
echo "&amp;lt;tr align='center'&amp;gt; &amp;lt;th&amp;gt;Title&amp;lt;/th&amp;gt;&amp;lt;th&amp;gt;Score&amp;lt;/th&amp;gt;&amp;lt;th&amp;gt;Maximum Score&amp;lt;/th&amp;gt;&amp;lt;th&amp;gt;Finished On&amp;lt;/th&amp;gt;&amp;lt;/tr&amp;gt;";
$row = $database-&amp;gt;loadRowList();
foreach($row as $valuearray)
{
echo '&amp;lt;tr style=" align="center"&amp;gt;';
foreach($valuearray as $field)
{
echo "&amp;lt;td align='center'&amp;gt;$field&amp;lt;/td&amp;gt;";
}
echo "&amp;lt;/tr&amp;gt;";
}
echo "&amp;lt;/table&amp;gt;";
&lt;/code&gt;&lt;/pre&gt;</t>
  </si>
  <si>
    <t>2011-08-09 18:38:59.930000+00:00</t>
  </si>
  <si>
    <t>2012-12-18 17:47:28.170000+00:00</t>
  </si>
  <si>
    <t>php|mysql|joomla</t>
  </si>
  <si>
    <t>R: ggplot2, how to add a number of layers to a plot at once to reduce code</t>
  </si>
  <si>
    <t>&lt;pre&gt;&lt;code&gt;library(ggplot2)
&lt;/code&gt;&lt;/pre&gt;
&lt;p&gt;This code produces a nice looking plot:&lt;/p&gt;
&lt;pre&gt;&lt;code&gt;qplot(cty, hwy, data = mpg, colour = displ) +
scale_y_log2() + 
labs(x="x axis") + 
labs(y="y axis") +
opts(title = "my title")
&lt;/code&gt;&lt;/pre&gt;
&lt;p&gt;But I want to setup variables to try and to reduce code repetition:&lt;/p&gt;
&lt;pre&gt;&lt;code&gt;log_scale &amp;lt;- scale_y_log2()
xscale &amp;lt;-   labs(x="x axis")
yscale &amp;lt;-   labs(y="y axis") 
title &amp;lt;- opts(title = "my title")
my_scales &amp;lt;- c(log_scale, xscale, yscale, title) 
# make a variable to hold the scale info changes above
&lt;/code&gt;&lt;/pre&gt;
&lt;p&gt;So that I can do this and add a bunch of things at the same time: &lt;/p&gt;
&lt;pre&gt;&lt;code&gt;qplot(cty, hwy, data = mpg, colour = displ) + my_scales  
# add these to your plot.   
&lt;/code&gt;&lt;/pre&gt;
&lt;p&gt;but I get this error: &lt;/p&gt;
&lt;pre&gt;&lt;code&gt;Error in object$class : $ operator is invalid for atomic vectors
&lt;/code&gt;&lt;/pre&gt;
&lt;p&gt;I realize that the things going into my_scales need to be layers / different types of objects, but I don't see what they should be.&lt;/p&gt;</t>
  </si>
  <si>
    <t>2010-04-12 01:16:19.867000+00:00</t>
  </si>
  <si>
    <t>2010-04-12 01:35:36.857000+00:00</t>
  </si>
  <si>
    <t>Service not exposing all types</t>
  </si>
  <si>
    <t>&lt;p&gt;I have a WCF service, "LoadRefsImport", which is a polling duplex http service.&lt;/p&gt;
&lt;p&gt;&lt;strong&gt;LoadRefsImport.svc:&lt;/strong&gt;&lt;/p&gt;
&lt;pre&gt;&lt;code&gt;namespace Code.Web.ProgressUpdate
{
    [AspNetCompatibilityRequirements(RequirementsMode = AspNetCompatibilityRequirementsMode.Allowed)]
    public class LoadRefsImport : ProgressUpdateServiceBase, ICarrierImportService
    {
        public override TimeSpan UpdateFrequency
        {
            get { return TimeSpan.FromSeconds(1); }
        }
        public void ImportCarriers(string file, Country country)
        {
            StartOperation();
            CarrierLogic.ProgressEventHandler += (o, e) =&amp;gt; SendProgress(new Progress()
            {
                Message = e.Message,
                PercentComplete = e.Progress
            });
            CarrierLogic.CarrierLoadedEventHandler += (o, e) =&amp;gt; SendProgress(new Progress()
            {
                Message = "Loaded carrier",
                PercentComplete = 0
            });
            CarrierLogic.ImportCarrier(file, country);
        }
    }
}
&lt;/code&gt;&lt;/pre&gt;
&lt;p&gt;&lt;strong&gt;LoadRefsImport markup:&lt;/strong&gt;&lt;/p&gt;
&lt;pre&gt;&lt;code&gt;&amp;lt;%@ ServiceHost Language="C#" Debug="true" Service="iCode.Web.ProgressUpdate.LoadRefsImport" CodeBehind="LoadRefsImport.svc.cs" %&amp;gt;
&lt;/code&gt;&lt;/pre&gt;
&lt;p&gt;&lt;strong&gt;ICarrierImportService:&lt;/strong&gt;&lt;/p&gt;
&lt;pre&gt;&lt;code&gt;namespace Code.Web.ProgressUpdate
{
    [ServiceContract(CallbackContract = typeof(IProgressUpdateClient))]
    public interface ICarrierImportService : IProgressUpdateService
    {
        [OperationContract(IsOneWay = true)]
        void ImportCarriers(string file, Country country);
    }
}
&lt;/code&gt;&lt;/pre&gt;
&lt;p&gt;&lt;strong&gt;IProgressUpdateService:&lt;/strong&gt;&lt;/p&gt;
&lt;pre&gt;&lt;code&gt;namespace Code.Web.ProgressUpdate
{
    [ServiceContract(CallbackContract = typeof(IProgressUpdateClient))]
    public interface IProgressUpdateService
    {
        TimeSpan UpdateFrequency { get; }
        [OperationContract(IsOneWay = true)]
        void StartOperation();
    }
}
&lt;/code&gt;&lt;/pre&gt;
&lt;p&gt;&lt;strong&gt;IProgressUpdateClient:&lt;/strong&gt;&lt;/p&gt;
&lt;pre&gt;&lt;code&gt;namespace Code.Web.ProgressUpdate
{
    [ServiceContract]
    public interface IProgressUpdateClient
    {
        [OperationContract(IsOneWay = true)]
        void ReceiveProgress(Progress progress);
    }
    [DataContract]
    public class Error
    {
        public enum Types
        {
            Error,
            Warning,
            Notice
        }
        [DataMember]
        public Exception Exception { get; set; }
        [DataMember]
        public string Message { get; set; }
        [DataMember]
        public Types Type { get; set; }
    }
    [DataContract]
    public class Progress
    {
        [DataMember]
        public List&amp;lt;Error&amp;gt; Errors { get; set; }
        [DataMember]
        public string Message { get; set; }
        [DataMember]
        public float PercentComplete { get; set; }
    }
}
&lt;/code&gt;&lt;/pre&gt;
&lt;p&gt;I've set up the service in Web.config as follows:&lt;/p&gt;
&lt;pre&gt;&lt;code&gt;&amp;lt;system.serviceModel&amp;gt;
    &amp;lt;extensions&amp;gt;
      &amp;lt;bindingExtensions&amp;gt;
        &amp;lt;add name="pollingDuplexHttpBinding" type="System.ServiceModel.Configuration.PollingDuplexHttpBindingCollectionElement, System.ServiceModel.PollingDuplex, Version=5.0.0.0, Culture=neutral, PublicKeyToken=31bf3856ad364e35" /&amp;gt;
      &amp;lt;/bindingExtensions&amp;gt;
    &amp;lt;/extensions&amp;gt;
    &amp;lt;behaviors&amp;gt;
      &amp;lt;serviceBehaviors&amp;gt;
        &amp;lt;behavior name="LoadRefsImportBehaviour"&amp;gt;
          &amp;lt;serviceMetadata httpGetEnabled="true" httpsGetEnabled="true" /&amp;gt;
          &amp;lt;serviceDebug includeExceptionDetailInFaults="false" /&amp;gt;
        &amp;lt;/behavior&amp;gt;
      &amp;lt;/serviceBehaviors&amp;gt;
    &amp;lt;/behaviors&amp;gt;
    &amp;lt;bindings&amp;gt;
      &amp;lt;pollingDuplexHttpBinding /&amp;gt;
    &amp;lt;/bindings&amp;gt;
    &amp;lt;serviceHostingEnvironment aspNetCompatibilityEnabled="true"
      multipleSiteBindingsEnabled="true" /&amp;gt;
    &amp;lt;services&amp;gt;
      &amp;lt;service behaviorConfiguration="LoadRefsImportBehaviour" name="Code.Web.ProgressUpdate.LoadRefsImport"&amp;gt;
        &amp;lt;endpoint binding="pollingDuplexHttpBinding"
          contract="Code.Web.ProgressUpdate.ICarrierImportService" /&amp;gt;
        &amp;lt;endpoint address="mex" binding="mexHttpBinding" contract="IMetadataExchange" /&amp;gt;
      &amp;lt;/service&amp;gt;
    &amp;lt;/services&amp;gt;
  &amp;lt;/system.serviceModel&amp;gt;
&lt;/code&gt;&lt;/pre&gt;
&lt;p&gt;When I view the service in my browser, everything is fine, and I can successfully add it as a Service Reference in my client project (when I turn off "Reuse types in referenced assemblies"), however when I go to use my service in the client project, the only types that have been exposed in the service's namespace are &lt;code&gt;Error&lt;/code&gt;, &lt;code&gt;Progress&lt;/code&gt;, and &lt;code&gt;Exception&lt;/code&gt;. I get no class or methods for interacting with my service.&lt;/p&gt;
&lt;p&gt;I've tried checking to make sure all name references are correct in the markup, I've tried deleting and recreating the service reference and cleaning and rebuilding the solution.&lt;/p&gt;</t>
  </si>
  <si>
    <t>2014-07-17 12:41:40.287000+00:00</t>
  </si>
  <si>
    <t>2014-07-17 15:52:28.823000+00:00</t>
  </si>
  <si>
    <t>c#|web-services|wcf|silverlight|wcf-ria-services</t>
  </si>
  <si>
    <t>jquery access to element after append by variable as id</t>
  </si>
  <si>
    <t>&lt;p&gt;Via ajax i retrieve some json data, make it as html and append it to my page.
Here I have a problem. I cant access element by &lt;code&gt;id&lt;/code&gt;, if &lt;code&gt;id&lt;/code&gt; is variable.&lt;/p&gt;
&lt;p&gt;For example, &lt;a href="http://jsfiddle.net/f8g5e/1/" rel="nofollow"&gt;http://jsfiddle.net/f8g5e/1/&lt;/a&gt;&lt;/p&gt;
&lt;pre&gt;&lt;code&gt;&amp;lt;div id="123"&amp;gt;Hello&amp;lt;/div&amp;gt;
&amp;lt;div id="321"&amp;gt;Bye&amp;lt;/div&amp;gt;
&amp;lt;div id="out"&amp;gt;&amp;lt;/div&amp;gt;
$(function(){
   key = '123';
   $('#' + key).hide();
   $('#321').hide();
});
&lt;/code&gt;&lt;/pre&gt;
&lt;p&gt;The simples thing is works! &lt;code&gt;#123&lt;/code&gt; and &lt;code&gt;#321&lt;/code&gt; elements are hidden. Yeah, it's pretty obviosly.&lt;/p&gt;
&lt;p&gt;But, in my project, when I append data to page:&lt;/p&gt;
&lt;pre&gt;&lt;code&gt;$('#123') //returns element
$('#' + key) //returns null
&lt;/code&gt;&lt;/pre&gt;
&lt;p&gt;Some code:&lt;/p&gt;
&lt;pre&gt;&lt;code&gt;// generating data
var htmlData = '&amp;lt;div id="123"&amp;gt;Greetings!&amp;lt;/div&amp;gt;&amp;lt;div id="321"&amp;gt;Bye bye&amp;lt;/div&amp;gt;';
// appending data   
$('#tweets').empty();
$('#tweets').append(htmlData);
&lt;/code&gt;&lt;/pre&gt;
&lt;p&gt;What are the possible causes i can't access elements?
Thanks.&lt;/p&gt;
&lt;p&gt;&lt;strong&gt;UPDATE&lt;/strong&gt;
Dont know how it works in JSFiddle, but when I changed my IDs to properly names it began to work now. Thanks to all! Next time, I'll take more attention to w3c dom standarts ;) Happy New Year!&lt;/p&gt;</t>
  </si>
  <si>
    <t>2012-01-05 16:54:04.557000+00:00</t>
  </si>
  <si>
    <t>2018-10-18 18:14:18.383000+00:00</t>
  </si>
  <si>
    <t>2012-01-05 17:19:11.387000+00:00</t>
  </si>
  <si>
    <t>javascript|jquery|html|dom</t>
  </si>
  <si>
    <t>Finally got columns to work, but messes up my background?</t>
  </si>
  <si>
    <t>&lt;p&gt;I have a sidebar and then I have my content on the right of it but my background gets all messed up.  &lt;a href="http://imgur.com/a/qDrGN" rel="nofollow"&gt;See Images&lt;/a&gt; &lt;/p&gt;
&lt;p&gt;HTML&lt;/p&gt;
&lt;pre&gt;&lt;code&gt;&amp;lt;!doctype html&amp;gt;
&amp;lt;html lang="en"&amp;gt;
&amp;lt;head&amp;gt;
&amp;lt;link rel="stylesheet" href="main.css"&amp;gt;
&amp;lt;title&amp;gt;Stateline Thunder Faspitch Softball&amp;lt;/title&amp;gt;
&amp;lt;/head&amp;gt;
&amp;lt;body&amp;gt;
&amp;lt;div id="body_wrapper"&amp;gt;
    &amp;lt;div id="wrapper"&amp;gt;
        &amp;lt;div id="header"&amp;gt;
            &amp;lt;span id="header_icon"&amp;gt;&amp;lt;/span&amp;gt;
            &amp;lt;div id="header_content"&amp;gt;
                &amp;lt;div id="site_title"&amp;gt;                        
                    &amp;lt;a href="index.html" target="_parent"&amp;gt;&amp;lt;img    src="images/sltlogobolt.png" alt="LOGO" height=500 width=375&amp;gt;&amp;lt;/a&amp;gt;
                &amp;lt;/div&amp;gt;
                    &amp;lt;p&amp;gt;&amp;lt;/p&amp;gt;       
    &amp;lt;/div&amp;gt;
        &amp;lt;/div&amp;gt; &amp;lt;!-- end of header --&amp;gt;
    &amp;lt;div id="main_content_top"&amp;gt;&amp;lt;/div&amp;gt;
    &amp;lt;div id="main_content_middle"&amp;gt;&amp;lt;span id="main_top"&amp;gt;&amp;lt;/span&amp;gt;&amp;lt;span id="main_bottom"&amp;gt;                 &amp;lt;/span&amp;gt;
        &amp;lt;div id="sidebar"&amp;gt;        
            &amp;lt;div id="menu"&amp;gt;
                &amp;lt;ul&amp;gt;
                    &amp;lt;li&amp;gt;&amp;lt;a href="index.html" target="_parent" class="current"&amp;gt;Home&amp;lt;/a&amp;gt;   &amp;lt;/li&amp;gt;                        
                    &amp;lt;li&amp;gt;&amp;lt;a href="calendar.html" target="_parent"&amp;gt;Calendar&amp;lt;/a&amp;gt;&amp;lt;/li&amp;gt;
                    &amp;lt;li&amp;gt;&amp;lt;a href="teams.html" target="_parent"&amp;gt;Teams&amp;lt;/a&amp;gt;&amp;lt;/li&amp;gt;
                    &amp;lt;li&amp;gt;&amp;lt;a href="mtjsb.html" target="_parent"&amp;gt;More Than Softball&amp;lt;/a&amp;gt;&amp;lt;/li&amp;gt;
                    &amp;lt;li&amp;gt;&amp;lt;a href="sponsors.html" target="_parent"&amp;gt;Sponsors&amp;lt;/a&amp;gt;&amp;lt;/li&amp;gt;
                    &amp;lt;li&amp;gt;&amp;lt;a href="boardmembers.html" target="_parent"&amp;gt;Board Members&amp;lt;/a&amp;gt;&amp;lt;/li&amp;gt;
                    &amp;lt;li&amp;gt;&amp;lt;a href="contact.html" target="_parent"&amp;gt;Contact Information&amp;lt;/a&amp;gt;&amp;lt;/li&amp;gt;
                &amp;lt;/ul&amp;gt;       
            &amp;lt;/div&amp;gt; &amp;lt;!-- end of menu --&amp;gt;         
        &amp;lt;/div&amp;gt; &amp;lt;!--end sidebar--&amp;gt;
        &amp;lt;div id="content"&amp;gt;
            &amp;lt;div class="content_box"&amp;gt;
                &amp;lt;p&amp;gt;THis is the area for information places on the website for Stateline Thunder
                        Hopefully this will start looking right.&amp;lt;/p&amp;gt;                    
            &amp;lt;/div&amp;gt; &amp;lt;!--end content box--&amp;gt;
            &amp;lt;div class="content_box"&amp;gt;&amp;lt;p&amp;gt;
                    hello this is another content box lets see how this works&amp;lt;/p&amp;gt;
            &amp;lt;/div&amp;gt;
            &amp;lt;div class="content_box"&amp;gt;&amp;lt;p&amp;gt;This is another text area&amp;lt;/p&amp;gt;&amp;lt;/div&amp;gt;
        &amp;lt;/div&amp;gt; &amp;lt;!--end content--&amp;gt;
    &amp;lt;/div&amp;gt; &amp;lt;!--end main content middle--&amp;gt;
    &amp;lt;div id="main_content_bottom"&amp;gt;&amp;lt;/div&amp;gt;
    &amp;lt;/div&amp;gt; &amp;lt;!-- End of wrapper --&amp;gt;
&amp;lt;/div&amp;gt; &amp;lt;!-- End of body wrapper--&amp;gt;
&amp;lt;/body&amp;gt;
&amp;lt;/html&amp;gt;
&lt;/code&gt;&lt;/pre&gt;
&lt;p&gt;CSS:&lt;/p&gt;
&lt;pre&gt;&lt;code&gt;body {
    background-image: url(images/background.jpg);
    background-position: top;
    background-repeat: repeat-x;
}
a, a:link, a:visited { 
    color: #777700; 
    text-decoration: none; 
}
a:hover { 
    color: #0066FF; 
    text-decoration: underline; 
}
#body_wrapper {
width: 100%;
background: url(images/header.jpg) center top no-repeat;
}
#wrapper {
    width: 984px;
margin: 0 auto;
/*background: url(images/headerimage.jpg) center top no-repeat;*/
}
#sidebar {
float: left;
width: 235px;
}
#header_content img {
    position: absolute;
    top: 15px;
    left: 130px;
    z-index: 1;
}
#main_content_top {
    width: 984px;
height: 30px;
    margin-top: 345px;
    background: url(images/content_top.png) no-repeat;
}
#main_content_bottom {
    width: 984px;
height: 30px;
    background: url(images/content_bottom.png) no-repeat
}
#main_content_middle {
position: relative;
    width: 900px;
padding: 10px 42px;
    background: url(images/content_middle.png) repeat-y
}
/* start menu */
#menu {
    padding-top: 30px;
    padding-left: 20px;
}
#menu ul {
margin: 0;
padding: 0;
list-style: none;
}
#menu ul li {
padding: 10px 0 0;
margin: 0;
display: block;
height: 36px;
background: url(images/menu_divider.jpg) left bottom no-repeat
}
#menu ul li a {
display: block;
height: 36px;
padding: 0 0 0 30px;
font-size: 16px;
color: #444444; 
text-decoration: none;
font-weight: normal;
outline: none;
border: none;
}
#menu ul li a:hover, #menu ul .current {
padding-left: 35px;
color: #777700;
background: url(images/softballmenu.png) left top no-repeat
}
/* end of menu */
#content {
float: right;
width: 610px;
}
.content_box {
padding-bottom: 30px;
margin-bottom: 30px;
background: url(images/horizontal_divider.jpg) center bottom no-repeat;
}
&lt;/code&gt;&lt;/pre&gt;</t>
  </si>
  <si>
    <t>2014-05-08 15:04:53.633000+00:00</t>
  </si>
  <si>
    <t>2014-05-08 15:20:56.787000+00:00</t>
  </si>
  <si>
    <t>2014-05-08 15:10:17.800000+00:00</t>
  </si>
  <si>
    <t>html|css|multiple-columns</t>
  </si>
  <si>
    <t>Orbeon Form Builder, redirecting after save</t>
  </si>
  <si>
    <t>&lt;p&gt;I`m using persistence API in form builder, but i can't redirecting orbeon form builder after pushing 'save' button. Anyone knows?&lt;/p&gt;
&lt;p&gt;
&lt;/p&gt;
&lt;p&gt;
&lt;/p&gt;</t>
  </si>
  <si>
    <t>2013-11-20 08:31:10.707000+00:00</t>
  </si>
  <si>
    <t>2013-12-13 10:13:00.720000+00:00</t>
  </si>
  <si>
    <t>orbeon|xforms|formbuilder</t>
  </si>
  <si>
    <t>Package import failure in Python 3.5</t>
  </si>
  <si>
    <t>&lt;p&gt;I have the following folder structure:&lt;/p&gt;
&lt;pre&gt;&lt;code&gt;/main
    main.py
    /io
        __init__.py
        foo.py
&lt;/code&gt;&lt;/pre&gt;
&lt;p&gt;In Python 2.7 I would write the following in &lt;code&gt;main.py&lt;/code&gt;:&lt;/p&gt;
&lt;pre&gt;&lt;code&gt;import io.foo
&lt;/code&gt;&lt;/pre&gt;
&lt;p&gt;or&lt;/p&gt;
&lt;pre&gt;&lt;code&gt;from io.foo import *
&lt;/code&gt;&lt;/pre&gt;
&lt;p&gt;wheareas in Python 3.5 I get an import error:&lt;/p&gt;
&lt;pre&gt;&lt;code&gt;Traceback (most recent call last):
  File "./main.py", line 6, in &amp;lt;module&amp;gt;
    import io.foo
ImportError: No module named 'io.foo'; 'io' is not a package
&lt;/code&gt;&lt;/pre&gt;
&lt;p&gt;I couldn't find any help so far.&lt;/p&gt;</t>
  </si>
  <si>
    <t>2018-04-06 11:50:42.987000+00:00</t>
  </si>
  <si>
    <t>2018-04-06 12:47:03.943000+00:00</t>
  </si>
  <si>
    <t>2018-04-06 12:39:24.913000+00:00</t>
  </si>
  <si>
    <t>python|python-3.x|import</t>
  </si>
  <si>
    <t>Using drf-nested-routers with nested HyperlinkedIdentityFields</t>
  </si>
  <si>
    <t>&lt;p&gt;I am trying to generate nested HATEOAS links in a serializer using the &lt;a href="https://github.com/alanjds/drf-nested-routers/" rel="nofollow noreferrer"&gt;drf-nested-routes&lt;/a&gt; package. My current setup would be as follows:&lt;/p&gt;
&lt;pre&gt;&lt;code&gt;/resource_a/&amp;lt;pk&amp;gt;
/resource_a/&amp;lt;pk&amp;gt;/resource_b/&amp;lt;pk&amp;gt;
/resource_a/&amp;lt;pk&amp;gt;/resource_b/&amp;lt;pk&amp;gt;
/resource_a/&amp;lt;pk&amp;gt;/resource_b/&amp;lt;pk&amp;gt;/resource_c
&lt;/code&gt;&lt;/pre&gt;
&lt;p&gt;I am unable to create a &lt;code&gt;HyperlinkedIdentityField&lt;/code&gt; that points to the last route. According to the documentation, one can create hyperlinked fields like this:&lt;/p&gt;
&lt;pre&gt;&lt;code&gt;nameservers = HyperlinkedIdentityField(
    view_name='domain-nameservers-list',
    lookup_url_kwarg='domain_pk'
)
&lt;/code&gt;&lt;/pre&gt;
&lt;p&gt;Or&lt;/p&gt;
&lt;pre&gt;&lt;code&gt;nameservers = NestedHyperlinkedRelatedField(
    many=True,
    read_only=True,   # Or add a queryset
    view_name='domain-nameservers-detail'
    parent_lookup_url_kwargs={'domain_pk': 'domain__pk'}
)
&lt;/code&gt;&lt;/pre&gt;
&lt;p&gt;But these approaches fail when trying to reach a resource that is 2 layers deep in the URL hierarchy. The first method is not compatible, as it does not allow to add a second &lt;code&gt;lookup_url_kwarg&lt;/code&gt;, and as for the second one, it throws an exception (&lt;code&gt;ImproperlyConfigured&lt;/code&gt;) when configuring with the (in my opinion) proper attributes (&lt;code&gt;resource_a__pk&lt;/code&gt;, &lt;code&gt;resource_b__pk&lt;/code&gt;).&lt;/p&gt;
&lt;p&gt;Is this at all possible with this package? Otherwise I will resort to a simpler solution using a &lt;code&gt;SerializerMethodField&lt;/code&gt;:&lt;/p&gt;
&lt;pre&gt;&lt;code&gt;resource_c = serializers.SerializerMethodField()
def get_resource_c(self, obj):
        url = reverse('resource_b-resource_c-list', kwargs=dict(resource_a_pk=obj.resource_a.pk, resource_b_pk=obj.pk))
        return self.context['request'].build_absolute_uri(url)
&lt;/code&gt;&lt;/pre&gt;
&lt;p&gt;Thanks in advance!&lt;/p&gt;</t>
  </si>
  <si>
    <t>2017-09-29 09:58:18.967000+00:00</t>
  </si>
  <si>
    <t>2017-10-05 03:39:30.953000+00:00</t>
  </si>
  <si>
    <t>2017-09-29 10:03:58.573000+00:00</t>
  </si>
  <si>
    <t>django|django-rest-framework|drf-nested-routers</t>
  </si>
  <si>
    <t>How to Launch browsers for each single testng XML file in selenium</t>
  </si>
  <si>
    <t>&lt;p&gt;I have two testng XML files
    eg : testng1.xml &amp;amp; testng2.xml&lt;/p&gt;
&lt;p&gt;I need to execute these two XML files in different browsers or Same browsers parallely. Kindly suggest me how to achieve this scenario.&lt;/p&gt;</t>
  </si>
  <si>
    <t>2017-08-16 07:34:31.370000+00:00</t>
  </si>
  <si>
    <t>2017-08-21 07:36:53.380000+00:00</t>
  </si>
  <si>
    <t>xml|selenium|selenium-webdriver|testng</t>
  </si>
  <si>
    <t>Elgg with within subdirectory that is not executed by elgg</t>
  </si>
  <si>
    <t>&lt;p&gt;I have website that run elgg in root directory. 
But I want into subdirectory that is located within elgg put wordpress site.&lt;/p&gt;
&lt;blockquote&gt;
  &lt;p&gt;Example:
     www.mysite.com  - elgg,
     www.mysite.com/wp  - wordpress&lt;/p&gt;
  &lt;p&gt;Yes, and I don't need any kind of integration between them (no bridge)
     Just to elgg not to execute this folder&lt;/p&gt;
&lt;/blockquote&gt;
&lt;p&gt;So I need for directory www.mysite.com/wp different rules than for rest site.
I tried changing .htaccess file for www.mysite.com/wp directory, but I think it's wrong way.
It is working only for simple .php files, but wordpress is more complex and after long period of loading It show elgg "nothing found" site loaded.&lt;/p&gt;
&lt;p&gt;Please don't ask change site structure, it is already set. And wordpress in subdirectory also has it's reasons.&lt;/p&gt;
&lt;p&gt;I know there must be easy solution for this issue like elgg plugin for subdirectories, but problem is that web is flooded with topics about installing elgg in subdirectory and I can't find solution. &lt;/p&gt;</t>
  </si>
  <si>
    <t>2015-08-06 16:27:25.300000+00:00</t>
  </si>
  <si>
    <t>2015-09-09 11:31:44.347000+00:00</t>
  </si>
  <si>
    <t>2015-08-07 12:21:05.193000+00:00</t>
  </si>
  <si>
    <t>wordpress|elgg</t>
  </si>
  <si>
    <t>non-static global variable in java</t>
  </si>
  <si>
    <t>&lt;p&gt;Is there any way to create a variable which i can change in class A and by these changes affect what will happen in another class B. Hope you understand.&lt;/p&gt;
&lt;p&gt;Something like this:&lt;/p&gt;
&lt;pre&gt;&lt;code&gt;class A{
public int var = 0;
}
&lt;/code&gt;&lt;/pre&gt;
&lt;p&gt;And use value of variable &lt;code&gt;var&lt;/code&gt; like this:&lt;/p&gt;
&lt;pre&gt;&lt;code&gt;class B{
if(var == 0)
   {
    System.out.println("right now, var is equal 0");
   }
else if(var == 1)
   {
    System.out.println("right now, var is equal 1");
   }
}
&lt;/code&gt;&lt;/pre&gt;
&lt;p&gt;Also as you can see, var can't be static because i need to change it's value during run of app.&lt;/p&gt;</t>
  </si>
  <si>
    <t>2016-05-17 01:14:12.057000+00:00</t>
  </si>
  <si>
    <t>2016-05-18 19:38:58.057000+00:00</t>
  </si>
  <si>
    <t>InstanceAgent::Plugins::CodeDeployPlugin::CommandPoller: Missing credentials</t>
  </si>
  <si>
    <t>&lt;p&gt;I'm trying to deploy a GitHub project to a EC2 Instance using AWS CodeDeploy. After following 2 video tutorials an a bunch of Google answer, I'm still getting the following error:&lt;/p&gt;
&lt;pre&gt;&lt;code&gt;2017-02-01 12:20:08 INFO  [codedeploy-agent(1379)]: master 1379: Spawned child 1/1
2017-02-01 12:20:09 INFO  [codedeploy-agent(1383)]: On Premises config file does not exist or not readable
2017-02-01 12:20:09 INFO  [codedeploy-agent(1383)]: InstanceAgent::Plugins::CodeDeployPlugin::CommandExecutor: Archives to retain is: 5}
2017-02-01 12:20:09 INFO  [codedeploy-agent(1383)]: Version file found in /opt/codedeploy-agent/.version.
2017-02-01 12:20:09 ERROR [codedeploy-agent(1383)]: InstanceAgent::Plugins::CodeDeployPlugin::CommandPoller: Missing credentials - please check if this instance was started with an IAM instance profile
&lt;/code&gt;&lt;/pre&gt;
&lt;p&gt;I have two IAM:&lt;/p&gt;
&lt;ul&gt;
&lt;li&gt;CodeDeployInstanceRole&lt;/li&gt;
&lt;li&gt;CodeDeployServiceRole&lt;/li&gt;
&lt;/ul&gt;
&lt;h2&gt;CodeDeployInstanceRole for the EC2 Instance&lt;/h2&gt;
&lt;p&gt;&lt;strong&gt;Policy Name&lt;/strong&gt;: AmazonEC2RoleforAWSCodeDeploy&lt;/p&gt;
&lt;pre&gt;&lt;code&gt;{
  "Version": "2012-10-17",
  "Statement": [
    {
      "Action": [
        "s3:GetObject",
        "s3:GetObjectVersion",
        "s3:ListObjects"
      ],
      "Effect": "Allow",
      "Resource": "*"
    }
  ]
}
&lt;/code&gt;&lt;/pre&gt;
&lt;p&gt;&lt;strong&gt;Policy Name&lt;/strong&gt;: AutoScalingNotificationAccessRole&lt;/p&gt;
&lt;pre&gt;&lt;code&gt;{
    "Version": "2012-10-17",
    "Statement": [{
        "Effect": "Allow",
        "Resource": "*",
        "Action": [
            "sqs:SendMessage",
            "sqs:GetQueueUrl",
            "sns:Publish"
        ]
      }
    ]
}
&lt;/code&gt;&lt;/pre&gt;
&lt;p&gt;Trust Relationship&lt;/p&gt;
&lt;pre&gt;&lt;code&gt;{
  "Version": "2012-10-17",
  "Statement": [
    {
      "Effect": "Allow",
      "Principal": {
        "Service": [
          "codedeploy.amazonaws.com",
          "ec2.amazonaws.com"
        ]
      },
      "Action": "sts:AssumeRole"
    }
  ]
}
&lt;/code&gt;&lt;/pre&gt;
&lt;h2&gt;CodeDeployServiceRole for CodeDeploy&lt;/h2&gt;
&lt;p&gt;&lt;strong&gt;Policy Name&lt;/strong&gt;: AWSCodeDeployRole&lt;/p&gt;
&lt;pre&gt;&lt;code&gt;{
  "Version": "2012-10-17",
  "Statement": [
    {
      "Effect": "Allow",
      "Action": [
        "autoscaling:CompleteLifecycleAction",
        "autoscaling:DeleteLifecycleHook",
        "autoscaling:DescribeAutoScalingGroups",
        "autoscaling:DescribeLifecycleHooks",
        "autoscaling:PutLifecycleHook",
        "autoscaling:RecordLifecycleActionHeartbeat",
        "autoscaling:CreateAutoScalingGroup",
        "autoscaling:UpdateAutoScalingGroup",
        "autoscaling:EnableMetricsCollection",
        "autoscaling:DescribeAutoScalingGroups",
        "autoscaling:DescribePolicies",
        "autoscaling:DescribeScheduledActions",
        "autoscaling:DescribeNotificationConfigurations",
        "autoscaling:DescribeLifecycleHooks",
        "autoscaling:SuspendProcesses",
        "autoscaling:ResumeProcesses",
        "autoscaling:AttachLoadBalancers",
        "autoscaling:PutScalingPolicy",
        "autoscaling:PutScheduledUpdateGroupAction",
        "autoscaling:PutNotificationConfiguration",
        "autoscaling:PutLifecycleHook",
        "autoscaling:DescribeScalingActivities",
        "autoscaling:DeleteAutoScalingGroup",
        "ec2:DescribeInstances",
        "ec2:DescribeInstanceStatus",
        "ec2:TerminateInstances",
        "tag:GetTags",
        "tag:GetResources",
        "sns:Publish",
        "cloudwatch:DescribeAlarms",
        "elasticloadbalancing:DescribeLoadBalancers",
        "elasticloadbalancing:DescribeInstanceHealth",
        "elasticloadbalancing:RegisterInstancesWithLoadBalancer",
        "elasticloadbalancing:DeregisterInstancesFromLoadBalancer"
      ],
      "Resource": "*"
    }
  ]
}
&lt;/code&gt;&lt;/pre&gt;
&lt;p&gt;Trust Relationship&lt;/p&gt;
&lt;pre&gt;&lt;code&gt;{
  "Version": "2012-10-17",
  "Statement": [
    {
      "Effect": "Allow",
      "Principal": {
        "Service": [
          "codedeploy.amazonaws.com",
          "ec2.amazonaws.com"
        ]
      },
      "Action": "sts:AssumeRole"
    }
  ]
}
&lt;/code&gt;&lt;/pre&gt;
&lt;h1&gt;EC2 Instance&lt;/h1&gt;
&lt;p&gt;I spin my own image that I have created based on Debian so I have NodeJS already installed. When I spin the new instance I also paste the following code in the &lt;code&gt;User data&lt;/code&gt; text area to make sure CodeDeploy is installed.&lt;/p&gt;
&lt;pre&gt;&lt;code&gt;#!/bin/bash -x
REGION=$(curl 169.254.169.254/latest/meta-data/placement/availability-zone/ | sed 's/[a-z]$//') &amp;amp;&amp;amp;
sudo apt-get update -y &amp;amp;&amp;amp;
sudo apt-get install -y python-pip &amp;amp;&amp;amp;
sudo apt-get install -y ruby &amp;amp;&amp;amp;
sudo apt-get install -y wget &amp;amp;&amp;amp;
cd /home/admin &amp;amp;&amp;amp;
wget https://aws-codedeploy-$REGION.s3.amazonaws.com/latest/install &amp;amp;&amp;amp;
chmod +x ./install &amp;amp;&amp;amp;
sudo ./install auto &amp;amp;&amp;amp;
sudo apt-get remove -y wget &amp;amp;&amp;amp;
sudo service codedeploy-agent start
&lt;/code&gt;&lt;/pre&gt;
&lt;h1&gt;Debugging&lt;/h1&gt;
&lt;p&gt;If I log in in the EC2 instance that I have create, and execute the following command:&lt;/p&gt;
&lt;pre&gt;&lt;code&gt;echo $(curl http://169.254.169.254/latest/meta-data/iam/security-credentials/)
&lt;/code&gt;&lt;/pre&gt;
&lt;p&gt;I get the following response &lt;code&gt;CodeDeployInstanceRole&lt;/code&gt;&lt;/p&gt;
&lt;p&gt;When I then execute &lt;/p&gt;
&lt;pre&gt;&lt;code&gt;curl http://169.254.169.254/latest/meta-data/iam/security-credentials/CodeDeployInstanceRole
&lt;/code&gt;&lt;/pre&gt;
&lt;p&gt;I get the following response &lt;/p&gt;
&lt;pre&gt;&lt;code&gt;{
  "Code" : "Success",
  "LastUpdated" : "2017-02-01T12:38:07Z",
  "Type" : "AWS-HMAC",
  "AccessKeyId" : "THE_KEY",
  "SecretAccessKey" : "SECRET",
  "Token" : "TOKEN",
  "Expiration" : "2017-02-01T19:08:43Z"
}
&lt;/code&gt;&lt;/pre&gt;
&lt;p&gt;On GitHub I see that CodeDeploy never accesses my repo even when I select deployment using GitHub, I set the right repo name, and commit ID.&lt;/p&gt;
&lt;p&gt;&lt;a href="https://i.stack.imgur.com/VYE7X.png" rel="noreferrer"&gt;&lt;img src="https://i.stack.imgur.com/VYE7X.png" alt="enter image description here"&gt;&lt;/a&gt;&lt;/p&gt;
&lt;h1&gt;Question&lt;/h1&gt;
&lt;p&gt;What am I missing?&lt;/p&gt;</t>
  </si>
  <si>
    <t>2017-02-02 08:30:07.917000+00:00</t>
  </si>
  <si>
    <t>2018-04-05 11:55:42.230000+00:00</t>
  </si>
  <si>
    <t>2017-03-09 14:09:56.517000+00:00</t>
  </si>
  <si>
    <t>amazon-web-services|github|amazon-ec2|amazon-iam|aws-code-deploy</t>
  </si>
  <si>
    <t>Want to retrieve results on a particular partition key structure?</t>
  </si>
  <si>
    <t>&lt;p&gt;&lt;strong&gt;My usecase&lt;/strong&gt;&lt;/p&gt;
&lt;p&gt;I have a table name &lt;code&gt;Test&lt;/code&gt; with partition key as &lt;code&gt;userId&lt;/code&gt; and sort key as &lt;code&gt;campaignId&lt;/code&gt;. My table looks like this&lt;/p&gt;
&lt;pre&gt;&lt;code&gt;"userId (S)","noteId (S)","BName (S)","BValue (S)"
"123_x","123","hi","no"
"123_x","213","how","yes"
"123_x","321","are","yes"
"456_y","456","you","yes"
"456_y","546","i","yes"
"456_y","654","have","yes
&lt;/code&gt;&lt;/pre&gt;
&lt;p&gt;Now i am trying to retrieve the items that are contains partition key &lt;code&gt;x&lt;/code&gt;. For this i had used the below node.js code&lt;/p&gt;
&lt;pre&gt;&lt;code&gt;var AWS = require("aws-sdk");
AWS.config.update({
 region: "ap-south-1",
 endpoint: "http://dynamodb.ap-south-1.amazonaws.com"
});
var docClient = new AWS.DynamoDB.DocumentClient();
var params = {
    TableName : "Test",
    ProjectionExpression:"userId,BName,BValue",
    KeyConditionExpression: "contains(#userId,:userid)",
    ExpressionAttributeNames:{
        "#userId": "userId"
        },
    ExpressionAttributeValues: {
        ":userid": "x"
    }
};
docClient.query(params, function(err, data) {
    if (err) {
        console.log("Unable to query. Error:", JSON.stringify(err, null, 2));
    } else {
        console.log("Query succeeded.");
        data.Items.forEach(function(item) {
            console.log(JSON.stringify(item));
        });
    }
});
&lt;/code&gt;&lt;/pre&gt;
&lt;p&gt;I am getting error like this:&lt;/p&gt;
&lt;pre&gt;&lt;code&gt;Unable to query. Error: {
  "message": "Invalid operator used in KeyConditionExpression: contains",
  "code": "ValidationException",
  "time": "2018-08-23T17:59:01.094Z",
  "requestId": "O6PL6NSE1BR7QLGA4U1SOIKGJ7VV4KQNSO5AEMVJF66Q9ASUAAJG",
  "statusCode": 400,
  "retryable": false,
  "retryDelay": 34.77326742946143
}
&lt;/code&gt;&lt;/pre&gt;
&lt;p&gt;It seems i cant use contains in keycondition expressions. What is the workaround for this ?&lt;/p&gt;
&lt;p&gt;Any help is appreciated&lt;/p&gt;
&lt;p&gt;Thanks&lt;/p&gt;</t>
  </si>
  <si>
    <t>2018-08-23 18:02:29.153000+00:00</t>
  </si>
  <si>
    <t>2018-08-24 00:58:35.747000+00:00</t>
  </si>
  <si>
    <t>node.js|amazon-dynamodb|dynamodb-queries</t>
  </si>
  <si>
    <t>Get weather data from openweathermap</t>
  </si>
  <si>
    <t>&lt;p&gt;How to get the temperature of the JSON data, rain, clouds, etc?
The name normal returns, but other parameters are undefended or error.&lt;/p&gt;
&lt;p&gt;&lt;a href="http://jsbin.com/qayobod/edit?html,js,console,output" rel="nofollow noreferrer"&gt;http://jsbin.com/qayobod/edit?html,js,console,output&lt;/a&gt;&lt;/p&gt;
&lt;pre class="lang-js prettyprint-override"&gt;&lt;code&gt;var app = angular.module('jsbin', []);
app.controller('DemoCtrl', function($http) {
    var vm = this;
    var temp1 = [];
    var URL = 'http://api.openweathermap.org/data/2.5/forecast/daily';
    var request = {
        method: 'GET',
        url: URL,
        params: {
            q: 'KansasCity',
            mode: 'json',
            units: 'imperial',
            cnt: '7',
            appid: '3ac1f68b653ffbf72a5f782420062771'
        }
    };
    $http(request).then(function(response) {
        vm.data = response.data;
        temp1[0] = angular.fromJson(response.data);
        console.log(temp1[0]);
        console.log(temp1[0].city.name);
        console.log(temp1[0].city.country);
        console.log(temp1[1].temp.day);
    }).catch(function(response) {
        vm.data = response.data;
    });
    console.log(temp);
});
&lt;/code&gt;&lt;/pre&gt;</t>
  </si>
  <si>
    <t>2016-11-04 12:22:50.200000+00:00</t>
  </si>
  <si>
    <t>2016-11-04 12:27:34.067000+00:00</t>
  </si>
  <si>
    <t>2016-11-04 12:23:57.413000+00:00</t>
  </si>
  <si>
    <t>javascript|openweathermap</t>
  </si>
  <si>
    <t>Can't add child view dynamically in LinearLayout</t>
  </si>
  <si>
    <t>&lt;p&gt;I am populating a linear layout with some data fetched from an API. Every time the code is executed it's going to the point where I am saving the data in my model class but after that it's not adding the view to the linear layout.&lt;/p&gt;
&lt;p&gt;I am using the same code for another tab present in the tabLayout, there it's working but for this it's not working. I am also attaching my debugger screenshots here.Below is my code of the Fragment where it's happening.&lt;/p&gt;
&lt;p&gt;Sent.java&lt;/p&gt;
&lt;pre&gt;&lt;code&gt;    package fragments;
import android.content.Context;
import android.os.Bundle;
import android.support.annotation.Nullable;
import android.support.design.widget.Snackbar;
import android.support.v4.app.Fragment;
import android.support.v4.widget.SwipeRefreshLayout;
import android.view.LayoutInflater;
import android.view.View;
import android.view.ViewGroup;
import android.widget.LinearLayout;
import android.widget.TextView;
import com.android.volley.AuthFailureError;
import com.android.volley.Request;
import com.android.volley.RequestQueue;
import com.android.volley.Response;
import com.android.volley.VolleyError;
import com.android.volley.toolbox.StringRequest;
import com.android.volley.toolbox.Volley;
import com.mranuran.pehchankaun.R;
import org.json.JSONArray;
import org.json.JSONException;
import org.json.JSONObject;
import java.util.HashMap;
import java.util.Map;
import fr.castorflex.android.smoothprogressbar.SmoothProgressBar;
import models.SentMessage;
import utils.SharedPrefManager;
public class Sent extends android.app.Fragment implements SwipeRefreshLayout.OnRefreshListener {
    LinearLayout msgHolder,sentLinearLayout;
    LayoutInflater inflater;
    SmoothProgressBar progressBar;
    SwipeRefreshLayout swipeRefreshLayout;
    @Nullable
    @Override
    public View onCreateView(LayoutInflater inflater, @Nullable ViewGroup container, @Nullable Bundle savedInstanceState) {
        View view=inflater.inflate(R.layout.sent,container,false);
        sentLinearLayout=(LinearLayout)view.findViewById(R.id.sentLinearLayout);
        msgHolder=(LinearLayout)view.findViewById(R.id.sentMsgHolder);
        progressBar=(SmoothProgressBar)view.findViewById(R.id.progressBar);
        swipeRefreshLayout=(SwipeRefreshLayout)view.findViewById(R.id.swipe_refresh_layout);
        return view;
    }
    @Override
    public void onViewCreated(View view, @Nullable Bundle savedInstanceState) {
        super.onViewCreated(view, savedInstanceState);
        swipeRefreshLayout.setOnRefreshListener(this);
        swipeRefreshLayout.post(new Runnable() {
            @Override
            public void run() {
                swipeRefreshLayout.setRefreshing(true);
                populateSent();
            }
        });
    }
    private void populateSent() {
        msgHolder.removeAllViews();
        progressBar.setVisibility(View.VISIBLE);
        progressBar.progressiveStart();
        inflater=(LayoutInflater)getActivity().getSystemService(Context.LAYOUT_INFLATER_SERVICE);
        RequestQueue rq= Volley.newRequestQueue(getActivity());
        StringRequest sr=new StringRequest(Request.Method.POST, "http://mranuran.com/pehchan_kaun/getSent.php", new Response.Listener&amp;lt;String&amp;gt;() {
            @Override
            public void onResponse(String response) {
                try {
                    JSONObject json=new JSONObject(response);
                    JSONArray userArray=json.optJSONArray("messages");
                    if(userArray.length()&amp;gt;0){
                        SentMessage msg;
                        View v;
                        for(int i=0;i&amp;lt;userArray.length();i++){
                            JSONObject singleMsgObj=userArray.getJSONObject(i);
                            msg=new SentMessage(singleMsgObj.getString("id"),singleMsgObj.getString("message"),singleMsgObj.getString("creation_date"),singleMsgObj.getString("receiver_name"));
                            v=inflater.inflate(R.layout.sent_msg_single_row,null,false);
                            TextView creationDate=(TextView) v.findViewById(R.id.creationDate);
                            TextView messageTV=(TextView)v.findViewById(R.id.msg);
                            TextView receivername=(TextView)v.findViewById(R.id.receiverName);
                            creationDate.setText(msg.getCreation_date());
                            messageTV.setText(msg.getMessage());
                            receivername.setText(msg.getReceiver_name());
                            msgHolder.addView(v);
                        }
                    }else{
                        Snackbar.make(sentLinearLayout,"You have not sent any messages to anyone.",Snackbar.LENGTH_SHORT).show();
                        progressBar.progressiveStop();
                        swipeRefreshLayout.setRefreshing(false);
                        return;
                    }
                    progressBar.progressiveStop();
                    swipeRefreshLayout.setRefreshing(false);
                } catch (JSONException e) {
                    e.printStackTrace();
                    progressBar.progressiveStop();
                    swipeRefreshLayout.setRefreshing(false);
                }
            }
        }, new Response.ErrorListener() {
            @Override
            public void onErrorResponse(VolleyError error) {
                Snackbar.make(sentLinearLayout,"Something went wrong.Try again",Snackbar.LENGTH_SHORT).show();
                progressBar.progressiveStop();
                swipeRefreshLayout.setRefreshing(false);
                return;
            }
        }){
            @Override
            protected Map&amp;lt;String, String&amp;gt; getParams() throws AuthFailureError {
                Map&amp;lt;String,String&amp;gt; map=new HashMap&amp;lt;&amp;gt;();
                map.put("user_id",new SharedPrefManager(getActivity()).getUserID());
                return map;
            }
        };
        rq.add(sr);
    }
    @Override
    public void onRefresh() {
        populateSent();
    }
}
&lt;/code&gt;&lt;/pre&gt;
&lt;p&gt;&lt;a href="https://i.stack.imgur.com/uVp14.png" rel="nofollow noreferrer"&gt;&lt;img src="https://i.stack.imgur.com/uVp14.png" alt="Every line is getting executed till the point where I am adding the view to the layout"&gt;&lt;/a&gt;&lt;/p&gt;
&lt;p&gt;&lt;a href="https://i.stack.imgur.com/IbgvT.png" rel="nofollow noreferrer"&gt;&lt;img src="https://i.stack.imgur.com/IbgvT.png" alt="debugger is detached and application is running but view is not added"&gt;&lt;/a&gt;&lt;/p&gt;</t>
  </si>
  <si>
    <t>2017-08-22 12:16:19.690000+00:00</t>
  </si>
  <si>
    <t>2017-08-22 12:50:20.443000+00:00</t>
  </si>
  <si>
    <t>android|view|android-linearlayout</t>
  </si>
  <si>
    <t>Request exceeded the limit of 10 internal redirects - .htaccess</t>
  </si>
  <si>
    <t>&lt;p&gt;I am receiving the below error message in my Apache log after cloning the git repo on our dev server;&lt;/p&gt;
&lt;blockquote&gt;
  &lt;p&gt;Request exceeded the limit of 10 internal redirects due to probable
  configuration error. Use 'LimitInternalRecursion' to increase the
  limit if necessary. Use 'LogLevel debug' to get a backtrace.&lt;/p&gt;
&lt;/blockquote&gt;
&lt;p&gt;2x .htaccess copied below;&lt;/p&gt;
&lt;p&gt;Webroot .htaccess (located in projectRoot/webroot/)&lt;/p&gt;
&lt;pre&gt;&lt;code&gt;&amp;lt;IfModule mod_rewrite.c&amp;gt;
    RewriteEngine On
    RewriteBase /apply/
    RewriteCond %{REQUEST_FILENAME} !-f
    RewriteRule ^ index.php [L]
&amp;lt;/IfModule&amp;gt;
&lt;/code&gt;&lt;/pre&gt;
&lt;p&gt;Application .htaccess (located in projectRoot/)&lt;/p&gt;
&lt;pre&gt;&lt;code&gt;&amp;lt;IfModule mod_rewrite.c&amp;gt;
    RewriteEngine on
    RewriteBase /apply/
    RewriteRule    ^$    webroot/    [L]
    RewriteRule    (.*) webroot/$1    [L]
&amp;lt;/IfModule&amp;gt;
&lt;/code&gt;&lt;/pre&gt;
&lt;p&gt;Other answers say to change &lt;code&gt;RewriteBase&lt;/code&gt; to &lt;code&gt;/&lt;/code&gt;, but this isn't an option for me as I need it to be &lt;code&gt;/apply/&lt;/code&gt;. 
A few other answers pointed to the &lt;code&gt;RewriteRule&lt;/code&gt; being the issue, however removing these doesn't solve the issue. &lt;/p&gt;</t>
  </si>
  <si>
    <t>2016-02-17 12:44:21.603000+00:00</t>
  </si>
  <si>
    <t>2017-10-27 08:13:09.593000+00:00</t>
  </si>
  <si>
    <t>php|apache|.htaccess</t>
  </si>
  <si>
    <t>shopify get products with same title</t>
  </si>
  <si>
    <t>&lt;p&gt;I need to get the products which are having the same title, by using a title as condition. &lt;/p&gt;
&lt;p&gt;I'll get the title condition from &lt;code&gt;product.title&lt;/code&gt; in &lt;code&gt;products.liquid&lt;/code&gt;.
is there any way to get it?&lt;/p&gt;</t>
  </si>
  <si>
    <t>2016-06-01 10:12:16.860000+00:00</t>
  </si>
  <si>
    <t>ruby-on-rails|shopify|liquid</t>
  </si>
  <si>
    <t>Why no runtime error when clearly writing over array bounds?</t>
  </si>
  <si>
    <t>&lt;p&gt;I have a program that assigns an array beyond it's bounds, and I was expecting a run-time error to be thrown. Yet no error is raised at all and the program proceeds to write into undeclared memory. Is there some compiler option to guard against this? With the memory dump shown it is clear this overreach of bounds is real. Is there a way to declare variables or argument specs to catch this? Obviously this is a clear case, but when tasked to maintain thousands of lines of F77 derived code it is not always clear (to me) if this might be happening.&lt;/p&gt;
&lt;pre&gt;&lt;code&gt;PROGRAM TEST_CODE
IMPLICIT NONE
INTEGER*4 :: R(5)           ! Array of 5
    CALL R_TEST(R, 10)
END PROGRAM
SUBROUTINE R_TEST(R, J)
IMPLICIT NONE
INTEGER*4, INTENT(INOUT) :: R(1)    ! Dummy is array of 1
INTEGER*4, INTENT(IN) :: J
INTEGER*4 :: K
DO K=J-5,J+5            ! K=5..15
    R(K) = K            ! No Runtime Error
END DO
END SUBROUTINE
&lt;/code&gt;&lt;/pre&gt;
&lt;p&gt;Compiler is Intel Fortran 2011 XE, and yes I am using the byte spec &lt;code&gt;INTEGER*4&lt;/code&gt; because I know what I get with it.&lt;/p&gt;
&lt;p&gt;Here are the compiler options for runtime checking.
&lt;img src="https://i.stack.imgur.com/vHwF2.png" alt="Compiler Options"&gt;&lt;/p&gt;
&lt;p&gt;&lt;img src="https://i.stack.imgur.com/3Z9Dl.png" alt="Memory of &amp;lt;code&amp;gt;R&amp;lt;/code&amp;gt; variable"&gt;&lt;/p&gt;</t>
  </si>
  <si>
    <t>2012-03-23 14:12:24.940000+00:00</t>
  </si>
  <si>
    <t>2012-03-27 00:13:33.010000+00:00</t>
  </si>
  <si>
    <t>fortran|runtime-error|range-checking</t>
  </si>
  <si>
    <t>UIView's height constraints break child view's height constraint</t>
  </si>
  <si>
    <t>&lt;p&gt;I have a really simple setup that I can't get to do what I want.&lt;/p&gt;
&lt;p&gt;I'm trying to add an &lt;code&gt;inputAccessoryView&lt;/code&gt;.&lt;/p&gt;
&lt;p&gt;For the &lt;code&gt;inputAccessoryView&lt;/code&gt; I have a &lt;code&gt;UIView&lt;/code&gt; (&lt;strong&gt;ViewA&lt;/strong&gt;) with a subview (&lt;strong&gt;ViewB&lt;/strong&gt;). &lt;strong&gt;ViewB&lt;/strong&gt; is fixed to all edges of &lt;strong&gt;ViewA&lt;/strong&gt;. &lt;strong&gt;ViewB&lt;/strong&gt; has a fixed height, which needs to be the height of both &lt;strong&gt;ViewA&lt;/strong&gt; and &lt;strong&gt;ViewB&lt;/strong&gt;.&lt;/p&gt;
&lt;p&gt;&lt;strong&gt;ViewA&lt;/strong&gt;'s isn't set by me, but is &lt;code&gt;0&lt;/code&gt; which breaks the height of &lt;strong&gt;ViewB&lt;/strong&gt; (set to 42).&lt;/p&gt;
&lt;p&gt;&lt;strong&gt;ViewA&lt;/strong&gt; is added as a subview on a &lt;code&gt;UIViewController&lt;/code&gt;'s view and fixed to the bottom and both the leading and trailing edges (so width of &lt;strong&gt;ViewA&lt;/strong&gt; and &lt;strong&gt;ViewB&lt;/strong&gt; should be that of the UIViewController's view, which it is).&lt;/p&gt;
&lt;p&gt;Here's the code I have:&lt;/p&gt;
&lt;pre&gt;&lt;code&gt;override init(frame: CGRect) {
    super.init(frame: frame)
    let viewB = UIView()
    addSubview(viewB)
    viewB.translatesAutoresizingMaskIntoConstraints = false
    viewB.topAnchor.constraint(equalTo: topAnchor).isActive = true
    viewB.leadingAnchor.constraint(equalTo: leadingAnchor).isActive = true
    viewB.bottomAnchor.constraint(equalTo: bottomAnchor).isActive = true
    viewB.trailingAnchor.constraint(equalTo: trailingAnchor).isActive = true
    viewB.heightAnchor.constraint(equalToConstant: 42).isActive = true
}
&lt;/code&gt;&lt;/pre&gt;
&lt;p&gt;Which results in the following error:&lt;/p&gt;
&lt;pre&gt;&lt;code&gt;2017-12-02 15:44:59.150228-0800 Ping[37511:5808904] [LayoutConstraints] Unable to simultaneously satisfy constraints.
    Probably at least one of the constraints in the following list is one you don't want. 
    Try this: 
        (1) look at each constraint and try to figure out which you don't expect; 
        (2) find the code that added the unwanted constraint or constraints and fix it. 
    (Note: If you're seeing NSAutoresizingMaskLayoutConstraints that you don't understand, refer to the documentation for the UIView property translatesAutoresizingMaskIntoConstraints) 
(
    "&amp;lt;NSAutoresizingMaskLayoutConstraint:0x608000283b60 h=--&amp;amp; v=--&amp;amp; MyApp.ViewA:0x7fe606511360.height == 0   (active)&amp;gt;",
    "&amp;lt;NSLayoutConstraint:0x608000282030 UIView:0x7fe606511550.height == 42   (active)&amp;gt;",
    "&amp;lt;NSLayoutConstraint:0x608000281d60 V:|-(0)-[UIView:0x7fe606511550]   (active, names: '|':MyApp.ViewA:0x7fe606511360 )&amp;gt;",
    "&amp;lt;NSLayoutConstraint:0x608000281ef0 UIView:0x7fe606511550.bottom == MyApp.ViewA:0x7fe606511360.bottom   (active)&amp;gt;"
)
Will attempt to recover by breaking constraint 
&amp;lt;NSLayoutConstraint:0x608000282030 UIView:0x7fe606511550.height == 42   (active)&amp;gt;
Make a symbolic breakpoint at UIViewAlertForUnsatisfiableConstraints to catch this in the debugger.
The methods in the UIConstraintBasedLayoutDebugging category on UIView listed in &amp;lt;UIKit/UIView.h&amp;gt; may also be helpful.
&lt;/code&gt;&lt;/pre&gt;
&lt;p&gt;&lt;strong&gt;ViewA&lt;/strong&gt; has a pretty simple setup:&lt;/p&gt;
&lt;pre&gt;&lt;code&gt;extension MessageViewController {
    open override var canBecomeFirstResponder: Bool {
        return true
    }
    open override var inputAccessoryView: UIView? {
        return messageInputView
    }
}
&lt;/code&gt;&lt;/pre&gt;
&lt;p&gt;Why does &lt;strong&gt;ViewA&lt;/strong&gt; height that I never set break the constraint that I setup?&lt;/p&gt;</t>
  </si>
  <si>
    <t>2017-12-02 23:51:54.807000+00:00</t>
  </si>
  <si>
    <t>2017-12-03 00:06:31.883000+00:00</t>
  </si>
  <si>
    <t>ios|swift|uiview|autolayout|inputaccessoryview</t>
  </si>
  <si>
    <t>Implementing == operator in C# on explicit-interface implementation</t>
  </si>
  <si>
    <t>&lt;p&gt;I have defined a struct &lt;strong&gt;Coords&lt;/strong&gt; that explicitly implements three interfaces, each defined like this:&lt;/p&gt;
&lt;pre&gt;&lt;code&gt;  public partial struct Coords
  {
    int           ICoordsUser.X          { get { return VectorUser.X; } }
    int           ICoordsUser.Y          { get { return VectorUser.Y; } }
    IntVector2D   ICoordsUser.Vector     { get { return VectorUser;   }
                                           set { VectorUser=value;    } }
    ICoordsCanon  ICoordsUser.Canon      { get { return this;         } } 
    ICoordsUser   ICoordsUser.Clone()    { return NewUserCoords(VectorUser);  }
    string        ICoordsUser.ToString() { return VectorUser.ToString(); }
    IEnumerable&amp;lt;NeighbourCoords&amp;gt; ICoordsUser.GetNeighbours(Hexside hexsides) { 
        return GetNeighbours(hexsides); 
    }
    int ICoordsUser.Range(ICoordsUser coords) { return Range(coords.Canon); }
  }
&lt;/code&gt;&lt;/pre&gt;
&lt;p&gt;with the names &lt;code&gt;ICoordsCanon&lt;/code&gt;, &lt;code&gt;ICoordsUser&lt;/code&gt;, and &lt;code&gt;ICoordsCustom&lt;/code&gt;. Then I have defined Value Equality on the struct like so:&lt;/p&gt;
&lt;pre&gt;&lt;code&gt;#region Value Equality
bool IEquatable&amp;lt;Coords&amp;gt;.Equals(Coords rhs) { return this == rhs; }
public override bool Equals(object rhs) { 
  return (rhs is Coords) &amp;amp;&amp;amp; this == (Coords)rhs; 
}
public static bool operator == (Coords lhs, Coords rhs) { 
  return lhs.VectorCanon == rhs.VectorCanon; 
}
public static bool operator != (Coords lhs, Coords rhs) { return ! (lhs == rhs); }
public override int GetHashCode() { return VectorUser.GetHashCode(); }
bool IEqualityComparer&amp;lt;Coords&amp;gt;.Equals(Coords lhs, Coords rhs) { return lhs == rhs; }
int  IEqualityComparer&amp;lt;Coords&amp;gt;.GetHashCode(Coords coords) {
    return coords.GetHashCode();
}
#endregion
&lt;/code&gt;&lt;/pre&gt;
&lt;p&gt;However, when I perform an equality comparison with the &lt;strong&gt;==&lt;/strong&gt; operator between values of one of the interface types, as&lt;/p&gt;
&lt;pre&gt;&lt;code&gt;if (coordsUser1 == userCoords2) { /* whatever */ }
&lt;/code&gt;&lt;/pre&gt;
&lt;p&gt;a reference comparison using &lt;strong&gt;object.==&lt;/strong&gt; is always performed. Does anyone know how I can force value equality onto the &lt;strong&gt;==&lt;/strong&gt; operator in such a circumstance, using C#?&lt;/p&gt;
&lt;p&gt;Thank you in advance for any thoughts or suggestions.&lt;/p&gt;
&lt;p&gt;[Edit]
In the example above, both &lt;strong&gt;coordsUser1&lt;/strong&gt; and &lt;strong&gt;userCoords2&lt;/strong&gt; are instances of &lt;strong&gt;Coords&lt;/strong&gt; stored in variables of type &lt;strong&gt;ICoordsUser&lt;/strong&gt;, so it is not clear to me why the defined override of &lt;strong&gt;==&lt;/strong&gt; is not being used.&lt;/p&gt;</t>
  </si>
  <si>
    <t>2013-02-26 20:43:22.780000+00:00</t>
  </si>
  <si>
    <t>2013-02-26 22:55:20.190000+00:00</t>
  </si>
  <si>
    <t>c#|interface|operator-overloading|equality</t>
  </si>
  <si>
    <t>htaccess rewrite, *.OldDomain.com to *.NewDomain.com with directory changes (301 redirect)</t>
  </si>
  <si>
    <t>&lt;p&gt;htaccess rewrite,   *.olddomain.com  to *.newdomain.com with directory changes&lt;/p&gt;
&lt;p&gt;There are about 50 subdomains, so I write for each subdomain, which can redirect every page  of old site to the new site:&lt;/p&gt;
&lt;pre&gt;&lt;code&gt;RewriteEngine On
RewriteCond %{HTTP_HOST} ^olddomain\.com
RewriteRule ^(.*) http://newdomain.com/$1 [L,R=301]
RewriteCond %{HTTP_HOST} ^subdomain1\.olddomain\.com
RewriteRule ^(.*) http://subdomain1.newdomain.com/$1 [L,R=301]
RewriteCond %{HTTP_HOST} ^subdomain2\.olddomain\.com
RewriteRule ^(.*) http://subdomain2.newdomain.com/$1 [L,R=301]
 ... 
 ...  
  ... 
RewriteCond %{HTTP_HOST} ^subdomain50\.olddomain\.com
RewriteRule ^(.*) http://subdomain50.newdomain.com/$1 [L,R=301]    
 &amp;lt;Files .htaccess&amp;gt;
    order allow,deny
    deny from all
&amp;lt;/Files&amp;gt;
&lt;/code&gt;&lt;/pre&gt;
&lt;hr&gt;
&lt;p&gt;The code above works for me,&lt;/p&gt;
&lt;p&gt;but I have another things that need to rewrite too at the same time,&lt;/p&gt;
&lt;p&gt;1 &lt;/p&gt;
&lt;pre&gt;&lt;code&gt;*.olddomain.com/ca/abd/  (there will be  no pages or anything at the end of / )
*.olddomain.com/ca/sdf/
*.olddomain.com/ca/dfsd/
*.olddomain.com/ca/sdfsd/
*.olddomain.com/ca/sdfsd/
*.olddomain.com/ca/sdfa/
...
...
&lt;/code&gt;&lt;/pre&gt;
&lt;p&gt;need to be redirected to to  &lt;/p&gt;
&lt;pre&gt;&lt;code&gt;*.newdomain.com/t/abd/    (there will be  no pages or anything at the end of / )
*.newdomain.com/t/sdf/
*.newdomain.com/t/dfsd/
*.newdomain.com/t/sdfsd/
*.newdomain.com/t/sdfsd/
*.newdomain.com/t/sdfa/
&lt;/code&gt;&lt;/pre&gt;
&lt;p&gt;2 &lt;/p&gt;
&lt;pre&gt;&lt;code&gt;*.olddomain.com/ca/abd/sdfa/
*.olddomain.com/ca/abd/adfa/
*.olddomain.com/ca/abd/adfadf/
*.olddomain.com/ca/abd/adfadf/
*.olddomain.com/ca/abd/adfads/
...
&lt;/code&gt;&lt;/pre&gt;
&lt;p&gt;to &lt;/p&gt;
&lt;pre&gt;&lt;code&gt;*.newdomain.com/t/abd/sdfa/
*.newdomain.com/t/abd/adfa/
*.newdomain.com/t/abd/adfadf/
*.newdomain.com/t/abd/adfadf/
*.newdomain.com/t/abd/adfads/
&lt;/code&gt;&lt;/pre&gt;
&lt;p&gt;'ca' become   't', and there are a lot of  categories  that follow this pattern, I don't mind if the code is long at all, but how can I  make them work in a htaccess file?&lt;/p&gt;
&lt;p&gt;Thank you!&lt;/p&gt;</t>
  </si>
  <si>
    <t>2016-02-21 15:06:44.900000+00:00</t>
  </si>
  <si>
    <t>2016-02-21 18:13:45.367000+00:00</t>
  </si>
  <si>
    <t>2016-02-21 16:49:26.310000+00:00</t>
  </si>
  <si>
    <t>apache|.htaccess|redirect|mod-rewrite|url-redirection</t>
  </si>
  <si>
    <t>Python pandas plot scatter datetime error</t>
  </si>
  <si>
    <t>&lt;p&gt;I want a scatter plot where x-axis is a &lt;code&gt;datetime&lt;/code&gt;, y-axis is an &lt;code&gt;int&lt;/code&gt;. And I have only a few of datapoints that are discrete and not continuous, so I don't want to connect datapoints.&lt;/p&gt;
&lt;p&gt;My DataFrame is:&lt;/p&gt;
&lt;pre&gt;&lt;code&gt;df = pd.DataFrame({'datetime':[dt.datetime(2016,1,1,0,0,0), dt.datetime(2016,1,4,0,0,0),
    dt.datetime(2016,1,9,0,0,0)], 'value':[10, 7, 8]})
&lt;/code&gt;&lt;/pre&gt;
&lt;p&gt;If I use "normal" plot than I got a "line" figure:&lt;/p&gt;
&lt;pre&gt;&lt;code&gt;df.plot(x='datetime', y='value')
&lt;/code&gt;&lt;/pre&gt;
&lt;p&gt;But how can I plot only the dots? This gives error:&lt;/p&gt;
&lt;pre&gt;&lt;code&gt;df.plot.scatter(x='datetime', y='value')
KeyError: 'datetime'
&lt;/code&gt;&lt;/pre&gt;
&lt;p&gt;Of course I can use some cheat to get the result I want, for example:&lt;/p&gt;
&lt;pre&gt;&lt;code&gt;df.plot(x='datetime', y='value', marker='o', linewidth=0)
&lt;/code&gt;&lt;/pre&gt;
&lt;p&gt;But I don't understand why the &lt;code&gt;scatter&lt;/code&gt; version does not work...&lt;/p&gt;
&lt;p&gt;Thank you for help!&lt;/p&gt;</t>
  </si>
  <si>
    <t>2016-08-02 12:47:36.850000+00:00</t>
  </si>
  <si>
    <t>2016-08-02 14:45:21.840000+00:00</t>
  </si>
  <si>
    <t>python|pandas|plot|scatter-plot</t>
  </si>
  <si>
    <t>Setup Nginx logs to directly imports in Piwik</t>
  </si>
  <si>
    <t>&lt;p&gt;I have Piwik installed and working fine, but I want to configure Nginx to directly import logs as they are created, thus preventing to parse logs files.&lt;/p&gt;
&lt;p&gt;I know this can be done in Apache using the following:&lt;/p&gt;
&lt;pre&gt;&lt;code&gt;# Log to piwik as well
CustomLog "|/path/to/import_logs.py --option1 --option2 ... -" myLogFormat
&lt;/code&gt;&lt;/pre&gt;
&lt;p&gt;but I couldn't find anything like this on Nginx.&lt;/p&gt;
&lt;p&gt;Has anyone knows how to do this?&lt;/p&gt;</t>
  </si>
  <si>
    <t>2014-04-15 15:53:33.737000+00:00</t>
  </si>
  <si>
    <t>2014-04-15 15:57:48.567000+00:00</t>
  </si>
  <si>
    <t>logging|nginx|matomo</t>
  </si>
  <si>
    <t>Bash Script with Multiple if statments</t>
  </si>
  <si>
    <t>&lt;p&gt;So I am trying to get email notifications setup on about 100 servers and I am using an if script that works perfectly, however I have a tool that ssh's into each machine ever 5 min to gather statistics. I am trying to adapt the script to ignore any ssh attempts from 1 IP. I have racked my brain and I think I have looked through every possible question on the subject. Any help would be amazing thank guys!!!&lt;/p&gt;
&lt;p&gt;Currently the script sends an email no matter who ssh's in.&lt;/p&gt;
&lt;pre&gt;&lt;code&gt;#!/bin/sh
# Change these two lines:
sender="fromtest@test.com"
recepient="test@test.com"
if [ "$PAM_RUSER" != "192.168.1.10" ]; then
goto done
next
 if [ "$PAM_TYPE" != "close_session" ]; then
  host="`hostname`"
  subject="SSH Login: $PAM_USER from $PAM_RHOST on $host"
  # Message to send, e.g. the current environment variables.
  message="`env`"
  echo "$message" | mail "$sender" -s "$subject" "$recepient"
 fi
fi
&lt;/code&gt;&lt;/pre&gt;</t>
  </si>
  <si>
    <t>2016-11-14 21:44:56.183000+00:00</t>
  </si>
  <si>
    <t>2016-11-14 23:55:02.313000+00:00</t>
  </si>
  <si>
    <t>2016-11-14 22:03:58.297000+00:00</t>
  </si>
  <si>
    <t>bash|if-statement</t>
  </si>
  <si>
    <t>How to AES CBC encrypt using pidCrypt, then decrypt with phpseclib?</t>
  </si>
  <si>
    <t>&lt;p&gt;I need to encrypt a short string using Javascript (&lt;a href="https://sourceforge.net/projects/pidcrypt/" rel="nofollow"&gt;pidCrypt AES CBC&lt;/a&gt;) then decrypt it using PHP (&lt;a href="http://phpseclib.sourceforge.net/crypt/examples.html" rel="nofollow"&gt;phpseclib Crypt_AES CBC&lt;/a&gt;).&lt;/p&gt;
&lt;p&gt;There are so many incompatibilities between various libraries (tried many of them, some I couldn't even start to use because of lack of documentation) that I am way over my head trying to understand and overcome them (the current "standards" just don't cover debugging, and gibberish or simply a &lt;code&gt;false&lt;/code&gt; will be returned with incorrect usage).&lt;/p&gt;
&lt;p&gt;pidCrypt AES CBC says it is using OpenSSL compatible encoding.&lt;/p&gt;
&lt;p&gt;So far, I can't understand why the output from pidCrypt won't be decrypted in phpseclib:&lt;/p&gt;
&lt;p&gt;&lt;strong&gt;pidCrypt&lt;/strong&gt;&lt;/p&gt;
&lt;pre&gt;&lt;code&gt;var aes=new pidCrypt.AES.CBC();
aes.encryptText("abcdefg", "secret", {nBits: 128});
console.log(aes.pidcrypt.getParams());
/**
A0_PAD: true
UTF8: true
blockSize: 16
clear: true
dataIn: "abcdefg"
dataOut: "U2FsdGVkX19p8dJctoZSgamat+UBHMWM/Zx64fBDYJY="
decryptIn: ""
decryptOut: ""
encryptIn: Array[16]
encryptOut: "����������z����C`"
iv: "e314f8ebbcc5a1e0ae6c27033dd6725f"
key: "49f9bd99b7952b68b3bfa47404455fa7"
nBits: 128
salt: "69f1d25cb6865281"
*/
&lt;/code&gt;&lt;/pre&gt;
&lt;p&gt;&lt;strong&gt;phpseclib&lt;/strong&gt;&lt;/p&gt;
&lt;pre&gt;&lt;code&gt;function hex2raw($strHexString)
{
    $strRawBytes="";
    $arrChunks=str_split($strHexString, 2);
    for($i=0; $i&amp;lt;count($arrChunks); $i++)
        $strRawBytes.=chr(hexdec($arrChunks[$i]));
    return $strRawBytes;
}
require_once("Crypt/AES.php");
$aes=new Crypt_AES(CRYPT_AES_MODE_CBC);
$aes-&amp;gt;setPassword("secret");
$aes-&amp;gt;setIV(hex2raw("e314f8ebbcc5a1e0ae6c27033dd6725f"));
var_export($aes-&amp;gt;decrypt(base64_decode("U2FsdGVkX19p8dJctoZSgamat+UBHMWM/Zx64fBDYJY=")));
/**
false
*/
&lt;/code&gt;&lt;/pre&gt;
&lt;p&gt;I have also tried the phpseclib AES CBC mode "Key Derivation: None" example (setKey and setIV instead of setPassword), with the same results.&lt;/p&gt;
&lt;p&gt;&lt;strong&gt;How can I get phpseclib to decode the above pidCrypt AES CBC output?&lt;/strong&gt;&lt;/p&gt;
&lt;p&gt;or&lt;/p&gt;
&lt;p&gt;&lt;strong&gt;Are there alternatives to phpseclib which can decrypt the above pidCrypt output (which have a code API; OpenSSL usage examples not allowed)?&lt;/strong&gt;&lt;/p&gt;
&lt;p&gt;Please, no lectures on Javascript security and network security. This is not meant to protect against internet/network sniffing.&lt;/p&gt;</t>
  </si>
  <si>
    <t>2012-10-04 15:34:43.927000+00:00</t>
  </si>
  <si>
    <t>2016-03-30 17:33:50.253000+00:00</t>
  </si>
  <si>
    <t>2016-03-30 17:16:07.583000+00:00</t>
  </si>
  <si>
    <t>javascript|php|aes|phpseclib|pidcrypt</t>
  </si>
  <si>
    <t>sparklyr can't see databases created in Hive and vice versa</t>
  </si>
  <si>
    <t>&lt;p&gt;I installed Apache Hive in local and I was trying to read tables via Rstudio/sparklyr.&lt;/p&gt;
&lt;p&gt;I created a database using Hive:&lt;/p&gt;
&lt;pre&gt;&lt;code&gt;hive&amp;gt; CREATE DATABASE test;
&lt;/code&gt;&lt;/pre&gt;
&lt;p&gt;and I was trying to read that database using the following R script:&lt;/p&gt;
&lt;pre&gt;&lt;code&gt;library(sparklyr)
library(dplyr)
library(DBI)
spark_disconnect_all()
Sys.setenv(SPARK_HOME = "/home/alessandro/spark-2.1.0-bin-hadoop2.7")
config &amp;lt;- spark_config()
config$spark.executor.instances &amp;lt;- 4
config$spark.executor.cores &amp;lt;- 4
config$spark.executor.memory &amp;lt;- "4G"
config$spark.sql.hive.metastore &amp;lt;- "/home/alessandro/spark-warehouse"
config$hive.metastore.warehouse.dir &amp;lt;- "/home/alessandro/spark-warehouse"
sc &amp;lt;- spark_connect(master="local", config=config, version="2.1.0")
dbGetQuery(sc, "show databases")
&lt;/code&gt;&lt;/pre&gt;
&lt;p&gt;Still, &lt;code&gt;dbGetQuery(sc, "show databases")&lt;/code&gt; does not show the database created, and that's awkward since the database folder test.db is correctly placed in the specified &lt;code&gt;hive.metastore.warehouse.dir&lt;/code&gt;.&lt;/p&gt;
&lt;p&gt;Similarly, if I create a database using dbGetQuery(sc, "CREATE DATABASE test2"), a database folder is created in &lt;code&gt;hive.metastore.warehouse.dir&lt;/code&gt;, but I can't see it via Hive using:&lt;/p&gt;
&lt;pre&gt;&lt;code&gt;hive&amp;gt; show databases;
&lt;/code&gt;&lt;/pre&gt;
&lt;p&gt;Basically, even if all the database folders are placed in the correct path, from Hive I can see only databases created via Hive, whereas from R I can see only databases created via R.&lt;/p&gt;</t>
  </si>
  <si>
    <t>2017-05-31 08:44:26.743000+00:00</t>
  </si>
  <si>
    <t>2017-06-01 12:21:11.303000+00:00</t>
  </si>
  <si>
    <t>r|hadoop|hive|sparklyr</t>
  </si>
  <si>
    <t>Enclosing brackets when setting variables</t>
  </si>
  <si>
    <t>&lt;p&gt;Why does this command destroy the search path?&lt;/p&gt;
&lt;pre&gt;&lt;code&gt;PATH=($PATH:$HOME/bin)
&lt;/code&gt;&lt;/pre&gt;
&lt;p&gt;The PATH appears unchanged, but the shell cannot find commands.  &lt;/p&gt;
&lt;p&gt;It was entered in error for &lt;/p&gt;
&lt;pre&gt;&lt;code&gt;PATH=$PATH:$HOME/bin
&lt;/code&gt;&lt;/pre&gt;
&lt;p&gt;Probably confused with&lt;/p&gt;
&lt;pre&gt;&lt;code&gt;PATH=$(echo $PATH:$HOME/bin)
&lt;/code&gt;&lt;/pre&gt;</t>
  </si>
  <si>
    <t>2013-10-30 11:18:43.647000+00:00</t>
  </si>
  <si>
    <t>2013-10-30 11:30:38.807000+00:00</t>
  </si>
  <si>
    <t>linux|unix</t>
  </si>
  <si>
    <t>In std::multiset is there a function or algorithm to erase just one sample (unicate or duplicate) if an element is found</t>
  </si>
  <si>
    <t>&lt;p&gt;Perhaps this is a duplicate but I did not find anything searching:
When &lt;code&gt;erase(value)&lt;/code&gt; is called on &lt;code&gt;std::multiset&lt;/code&gt; all elements with the value found are deleted. The only solution I could think of is:&lt;/p&gt;
&lt;pre&gt;&lt;code&gt;std::multiset&amp;lt;int&amp;gt;::iterator hit(mySet.find(5));
if (hit!= mySet.end()) mySet.erase(hit);
&lt;/code&gt;&lt;/pre&gt;
&lt;p&gt;This is ok but I thought there might be better. Any Ideas ?&lt;/p&gt;</t>
  </si>
  <si>
    <t>2012-02-06 21:46:58.860000+00:00</t>
  </si>
  <si>
    <t>2018-11-20 03:44:38.397000+00:00</t>
  </si>
  <si>
    <t>2012-08-19 09:54:42.313000+00:00</t>
  </si>
  <si>
    <t>c++|stl|multiset</t>
  </si>
  <si>
    <t>if I load a flv with netStream, how can I call a function when the flv stops playing</t>
  </si>
  <si>
    <t>&lt;p&gt;I have a website in ActionScript 3 that has lots of FLV animations that happen when you press buttons. Right now this is how I have it set up.&lt;/p&gt;
&lt;p&gt;in AS3,
im loading FLv's (which are animations I exported in FLV form from After Effects)
with net stream. I have a timer set up for the same amount of length of time that the animations (FLV's) play and when the timer stops it calls a function that closes the stream, opens a new one and plays another video. The only problem I noticed using timers is that if the connection is slow and (animation)stops for a second, the timer keeps going, and calls the next flv too early. &lt;/p&gt;
&lt;p&gt;Does anyone know a way to load a flv, or swf for that matter, at the end of play of the flv? so that the next FLV will always play at the end of the run time of the previous FLV, rather than using timers?&lt;/p&gt;
&lt;p&gt;im thinking onComplete but I don't know how to implement that!?&lt;/p&gt;</t>
  </si>
  <si>
    <t>2010-09-10 12:00:39.503000+00:00</t>
  </si>
  <si>
    <t>2011-04-28 06:18:21.037000+00:00</t>
  </si>
  <si>
    <t>actionscript-3|timer|settimeout|netstream</t>
  </si>
  <si>
    <t>Sql referencing a WITH clause entity from the SELECT statement</t>
  </si>
  <si>
    <t>&lt;h1&gt;Overview&lt;/h1&gt;
&lt;p&gt;I have 2 sets of filepaths, the filepaths all contain a UID as &lt;em&gt;part of&lt;/em&gt; the filename.&lt;/p&gt;
&lt;ul&gt;
&lt;li&gt;The &lt;em&gt;fullpath&lt;/em&gt; set is in a table &lt;strong&gt;DirFiles&lt;/strong&gt;, and these filenames change from external forces, but the UID part never changes.&lt;/li&gt;
&lt;li&gt;The &lt;em&gt;location&lt;/em&gt; set is in a table &lt;strong&gt;BrainAttachments&lt;/strong&gt;, which is the update target.&lt;/li&gt;
&lt;/ul&gt;
&lt;p&gt;&lt;em&gt;I have to make some XML to do the update, so this is not about a typical table update. I am trying to build a query.&lt;/em&gt;&lt;/p&gt;
&lt;h2&gt;Data Layout&lt;/h2&gt;
&lt;pre&gt;&lt;code&gt;-- contains various file paths, grouped as sets by uname
CREATE TABLE [dbo].[DirFiles](
    [id] [int] IDENTITY(1,1) NOT NULL,
    [uname] [varchar](50) COLLATE SQL_Latin1_General_CP1_CI_AS NOT NULL,
    [fullpath] [varchar](300) COLLATE SQL_Latin1_General_CP1_CI_AS NOT NULL
) ON [PRIMARY]
-- file attachments table, 'location' field contains a file path
CREATE TABLE [dbo].[BrainAttachments](
    [brain_guid] [uniqueidentifier] NOT NULL,
    [guid] [uniqueidentifier] NOT NULL,
    [location] [varchar](max) COLLATE SQL_Latin1_General_CP1_CI_AS NOT NULL,
  ...more...
) ON [PRIMARY]
&lt;/code&gt;&lt;/pre&gt;
&lt;h2&gt;Filepaths&lt;/h2&gt;
&lt;p&gt;The DirFiles table is fed a set of paths using a uname of 'slickmacs'
Paths take the following form:&lt;/p&gt;
&lt;pre&gt;&lt;code&gt;ROOT QUALIFIER           | MODULE | SIGNATURE                     | BACKWARDS PATH                      | FILE     | UID            | EXT
C:\SlickEdit2007\macros\@\__appact\cmd appact_slickhelp()-typeless --__appact--macros--Slickedit2007--C--__appact.e.7946371600659277.#+!
&lt;/code&gt;&lt;/pre&gt;
&lt;h2&gt;Use Case: Rename&lt;/h2&gt;
&lt;p&gt;Everything in this path is subject to a change except the Root Qualifier and the UID. Upon Rename, we want to find the &lt;strong&gt;BrainAttachment&lt;/strong&gt;
with the UID and Root Qualifier for further processing.
The inputs to the further processing are the attachment guid and the new, renamed path from &lt;strong&gt;DirFiles&lt;/strong&gt;.&lt;/p&gt;
&lt;h2&gt;Obstacles: Avoid layered views, very bad on performance. Avoid temp_tables. So we use WITH clauses...&lt;/h2&gt;
&lt;p&gt;Attempting a view here...&lt;/p&gt;
&lt;pre&gt;&lt;code&gt;-- query currently executes in 2-3 secs WITHOUT the field I desire
;WITH
-- slickmacs: getting a list of all paths under 'slickmacs' and 
-- extracting the UID, aka 'zdot'
-- 7000 records under uname='slickmacs'
slickmacs(fullpath,zdot) as
(
  SELECT     fullpath,dbo.fnPathZdotPart(fullpath)
  FROM         dbo.DirFiles
  WHERE     (uname = 'slickmacs')
),
-- find attachments that qualify, but their location is not in slickmacs
-- 10,000 records in BrainAttachments WHERE 1=1
location_notin(guid,location) as
(
  SELECT     guid,location
  FROM       dbo.BrainAttachments BA
  WHERE     (NOT EXISTS
                            (SELECT     fullpath
                              FROM          slickmacs
                              WHERE      (BA.location = fullpath)))
  AND (SUBSTRING(location, 1, 26) = 'C:\SlickEdit2007\macros\@\')
  AND (SUBSTRING(dbo.fnPathFileExt(location), 1, 1) = '#')
  AND (brain_guid = dbo.GuidOfSlickKeys())
),
-- I am trying to 'float up' the fullpath here so I can 
-- get at it below in my SELECT
location_notin_fp(guid,fullpath) as
(
  select guid
                ,(select fullpath from slickmacs
                  where zdot=dbo.fnPathZdotPart(LNI.location)
                ) as fullpath
  from location_notin LNI
)
-- PROBLEM: Here for the second field, I want the fullpath
SELECT     guid
-- METHOD 1: takes 2 minutes
--                ,(select fullpath from location_notin_fp
--                  where guid=BA.guid
--                ) as fullpath
-- METHOD 2: takes 2 minutes
--                ,(select fullpath from slickmacs
--                  where zdot=dbo.fnPathZdotPart(BA.location)
--                ) as fullpath
FROM       dbo.BrainAttachments BA
-- ALTERNATE METHODS: Gets errors
-- METHOD 3: Error: identifiers not found: dbo.BrainAttachments.guid,location_notin_fp.guid
--INNER JOIN location_notin_fp LNO ON dbo.BrainAttachments.guid=location_notin_fp.guid
-- METHOD 4: Error: identifiers not found: dbo.BrainAttachments.guid
--INNER JOIN (select * from location_notin_fp ) as LNF ON dbo.BrainAttachments.guid=LNF.guid
-- METHOD 5: Error: ambiguous column name: guid
--INNER JOIN (select * from location_notin_fp ) as LNF ON BA.guid=LNF.guid
-- get where location not in fullpaths and location.zdot in fullpaths.zdot
WHERE
(EXISTS
  (SELECT *  FROM location_notin
    WHERE      (BA.guid = guid)
  )
)
AND (EXISTS
  (SELECT fullpath FROM slickmacs
    WHERE      (zdot=dbo.fnPathZdotPart(BA.location))
  )
)
&lt;/code&gt;&lt;/pre&gt;
&lt;h2&gt;Summary&lt;/h2&gt;
&lt;p&gt;So basically I have a computation f(x) that gets the UID from filepaths in two tables, but I do not want to execute that function count(T1)*count(T2) times, and I dont want to use temp tables.&lt;/p&gt;
&lt;p&gt;In English, "Give me all the attachments whose names have changed on the disk, given the UID part of the filename remains constant throughout, and do it quickly"&lt;/p&gt;</t>
  </si>
  <si>
    <t>2012-11-15 13:07:48.717000+00:00</t>
  </si>
  <si>
    <t>regain focus after java.awt.Robot.keyPress()/mousePress()</t>
  </si>
  <si>
    <t>&lt;p&gt;I writing an application which controls another application by using the keyboard only. To more concrete, the application simulates key presses and mouse clicks when a certain key is pressed on the keyboard. For example, pressing on the 'x' key simulates a mouse click on the [X] in the rop right corner, followed by a little sleep of 2 seconds and an 'enter' to confirm the exit dialog. Pretty easy. I am developing this application in Java.&lt;/p&gt;
&lt;p&gt;Sending a key press or a mouse click is very easy with java.awt.Robot. I am facing one little problem. Say I have configured a key which will click somewhere on the screen. The problem is that consecutive key presses aren't catched anymore, as my application lost its focus caused by the mouse click outside it's window.&lt;/p&gt;
&lt;p&gt;My question now is: what is the best way to be sure that my main application keeps the focus? Is there a way to focus my application again after the key presses and mouse clicks are sent out? Is there a better way?&lt;/p&gt;
&lt;p&gt;Thanks in advance.&lt;/p&gt;</t>
  </si>
  <si>
    <t>2010-01-28 08:09:57.180000+00:00</t>
  </si>
  <si>
    <t>2013-05-14 12:30:45.467000+00:00</t>
  </si>
  <si>
    <t>2010-01-28 08:38:13.890000+00:00</t>
  </si>
  <si>
    <t>user260753</t>
  </si>
  <si>
    <t>java|awt</t>
  </si>
  <si>
    <t>Use JMeter to accept Aysnc Response From Server</t>
  </si>
  <si>
    <t>&lt;p&gt;I have an application that will provide async response when asked a question like "How are you?"&lt;/p&gt;
&lt;p&gt;My application will say "I am good" after some time.&lt;/p&gt;
&lt;p&gt;I can provide the URL in my initial question which can be used to reach JMeter.  But how do I get JMeter to accept the response?&lt;/p&gt;
&lt;p&gt;Here is what my request look like:&lt;/p&gt;
&lt;pre&gt;&lt;code&gt;  "conversation": {
    "id": "111"  // unique id for each conversation
  },
  "serviceUrl": "http://localhost:54673" // the callback url for response
  "text": "How are you?"
&lt;/code&gt;&lt;/pre&gt;
&lt;p&gt;Here is where the response will be posted to:&lt;/p&gt;
&lt;pre&gt;&lt;code&gt;  Response URL:  http://localhost:50643/v3/conversations/111/activities
&lt;/code&gt;&lt;/pre&gt;
&lt;p&gt;And here is the content:&lt;/p&gt;
&lt;pre&gt;&lt;code&gt;{
  "type": "message",
  "conversation": {
    "id": "111"
  },
  "text": "I am good"
}
&lt;/code&gt;&lt;/pre&gt;
&lt;p&gt;This response is async so it's a new connection.  How do I setup JMeter to do this?  And what would be the Response URL for me to send msg to?&lt;/p&gt;</t>
  </si>
  <si>
    <t>2018-03-05 22:41:49.707000+00:00</t>
  </si>
  <si>
    <t>2018-03-06 06:08:09.603000+00:00</t>
  </si>
  <si>
    <t>I am getting this error while executing update query in visual studio 2012</t>
  </si>
  <si>
    <t>&lt;blockquote&gt;
  &lt;p&gt;Incorrect syntax near '='&lt;/p&gt;
&lt;/blockquote&gt;
&lt;p&gt;my code is&lt;/p&gt;
&lt;pre&gt;&lt;code&gt;"update staff_Tables 
 set emp_id='" + txtEmployeeID.Text + "' , 
     emp_sal='" + txtEmpSal.Text + "', 
     emp_name='" + txtEmployeeName.Text + "',
     emp_Deignation='" + txtDesignation.Text + "',
     Gender='" + cboGender.Text + "',
     contactno='" + txtContact.Text + "',
     Address='" + rtbAddress.Text + "',
     Joining_Date='" + txtjoindate.Text + "' 
 where txtid=" + txtid.Text, sqlcon.getCon());
&lt;/code&gt;&lt;/pre&gt;</t>
  </si>
  <si>
    <t>2015-05-30 16:23:35.927000+00:00</t>
  </si>
  <si>
    <t>2015-05-30 17:08:14.420000+00:00</t>
  </si>
  <si>
    <t>2015-05-30 16:38:37.270000+00:00</t>
  </si>
  <si>
    <t>sql|sql-server|sql-server-2008|visual-studio-2012|sql-update</t>
  </si>
  <si>
    <t>vb.net: setting focus on nested custom controls</t>
  </si>
  <si>
    <t>&lt;p&gt;I have a nested custom control that I need to set focus on. I have it all internally wired up to automatically set the focus when the form loads, but when it comes up on screen, the designated accept button for the parent form is in focus instead. Even when is disassociate the accept button it still does not set correctly. How can I ensure my desired control gets focus. &lt;/p&gt;</t>
  </si>
  <si>
    <t>2011-01-10 21:40:58.777000+00:00</t>
  </si>
  <si>
    <t>2011-01-10 22:06:06.050000+00:00</t>
  </si>
  <si>
    <t>2011-01-10 21:41:28.233000+00:00</t>
  </si>
  <si>
    <t>Line plot of multiple variables in R</t>
  </si>
  <si>
    <t>&lt;p&gt;I have input data in below format.&lt;/p&gt;
&lt;pre&gt;&lt;code&gt;  x      y       z
  0      2.2     4.5
  5      3.8     6.8
  10     4.6     9.3
  15     7.6     10.5
&lt;/code&gt;&lt;/pre&gt;
&lt;p&gt;How can i plot the xy scatter plot like excel (show below) in R?&lt;/p&gt;
&lt;p&gt;&lt;img src="https://i.stack.imgur.com/qAC9x.png" alt="enter image description here"&gt;&lt;/p&gt;</t>
  </si>
  <si>
    <t>2013-07-10 04:19:17.097000+00:00</t>
  </si>
  <si>
    <t>2016-03-01 20:19:26.227000+00:00</t>
  </si>
  <si>
    <t>r|graphics|line-plot</t>
  </si>
  <si>
    <t>Python - Ordering Number Values in a List Containing Strings and Numbers</t>
  </si>
  <si>
    <t>&lt;p&gt;I have Created a list which contains all of the information from a scores file in python.&lt;/p&gt;
&lt;p&gt;The scores .txt file:&lt;/p&gt;
&lt;pre&gt;&lt;code&gt;Dan Danson,9,6,1
John Johnson,5,7,10
Mike Mikeson,10,7,6
&lt;/code&gt;&lt;/pre&gt;
&lt;p&gt;I did this to get the information from the .txt file into a 2d list:&lt;/p&gt;
&lt;pre&gt;&lt;code&gt;f = open(filename, 'r')
lines = f.readlines()
f.close()
scores = []
for line in lines: #Loads lines into a 2d list
    currentline = line.strip('\n').split(",")
    scores.append(currentline)
&lt;/code&gt;&lt;/pre&gt;
&lt;p&gt;Now I have this list:&lt;/p&gt;
&lt;pre&gt;&lt;code&gt;[['Dan Danson', '1', '6', '9'], ['John Johnson', '5', '7', '10'], ['Mike Mikeson', '10', '7', '6']]
&lt;/code&gt;&lt;/pre&gt;
&lt;p&gt;From this list I would like to sort the numbers in the list so that they are ordered from highest to lowest so i get a list that looks like this:&lt;/p&gt;
&lt;pre&gt;&lt;code&gt;[['Dan Danson', '9', '6', '1'], ['John Johnson', '10', '7', '5'], ['Mike Mikeson', '10', '7', '6']]
&lt;/code&gt;&lt;/pre&gt;
&lt;p&gt;Finally I want to be able to print the list ordered highest to lowest.&lt;/p&gt;
&lt;pre&gt;&lt;code&gt;Mike Mikeson,10,7,6
John Johnson,10,7,5
Dan Danson,9,6,1
&lt;/code&gt;&lt;/pre&gt;</t>
  </si>
  <si>
    <t>2015-12-15 12:02:40.227000+00:00</t>
  </si>
  <si>
    <t>2015-12-15 12:39:11.153000+00:00</t>
  </si>
  <si>
    <t>2015-12-15 12:32:06.117000+00:00</t>
  </si>
  <si>
    <t>python|list|sorting</t>
  </si>
  <si>
    <t>find_or_create Method</t>
  </si>
  <si>
    <t>&lt;p&gt;I have a simple CSV import Method:&lt;/p&gt;
&lt;pre&gt;&lt;code&gt;  def import
    Player.import(params[:file])
    redirect_to players_path, notice: "Players Imported successfully"
  end
&lt;/code&gt;&lt;/pre&gt;
&lt;pre&gt;&lt;code&gt;  def self.import(file)
    SmarterCSV.process(file.path) do |chunk|
      chunk.each do |h|
        h[:gr_name] = CGI::unescape(h[:gr_name]).force_encoding('UTF-8')
      end
      # Player.create(chunk.first) 
      # Find if player already exists, then update attributes else create new Player
    end
  end
&lt;/code&gt;&lt;/pre&gt;
&lt;p&gt;The variable i'm checking against is "&lt;strong&gt;gr_id&lt;/strong&gt;", but i can't implement it right.&lt;/p&gt;
&lt;p&gt;Basically i need something like &lt;/p&gt;
&lt;pre&gt;&lt;code&gt;player = Player.find_by_id(row["gr_id"]) || new
Player.create(chunk.first) 
&lt;/code&gt;&lt;/pre&gt;
&lt;p&gt;What am i missing?&lt;/p&gt;</t>
  </si>
  <si>
    <t>2014-04-13 09:47:44.983000+00:00</t>
  </si>
  <si>
    <t>2016-02-02 11:41:04.650000+00:00</t>
  </si>
  <si>
    <t>2014-04-13 10:01:15.083000+00:00</t>
  </si>
  <si>
    <t>ruby-on-rails|csv|methods|ruby-on-rails-4|find</t>
  </si>
  <si>
    <t>Do I need an Apple Developer account?</t>
  </si>
  <si>
    <t>&lt;p&gt;I am newbie in Xcode and Mac.  I can make programs working well on simulators but cant make dmg files . Somewhere I heard I need an Apple Developer account ( 99$) for that but I dont want to publish my file on App store. I just need to install it on 1 or 2 other Macs. &lt;/p&gt;</t>
  </si>
  <si>
    <t>2012-08-22 11:53:38.353000+00:00</t>
  </si>
  <si>
    <t>2017-03-19 12:05:16.793000+00:00</t>
  </si>
  <si>
    <t>2012-08-22 11:54:52.613000+00:00</t>
  </si>
  <si>
    <t>xcode|macos|dmg</t>
  </si>
  <si>
    <t>re-set gl.viewport() does not work</t>
  </si>
  <si>
    <t>&lt;p&gt;When I resize my four canvases (actual width and height, not just CSS, to adapt to screen ratio when going fullscreen), the canvas which uses webgl does not update. Though I call&lt;/p&gt;
&lt;pre&gt;&lt;code&gt;gl.viewport( 0, 0, gl.drawingBufferWidth, gl.drawingBufferHeight );
&lt;/code&gt;&lt;/pre&gt;
&lt;p&gt;it stays with original ratio, and so it is offset from the other canvas.&lt;/p&gt;
&lt;p&gt;What am I missing ?&lt;/p&gt;
&lt;p&gt;The only info I could find on the internet is to update my matrix too, but I do not use any matrix, I just use a texture on two triangles.&lt;/p&gt;
&lt;p&gt;creation code :&lt;/p&gt;
&lt;pre&gt;&lt;code&gt;gl.viewport(0, 0, game.w, game.h);
gl.vertexShader = createShaderFromScriptElement(gl, "2d-vertex-shader");
gl.fragmentShader = createShaderFromScriptElement(gl, "2d-fragment-shader");
gl.program = createProgram(gl, [gl.vertexShader, gl.fragmentShader]);
gl.useProgram( gl.program);
gl.positionLocation = gl.getAttribLocation( gl.program, "a_position");
gl.texCoordLocation = gl.getAttribLocation( gl.program, "a_texCoord");
gl.texCoordBuffer = gl.createBuffer();
gl.bindBuffer( gl.ARRAY_BUFFER, gl.texCoordBuffer );
gl.bufferData( gl.ARRAY_BUFFER, new Float32Array([
        0.0,  0.0,
        1.0,  0.0,
        0.0,  1.0,
        0.0,  1.0,
        1.0,  0.0,
        1.0,  1.0]), gl.STATIC_DRAW);
gl.enableVertexAttribArray( gl.texCoordLocation );
gl.vertexAttribPointer( gl.texCoordLocation , 2, gl.FLOAT, false, 0, 0);
gl.posBuffer = gl.createBuffer();
gl.bindBuffer( gl.ARRAY_BUFFER , gl.posBuffer );
gl.bufferData( gl.ARRAY_BUFFER , new Float32Array([
        0.0,  0.0,
        1.0,  0.0,
        0.0,  1.0,
        0.0,  1.0,
        1.0,  0.0,
        1.0,  1.0]), gl.STATIC_DRAW);
gl.enableVertexAttribArray( gl.positionLocation );
gl.vertexAttribPointer( gl.positionLocation, 2, gl.FLOAT, false, 0, 0 );
gl.resolutionLocation = gl.getUniformLocation( gl.program, "u_resolution" );
webglalpha = gl.getUniformLocation( gl.program, "alpha" );
&lt;/code&gt;&lt;/pre&gt;</t>
  </si>
  <si>
    <t>2018-04-01 02:02:18.183000+00:00</t>
  </si>
  <si>
    <t>2018-04-03 07:27:39.760000+00:00</t>
  </si>
  <si>
    <t>webgl</t>
  </si>
  <si>
    <t>Not Able to Target a Parent of specific element with id</t>
  </si>
  <si>
    <t>&lt;p&gt;Can you please take a look at this demo and let me know why I am not able to target a Parent of specific element with id. I want to add &lt;code&gt;active&lt;/code&gt; class to parent of a &lt;code&gt;a&lt;/code&gt; element which has an &lt;code&gt;id&lt;/code&gt; of &lt;code&gt;#map&lt;/code&gt;&lt;/p&gt;
&lt;p&gt;&lt;div class="snippet" data-lang="js" data-hide="false" data-console="true" data-babel="false"&gt;_x000D_
&lt;div class="snippet-code"&gt;_x000D_
&lt;pre class="snippet-code-js lang-js prettyprint-override"&gt;&lt;code&gt;$("#map .nav-tabs&amp;gt;li&amp;gt;a").parent().addClass('active');_x000D_
$("#map .nav-tabs li&amp;gt;a").parent().addClass('active');&lt;/code&gt;&lt;/pre&gt;_x000D_
&lt;pre class="snippet-code-css lang-css prettyprint-override"&gt;&lt;code&gt;.active {_x000D_
  border: 1px solid red;_x000D_
}&lt;/code&gt;&lt;/pre&gt;_x000D_
&lt;pre class="snippet-code-html lang-html prettyprint-override"&gt;&lt;code&gt;&amp;lt;script src="https://ajax.googleapis.com/ajax/libs/jquery/2.1.1/jquery.min.js"&amp;gt;&amp;lt;/script&amp;gt;_x000D_
&amp;lt;ul class="nav-tabs"&amp;gt;_x000D_
  &amp;lt;li&amp;gt;&amp;lt;a id="map"&amp;gt; Map&amp;lt;/a&amp;gt;&amp;lt;/li&amp;gt;_x000D_
  &amp;lt;li&amp;gt;&amp;lt;a id="tap"&amp;gt; Tap&amp;lt;/a&amp;gt;&amp;lt;/li&amp;gt;_x000D_
  &amp;lt;li&amp;gt;&amp;lt;a id="app"&amp;gt; App&amp;lt;/a&amp;gt;&amp;lt;/li&amp;gt;_x000D_
&amp;lt;/ul&amp;gt;&lt;/code&gt;&lt;/pre&gt;_x000D_
&lt;/div&gt;_x000D_
&lt;/div&gt;_x000D_
&lt;/p&gt;</t>
  </si>
  <si>
    <t>2018-06-05 19:35:50.830000+00:00</t>
  </si>
  <si>
    <t>2018-06-05 20:45:21.017000+00:00</t>
  </si>
  <si>
    <t>How to use BringToFront(); properly?</t>
  </si>
  <si>
    <t>&lt;p&gt;So I've been working on a little game project called economy, and I've ran into a little problem. What I want is to draw a stick man on the screen when someone hires a new employee, I do this by creating a new picture box, and assigning the stick man image to it. However because I needed to do this over and over again (so that they could have unlimited employees) I had it create a new object each time. &lt;/p&gt;
&lt;p&gt;To remove the stick men, when someone fired them, I added a new picture box over the old stick men that is just white, so it looks as if they disappear. However for some reason BringToFront(); does not appear to work with it, and so I can't get the white picture to be drawn over the stick men. &lt;/p&gt;
&lt;p&gt;If someone could tell me why it is not working, or a way to reference the original stickmen pictureboxe's to change their image, that would be fantastic. &lt;/p&gt;
&lt;pre&gt;&lt;code&gt;public void Hire_Worker_Click(object sender, EventArgs e)
{
    workers++;
    money -= 10000;
    PictureBox WPB = new PictureBox();
    //Set location and size of new picturebox
    WPB.Image = Economy.Properties.Resources.Worker;
    WPB.Width = 68;
    WPB.Height = 118;
    WPB.Location = new Point(workerx,400);
    workerx += 68;
    Controls.Add(WPB);
}
public void Fire_Worker_Click(object sender, EventArgs e)
{
    if (workers &amp;gt; 1)
    {
        clickfire++;
        workers--;
        money -= 100;
        if (clickfire == 1)
        {
            workerx -= 68;
        }
        PictureBox WWPB = new PictureBox();
        //Set location and size of picturebox
        WWPB.BringToFront();
        WWPB.Image = Economy.Properties.Resources.whiteworker;
        WWPB.Width = 68;
        WWPB.Height = 118;
        WWPB.Location = new Point(workerx, 375);
        workerx -= 68;
        Controls.Add(WWPB);
    }
}
&lt;/code&gt;&lt;/pre&gt;</t>
  </si>
  <si>
    <t>2015-03-13 20:50:25.560000+00:00</t>
  </si>
  <si>
    <t>2015-03-13 21:05:00.087000+00:00</t>
  </si>
  <si>
    <t>2015-03-13 20:58:35.853000+00:00</t>
  </si>
  <si>
    <t>c#|object|picturebox|bringtofront</t>
  </si>
  <si>
    <t>Unexpected output for test case</t>
  </si>
  <si>
    <t>&lt;p&gt;Codeforces problem 158B-&lt;a href="http://codeforces.com/problemset/problem/158/B" rel="nofollow"&gt;http://codeforces.com/problemset/problem/158/B&lt;/a&gt;&lt;/p&gt;
&lt;p&gt;I am getting an unexpected output for test case 5.I think I should get 1 as output but I am it as 2.Please guide me.Judge's log:&lt;/p&gt;
&lt;p&gt;Test: #5, time: 30 ms., memory: 380 KB, exit code: 0, checker exit code: 1, verdict: WRONG_ANSWER
Input
2
2 1
Output
2
Answer
1
Checker Log
wrong answer expected 1, found 2&lt;/p&gt;
&lt;p&gt;My solution:&lt;/p&gt;
&lt;pre&gt;&lt;code&gt;#include&amp;lt;iostream&amp;gt;
using namespace std;
int n,a[100000],i,b,c,d,e,f,g,h;
int main()
{
    cin&amp;gt;&amp;gt;n;
    for(i=0;i&amp;lt;n;i++)
    {
        cin&amp;gt;&amp;gt;a[i];
    }
    b=0;
    c=0;
    d=0;
    e=0;
    for(i=0;i&amp;lt;n;i++)
    {
        if(a[i]==1) //To check for number of 1,2,3 and 4 membered groups.
        b=b+1;
        if(a[i]==2)
        c=c+1;
        if(a[i]==3)
        d=d+1;
        if(a[i]==4)
        e=e+1;  
    }
    f=e;
    if(d&amp;gt;b) //More 3 member groups than 1.
    {
        f=f+d; //f=f+b+(g-b) 3 and 1 member groups combine.Remaining 3 i.e. (g-b) member groups will can't combine with 2 member groups.Hence,they take separate taxies.
        g=-1;
    }
    if(b&amp;gt;=d) //More 1 member groups than 3.
    {
        f=f+d;
        g=b-d; //g=remaining 1 member groups.
    }
    h=(2*c)%4; //Empty seats in last taxi.Possible values can be 0,1,2,3.
    if(h==0)
    f=f+(c/2);
    else
    f=f+((c+1)/2);
    if(g!=-1)
    {
        g=g-h; //Remaining 1 member groups after combining with remaining seats in last 2 member taxi.
        if((g%4)==0)
        f=f+(g/4);
        else
        f=f+(g/4)+1;
    }
    cout&amp;lt;&amp;lt;f;
}
&lt;/code&gt;&lt;/pre&gt;</t>
  </si>
  <si>
    <t>2013-12-06 15:04:05.927000+00:00</t>
  </si>
  <si>
    <t>2013-12-06 16:52:16.160000+00:00</t>
  </si>
  <si>
    <t>c++|implementation|greedy</t>
  </si>
  <si>
    <t>How to get another node's cookie in Erlang?</t>
  </si>
  <si>
    <t>&lt;p&gt;Is it possible to get the cookie of another node knowing its &lt;code&gt;nodename&lt;/code&gt;, both from erlang or OS env?&lt;/p&gt;
&lt;p&gt;I did not find any &lt;code&gt;erlang:get_cookie/2&lt;/code&gt;.&lt;/p&gt;</t>
  </si>
  <si>
    <t>2016-05-09 02:41:50.957000+00:00</t>
  </si>
  <si>
    <t>2018-08-20 06:16:44.890000+00:00</t>
  </si>
  <si>
    <t>Docker run command with environment variables</t>
  </si>
  <si>
    <t>&lt;p&gt;I'm trying to launch a docker container that will execute a command like this:&lt;/p&gt;
&lt;pre&gt;&lt;code&gt;docker run --net="host" -it --entrypoint bash $KAFKA_DOCKER_IMAGE "\$KAFKA_HOME/bin/kafka-topics.sh --create --zookeeper localhost:2181 --topic $1 --partitions $num_partitions --replication-factor $replication_factor"
&lt;/code&gt;&lt;/pre&gt;
&lt;p&gt;Where $KAFKA_DOCKER_IMAGE, $replication_factor and $num_partitions are variables defined in a script that I'm using to execute this command. And $KAFKA_HOME is an environment variable that is already defined in the docker image.&lt;/p&gt;
&lt;p&gt;My problem is that the command that is being executed on the container is the following:&lt;/p&gt;
&lt;pre&gt;&lt;code&gt;$KAFKA_HOME/bin/kafka-topics.sh --create --zookeeper localhost:2181 --topic popota --partitions 1 --replication-factor 1
&lt;/code&gt;&lt;/pre&gt;
&lt;p&gt;It doesn't expand the $KAFKA_HOME.
How can I do this?&lt;/p&gt;</t>
  </si>
  <si>
    <t>2016-07-22 10:01:36.590000+00:00</t>
  </si>
  <si>
    <t>2017-06-23 21:00:12.653000+00:00</t>
  </si>
  <si>
    <t>CSS Hover Changing All Of Class</t>
  </si>
  <si>
    <t>&lt;p&gt;I know this is a pretty newb question, but I cannot seem to find an answer to it via Googling. I am using the Chrome plugin StyleBot to alter the CSS of an internal tool used by the company I work for. So I only have access to editing CSS. &lt;/p&gt;
&lt;p&gt;I am attempting to make it so when I hover a specific element on the page, it changes the background color to highlight the information. What I need to do is make it so that ONLY the .row element I am hovering changes. Currently the way I am doing this is changing ALL .row elements. Basically, with some back-end code they are generating a list, each item in the list is coded with this:&lt;/p&gt;
&lt;pre&gt;&lt;code&gt;  &amp;lt;span class="row"&amp;gt;
    &amp;lt;div class="boxy txtleft"&amp;gt;&amp;lt;span title="Agent"&amp;gt;&amp;lt;/span&amp;gt;&amp;lt;/div&amp;gt;
    &amp;lt;div class="boxy"&amp;gt;&amp;lt;span title="Status"&amp;gt;&amp;lt;/span&amp;gt;&amp;lt;/div&amp;gt;
    &amp;lt;div class="boxy txtright"&amp;gt;&amp;lt;span title="Last Call"&amp;gt;&amp;lt;/span&amp;gt;&amp;lt;/div&amp;gt;    
  &amp;lt;/span&amp;gt;
&lt;/code&gt;&lt;/pre&gt;
&lt;p&gt;So in the live environment it looks some what like this and keeps repeating: &lt;/p&gt;
&lt;pre&gt;&lt;code&gt;  &amp;lt;span class="row"&amp;gt;
    &amp;lt;div class="boxy txtleft"&amp;gt;&amp;lt;span title="Agent"&amp;gt;&amp;lt;/span&amp;gt;&amp;lt;/div&amp;gt;
    &amp;lt;div class="boxy"&amp;gt;&amp;lt;span title="Status"&amp;gt;&amp;lt;/span&amp;gt;&amp;lt;/div&amp;gt;
    &amp;lt;div class="boxy txtright"&amp;gt;&amp;lt;span title="Last Call"&amp;gt;&amp;lt;/span&amp;gt;&amp;lt;/div&amp;gt;    
  &amp;lt;/span&amp;gt;      
  &amp;lt;span class="row"&amp;gt;
    &amp;lt;div class="boxy txtleft"&amp;gt;&amp;lt;span title="Agent"&amp;gt;&amp;lt;/span&amp;gt;&amp;lt;/div&amp;gt;
    &amp;lt;div class="boxy"&amp;gt;&amp;lt;span title="Status"&amp;gt;&amp;lt;/span&amp;gt;&amp;lt;/div&amp;gt;
    &amp;lt;div class="boxy txtright"&amp;gt;&amp;lt;span title="Last Call"&amp;gt;&amp;lt;/span&amp;gt;&amp;lt;/div&amp;gt;    
  &amp;lt;/span&amp;gt;
  &amp;lt;span class="row"&amp;gt;
    &amp;lt;div class="boxy txtleft"&amp;gt;&amp;lt;span title="Agent"&amp;gt;&amp;lt;/span&amp;gt;&amp;lt;/div&amp;gt;
    &amp;lt;div class="boxy"&amp;gt;&amp;lt;span title="Status"&amp;gt;&amp;lt;/span&amp;gt;&amp;lt;/div&amp;gt;
    &amp;lt;div class="boxy txtright"&amp;gt;&amp;lt;span title="Last Call"&amp;gt;&amp;lt;/span&amp;gt;&amp;lt;/div&amp;gt;    
  &amp;lt;/span&amp;gt;
&lt;/code&gt;&lt;/pre&gt;
&lt;p&gt;The CSS I am using to try and highlight a row when I hover it:&lt;/p&gt;
&lt;pre&gt;&lt;code&gt;.row:hover  {
    background-color: red;
}
&lt;/code&gt;&lt;/pre&gt;
&lt;p&gt;I know why this would alter all the .row elements, but I cannot figure out how to make it alter ONLY the one my mouse is over. Any help would be appreciated! &lt;/p&gt;</t>
  </si>
  <si>
    <t>2015-07-30 14:52:33.060000+00:00</t>
  </si>
  <si>
    <t>2015-07-30 15:14:48.503000+00:00</t>
  </si>
  <si>
    <t>Combined tab view and split view</t>
  </si>
  <si>
    <t>&lt;p&gt;I���m working on an app which combines a tab bar controller with a number of split views, so that each tab item shows a different master-detail view. I want the tab to be visible at all times so the user can switch directly between master-detail views.&lt;/p&gt;
&lt;p&gt;I can achieve this by having a separate split view for each tab, but I'm not sure whether this is approved by Apple. The view controller catalogue for iOS says "A split view controller must always be the root of any interface you create." However the UISplitViewController API reference says "Although it is possible to install a split view controller as a child in some other container view controllers, doing is not recommended in most cases."&lt;/p&gt;
&lt;p&gt;As an alternative approach, I can have a split view as the root, with a tab controller on the primary. This means though that the tab is hidden on compact width devices when the detail view is shown. The user has to navigate back to the master view to switch tabs. This is not the behaviour I want and is not what happens with the Apple Music app for example.&lt;/p&gt;
&lt;p&gt;So, a couple of questions:&lt;/p&gt;
&lt;ol&gt;
&lt;li&gt;Would Apple reject the app if it has a tab as the root and multiple split views?&lt;/li&gt;
&lt;li&gt;Is there another way of achieving what I want?&lt;/li&gt;
&lt;/ol&gt;
&lt;p&gt;Many thanks.&lt;/p&gt;</t>
  </si>
  <si>
    <t>2017-01-13 12:53:59.760000+00:00</t>
  </si>
  <si>
    <t>2017-01-15 17:37:46.927000+00:00</t>
  </si>
  <si>
    <t>2017-01-15 12:08:47.220000+00:00</t>
  </si>
  <si>
    <t>ios|swift|xcode|tabs|splitview</t>
  </si>
  <si>
    <t>Remembering sort ui.multiselect.js when echo php</t>
  </si>
  <si>
    <t>&lt;p&gt;I'm trying to keep sort on the list that I add, but alwayes after save sorting is coming back to begining. I use ui.multiselect.js made by Michael Aufreiter from git.&lt;/p&gt;
&lt;p&gt;This is my code:&lt;/p&gt;
&lt;pre&gt;&lt;code&gt;    &amp;lt;link type="text/css" href="css/ui.multiselect.css" rel="stylesheet" /&amp;gt; 
&amp;lt;script type="text/javascript" src="js/ui.multiselect.js"&amp;gt;&amp;lt;/script&amp;gt; 
&amp;lt;script type="text/javascript"&amp;gt;
$(function(){
  // choose either the full version
  $(".multiselect").multiselect();
  // or disable some features
  //$(".multiselect").multiselect({sortable: false, searchable: false});
});
&amp;lt;/script&amp;gt;
&amp;lt;?PHP echo adminform::field("Options","productTypeOptions",array("type"=&amp;gt;"select","data"=&amp;gt;"db","db_data"=&amp;gt;array("sql"=&amp;gt;"select * from product_options","_table"=&amp;gt;"product_options","value"=&amp;gt;"id","text"=&amp;gt;"name"),"multiple"=&amp;gt;"multiple" ),$productOptionIDs)?&amp;gt;
&lt;/code&gt;&lt;/pre&gt;</t>
  </si>
  <si>
    <t>2017-12-08 10:07:47.163000+00:00</t>
  </si>
  <si>
    <t>javascript|php|multiselect.js</t>
  </si>
  <si>
    <t>How can I override location of the swagger.yaml file?</t>
  </si>
  <si>
    <t>&lt;p&gt;As per the &lt;a href="https://github.com/swagger-api/swagger-node/blob/master/docs/swagger-file.md" rel="nofollow"&gt;swagger-node documentation&lt;/a&gt;, the &lt;code&gt;swagger.yaml&lt;/code&gt; file needs to be in &lt;code&gt;project/api/swagger/swagger.yaml&lt;/code&gt;. How can I override this? I want my &lt;code&gt;swagger.yaml&lt;/code&gt; to be at the root of the project directory, i.e. &lt;code&gt;project/swagger.yaml&lt;/code&gt;.&lt;/p&gt;</t>
  </si>
  <si>
    <t>2016-01-21 22:48:37.993000+00:00</t>
  </si>
  <si>
    <t>2016-02-02 11:49:12.893000+00:00</t>
  </si>
  <si>
    <t>node.js|swagger-2.0</t>
  </si>
  <si>
    <t>String Errors in Python</t>
  </si>
  <si>
    <t>&lt;p&gt;So I'm very new to Python and Stackoverflow.&lt;/p&gt;
&lt;p&gt;I was practicing some of the stuff we took in Python course.  &lt;/p&gt;
&lt;pre&gt;&lt;code&gt;str_w = str
answer_num = raw_input('insert a number')
if answer_num == 3:
    str_w = "a"
print str_w
&lt;/code&gt;&lt;/pre&gt;
&lt;p&gt;this is an example and it keeps telling me&lt;/p&gt;
&lt;p&gt;Traceback (most recent call last):
  File "", line 200, in 
NameError: name 'str_w' is not defined&lt;/p&gt;</t>
  </si>
  <si>
    <t>2014-11-10 18:42:19.153000+00:00</t>
  </si>
  <si>
    <t>2014-11-10 19:06:35.197000+00:00</t>
  </si>
  <si>
    <t>How would I add more columns to the WHERE clause?</t>
  </si>
  <si>
    <t>&lt;p&gt;I don't know what is the correct syntax for adding more columns to the &lt;code&gt;WHERE&lt;/code&gt; clause of my &lt;code&gt;SELECT&lt;/code&gt; statement.
(department is one of the fields I want to add and one other one.)&lt;/p&gt;
&lt;pre&gt;&lt;code&gt;protected void Button1_Click1(object sender, EventArgs e)
    {
        try
        {
            con.Open();
            query = "select * from table_1 where Department = '" + DDl_Dep.SelectedItem.ToString() + "'";
            cmd = new SqlCommand(query, con);
            da = new SqlDataAdapter(cmd);
            DataSet ds = new DataSet();
            da.Fill(ds);
            Gview.DataSource = ds;
            Gview.DataBind();
            con.Close();
        }
        catch (Exception ex)
        {
            Response.Write(ex.Message);
        }
    }
&lt;/code&gt;&lt;/pre&gt;</t>
  </si>
  <si>
    <t>2016-03-02 17:34:34.363000+00:00</t>
  </si>
  <si>
    <t>2016-03-02 18:12:17.990000+00:00</t>
  </si>
  <si>
    <t>c#|sql|where-clause</t>
  </si>
  <si>
    <t>Fragment and ListFragment incompatibility</t>
  </si>
  <si>
    <t>&lt;p&gt;I have this method that launches a page when I select it from a menu. The problem is that some of these extend &lt;code&gt;Fragment&lt;/code&gt; like from case 1 to 6, while others extend &lt;code&gt;ListFragment&lt;/code&gt; as in case 7. &lt;/p&gt;
&lt;p&gt;I get a: &lt;code&gt;Type mismatch: cannot convert from ItemListFragment to Fragment&lt;/code&gt; error.&lt;/p&gt;
&lt;p&gt;How do I solve this?&lt;/p&gt;
&lt;pre&gt;&lt;code&gt;    package com.prjma.lovertech.activity;
import java.util.ArrayList;
import android.app.Activity;
import android.content.res.Configuration;
import android.content.res.TypedArray;
import android.os.Bundle;
import android.support.v4.app.ActionBarDrawerToggle;
import android.support.v4.app.ListFragment;
//import android.app.ListFragment;
import android.app.Fragment;
import android.app.FragmentManager;
import android.app.FragmentTransaction;
import android.support.v4.widget.DrawerLayout;
import android.util.Log;
import android.view.Menu;
import android.view.MenuItem;
import android.view.View;
import android.widget.AdapterView;
import android.widget.ListView;
import com.prjma.lovertech.R;
import com.prjma.lovertech.R.array;
import com.prjma.lovertech.R.drawable;
import com.prjma.lovertech.R.id;
import com.prjma.lovertech.R.layout;
import com.prjma.lovertech.R.menu;
import com.prjma.lovertech.R.string;
import com.prjma.lovertech.adapter.NavDrawerListAdapter;
import com.prjma.lovertech.fragment.*;
import com.prjma.lovertech.model.NavDrawerItem;
import com.prjma.lovertech.util.SessionManager;
public class WallActivity extends Activity {
    private DrawerLayout mDrawerLayout;
    private ListView mDrawerList;
    private ActionBarDrawerToggle mDrawerToggle;
    // nav drawer title
    private CharSequence mDrawerTitle;
    // used to store app title
    private CharSequence mTitle;
    // slide menu items
    private String[] navMenuTitles;
    private TypedArray navMenuIcons;
    private ArrayList&amp;lt;NavDrawerItem&amp;gt; navDrawerItems;
    private NavDrawerListAdapter adapter;
    // Session Manager Class
    public SessionManager session;
    @Override
    protected void onCreate(Bundle savedInstanceState) {
        super.onCreate(savedInstanceState);
        setContentView(R.layout.activity_wall);
        // Session Manager
        session = new SessionManager(getApplicationContext()); 
        /**
         * Call this function whenever you want to check user login
         * This will redirect user to LoginActivity is he is not
         * logged in
         * */
        session.checkLogin();
        mTitle = mDrawerTitle = getTitle();
        // load slide menu items
        navMenuTitles = getResources().getStringArray(R.array.nav_drawer_items);
        // nav drawer icons from resources
        navMenuIcons = getResources()
                .obtainTypedArray(R.array.nav_drawer_icons);
        mDrawerLayout = (DrawerLayout) findViewById(R.id.drawer_layout);
        mDrawerList = (ListView) findViewById(R.id.list_slidermenu);
        navDrawerItems = new ArrayList&amp;lt;NavDrawerItem&amp;gt;();
        // adding nav drawer items to array
        // Home
        navDrawerItems.add(new NavDrawerItem(navMenuTitles[0], navMenuIcons.getResourceId(0, -1)));
        // Messaggi
        navDrawerItems.add(new NavDrawerItem(navMenuTitles[1], navMenuIcons.getResourceId(1, -1)));
        // Oggettti seguiti
        navDrawerItems.add(new NavDrawerItem(navMenuTitles[2], navMenuIcons.getResourceId(2, -1)));
        // Oggetti acquistati, Will add a counter here
        navDrawerItems.add(new NavDrawerItem(navMenuTitles[3], navMenuIcons.getResourceId(3, -1), true, "22"));
        // In vendita
        navDrawerItems.add(new NavDrawerItem(navMenuTitles[4], navMenuIcons.getResourceId(4, -1)));
        // Venduti
        navDrawerItems.add(new NavDrawerItem(navMenuTitles[5], navMenuIcons.getResourceId(5, -1), true, "50+"));
        // Invenduti
        navDrawerItems.add(new NavDrawerItem(navMenuTitles[6], navMenuIcons.getResourceId(6, -1), true, "3"));
         // ListView
    navDrawerItems.add(new NavDrawerItem(navMenuTitles[7], navMenuIcons.getResourceId(7, -1)));
        // Recycle the typed array
        navMenuIcons.recycle();
        mDrawerList.setOnItemClickListener(new SlideMenuClickListener());
        // setting the nav drawer list adapter
        adapter = new NavDrawerListAdapter(getApplicationContext(),
                navDrawerItems);
        mDrawerList.setAdapter(adapter);
        // enabling action bar app icon and behaving it as toggle button
        getActionBar().setDisplayHomeAsUpEnabled(true);
        getActionBar().setHomeButtonEnabled(true);
        mDrawerToggle = new ActionBarDrawerToggle(this, mDrawerLayout,
                R.drawable.ic_drawer, //nav menu toggle icon
                R.string.app_name, // nav drawer open - description for accessibility
                R.string.app_name // nav drawer close - description for accessibility
        ) {
            public void onDrawerClosed(View view) {
                getActionBar().setTitle(mTitle);
                // calling onPrepareOptionsMenu() to show action bar icons
                invalidateOptionsMenu();
            }
            public void onDrawerOpened(View drawerView) {
                getActionBar().setTitle(mDrawerTitle);
                // calling onPrepareOptionsMenu() to hide action bar icons
                invalidateOptionsMenu();
            }
        };
        mDrawerLayout.setDrawerListener(mDrawerToggle);
        if (savedInstanceState == null) {
            // on first time display view for first nav item
            displayView(0);
        }
    }
    /**
     * Slide menu item click listener
     * */
    private class SlideMenuClickListener implements
            ListView.OnItemClickListener {
        @Override
        public void onItemClick(AdapterView&amp;lt;?&amp;gt; parent, View view, int position,
                long id) {
            // display view for selected nav drawer item
            displayView(position);
        }
    }
    @Override
    public boolean onCreateOptionsMenu(Menu menu) {
        getMenuInflater().inflate(R.menu.menu, menu);
        return true;
    }
&lt;/code&gt;&lt;/pre&gt;
&lt;p&gt;l&lt;/p&gt;
&lt;pre&gt;&lt;code&gt;package com.prjma.lovertech.fragment;
import com.prjma.lovertech.R;
import android.app.Fragment;
import android.os.Bundle;
import android.view.LayoutInflater;
import android.view.View;
import android.view.ViewGroup;
public class InvendutiFragment extends Fragment {
    public InvendutiFragment(){}
    @Override
    public View onCreateView(LayoutInflater inflater, ViewGroup container,
            Bundle savedInstanceState) {
        View rootView = inflater.inflate(R.layout.fragment_invenduti, container, false);
        return rootView;
    }
}
&lt;/code&gt;&lt;/pre&gt;
&lt;p&gt;ll&lt;/p&gt;
&lt;pre&gt;&lt;code&gt;package com.prjma.lovertech.fragment;
import android.app.Activity;
import android.os.Bundle;
import android.support.v4.app.ListFragment;
import android.view.View;
import android.widget.AbsListView;
import android.widget.AdapterView;
import android.widget.ArrayAdapter;
import android.widget.ListView;
import com.prjma.lovertech.dummy.DummyContent;
/**
 * A list fragment representing a list of Items. This fragment also supports
 * tablet devices by allowing list items to be given an 'activated' state upon
 * selection. This helps indicate which item is currently being viewed in a
 * {@link ItemDetailFragment}.
 * &amp;lt;p&amp;gt;
 * Activities containing this fragment MUST implement the {@link Callbacks}
 * interface.
 */
public class ItemListFragment extends ListFragment {
    /**
     * The serialization (saved instance state) Bundle key representing the
     * activated item position. Only used on tablets.
     */
    private static final String STATE_ACTIVATED_POSITION = "activated_position";
    /**
     * The fragment's current callback object, which is notified of list item
     * clicks.
     */
    private Callbacks mCallbacks = sDummyCallbacks;
    /**
     * The current activated item position. Only used on tablets.
     */
    private int mActivatedPosition = ListView.INVALID_POSITION;
    /**
     * A callback interface that all activities containing this fragment must
     * implement. This mechanism allows activities to be notified of item
     * selections.
     */
    public interface Callbacks {
        /**
         * Callback for when an item has been selected.
         */
        public void onItemSelected(String id);
    }
    /**
     * A dummy implementation of the {@link Callbacks} interface that does
     * nothing. Used only when this fragment is not attached to an activity.
     */
    private static Callbacks sDummyCallbacks = new Callbacks() {
        @Override
        public void onItemSelected(String id) {
        }
    };
    /**
     * Mandatory empty constructor for the fragment manager to instantiate the
     * fragment (e.g. upon screen orientation changes).
     */
    public ItemListFragment() {
    }
    @Override
    public void onCreate(Bundle savedInstanceState) {
        super.onCreate(savedInstanceState);
        // TODO: replace with a real list adapter.
        setListAdapter(new ArrayAdapter&amp;lt;DummyContent.DummyItem&amp;gt;(getActivity(),
                android.R.layout.simple_list_item_activated_1,
                android.R.id.text1, DummyContent.ITEMS));
    }
    @Override
    public void onViewCreated(View view, Bundle savedInstanceState) {
        super.onViewCreated(view, savedInstanceState);
        // Restore the previously serialized activated item position.
        if (savedInstanceState != null
                &amp;amp;&amp;amp; savedInstanceState.containsKey(STATE_ACTIVATED_POSITION)) {
            setActivatedPosition(savedInstanceState
                    .getInt(STATE_ACTIVATED_POSITION));
        }
    }
    @Override
    public void onAttach(Activity activity) {
        super.onAttach(activity);
        // Activities containing this fragment must implement its callbacks.
        if (!(activity instanceof Callbacks)) {
            throw new IllegalStateException(
                    "Activity must implement fragment's callbacks.");
        }
        mCallbacks = (Callbacks) activity;
    }
    @Override
    public void onDetach() {
        super.onDetach();
        // Reset the active callbacks interface to the dummy implementation.
        mCallbacks = sDummyCallbacks;
    }
    @Override
    public void onListItemClick(ListView listView, View view, int position,
            long id) {
        super.onListItemClick(listView, view, position, id);
        // Notify the active callbacks interface (the activity, if the
        // fragment is attached to one) that an item has been selected.
        mCallbacks.onItemSelected(DummyContent.ITEMS.get(position).id);
    }
    @Override
    public void onSaveInstanceState(Bundle outState) {
        super.onSaveInstanceState(outState);
        if (mActivatedPosition != AdapterView.INVALID_POSITION) {
            // Serialize and persist the activated item position.
            outState.putInt(STATE_ACTIVATED_POSITION, mActivatedPosition);
        }
    }
    /**
     * Turns on activate-on-click mode. When this mode is on, list items will be
     * given the 'activated' state when touched.
     */
    public void setActivateOnItemClick(boolean activateOnItemClick) {
        // When setting CHOICE_MODE_SINGLE, ListView will automatically
        // give items the 'activated' state when touched.
        getListView().setChoiceMode(
                activateOnItemClick ? AbsListView.CHOICE_MODE_SINGLE
                        : AbsListView.CHOICE_MODE_NONE);
    }
    private void setActivatedPosition(int position) {
        if (position == AdapterView.INVALID_POSITION) {
            getListView().setItemChecked(mActivatedPosition, false);
        } else {
            getListView().setItemChecked(position, true);
        }
        mActivatedPosition = position;
    }
}
&lt;/code&gt;&lt;/pre&gt;</t>
  </si>
  <si>
    <t>2013-12-06 17:17:31.013000+00:00</t>
  </si>
  <si>
    <t>2013-12-07 21:24:21.233000+00:00</t>
  </si>
  <si>
    <t>2013-12-06 18:02:31.940000+00:00</t>
  </si>
  <si>
    <t>java|android|android-fragments|android-fragmentactivity</t>
  </si>
  <si>
    <t>place one iframe on top of another</t>
  </si>
  <si>
    <t>&lt;p&gt;I have two Iframes like this:&lt;/p&gt;
&lt;pre&gt;&lt;code&gt;&amp;lt;iframe src="/page1.html" width="620" height="400" marginwidth="0"
 marginheight="0" hspace="0" vspace="0" frameborder="0" scrolling="no"&amp;gt;&amp;lt;/iframe&amp;gt;
&lt;/code&gt;&lt;/pre&gt;
&lt;p&gt;and&lt;/p&gt;
&lt;pre&gt;&lt;code&gt; &amp;lt;iframe src="/page2.html" width="620" height="400" marginwidth="0"
 marginheight="0" hspace="0" vspace="0" frameborder="0" scrolling="no"&amp;gt;&amp;lt;/iframe&amp;gt;
&lt;/code&gt;&lt;/pre&gt;
&lt;p&gt;I want to place the first iframe on the 2nd one, exactly one above another but the first iframe which is on the top will be invisible.&lt;/p&gt;</t>
  </si>
  <si>
    <t>2014-05-29 11:04:23.747000+00:00</t>
  </si>
  <si>
    <t>2014-05-29 11:10:57.443000+00:00</t>
  </si>
  <si>
    <t>Using LINQ on XML data source</t>
  </si>
  <si>
    <t>&lt;p&gt;I have an XML collection so defined:&lt;/p&gt;
&lt;pre&gt;&lt;code&gt;XNamespace ns = "http://www.example.com/Modules";
XNamespace ns2 = "http://www.example.com/Modules/Ext";
XDocument doc = new XDocument(
                    new XElement(ns + "Modules",
                        new XAttribute(XNamespace.Xmlns + "ns2", ns2 ),
                        new XElement(ns + "Module", "Introduction to LINQ"),
                        new XElement(ns + "Module", "LINQ and C#"),
                        new XElement(ns2 + "Extra", "Extra contect"))
    );
&lt;/code&gt;&lt;/pre&gt;
&lt;p&gt;I would like to print the values for the "Module" elements. Here's my code:&lt;/p&gt;
&lt;pre&gt;&lt;code&gt;var courses = from e in doc.Descendants("Module")
                let lowname = e.Value.ToLowerInvariant()
                where lowname.Contains("linq")
                orderby e.Value
                select e.Value;
foreach (var course in courses)
{
    Console.WriteLine(course);
}
&lt;/code&gt;&lt;/pre&gt;
&lt;p&gt;I don't understand why I can't retrieve any data. Is the query wrong?&lt;/p&gt;</t>
  </si>
  <si>
    <t>2014-07-21 09:46:49.187000+00:00</t>
  </si>
  <si>
    <t>2014-07-21 09:49:35.977000+00:00</t>
  </si>
  <si>
    <t>c#|xml|linq</t>
  </si>
  <si>
    <t>Exception in GridView</t>
  </si>
  <si>
    <t>&lt;p&gt;I was trying a sample program to understand the behavior of the dynamic &lt;code&gt;GridView&lt;/code&gt;. When I tried to execute the program I got a run-time exception at &lt;code&gt;texts.setText(str[position]);&lt;/code&gt; in the .java file. &lt;/p&gt;
&lt;h2&gt;.java&lt;/h2&gt;
&lt;pre&gt;&lt;code&gt;package GridView_dynamic.grid;
import android.app.Activity;
import android.content.Context;
import android.os.Bundle;
import android.view.View;
import android.view.ViewGroup;
import android.widget.ArrayAdapter;
import android.widget.BaseAdapter;
import android.widget.GridView;
import android.widget.TextView;
import android.widget.Toast;
public class GridView_dynamic extends Activity {
    /** Called when the activity is first created. */
 TextView select; 
    @Override
    public void onCreate(Bundle savedInstanceState) {
        super.onCreate(savedInstanceState);
        setContentView(R.layout.main);
        select = (TextView)findViewById(R.id.text);
        GridView grid = (GridView)findViewById(R.id.grid);
        grid.setAdapter(new my_Adapter(this));
    }
    public class my_Adapter extends BaseAdapter{
     String[] str = {"A","B","C","D","E","F","G","H","I","J","K","L","M","N"};
     public Context context;
     public my_Adapter(Context context) {
      // TODO Auto-generated constructor stub
      this.context = context;
     }
     @Override
     public int getCount() {
      // TODO Auto-generated method stub
      return str.length;
     }
     @Override
     public Object getItem(int position) {
      // TODO Auto-generated method stub
      return null;
     }
     @Override
     public long getItemId(int position) {
      // TODO Auto-generated method stub
      return 0;
     }
     @Override
     public View getView(int position, View convertView, ViewGroup parent) {
      // TODO Auto-generated method stub
      if(convertView == null){
       Toast.makeText(context,"convertView is NULL", Toast.LENGTH_LONG).show();
      }
      TextView texts;
      texts = (TextView)convertView;
      //texts = (TextView)findViewById(R.id.text);
      texts.setText(str[position]);
      return texts;
     }
    }
}
&lt;/code&gt;&lt;/pre&gt;
&lt;h2&gt;main.xml&lt;/h2&gt;
&lt;pre&gt;&lt;code&gt;&amp;lt;?xml version="1.0" encoding="utf-8"?&amp;gt;
&amp;lt;LinearLayout xmlns:android="http://schemas.android.com/apk/res/android"
android:orientation="vertical"
android:layout_width="fill_parent"
android:layout_height="fill_parent"
&amp;gt;
&amp;lt;TextView 
android:id="@+id/text"
android:layout_width="fill_parent" 
android:layout_height="wrap_content" 
android:background="#0000aa"
android:textColor="#00aa00"
/&amp;gt;
&amp;lt;GridView
android:id="@+id/grid"
android:layout_width="fill_parent" 
android:layout_height="match_parent"
android:background="#aaaaaa"
/&amp;gt;
&amp;lt;/LinearLayout&amp;gt;
&lt;/code&gt;&lt;/pre&gt;</t>
  </si>
  <si>
    <t>2012-03-07 17:20:12.673000+00:00</t>
  </si>
  <si>
    <t>2012-03-07 17:33:18.420000+00:00</t>
  </si>
  <si>
    <t>2012-03-07 17:23:34.610000+00:00</t>
  </si>
  <si>
    <t>TableView does not call GetHeightForRow</t>
  </si>
  <si>
    <t>&lt;p&gt;I have a class which inherits from &lt;code&gt;UITableViewSource&lt;/code&gt; and overrides GetHeightForRow:&lt;/p&gt;
&lt;pre&gt;&lt;code&gt;public override float GetHeightForRow(UITableView tableView, NSIndexPath indexPath)
&lt;/code&gt;&lt;/pre&gt;
&lt;p&gt;However, at some point in time the OS stopped calling this method, so all my cells have the same height now. The rest of the table and table source is working fine. This is very strange, and I have tried all sorts of things, but it just does not call the method. The other overridden methods of the table source are called normally.&lt;/p&gt;
&lt;p&gt;Is there some sort of a setting which makes the &lt;code&gt;UITableView&lt;/code&gt; stop calling &lt;code&gt;GetHeightForRow&lt;/code&gt;?&lt;/p&gt;</t>
  </si>
  <si>
    <t>2012-07-25 16:48:56.937000+00:00</t>
  </si>
  <si>
    <t>2015-08-25 01:51:25.363000+00:00</t>
  </si>
  <si>
    <t>ios|uitableview|xamarin.ios</t>
  </si>
  <si>
    <t>Adobe Acrobat Required Radio Buttons Javascript</t>
  </si>
  <si>
    <t>&lt;p&gt;first time poster here and I hope I am not in the wrong area. If I am, please point me in the right direction!&lt;/p&gt;
&lt;p&gt;This is an Adobe Acrobat DC question. I'm working on the Javascript area and so I am hoping this is the place.&lt;/p&gt;
&lt;p&gt;Currently creating an application form where there are "Yes" or "No" answers (using radio buttons). I want them to be required to answer but for some reason, when using the required option (outlined below) it still states that the other radio button needs to be checked.  I checked and they are in the same group.&lt;/p&gt;
&lt;ol&gt;
&lt;li&gt;I'd like to have the form require either Yes or No to be selected but not both.  I've used the required selection under Properties&gt;General. However, it is still requiring both to be checked even though they are in the same group.&lt;/li&gt;
&lt;/ol&gt;
&lt;p&gt;I've read several js scripts but they don't seem to fit these needs as it seems to be too simple.&lt;/p&gt;
&lt;ol start="2"&gt;
&lt;li&gt;Also, on another part of the form, if the applicant marks "Yes" I'd like a text box then be required (to explain why). So, first require a "Yes" or "No" if "Yes" then require "Textbox1"&lt;/li&gt;
&lt;/ol&gt;
&lt;p&gt;If at all possible, if the applicant hasn't selected an option in the required radio button group, have the group display a message "Select at least one option"&lt;/p&gt;
&lt;p&gt;The closest I could find to #2 is, I believe:&lt;/p&gt;
&lt;pre&gt;&lt;code&gt;if (event.target.value == "Three") {
    this.getField("Text Field 1").required = false;
}
&lt;/code&gt;&lt;/pre&gt;
&lt;p&gt;For #3 I believe it is similar to:&lt;/p&gt;
&lt;pre&gt;&lt;code&gt;&amp;lt;script&amp;gt; 
  function validateForm() {   
     var x = document.forms["myForm"]["radioGroupName"].value;   
     if (x == "") {   
        document.getElementById("message").innerHTML = "Select atleast one option";    
     }
   }
&amp;lt;/script&amp;gt;
&lt;/code&gt;&lt;/pre&gt;
&lt;p&gt;Any assistance would be greatly appreciated.  Thank you.&lt;/p&gt;
&lt;p&gt;P.S. Here are a couple photos that I hope will convey what I am trying to express better than I have above.  In the next photo you can see they are all in the same group (radio buttons) and they are all required: &lt;a href="https://i.stack.imgur.com/YgbmF.jpg" rel="nofollow noreferrer"&gt;Adobe Acrobat In Editor Mode&lt;/a&gt;&lt;/p&gt;
&lt;p&gt;And this next is when I am trying to fill out the form as a user using reader.  It shows that the other radio buttons are also required even though they are in the same group: &lt;a href="https://i.stack.imgur.com/zzh8f.jpg" rel="nofollow noreferrer"&gt;Adobe Reader As A User&lt;/a&gt;&lt;/p&gt;</t>
  </si>
  <si>
    <t>2018-01-28 11:21:56.370000+00:00</t>
  </si>
  <si>
    <t>2018-03-09 02:05:46.217000+00:00</t>
  </si>
  <si>
    <t>2018-01-28 11:51:43.203000+00:00</t>
  </si>
  <si>
    <t>javascript|adobe|acrobat|adobe-javascript</t>
  </si>
  <si>
    <t>Flutter- How to open phone gallery?</t>
  </si>
  <si>
    <t>&lt;p&gt;I want to open gallery directory here, I am using this code but is showing all
option I want to open the only gallery.&lt;/p&gt;
&lt;pre&gt;&lt;code&gt;List images;
  int maxImageNo = 10;
  bool selectSingleImage = false;
  File _imageFile;
  _pickImageFromGallery() async {
    File file;
    String result;
    try {
      result = await FlutterImagePickCrop.pickAndCropImage(_gallery);
    } on PlatformException catch (e) {
      result = e.message;
      print(e.message);
    }
    if (!mounted) return;
    setState(() {
      imageFile = new File(result);
      _platformMessage = result;
    });}
&lt;/code&gt;&lt;/pre&gt;
&lt;p&gt;&lt;a href="https://i.stack.imgur.com/t5LYa.jpg" rel="nofollow noreferrer"&gt;&lt;img src="https://i.stack.imgur.com/t5LYa.jpg" alt="enter image description here"&gt;&lt;/a&gt;&lt;/p&gt;</t>
  </si>
  <si>
    <t>2018-07-27 09:19:39.930000+00:00</t>
  </si>
  <si>
    <t>2018-07-27 09:42:50.303000+00:00</t>
  </si>
  <si>
    <t>Replace a string with another string in all files below my current dir</t>
  </si>
  <si>
    <t>&lt;p&gt;How do I replace every occurrence of a string with another string below my current directory?&lt;/p&gt;
&lt;p&gt;&lt;strong&gt;Example:&lt;/strong&gt; I want to replace every occurrence of &lt;code&gt;www.fubar.com&lt;/code&gt; with &lt;code&gt;www.fubar.ftw.com&lt;/code&gt; in every file under my current directory.&lt;/p&gt;
&lt;p&gt;From research so far I have come up with &lt;/p&gt;
&lt;pre&gt;&lt;code&gt;sed -i 's/www.fubar.com/www.fubar.ftw.com/g' *.php
&lt;/code&gt;&lt;/pre&gt;</t>
  </si>
  <si>
    <t>2011-09-16 20:57:29.147000+00:00</t>
  </si>
  <si>
    <t>2018-06-19 17:16:03.777000+00:00</t>
  </si>
  <si>
    <t>2014-06-18 19:26:54.267000+00:00</t>
  </si>
  <si>
    <t>string|bash|sed</t>
  </si>
  <si>
    <t>How to run wordpress shortcode using wp cron jobs</t>
  </si>
  <si>
    <t>&lt;p&gt;I am developing my custom plugin in wordpress i want to run that plugin shortcode function every 30 minutes.The plugin function for display woocommerce product review . My plugin function is following. When i adding new review on product then &lt;strong&gt;'[wc_reviews]'&lt;/strong&gt; shortcode display all reviews. I want to run &lt;strong&gt;'[wc_reviews]'&lt;/strong&gt; shortcode using wp cron jobs. How to do that anyone please help me.&lt;/p&gt;
&lt;pre&gt;&lt;code&gt;function wpcron_intervals( $schedules ) {
        // one minute
        $one_minute = array(
                        'interval' =&amp;gt; 60,
                        'display' =&amp;gt; 'One Minute'
                    );
        $schedules[ 'one_minute' ] = $one_minute;
        // five minutes
        $five_minutes = array(
                        'interval' =&amp;gt; 300,
                        'display' =&amp;gt; 'Five Minutes'
                    );
        $schedules[ 'five_minutes' ] = $five_minutes;
        // return data
        return $schedules;
    }
    add_filter( 'cron_schedules', 'wpcron_intervals' );
    // add cron event
    function wpcron_activation() {
        if ( ! wp_next_scheduled( 'example_event' ) ) {
            wp_schedule_event( time(), 'five_minutes', 'example_event' );
        }
    }
    register_activation_hook( __FILE__, 'wpcron_activation' );
    // remove cron event
    function wpcron_deactivation() {
        wp_clear_scheduled_hook( 'example_event' );
    }
    register_deactivation_hook( __FILE__, 'wpcron_deactivation' );
    function wc_reviews_function ($values){
    $wc_reviews = get_comments( 
        array( 
            'status' =&amp;gt; 'approve', 
            'post_status' =&amp;gt; 'publish', 
            'post_type' =&amp;gt; 'product',
            'parent' =&amp;gt; '0',
            'number' =&amp;gt; 10,
            'orderby' =&amp;gt; 'date',
         'order' =&amp;gt; 'DESC',
         'date_query' =&amp;gt; array(
                array(
                'after' =&amp;gt; '30 days ago',
                  )
               )
            ) 
        );
    if ( $wc_reviews ) { 
?&amp;gt;        
  &amp;lt;div class="testimonials"&amp;gt;    
  &amp;lt;div class="row items" data-equalizer="" data-equalizer-mq=""&amp;gt;
  &amp;lt;?php
        foreach ( $wc_reviews as $wc_review ) {   
  ?&amp;gt;
    &amp;lt;div class="item large-3 medium-6 columns"&amp;gt;
        &amp;lt;div class="inner" style=""&amp;gt;
             &amp;lt;a href="&amp;lt;?php echo get_permalink($wc_review-&amp;gt;comment_post_ID); ?&amp;gt;"&amp;gt;&amp;lt;?php echo get_the_post_thumbnail($wc_review-&amp;gt;comment_post_ID, array( 150 , 150 ) ); ?&amp;gt;
             &amp;lt;h5&amp;gt;&amp;lt;a href="&amp;lt;?php echo get_permalink($wc_review-&amp;gt;comment_post_ID); ?&amp;gt;"&amp;gt;&amp;lt;/a&amp;gt;&amp;lt;/h5&amp;gt;
           &amp;lt;/div&amp;gt;
    &amp;lt;/div&amp;gt;    
  &amp;lt;?php 
        }
  ?&amp;gt;            
  &amp;lt;/div&amp;gt;
&amp;lt;/div&amp;gt;
&amp;lt;?php
        //if there is no reviews
        } else {
            echo'There are no reviews at all';
        }
}//end function
add_action( 'example_event', 'wc_reviews_function' );
add_shortcode( 'wc_reviews', 'wc_reviews_function' );
&lt;/code&gt;&lt;/pre&gt;</t>
  </si>
  <si>
    <t>2017-12-22 05:29:00.243000+00:00</t>
  </si>
  <si>
    <t>wordpress|woocommerce|cron</t>
  </si>
  <si>
    <t>SSRS add Total row with differences</t>
  </si>
  <si>
    <t>&lt;p&gt;I want to add a total row in Reporting Services where the difference (in numbers and percent is available). Attached you'll se the current img in SSRS and the requested output in Excel as example.&lt;/p&gt;
&lt;p&gt;&lt;strong&gt;SSRS&lt;/strong&gt;&lt;/p&gt;
&lt;p&gt;&lt;a href="https://i.stack.imgur.com/xMXBK.png" rel="nofollow noreferrer"&gt;&lt;img src="https://i.stack.imgur.com/xMXBK.png" alt="enter image description here"&gt;&lt;/a&gt;&lt;/p&gt;
&lt;p&gt;&lt;strong&gt;Excel&lt;/strong&gt;&lt;/p&gt;
&lt;p&gt;&lt;a href="https://i.stack.imgur.com/6MZWx.png" rel="nofollow noreferrer"&gt;&lt;img src="https://i.stack.imgur.com/6MZWx.png" alt="enter image description here"&gt;&lt;/a&gt;&lt;/p&gt;</t>
  </si>
  <si>
    <t>2016-01-19 01:39:57+00:00</t>
  </si>
  <si>
    <t>2016-01-19 13:15:07.033000+00:00</t>
  </si>
  <si>
    <t>reporting-services|ssrs-2012|ssrs-tablix</t>
  </si>
  <si>
    <t>NotificationManager/NotificationHelper not updating percentage values</t>
  </si>
  <si>
    <t>&lt;p&gt;So I have this class that downloads stuff... and I am implementing NotificationHelper based on &lt;a href="http://eliasbland.wordpress.com/2011/03/11/an-example-of-how-to-run-a-background-task-and-report-progress-in-the-status-bar-using-asynctask-on-android/" rel="nofollow"&gt;this person's example&lt;/a&gt;&lt;/p&gt;
&lt;pre&gt;&lt;code&gt;private class DatabaseStorageTask extends AsyncTask&amp;lt;String, Integer, String&amp;gt; {
    protected String doInBackground(String... params) {
        for(int i=0; i&amp;lt;10; i++){
            //codes here
            downloadFileCount++;
            publishProgress( (int) ((downloadFileCount/totalDownloadFileCount) * 100 ) );
        }
    }
    protected void onProgressUpdate(Integer... progress){
        Log.e("progressupdate", "in progressupdate");
        mNotificationHelper.progressUpdate(progress[0]);
    }
}
&lt;/code&gt;&lt;/pre&gt;
&lt;p&gt;This is the gist of what goes on in the code. I am unable to see whats causing my problem, as the Notification is constantly displaying 0%, even though I did a Log.e() printing of downloadFileCount and totalDownloadFileCount, which I have checked to be accurate.&lt;/p&gt;
&lt;p&gt;Is there something I have missed out to cause the percentage progress not to be updated?&lt;/p&gt;
&lt;p&gt;&lt;strong&gt;EDIT:&lt;/strong&gt; Ok so I've placed Log.e() everywhere and I kinda figured out the problem but am not sure of the solution. The percentages and calculates all work fine and are giving the right numbers. However when publishProgress is invoked, the onProgressUpdate is not being called. I do not see the Log.e("progressupdate", "in progressupdate") displayed at all.&lt;/p&gt;</t>
  </si>
  <si>
    <t>2013-02-22 12:00:25.487000+00:00</t>
  </si>
  <si>
    <t>2013-02-22 15:15:34.817000+00:00</t>
  </si>
  <si>
    <t>android|android-notifications</t>
  </si>
  <si>
    <t>Compile cyanoboot: No rule to make target</t>
  </si>
  <si>
    <t>&lt;p&gt;I'm trying to compile the cyanoboot project found &lt;a href="https://github.com/CMNookTablet/acclaim_cyanoboot" rel="nofollow"&gt;here&lt;/a&gt;. I have no experience with c++ compiling but I've followed the read-me and seem to have hit a brick wall. I've extracted the downloaded source files and navigated to them in cygwin, I then run the command:&lt;/p&gt;
&lt;pre&gt;&lt;code&gt;make clean
&lt;/code&gt;&lt;/pre&gt;
&lt;p&gt;which looks like it is successful. After that I run &lt;/p&gt;
&lt;pre&gt;&lt;code&gt;make omap4430sdp_config
&lt;/code&gt;&lt;/pre&gt;
&lt;p&gt;which also seems to work but doesn't create any files(not sure if it should?). Then, when I run the final make command I get the error:&lt;/p&gt;
&lt;pre&gt;&lt;code&gt;makefile:98: /cygdrive/c/cyanoboot/config.mk: No such file or directory 
make: *** No rule to make target `/cygdrive/c/cyanoboot/config.mk'.  Stop.
&lt;/code&gt;&lt;/pre&gt;
&lt;p&gt;This config.mk file definitely does exist, you can see it at the git hub link above and I haven't changed any files. I've been struggling with this for a few hours now and I just cant figure it out. Any help is much appreciated. Thanks.&lt;/p&gt;</t>
  </si>
  <si>
    <t>2012-10-22 15:43:04.193000+00:00</t>
  </si>
  <si>
    <t>2012-10-24 16:11:50.050000+00:00</t>
  </si>
  <si>
    <t>2012-10-24 08:14:37.263000+00:00</t>
  </si>
  <si>
    <t>c++|cygwin|u-boot</t>
  </si>
  <si>
    <t>Reading json input in php</t>
  </si>
  <si>
    <t>&lt;p&gt;&lt;code&gt;php://input&lt;/code&gt; is working properly in localhost. But in server it returns empty.
Input( request ) to my site is a &lt;code&gt;json&lt;/code&gt;(&lt;em&gt;REST - application/json type&lt;/em&gt;), so &lt;code&gt;$_POST&lt;/code&gt; didn't work ( please read &lt;a href="https://stackoverflow.com/questions/8893574/php-php-input-vs-post"&gt;This question&lt;/a&gt; ) .&lt;/p&gt;
&lt;blockquote&gt;
  &lt;p&gt;$_POST works with key-value pair type inputs like form-data or x-www-urlencoded&lt;/p&gt;
  &lt;p&gt;&lt;strong&gt;key1=value1&amp;amp;key2=value2&amp;amp;key3=value3&lt;/strong&gt;&lt;/p&gt;
&lt;/blockquote&gt;
&lt;p&gt;I'm using &lt;code&gt;application/json&lt;/code&gt; as input (in &lt;strong&gt;REST&lt;/strong&gt;).&lt;/p&gt;
&lt;blockquote&gt;
  &lt;p&gt;Like {'key1':'value1','key2':'value2','key3':'value3'}&lt;/p&gt;
&lt;/blockquote&gt;
&lt;p&gt;This can't be handled using &lt;code&gt;$_POST&lt;/code&gt;. But using &lt;code&gt;php://input&lt;/code&gt; can help to read that data.&lt;/p&gt;
&lt;p&gt;My code&lt;/p&gt;
&lt;pre&gt;&lt;code&gt;class Webservice_Controller extends CI_Controller {
    public $json_input_data;
    public function __construct(){
        parent::__construct();
        $this-&amp;gt;json_input_data = json_decode(file_get_contents('php://input'),TRUE);
    }
    public function json_input($label){
        if(isset($this-&amp;gt;json_input_data[$label])) return $this-&amp;gt;json_input_data[$label];
        else return NULL;
    }
}
&lt;/code&gt;&lt;/pre&gt;
&lt;p&gt;&lt;em&gt;Above code is works fine in another webserver also, But not in the current one. :(&lt;/em&gt;&lt;/p&gt;
&lt;p&gt;I think my web server deny access to &lt;code&gt;php://input&lt;/code&gt;.&lt;/p&gt;
&lt;blockquote&gt;
  &lt;p&gt;&lt;strong&gt;Is there is any other methods to read json input in php ?&lt;/strong&gt;&lt;/p&gt;
&lt;/blockquote&gt;</t>
  </si>
  <si>
    <t>2013-08-22 04:33:01.227000+00:00</t>
  </si>
  <si>
    <t>2014-04-01 01:54:48.737000+00:00</t>
  </si>
  <si>
    <t>2017-05-23 12:19:46.840000+00:00</t>
  </si>
  <si>
    <t>php|json|codeigniter|rest</t>
  </si>
  <si>
    <t>Setting Specific Python in Zeppelin Interpreter</t>
  </si>
  <si>
    <t>&lt;p&gt;What do I need to do beyond setting "zeppelin.pyspark.python" to make a Zeppelin interpreter us a specific Python executable?&lt;/p&gt;
&lt;p&gt;&lt;strong&gt;Background&lt;/strong&gt;:&lt;/p&gt;
&lt;p&gt;I'm using Apache Zeppelin connected to a Spark+Mesos cluster. The cluster's worked fine for several years. Zeppelin is new and works fine in general.&lt;/p&gt;
&lt;p&gt;But I'm unable to import numpy within functions applied to an RDD in pyspark. When I use Python subprocess to locate the Python executable, it shows that the code is being run in the system's Python, not in the virutalenv it needs to be in.&lt;/p&gt;
&lt;p&gt;So I've seen a few questions on this issue that say the fix is to set "zeppelin.pyspark.python" to point to the correct python. I've done that and restarted the interpreter a few times. But it is still using the system Python.&lt;/p&gt;
&lt;p&gt;Is there something additional I need to do? This is using Zeppelin 0.7.&lt;/p&gt;</t>
  </si>
  <si>
    <t>2017-03-16 21:22:23.950000+00:00</t>
  </si>
  <si>
    <t>2017-03-17 06:46:23.293000+00:00</t>
  </si>
  <si>
    <t>pyspark|apache-zeppelin</t>
  </si>
  <si>
    <t>Change b:datepicker date format</t>
  </si>
  <si>
    <t>&lt;p&gt;I'm using bootstrap datepicker. &lt;/p&gt;
&lt;pre&gt;&lt;code&gt;&amp;lt;b:datepicker id="journeyDate" placeholder="Journey Date"
              value="#{openSearchController.otRouteBean.toTime}"/&amp;gt;
&lt;/code&gt;&lt;/pre&gt;
&lt;p&gt;The default date format date is &lt;code&gt;mm/dd/yyyy&lt;/code&gt;. &lt;/p&gt;
&lt;p&gt;I want to change it to &lt;code&gt;dd/mm/yyyy&lt;/code&gt;.&lt;/p&gt;
&lt;p&gt;I have used this JS. But no use. &lt;/p&gt;
&lt;pre&gt;&lt;code&gt;&amp;lt;script&amp;gt;
     $('.datepicker').datepicker({
    format: 'dd/mm/yyyy'
     });
&amp;lt;/script&amp;gt;
&lt;/code&gt;&lt;/pre&gt;</t>
  </si>
  <si>
    <t>2014-09-22 07:43:26.210000+00:00</t>
  </si>
  <si>
    <t>2014-10-02 14:46:24.080000+00:00</t>
  </si>
  <si>
    <t>2014-09-22 07:52:53.560000+00:00</t>
  </si>
  <si>
    <t>jquery|twitter-bootstrap|twitter-bootstrap-3|datepicker|jquery-ui-datepicker</t>
  </si>
  <si>
    <t>ionic input ="number" returning string in api</t>
  </si>
  <si>
    <t>&lt;p&gt;This is a normal ionic code.
so is this,but now follows a code block:&lt;/p&gt;
&lt;pre&gt;&lt;code&gt;  &amp;lt;ion-input type="number" name="MOTOR_INSURANCE" required="" min="0" 
  aria-required="true" digit&amp;gt;
  &amp;lt;/ion-input&amp;gt;
&lt;/code&gt;&lt;/pre&gt;
&lt;p&gt;But &lt;code&gt;ionic input ="number" returning string in api&lt;/code&gt;&lt;/p&gt;</t>
  </si>
  <si>
    <t>2018-02-19 10:21:14.697000+00:00</t>
  </si>
  <si>
    <t>2018-02-19 10:26:33.550000+00:00</t>
  </si>
  <si>
    <t>2018-02-19 10:23:38.827000+00:00</t>
  </si>
  <si>
    <t>html|angular|twitter-bootstrap|ionic-framework</t>
  </si>
  <si>
    <t>Http basic authorization with Volley Android Library</t>
  </si>
  <si>
    <t>&lt;p&gt;I used below code to open a file but dose not work and message "BasicNetwork.performRequest: Unexpected response code 401 for http://..... " is showed. what is wrong with android and volley?&lt;/p&gt;
&lt;pre&gt;&lt;code&gt;   StringRequest sr = new StringRequest(Method.POST,url,
           new Response.Listener&amp;lt;String&amp;gt;() {
            @Override
            public void onResponse(String response) {
                pages = PageParser.parse(response);
                adapter = new DailyReportAdapter(MenuDailyReport.this,
                        pages);
                lv.setAdapter(adapter);
                pDialog.hide();
            }
        }, new Response.ErrorListener() {
            @Override
            public void onErrorResponse(VolleyError error) {
                // error.printStackTrace();
                pDialog.hide();
                Toast.makeText(MenuDailyReport.this,
                        "Could not connect to server"+error.getMessage(), Toast.LENGTH_LONG)
                        .show();
                finish();
            }
        })
{
        @Override
        protected Map&amp;lt;String,String&amp;gt; getParams(){
            Map&amp;lt;String,String&amp;gt; params = new HashMap&amp;lt;String, String&amp;gt;();
            params.put("username","mohammad" );
            params.put("password","mohammad123" );
            return params;
        }
        @Override
        public Map&amp;lt;String, String&amp;gt; getHeaders() throws AuthFailureError {
            Map&amp;lt;String,String&amp;gt; params = new HashMap&amp;lt;String, String&amp;gt;();
            params.put("Content-Type","application/x-www-form-urlencoded");
            return params;
        }
    ;
};
&lt;/code&gt;&lt;/pre&gt;</t>
  </si>
  <si>
    <t>2015-08-08 04:57:39.617000+00:00</t>
  </si>
  <si>
    <t>2015-08-08 05:23:44.827000+00:00</t>
  </si>
  <si>
    <t>android|android-volley</t>
  </si>
  <si>
    <t>Best practice for loading a large text file using jQuery get()</t>
  </si>
  <si>
    <t>&lt;p&gt;Currently I'm storing the results of the get in a string since the file I am opening is plain text file 3MB to 20MB in size.&lt;/p&gt;
&lt;p&gt;Then I parse this string and modify it so that the end result can be outputted in html format.&lt;/p&gt;
&lt;p&gt;I'm just looking for a sanity check to see if loading in this manner is the best way?&lt;/p&gt;
&lt;p&gt;Also, is there a way to load a chunk of the target text file, parse the chunk, request another chunk, etc.  Kind of like a music player buffering a song while playing the song.&lt;/p&gt;
&lt;p&gt;Thank you&lt;/p&gt;</t>
  </si>
  <si>
    <t>2011-02-25 23:45:50.490000+00:00</t>
  </si>
  <si>
    <t>2012-03-12 21:30:37.337000+00:00</t>
  </si>
  <si>
    <t>javascript|jquery|text|get</t>
  </si>
  <si>
    <t>Matlab error limitin bounds</t>
  </si>
  <si>
    <t>&lt;p&gt;I get the following error when I try to run this code "Attempted to access id(90); index out of bounds because numel(id)=89.Error in Untitled66 (line 26) person = find(id(fileNum)==ids);" Can someone help me spot the error?&lt;/p&gt;
&lt;pre&gt;&lt;code&gt;% File Names reading and label generation 
dataFolder= 'allcontent/';
fileNames = dir([dataFolder 'c*.*']);
lbl = sscanf(cat(1,fileNames.name)','co2%c%d.rd_%d.mat');
status = lbl(1:3:end);
id = lbl(2:3:end);
ids = unique(id);
trial = lbl(3:3:end);
%% File reading and Data Generation 
%data = 256*channel*trial*stimulus*id
trData = zeros(256,64,10,3,20,'single');
label = zeros(10,3,20,'single');
trials = ones(3,20);
for fileNum = 1:numel(fileNames)
fin = fopen([dataFolder fileNames(fileNum).name]);
for i=1:4
line= fgetl(fin);
end
a= sscanf(line,'%S%d  %s , trial %d');
stimulus = (3-numel(a));
person = find(id(fileNum)==ids);
trialNum = trials(stimulus, person);
label (trialNum, stimulus, person) = status(fileNum);
fprintf('%d %d %d\n', person,trialNum, stimulus);
for ch=1: 64
fgetl(fin);
curData = textscan(fin,'%d %s %d %f');
trData(:,ch,trialNum,stimulus,person) = curData{4};
end 
&lt;/code&gt;&lt;/pre&gt;</t>
  </si>
  <si>
    <t>2018-02-10 17:28:04.510000+00:00</t>
  </si>
  <si>
    <t>2018-02-10 17:51:15.147000+00:00</t>
  </si>
  <si>
    <t>Key Press Connect at Start of Execution</t>
  </si>
  <si>
    <t>&lt;p&gt;I have a Python 3.6.3 script that incorporates PyQt5.  The GUI has a button that toggles play and pause of a video file.  Pressing the spacebar also toggles play and pause.  The button works fine all the time.  The spacebar also works as intended, except at the very start of executing the script.  I need to click some other event first (such as a button or slider bar) before the &lt;code&gt;spacebar&lt;/code&gt; will correctly triggers the signal to pause or play the video.  I want to start playing the video with the &lt;code&gt;spacebar&lt;/code&gt; when the script starts up.  Here is how I create the connections in the same &lt;code&gt;__init__(self)&lt;/code&gt; function .  As you can see, clicking on the button and pressing the &lt;code&gt;spacebar&lt;/code&gt; both connect the signal to the same function (&lt;code&gt;self.pauseVideo&lt;/code&gt;).&lt;/p&gt;
&lt;pre&gt;&lt;code&gt;self.btnPause = QtWidgets.QPushButton(self.centralwidget)
self.btnPause.clicked.connect(self.pauseVideo)
self.spacebar = QShortcut(QKeySequence(Qt.Key_Space), self)
self.spacebar.activated.connect(self.pauseVideo)
&lt;/code&gt;&lt;/pre&gt;
&lt;p&gt;Suggestions on how to get the &lt;code&gt;spacebar&lt;/code&gt; to trigger the signal when the script first starts?&lt;/p&gt;</t>
  </si>
  <si>
    <t>2018-02-02 13:31:27.647000+00:00</t>
  </si>
  <si>
    <t>2018-02-03 02:01:24.247000+00:00</t>
  </si>
  <si>
    <t>python|pyqt4|signals|pyqt5|spacebars</t>
  </si>
  <si>
    <t>Alembik developement and source code</t>
  </si>
  <si>
    <t>&lt;p&gt;In my project i am using alembik media server heavily. However i am unable to find the source code of the tag on the alembik site. The repository they are giving is not sure whether stable or not. somebody have knowledge if the alembik developement has been closed, if closed, then where i can found one stable tag of the code and if there any alternative to alembik&lt;/p&gt;</t>
  </si>
  <si>
    <t>2013-01-14 06:59:37.083000+00:00</t>
  </si>
  <si>
    <t>java|java-ee|ffmpeg|imagemagick|wurfl</t>
  </si>
  <si>
    <t>I need some advice how to connect external database with my app and web page</t>
  </si>
  <si>
    <t>&lt;p&gt;Im creating an app in which users could browse from many sale offers with cars.
I would like to potential sellers could acces and enter data from web page, then save it to some external server/database.
My app only downlaods this data(pics, descriptions, etc) and show it in some way.
I am begginig programmer with half year experience in android, but ive never set up my own server, neither use external database in my previous apps.
I would like to ask you what is the best way to achive this goal. I will be greatefull for any adivices or materials which i could start from.&lt;/p&gt;</t>
  </si>
  <si>
    <t>2015-07-13 18:29:04.613000+00:00</t>
  </si>
  <si>
    <t>2015-07-13 18:36:22.453000+00:00</t>
  </si>
  <si>
    <t>Translating perl to python - What does this line do (class variable confusion)</t>
  </si>
  <si>
    <t>&lt;p&gt;&lt;code&gt;$self-&amp;gt;{DES} -&amp;gt;{$id} = join("\t",@tmp[0 ..7]);&lt;/code&gt;&lt;/p&gt;
&lt;p&gt;This line is part of a function inside of a perl class whose constructor is&lt;/p&gt;
&lt;pre&gt;&lt;code&gt;sub new {
    my $class=shift;
    my $self ={};
    bless($self,$class);
    return $self;
}
&lt;/code&gt;&lt;/pre&gt;
&lt;p&gt;The way I interpret it is that we are storing the id lines as a class variable DES which is a hash whose members are $id:. Is this correct?&lt;/p&gt;
&lt;p&gt;I also would like some clarification about the &lt;code&gt;=~&lt;/code&gt; operator (which seems to always precede a regular expression). As far as I can tell it is basically just the same as in python doing &lt;code&gt;re.X&lt;/code&gt; where X depends on the flag after the regular expression in perl (such as i). Is this correct?&lt;/p&gt;</t>
  </si>
  <si>
    <t>2013-12-06 17:02:26.517000+00:00</t>
  </si>
  <si>
    <t>2013-12-06 18:53:31.650000+00:00</t>
  </si>
  <si>
    <t>2013-12-06 17:33:35.483000+00:00</t>
  </si>
  <si>
    <t>python|perl</t>
  </si>
  <si>
    <t>Using inheritance in PHP to add data to array from multiple subclasses</t>
  </si>
  <si>
    <t>&lt;p&gt;&lt;strong&gt;Disclaimer:&lt;/strong&gt; This is not homework.  Also, I'm describing a simplified situation so bear with my semi-psudo code.&lt;/p&gt;
&lt;p&gt;I have what I feel is a pretty standard OOP situation, but I'm not sure the best way to handle it.  Let's say I have 3 classes: &lt;code&gt;Base&lt;/code&gt;, &lt;code&gt;A&lt;/code&gt;, and &lt;code&gt;B&lt;/code&gt;.  Class &lt;code&gt;A&lt;/code&gt; extends &lt;code&gt;Base&lt;/code&gt; and &lt;code&gt;B&lt;/code&gt; extends &lt;code&gt;A&lt;/code&gt;.  The &lt;code&gt;Base&lt;/code&gt; class's constructor performs a database query that pulls various meta data defined in an array.  See below:&lt;/p&gt;
&lt;pre&gt;&lt;code&gt;Class Base {
    public $meta_data = array('col1','col2');
    function __construct() {
        $db-&amp;gt;query("select ".join(',',$this-&amp;gt;meta_data)." from table");
    }
}
Class A extends Base {
    public $meta_data = array('col3','col4');
    function _construct() {
        parent::__construct();
    }
}
Class B extends A {
    public $meta_data = array('col5','col6');
    function _construct() {
        parent::__construct();
    }
}
&lt;/code&gt;&lt;/pre&gt;
&lt;p&gt;When I create a &lt;code&gt;new B()&lt;/code&gt; object, I want the Base constructor's sql query to look like this:&lt;/p&gt;
&lt;pre&gt;&lt;code&gt;select col1, col2, col3, col4, col5, col6 from table;
&lt;/code&gt;&lt;/pre&gt;
&lt;p&gt;And when I create a &lt;code&gt;new Base()&lt;/code&gt; object, I want the sql query to look like this:&lt;/p&gt;
&lt;pre&gt;&lt;code&gt;select col1, col2 from table;
&lt;/code&gt;&lt;/pre&gt;
&lt;p&gt;Now...I technically know how to accomplish this (in possibly a crude way) but I'm curious what the proper way is without too much code replication and keeping in mind flexibility for the future (ie, adding a subclass of B).  I basically need to merge the &lt;code&gt;$meta_data&lt;/code&gt; arrays on each inheritance level all the way up to the constructor in the &lt;code&gt;Base&lt;/code&gt; class.&lt;/p&gt;
&lt;p&gt;Any ideas?&lt;/p&gt;</t>
  </si>
  <si>
    <t>2012-02-03 03:21:56.697000+00:00</t>
  </si>
  <si>
    <t>2014-09-16 22:07:04.870000+00:00</t>
  </si>
  <si>
    <t>2012-02-03 03:52:29.643000+00:00</t>
  </si>
  <si>
    <t>php|oop|inheritance</t>
  </si>
  <si>
    <t>Why admob smart banner doesn't show on landscape mode?</t>
  </si>
  <si>
    <t>&lt;p&gt;I have just added admob banners to my app. It works great on each portrait and landscape mode. But when I changed the size to SMART_BANNER, banners still showing on portrait mode, and don't do on landscape.&lt;/p&gt;
&lt;p&gt;I see on the LogCat: Failed to load ad: 3&lt;/p&gt;
&lt;p&gt;Have any one faced this problem? because i searched everywhere with no result.&lt;/p&gt;</t>
  </si>
  <si>
    <t>2015-07-03 21:34:55.757000+00:00</t>
  </si>
  <si>
    <t>2018-08-31 10:55:40.687000+00:00</t>
  </si>
  <si>
    <t>2015-07-03 23:28:18.143000+00:00</t>
  </si>
  <si>
    <t>android|eclipse|admob</t>
  </si>
  <si>
    <t>Weird Linker Error</t>
  </si>
  <si>
    <t>&lt;pre&gt;&lt;code&gt;#include path
include_directories(
${PROJECT_SOURCE_DIR}/include
${HGE_INCLUDE_DIR}
${IKL_INCLUDE_DIR}
${BOOST_DIRECTORY}
)
#include all files
FILE(GLOB CORE_SRCS source/core/*.cpp)
FILE(GLOB TOOL_SRCS source/tools/*.cpp)
FILE(GLOB GAME_SRCS source/game/*.cpp)
#Making a compiled library
add_library(GAMECORE_LIBRARY ${CORE_SRCS} ${HGE_LIBRARY} ${HGE_HELPER_LIBRARY})
#add executable
add_executable(DemoGame ${GAME_SRCS})
##link executable to HGE lib
TARGET_LINK_LIBRARIES(DemoGame ${HGE_LIBRARY} ${HGE_HELPER_LIBRARY} ${IKL_LIBRARY} GAMECORE_LIBRARY)
if(BUILD_TOOLS)
add_executable(EntityTool ${TOOL_SRCS})
TARGET_LINK_LIBRARIES(EntityTool ${HGE_LIBRARY} ${HGE_HELPER_LIBRARY} ${IKL_LIBRARY} GAMECORE_LIBRARY)
endif(BUILD_TOOLS)
&lt;/code&gt;&lt;/pre&gt;
&lt;p&gt;this is my current cmake ..&lt;/p&gt;
&lt;p&gt;I get a weird linker error for hgeGUI class&lt;br&gt;
eg : DemoGame/source/core/GameMainMenu.cpp:74: undefined reference to `hgeGUI::hgeGUI()'&lt;/p&gt;
&lt;p&gt;This only happens when I try to compile the core files into a static library.
When I add the executable with the CORE_SRCS and remove the dependencies on my current compiled library .. it will work fine..&lt;/p&gt;
&lt;p&gt;Also I tried copy pasting the hgegui.cpp file into my core sources directory .. and change the &lt;code&gt;#include "..\..\include\hgegui.h"&lt;/code&gt; to &lt;code&gt;#include "hgegui.h"&lt;/code&gt;&lt;/p&gt;
&lt;p&gt;After that my linker code resolves the issue but I get segmentation faults but I m guessing linking the file in the previous step was not right ..&lt;/p&gt;
&lt;p&gt;Here's a link to their .h file&lt;br&gt;
&lt;a href="http://trac.assembla.com/snowscape/browser/hge/include/hgegui.h" rel="nofollow noreferrer"&gt;http://trac.assembla.com/snowscape/browser/hge/include/hgegui.h&lt;/a&gt;&lt;/p&gt;</t>
  </si>
  <si>
    <t>2012-05-24 01:22:39.390000+00:00</t>
  </si>
  <si>
    <t>2017-08-27 17:29:25.090000+00:00</t>
  </si>
  <si>
    <t>c++|linker|cmake|linker-errors</t>
  </si>
  <si>
    <t>ld: truncated fat file for manual added framework</t>
  </si>
  <si>
    <t>&lt;p&gt;Having an issue with a manual added framework. I was working before when I added this manual but with changes I have done I'm getting now.&lt;/p&gt;
&lt;pre&gt;&lt;code&gt;ld: truncated fat file. Slice from 2670592 to 5510224 is past end of file with length 5505024 file '.....' for architecture x86_64
&lt;/code&gt;&lt;/pre&gt;
&lt;p&gt;clang: error: linker command failed with exit code 1 (use -v to see invocation)&lt;/p&gt;
&lt;p&gt;I don't have any idea how to sort it. Working now with XCode Version 8.3.2 (8E2002).&lt;/p&gt;</t>
  </si>
  <si>
    <t>2017-06-21 16:45:23.003000+00:00</t>
  </si>
  <si>
    <t>2017-07-03 09:49:33.410000+00:00</t>
  </si>
  <si>
    <t>swift|xcode8</t>
  </si>
  <si>
    <t>Compiling PHP &amp; MySQL to standalone windows or linux application</t>
  </si>
  <si>
    <t>&lt;p&gt;For the needs of my father's store, some time ago i developed an web application using PHP and MySQL. The application is used to manage the products in the store.&lt;/p&gt;
&lt;p&gt;Now he told me that some friend of him wants to use the application in his store too, but it's  little annoying for me to explain him how to prepare his computer for the system..&lt;/p&gt;
&lt;p&gt;I found some ways to compile the code to .exe, but it was nowhere explained what to do with the database.&lt;/p&gt;
&lt;p&gt;What is the best way to make it comfortable for running on other computers? Maybe i should change the database type and use some other database instead of MySQL?&lt;/p&gt;</t>
  </si>
  <si>
    <t>2012-03-11 19:19:55.727000+00:00</t>
  </si>
  <si>
    <t>2013-03-12 20:32:02.957000+00:00</t>
  </si>
  <si>
    <t>php|mysql|windows|ubuntu</t>
  </si>
  <si>
    <t>Castle.Windsor lifestyle depending on context?</t>
  </si>
  <si>
    <t>&lt;p&gt;I have a web application where many components are registered using &lt;code&gt;.LifestylePerWebRequest()&lt;/code&gt;, now I've decided to implement &lt;strong&gt;Quartz.NET&lt;/strong&gt;, a .NET job scheduling library, which executes in separate threads, and not the Request thread.&lt;/p&gt;
&lt;p&gt;As such, &lt;code&gt;HttpContext.Current&lt;/code&gt; yields &lt;code&gt;null&lt;/code&gt;. My services, repositories, and &lt;code&gt;IDbConnection&lt;/code&gt; were instanced so far using &lt;code&gt;.LifestylePerWebRequest()&lt;/code&gt; because it made it easier to dispose of them when the requests ended.&lt;/p&gt;
&lt;p&gt;Now I want to use these components in both scenarios, during web requests I want them to remain unaffected, and in non-request contexts I want them to use a different Lifestyle, I figure I can handle the disposing myself, but how should I go about it for choosing a lifestyle for the components based on the current context?&lt;/p&gt;
&lt;p&gt;Currently I register services (for example), like this:&lt;/p&gt;
&lt;pre&gt;&lt;code&gt;container.Register(
    AllTypes
        .FromAssemblyContaining&amp;lt;EmailService&amp;gt;()
        .Where(t =&amp;gt; t.Name.EndsWith("Service"))
        .WithService.Select(IoC.SelectByInterfaceConvention)
        .LifestylePerWebRequest()
);
&lt;/code&gt;&lt;/pre&gt;
&lt;p&gt;I figure I should be using some kind of extension method but I just don't see it..&lt;/p&gt;</t>
  </si>
  <si>
    <t>2012-08-08 22:06:58.580000+00:00</t>
  </si>
  <si>
    <t>2012-08-11 23:23:21.310000+00:00</t>
  </si>
  <si>
    <t>2012-08-09 00:22:13.313000+00:00</t>
  </si>
  <si>
    <t>c#|asp.net-mvc-3|inversion-of-control|castle-windsor|quartz.net</t>
  </si>
  <si>
    <t>Add a button to select all items in Multiselect spinner</t>
  </si>
  <si>
    <t>&lt;p&gt;Good morning, I have an android application and I add a MultiSelectSpinner I found and edit a little, now I wanted to add a button to select all the items, I searched a lot and I have not found a way and all I can think is very complex . 
Someone had to implement something similar? I appreciate the help. 
Have a nice day .&lt;/p&gt;
&lt;p&gt;Here is the code of my MultiSelectSpinner:&lt;/p&gt;
&lt;pre&gt;&lt;code&gt;public class MultiSelectionSpinner extends Spinner implements
    OnMultiChoiceClickListener {
String[] _items = null;
boolean[] mSelection = null;
ArrayAdapter&amp;lt;String&amp;gt; simple_adapter;
public MultiSelectionSpinner(Context context) {
    super(context);
    simple_adapter = new ArrayAdapter&amp;lt;String&amp;gt;(context,
            android.R.layout.simple_spinner_item);
    super.setAdapter(simple_adapter);
}
public MultiSelectionSpinner(Context context, AttributeSet attrs) {
    super(context, attrs);
    simple_adapter = new ArrayAdapter&amp;lt;String&amp;gt;(context,
            android.R.layout.simple_spinner_item);
    super.setAdapter(simple_adapter);
}
public void onClick(DialogInterface dialog, int which, boolean isChecked) {
    if (mSelection != null &amp;amp;&amp;amp; which &amp;lt; mSelection.length) {
        mSelection[which] = isChecked;
        simple_adapter.clear();
        simple_adapter.add(buildSelectedItemString());
    } else {
        throw new IllegalArgumentException(
                "Argument 'which' is out of bounds.");
    }
}
@Override
public boolean performClick() {
    AlertDialog.Builder builder = new AlertDialog.Builder(getContext());
    builder.setMultiChoiceItems(_items, mSelection, this);
    builder.show();
    return true;
}
@Override
public void setAdapter(SpinnerAdapter adapter) {
    throw new RuntimeException(
            "setAdapter is not supported by MultiSelectSpinner.");
}
public void setItems(String[] items) {
    _items = items;
    mSelection = new boolean[_items.length];
    simple_adapter.clear();
    simple_adapter.add("Ningun sector seleccionado");
    Arrays.fill(mSelection, false);
}
public void setItems(List&amp;lt;String&amp;gt; items) {
    _items = items.toArray(new String[items.size()]);
    mSelection = new boolean[_items.length];
    simple_adapter.clear();
    simple_adapter.add(_items[0]);
    Arrays.fill(mSelection, false);
}
public void setSelection(String[] selection) {
    for (String cell : selection) {
        for (int j = 0; j &amp;lt; _items.length; ++j) {
            if (_items[j].equals(cell)) {
                mSelection[j] = true;
            }
        }
    }
}
public void setSelection(List&amp;lt;String&amp;gt; selection) {
    for (int i = 0; i &amp;lt; mSelection.length; i++) {
        mSelection[i] = false;
    }
    for (String sel : selection) {
        for (int j = 0; j &amp;lt; _items.length; ++j) {
            if (_items[j].equals(sel)) {
                mSelection[j] = true;
            }
        }
    }
    simple_adapter.clear();
    simple_adapter.add(buildSelectedItemString());
}
public void setSelection(int index) {
    for (int i = 0; i &amp;lt; mSelection.length; i++) {
        mSelection[i] = false;
    }
    if (index &amp;gt;= 0 &amp;amp;&amp;amp; index &amp;lt; mSelection.length) {
        mSelection[index] = true;
    } else {
        throw new IllegalArgumentException("Index " + index
                + " is out of bounds.");
    }
    simple_adapter.clear();
    simple_adapter.add(buildSelectedItemString());
}
public void setSelection(int[] selectedIndicies) {
    for (int i = 0; i &amp;lt; mSelection.length; i++) {
        mSelection[i] = false;
    }
    for (int index : selectedIndicies) {
        if (index &amp;gt;= 0 &amp;amp;&amp;amp; index &amp;lt; mSelection.length) {
            mSelection[index] = true;
        } else {
            throw new IllegalArgumentException("Index " + index
                    + " is out of bounds.");
        }
    }
    simple_adapter.clear();
    simple_adapter.add(buildSelectedItemString());
}
public List&amp;lt;String&amp;gt; getSelectedStrings() {
    List&amp;lt;String&amp;gt; selection = new LinkedList&amp;lt;String&amp;gt;();
    for (int i = 0; i &amp;lt; _items.length; ++i) {
        if (mSelection[i]) {
            selection.add(_items[i]);
        }
    }
    return selection;
}
public List&amp;lt;Integer&amp;gt; getSelectedIndicies() {
    List&amp;lt;Integer&amp;gt; selection = new LinkedList&amp;lt;Integer&amp;gt;();
    for (int i = 0; i &amp;lt; _items.length; ++i) {
        if (mSelection[i]) {
            selection.add(i);
        }
    }
    return selection;
}
public boolean haveSelectedItems() {
    return (mSelection != null &amp;amp;&amp;amp; mSelection.length &amp;gt; 0);
}
public boolean haveItems() {
    return (_items != null &amp;amp;&amp;amp; _items.length &amp;gt; 0);
}
private String buildSelectedItemString() {
    StringBuilder sb = new StringBuilder();
    boolean foundOne = false;
    for (int i = 0; i &amp;lt; _items.length; ++i) {
        if (mSelection[i]) {
            if (foundOne) {
                sb.append(", ");
            }
            foundOne = true;
            sb.append(_items[i]);
        }
    }
    return sb.toString();
}
}
&lt;/code&gt;&lt;/pre&gt;
&lt;p&gt;Thanks&lt;/p&gt;</t>
  </si>
  <si>
    <t>2014-04-11 19:51:08.523000+00:00</t>
  </si>
  <si>
    <t>2014-12-05 01:27:39.410000+00:00</t>
  </si>
  <si>
    <t>software update process</t>
  </si>
  <si>
    <t>&lt;p&gt;I have made a small software in qt and its only one executable and a few dlls.I want somebody to help me understand how one goes about updating an exe and the dlls without having to replace the entire exe and the dlls but instead,write the changes you have made to an existing exe or dll.&lt;/p&gt;</t>
  </si>
  <si>
    <t>2011-05-06 08:59:52.690000+00:00</t>
  </si>
  <si>
    <t>2011-05-06 09:11:35.317000+00:00</t>
  </si>
  <si>
    <t>c++|updates</t>
  </si>
  <si>
    <t>html5 vs jquery drag and drop</t>
  </si>
  <si>
    <t>&lt;p&gt;I'm starting the development of a webapp, I want to use HTML5 as much as I can. My application has an interface with a heavy use of drag and drop, my question is, at this moment, is it recommended to use the html5 native drag and drop? or is it better to use another js library for that like jquery ui?&lt;/p&gt;
&lt;p&gt;Thanks in advance&lt;/p&gt;
&lt;p&gt;Escobar&lt;/p&gt;</t>
  </si>
  <si>
    <t>2011-08-03 01:34:08.757000+00:00</t>
  </si>
  <si>
    <t>2011-08-03 01:39:24.897000+00:00</t>
  </si>
  <si>
    <t>Edit URL in Asp.net MVC</t>
  </si>
  <si>
    <t>&lt;p&gt;I want to show my link in url like that:&lt;/p&gt;
&lt;p&gt;&lt;a href="http://localhost:60000/Admin/myControlerName/myActionName/3/7/2" rel="nofollow noreferrer"&gt;http://localhost:60000/Admin/myControlerName/myActionName/3/7/2&lt;/a&gt;&lt;/p&gt;
&lt;p&gt;&lt;strong&gt;This is my routConfig:&lt;/strong&gt;&lt;/p&gt;
&lt;p&gt;&lt;a href="https://i.stack.imgur.com/mpPnP.jpg" rel="nofollow noreferrer"&gt;&lt;img src="https://i.stack.imgur.com/mpPnP.jpg" alt="enter image description here"&gt;&lt;/a&gt;&lt;/p&gt;
&lt;p&gt;&lt;strong&gt;This is my contoller:&lt;/strong&gt;&lt;/p&gt;
&lt;p&gt;&lt;a href="https://i.stack.imgur.com/HHHYS.jpg" rel="nofollow noreferrer"&gt;&lt;img src="https://i.stack.imgur.com/HHHYS.jpg" alt="enter image description here"&gt;&lt;/a&gt;&lt;/p&gt;
&lt;p&gt;&lt;strong&gt;This is my action link:&lt;/strong&gt;&lt;/p&gt;
&lt;p&gt;&lt;a href="https://i.stack.imgur.com/yD53v.jpg" rel="nofollow noreferrer"&gt;&lt;img src="https://i.stack.imgur.com/yD53v.jpg" alt="enter image description here"&gt;&lt;/a&gt;&lt;/p&gt;
&lt;p&gt;Mylink shows in url like that: &lt;/p&gt;
&lt;p&gt;&lt;a href="http://localhost:60000/Admin/myControlerName/myActionName/?id1=3&amp;amp;id2=7&amp;amp;id3=2" rel="nofollow noreferrer"&gt;http://localhost:60000/Admin/myControlerName/myActionName/?id1=3&amp;amp;id2=7&amp;amp;id3=2&lt;/a&gt;&lt;/p&gt;
&lt;p&gt;But i want to show like that: &lt;/p&gt;
&lt;p&gt;&lt;a href="http://localhost:60000/Admin/myControlerName/myActionName/3/7/2" rel="nofollow noreferrer"&gt;http://localhost:60000/Admin/myControlerName/myActionName/3/7/2&lt;/a&gt;&lt;/p&gt;
&lt;p&gt;Where is my wrong? :(&lt;/p&gt;</t>
  </si>
  <si>
    <t>2015-09-19 14:51:49.453000+00:00</t>
  </si>
  <si>
    <t>2018-01-24 12:32:01.897000+00:00</t>
  </si>
  <si>
    <t>c#|asp.net-mvc|asp.net-mvc-5|asp.net-mvc-routing</t>
  </si>
  <si>
    <t>Number of shards in dynamodb</t>
  </si>
  <si>
    <t>&lt;p&gt;how can I know how many shards a dynamo Db stream have? Lambda function can have only 100 concurrent function running per account so my concern is that if number of hards are greater than 100 than how Lambda manages processing of shards&lt;/p&gt;</t>
  </si>
  <si>
    <t>2015-08-21 13:55:22.943000+00:00</t>
  </si>
  <si>
    <t>2016-06-22 13:16:30.910000+00:00</t>
  </si>
  <si>
    <t>amazon-dynamodb</t>
  </si>
  <si>
    <t>How to set up Z3 solver on Travis-CI machine</t>
  </si>
  <si>
    <t>&lt;p&gt;I have a project using library Z3 solver, and want to apply Travis-CI for continuous testing. However, I could not set up z3 on the remote machine in Travis-CI.&lt;/p&gt;
&lt;p&gt;Here is further information about my project:&lt;/p&gt;
&lt;ul&gt;
&lt;li&gt;Created from IDE Eclipse Mars&lt;/li&gt;
&lt;li&gt;Use JDK 8&lt;/li&gt;
&lt;li&gt;Use Ant to buid &lt;strong&gt;build.xml&lt;/strong&gt;&lt;/li&gt;
&lt;/ul&gt;
&lt;p&gt;The content file &lt;strong&gt;.travis.yml&lt;/strong&gt;&lt;/p&gt;
&lt;pre&gt;&lt;code&gt; language: java
 sudo: enabled
 jdk:
   - oraclejdk8
 before_install:
 - sudo apt-get update
 - sudo apt-get install z3 -y
 script:
 - ant build
 - ant 'MyJUnitTest'
&lt;/code&gt;&lt;/pre&gt;
&lt;p&gt;The output on the remote machine console&lt;/p&gt;
&lt;pre&gt;&lt;code&gt;... (be removed for clarity)
$ sudo apt-get install z3 -y
Reading package lists... Done
Building dependency tree       
Reading state information... Done
E: Unable to locate package z3
The command "sudo apt-get install z3 -y" failed and exited with 100 during .
Your build has been stopped.
&lt;/code&gt;&lt;/pre&gt;
&lt;p&gt;I have understood that the problem could be solved by adding the repository containing Z3 solver to &lt;strong&gt;.travis.yml&lt;/strong&gt; (section &lt;em&gt;before_install&lt;/em&gt;). I found one repository: &lt;a href="https://launchpad.net/~hvr/+archive/ubuntu/z3" rel="nofollow noreferrer"&gt;https://launchpad.net/~hvr/+archive/ubuntu/z3&lt;/a&gt;. However, this repository does not work anymore. More clearly, after 10 minutes (default waiting time on Travis-CI machine), there is no response from this repository.&lt;/p&gt;
&lt;pre&gt;&lt;code&gt;$ sudo add-apt-repository ppa:hvr/z3
More info: https://launchpad.net/~hvr/+archive/ubuntu/z3
Press [ENTER] to continue or ctrl-c to cancel adding it
No output has been received in the last 10m0s, this potentially indicates a stalled build or something wrong with the build itself.
Check the details on how to adjust your build configuration on: https://docs.travis-ci.com/user/common-build-problems/#Build-times-out-because-no-output-was-received
The build has been terminated
&lt;/code&gt;&lt;/pre&gt;</t>
  </si>
  <si>
    <t>2018-04-26 08:46:08.650000+00:00</t>
  </si>
  <si>
    <t>2018-04-26 14:18:59.023000+00:00</t>
  </si>
  <si>
    <t>2018-04-26 10:44:55.060000+00:00</t>
  </si>
  <si>
    <t>java|travis-ci|z3|continuous-testing</t>
  </si>
  <si>
    <t>Why is a spider object needed in spider.py for scrapy?</t>
  </si>
  <si>
    <t>&lt;p&gt;I have seen that in some spider files in the end of class they use&lt;/p&gt;
&lt;pre&gt;&lt;code&gt;class TestSpider(BaseSpider):
   pass
SPIDER = TestSpider()
&lt;/code&gt;&lt;/pre&gt;
&lt;p&gt;Why do we use &lt;code&gt;SPIDER = TestSpider()&lt;/code&gt;? I didn't use it, and my spider is working fine.&lt;/p&gt;</t>
  </si>
  <si>
    <t>2012-12-19 03:24:21.473000+00:00</t>
  </si>
  <si>
    <t>2012-12-19 11:02:49.677000+00:00</t>
  </si>
  <si>
    <t>2012-12-19 03:54:38.477000+00:00</t>
  </si>
  <si>
    <t>Thread and Database read suggestion</t>
  </si>
  <si>
    <t>&lt;p&gt;I have an issue with my current .net application and is the follow, when a database row is updated or a new row is inserted, my .net service has to read those changes and submit an print order.&lt;/p&gt;
&lt;p&gt;I'd implemented the follow functions :&lt;/p&gt;
&lt;pre&gt;&lt;code&gt;public void OnStart()
{
   ThreadMgmt pthread = new ThreadMgmt();
   pthread.printNotification += new pthread.DatabaseChanged();
   pthread.frequency = 2000;
   ThreadStart ts = new ThreadStart(pthread.Wait);
   Thread t = new Thread(ts);
   t.Start();
}
void ReadDataBase() {...}
void Printing(){...}
public class ThreadMgmt 
{
  public delegate void UpdateDelegate();
  public event UpdateDelegate Notify;
  private int frequency {set;get;}
     public void Wait()
     {
        for (int i = 0; i &amp;lt;= Freq; i++)
        {
           Thread.Sleep(this.frequncy);
           Notify();
        }
     }
}
&lt;/code&gt;&lt;/pre&gt;
&lt;p&gt;But I need some help about concepts about threading and looping events, I would like to know if anybody has to face the same problem and how to resolve it...&lt;/p&gt;
&lt;p&gt;Thanks&lt;/p&gt;</t>
  </si>
  <si>
    <t>2011-06-27 21:21:49.713000+00:00</t>
  </si>
  <si>
    <t>2011-06-27 23:25:21.387000+00:00</t>
  </si>
  <si>
    <t>2011-06-27 22:13:39.440000+00:00</t>
  </si>
  <si>
    <t>.net|database|thread-safety</t>
  </si>
  <si>
    <t>difficulties in writing function which returns the intersection of two arrays</t>
  </si>
  <si>
    <t>&lt;p&gt;I have tried to write a function which finds the intersection of two arrays&lt;/p&gt;
&lt;p&gt;and I just cant understand why it does not work well. Here is my function:&lt;/p&gt;
&lt;pre&gt;&lt;code&gt;int* IntersectionOfArrays(int* arr1, int size1, int* arr2, int size2, int* sizeRes) 
{
    int* res=(int*)malloc(1*sizeof(int));  //res is the array of the resolution of intersection//
    int i = 0, j = 0;
    *sizeRes = 0;
    merge_sort(arr1,0, size1-1);  //sorting the arrays//
    merge_sort(arr2,0, size2-1);
    while (i &amp;lt; size1 &amp;amp;&amp;amp; j &amp;lt; size2) 
    {
        if (arr1[i] &amp;lt; arr2[j])
            i++;
        else if (arr1[i] &amp;gt; arr2[j]) 
            j++;
        else 
        {   
        res[*sizeRes] = arr1[i]; //getting the same elements of the two arrays - the intersection values//
        i++;
        j++;
        (*sizeRes)++;
        res = (int*)realloc(res, 1*sizeof(int)); //allocating more memory as required - according to the size of res(intersection)//
        }   
    }
    if (*sizeRes==0)  //if the intersection is empty 
        return NULL;
    return res;
}
&lt;/code&gt;&lt;/pre&gt;
&lt;p&gt;This function compiles, but does not work as expected since I get junk items..
I wonder how this function should be repaired.&lt;/p&gt;</t>
  </si>
  <si>
    <t>2017-01-31 15:54:19.683000+00:00</t>
  </si>
  <si>
    <t>2017-02-01 12:34:42.207000+00:00</t>
  </si>
  <si>
    <t>c|arrays|dynamic-memory-allocation</t>
  </si>
  <si>
    <t>Multiple touch in JTAppleCalendar</t>
  </si>
  <si>
    <t>&lt;p&gt;I'm using a cocoapods named JTAppleCalendar. &lt;/p&gt;
&lt;p&gt;I encountered a situation where I can only select dates with &lt;strong&gt;two fingers&lt;/strong&gt; touching the screen at the same time. I've to unchecked 'Multiple Touch' in Xcode, and also tried programmatically disabling multiple touch, but the problem remains. I would appreciate if anyone can help me with this.&lt;/p&gt;
&lt;p&gt;Here's the code:&lt;/p&gt;
&lt;pre&gt;&lt;code&gt;override func viewDidLoad() {
        super.viewDidLoad()
        setupCalendarView()
        self.calendarView.isMultipleTouchEnabled = false 
     }
 func setupCalendarView(){
        calendarView.minimumLineSpacing = 0
        calendarView.minimumInteritemSpacing = 0 
        calendarView.visibleDates{ (visibleDates) in
            self.setupViewofCalendar(from: visibleDates)
        }
    }
func setupViewofCalendar(from visibleDates: DateSegmentInfo){
        let date = visibleDates.monthDates.first!.date
        self.formatter.dateFormat = "yyyy"
        self.year.text =  self.formatter.string(from:date)
        self.formatter.dateFormat = "MMMM"
        self.month.text =  self.formatter.string(from:date)
    }
func handleCellTextColor(view: JTAppleCell?, cellState: CellState) {
        guard let validCell = view as? CalendarCustomCell else { return }
        if cellState.isSelected {
            validCell.dateLabel.textColor = selectedMonthColor
            validCell.selectedView.isHidden = false
        } else {
            if cellState.dateBelongsTo == .thisMonth{
                validCell.dateLabel.textColor = UIColor.black
            }
            else{
                validCell.dateLabel.textColor = outsideMonthColor
            }
            validCell.selectedView.isHidden = false
        }
    }
 func handleCellSeleted(view: JTAppleCell?, cellState: CellState) {
        guard let validCell = view as? CalendarCustomCell else { return }
        if validCell.isSelected {
            validCell.selectedView.isHidden = false
        } else {
            validCell.selectedView.isHidden = true
        }
    }
extension calendarViewController: JTAppleCalendarViewDataSource{
    func configureCalendar(_ calendar: JTAppleCalendarView) -&amp;gt; ConfigurationParameters {
        formatter.dateFormat = "yyyy MM dd"
        formatter.timeZone = Calendar.current.timeZone
        formatter.locale = Calendar.current.locale
        let todayDate = Date()
        let endDate = Calendar.current.date(byAdding: .month, value: 12, to: Date())
        let parameters = ConfigurationParameters(startDate: todayDate, endDate: endDate!)
        return parameters
    }
}
extension calendarViewController: JTAppleCalendarViewDelegate {
    //display cell
    func calendar(_ calendar: JTAppleCalendarView, cellForItemAt date: Date, cellState: CellState, indexPath: IndexPath) -&amp;gt; JTAppleCell {
        let cell = calendar.dequeueReusableJTAppleCell(withReuseIdentifier: "CustomCell", for: indexPath) as! CalendarCustomCell
        cell.dateLabel.text = cellState.text
        handleCellTextColor(view: cell, cellState: cellState)
        handleCellSeleted(view: cell, cellState: cellState)
        return cell
    }
    func calendar(_ calendar: JTAppleCalendarView, didSelectDate date: Date, cell: JTAppleCell?, cellState: CellState) {
        handleCellTextColor(view: cell, cellState: cellState)
        handleCellSeleted(view: cell, cellState: cellState)
    }
    func calendar(_ calendar: JTAppleCalendarView, didDeselectDate date: Date, cell: JTAppleCell?, cellState: CellState) {
        handleCellTextColor(view: cell, cellState: cellState)
        handleCellSeleted(view: cell, cellState: cellState)
    }
    func calendar(_ calendar: JTAppleCalendarView, didScrollToDateSegmentWith visibleDates: DateSegmentInfo) {
       setupViewofCalendar(from: visibleDates)
    }
}
&lt;/code&gt;&lt;/pre&gt;</t>
  </si>
  <si>
    <t>2017-07-05 18:56:38.857000+00:00</t>
  </si>
  <si>
    <t>ios|swift|swift3|jtapplecalendar</t>
  </si>
  <si>
    <t>JavaScript Implementation of VIM</t>
  </si>
  <si>
    <t>&lt;p&gt;I'm looking for variants of Vi implemented in Javascript.&lt;/p&gt;
&lt;p&gt;Unfortunately, I've been getting all types of results of configuring Vim for writing JavaScript code.&lt;/p&gt;
&lt;p&gt;The only helpful result I've found is JSVI.&lt;/p&gt;
&lt;p&gt;Question: are there any other (perhaps more modern) impelmentations I should look into?&lt;/p&gt;</t>
  </si>
  <si>
    <t>2012-06-24 02:52:07.647000+00:00</t>
  </si>
  <si>
    <t>2016-02-11 19:44:15.687000+00:00</t>
  </si>
  <si>
    <t>2012-06-24 18:57:56.843000+00:00</t>
  </si>
  <si>
    <t>javascript|vim</t>
  </si>
  <si>
    <t>Python Scrapy, return from child page to carry on scraping</t>
  </si>
  <si>
    <t>&lt;p&gt;My spider function is on a page and I need to go to a link and get some data from that page to add to my item but I need to go to various pages from the parent page without creating more items. How would I go about doing that because from what I can read in the documentation I can only go in a linear fashion:&lt;/p&gt;
&lt;pre&gt;&lt;code&gt;  parent page &amp;gt; next page &amp;gt; next page
&lt;/code&gt;&lt;/pre&gt;
&lt;p&gt;But I need to:&lt;/p&gt;
&lt;pre&gt;&lt;code&gt;  parent page &amp;gt; next page
              &amp;gt; next page
              &amp;gt; next page
&lt;/code&gt;&lt;/pre&gt;</t>
  </si>
  <si>
    <t>2014-11-16 22:46:22.277000+00:00</t>
  </si>
  <si>
    <t>2014-11-20 18:53:24.283000+00:00</t>
  </si>
  <si>
    <t>2014-11-16 22:51:10.987000+00:00</t>
  </si>
  <si>
    <t>what does exactly do cascade={"remove"} in a many to many relationship</t>
  </si>
  <si>
    <t>&lt;p&gt;I would like &lt;strong&gt;tags&lt;/strong&gt; to be deleted when and only when an &lt;strong&gt;article&lt;/strong&gt; is deleted AND thoses tags are not linked to any other article.&lt;br&gt;
I tried cascade={'remove'} but it delete all tags link to the article I want to delete, even if thoses tags are ALSO linked to an other article.&lt;/p&gt;
&lt;p&gt;&lt;strong&gt;QUESTION&lt;/strong&gt;&lt;br&gt;
- Is there a way to do that automatically thanks to annotation.&lt;br&gt;
- If yes how?&lt;br&gt;
- Otherwise should I do it manually in the controller? seems strange to have to it manually, means that I will have to make a loop for each tag and retrieve in the table article_tag to know if the tag is implemented more than once, if not then do $em-&gt;remove($tag). &lt;/p&gt;
&lt;p&gt;&lt;strong&gt;ENTITY SRUCTURE&lt;/strong&gt;&lt;br&gt;
article (n)&amp;lt;----&gt;(n) tags&lt;/p&gt;
&lt;p&gt;&lt;strong&gt;CODE&lt;/strong&gt;&lt;/p&gt;
&lt;pre&gt;&lt;code&gt; // IN ARTICLE ENTITY
 /** @ORM\ManyToMany(targetEntity="Sdz\BlogBundle\Entity\Tag", inversedBy="articles", cascade={"persist","remove"})  **/
 private $tags;
 // IN TAG ENTITY 
 /** @ORM\ManyToMany(targetEntity="Sdz\BlogBundle\Entity\Article", mappedBy="tags") **/
 private $articles;
&lt;/code&gt;&lt;/pre&gt;</t>
  </si>
  <si>
    <t>2014-12-11 13:39:18.760000+00:00</t>
  </si>
  <si>
    <t>2014-12-11 16:15:48.817000+00:00</t>
  </si>
  <si>
    <t>2014-12-11 14:52:53.680000+00:00</t>
  </si>
  <si>
    <t>symfony|many-to-many|cascade</t>
  </si>
  <si>
    <t>Swift: Setting location of popover to center of screen</t>
  </si>
  <si>
    <t>&lt;pre&gt;&lt;code&gt;    var vc = segue.destinationViewController as UIViewController
    var controller = vc.popoverPresentationController
    vc.preferredContentSize=CGSize(width: UIScreen.mainScreen().bounds.width, height: 200)
    vc.view.bounds = CGRect(x: 10, y: 100, width: 10, height: 10)
&lt;/code&gt;&lt;/pre&gt;
&lt;p&gt;I'm trying to set the location of my popover to center of device, how do I do this, I basically am just trying to figure out by the autofinder after you press ".".&lt;/p&gt;
&lt;p&gt;Right now, the last statement in my code doesn't do anything.
&lt;a href="https://i.stack.imgur.com/mVB9E.png" rel="nofollow noreferrer"&gt;&lt;img src="https://i.stack.imgur.com/mVB9E.png" alt="enter image description here"&gt;&lt;/a&gt;&lt;/p&gt;</t>
  </si>
  <si>
    <t>2016-05-11 20:38:50.543000+00:00</t>
  </si>
  <si>
    <t>2016-05-11 22:24:34.087000+00:00</t>
  </si>
  <si>
    <t>2016-05-11 21:05:26.727000+00:00</t>
  </si>
  <si>
    <t>Drupal content print by parts</t>
  </si>
  <si>
    <t>&lt;p&gt;I create a content type with fields title header and body and in the page.tpl I want to print in only the header because I have a css that make the header in a box i tried with render($content['header']);
but is not working&lt;/p&gt;</t>
  </si>
  <si>
    <t>2011-11-23 04:53:03.480000+00:00</t>
  </si>
  <si>
    <t>2011-12-02 16:19:31.443000+00:00</t>
  </si>
  <si>
    <t>file protocol of SVN with Android Studio</t>
  </si>
  <si>
    <t>&lt;p&gt;When I expand below URL&lt;/p&gt;
&lt;pre&gt;&lt;code&gt;file:///D:/dev/admin/subversion/dev707/hello-android
&lt;/code&gt;&lt;/pre&gt;
&lt;p&gt;in Android Studio (1.1.0) I get following error&lt;/p&gt;
&lt;pre&gt;&lt;code&gt;svn: E180001: Unable to open an ra_local session to URL
&lt;/code&gt;&lt;/pre&gt;
&lt;p&gt;Though, I can browse the same URL using TortoiseSVN 1.8.11 and Eclipse 4.4.2.&lt;/p&gt;
&lt;p&gt;Please explain how to access SVN repo in Android Studio using file protocol.&lt;/p&gt;</t>
  </si>
  <si>
    <t>2015-04-20 09:46:23.520000+00:00</t>
  </si>
  <si>
    <t>2015-09-09 10:13:26.100000+00:00</t>
  </si>
  <si>
    <t>2015-04-20 13:07:50.157000+00:00</t>
  </si>
  <si>
    <t>svn|android-studio|tortoisesvn</t>
  </si>
  <si>
    <t>How to run a php file as a cron job in cPanel in Bigrock Shared Hosting service?</t>
  </si>
  <si>
    <t>&lt;p&gt;I'm trying to run a PHP file that automatically generates a sitemap and pings various search engines via &lt;strong&gt;cURL&lt;/strong&gt; as a cron Job.&lt;/p&gt;
&lt;p&gt;By hosting plan is a &lt;strong&gt;shared plan&lt;/strong&gt; provided by &lt;strong&gt;&lt;a href="http://www.bigrock.in" rel="nofollow"&gt;Bigrock.in&lt;/a&gt;&lt;/strong&gt;.&lt;/p&gt;
&lt;p&gt;The control panel is &lt;strong&gt;cPanel Pro   1.0 (RC1)&lt;/strong&gt;  &lt;/p&gt;
&lt;p&gt;This is my Current cron command :&lt;/p&gt;
&lt;pre&gt;&lt;code&gt;php /home/myusername/public_html/sitemap_auto.php
&lt;/code&gt;&lt;/pre&gt;
&lt;p&gt;But this does not seem to work at all. So Any help would be greatly appreciated. &lt;/p&gt;
&lt;p&gt;Thanks is advance.&lt;/p&gt;</t>
  </si>
  <si>
    <t>2013-06-02 06:21:07.473000+00:00</t>
  </si>
  <si>
    <t>2017-05-20 11:47:06.677000+00:00</t>
  </si>
  <si>
    <t>php|cron|crontab|cpanel</t>
  </si>
  <si>
    <t>Can i adjust the height of the day view in FullCalendar?</t>
  </si>
  <si>
    <t>&lt;p&gt;I am trying to restyle a instance of FullCalendar so that the day and week views run the entire height of the web page. i.e. I do not want a scrollbar to view the entire day. I tried removing overflow and the fixed height but that doesn���t work.
Is it possible to do this?&lt;/p&gt;</t>
  </si>
  <si>
    <t>2011-09-22 02:27:43.477000+00:00</t>
  </si>
  <si>
    <t>2014-02-24 07:07:12.367000+00:00</t>
  </si>
  <si>
    <t>2011-10-05 05:14:54.540000+00:00</t>
  </si>
  <si>
    <t>fullcalendar</t>
  </si>
  <si>
    <t>Creating multiple files programmatically on Android through the Google Drive API often creates duplicates?</t>
  </si>
  <si>
    <t>&lt;p&gt;I am trying to upload files from the internal storage to a user's Google Drive through the API, to back up user data. What I have done so far works on occasion, but it often creates two or three copies of the files as well and I have no idea why.&lt;/p&gt;
&lt;p&gt;As far as I know there is no way to upload entire folders and their contents at once, so instead I first create an empty backup folder, then iterate through the user data and copy the files into the folder one by one.&lt;/p&gt;
&lt;p&gt;Note: for now I am using the root folder of the Google Drive instead of the App folder that is dedicated for this purpose. This makes it easier to see the files that are created. When everything works, I'll swap the root folder with the app folder. &lt;/p&gt;
&lt;p&gt;Creating a new backup first starts with looking for existing backup folders and deleting them if there are any:&lt;/p&gt;
&lt;pre&gt;&lt;code&gt;private void createNewBackup(Context context, GoogleSignInAccount googleSignInAccount) {
// Create query to search for existing backup folder
Query query = new Query.Builder()
        .addFilter(Filters.eq(SearchableField.TITLE, "Backup"))
        .build();
Drive.getDriveResourceClient(context, googleSignInAccount).query(query)
// if a backup folder is found, delete it:
    .addOnSuccessListener(new OnSuccessListener&amp;lt;MetadataBuffer&amp;gt;() {
        @Override
        public void onSuccess(MetadataBuffer metadata) {
            // there are never 2 backup folders, so it is always the first set of metadata, hence get(0).
            DriveFolder backupfolder = metadata.get(0).getDriveId().asDriveFolder();
            Drive.getDriveResourceClient(context, googleSignInAccount).delete(backupfolder)
            // when the folder is deleted, create a new backup folder
            .addOnSuccessListener(new OnSuccessListener&amp;lt;Void&amp;gt;() {
                @Override
                public void onSuccess(Void aVoid) {
                    createBackupFolder(context, googleSignInAccount);
                }
            });
        }
    })
    // if no backup folder is found, create a new backup folder
    .addOnFailureListener(new OnFailureListener() {
        @Override
        public void onFailure(@NonNull Exception e) {
            createBackupFolder(context, googleSignInAccount);
        }
    });
}
&lt;/code&gt;&lt;/pre&gt;
&lt;p&gt;When the old backup folder is deleted, this is the code that creates the new backup folder&lt;/p&gt;
&lt;pre&gt;&lt;code&gt;public void createBackupFolder(Context context, GoogleSignInAccount googleSignInAccount) {
// Get the root folder of the drive:
Drive.getDriveResourceClient(context, googleSignInAccount).getRootFolder().addOnSuccessListener(new OnSuccessListener&amp;lt;DriveFolder&amp;gt;() {
    @Override
    public void onSuccess(DriveFolder driveFolder) {
        // create backup folder in root folder:
        MetadataChangeSet changeSet = new MetadataChangeSet.Builder()
                .setTitle("Backup")
                .setMimeType(DriveFolder.MIME_TYPE)
                .setStarred(true)
                .build();
        Log.d("Test", "Creating backup folder");
        Drive.getDriveResourceClient(context, googleSignInAccount).createFolder(driveFolder, changeSet)
                .addOnSuccessListener(new OnSuccessListener&amp;lt;DriveFolder&amp;gt;() {
                    @Override
                    public void onSuccess(DriveFolder backupFolder) {
                        Log.d("Test", "Created backup folder");
                        writeDataToBackupFolder(context, googleSignInAccount, backupFolder);
                    }
                })
                // if the folder couldn't be created:
                .addOnFailureListener(new OnFailureListener() {
                    @Override
                    public void onFailure(@NonNull Exception e) {
                        Log.d("Test", "failed to create backup folder");
                    }
                });
    }
});}
&lt;/code&gt;&lt;/pre&gt;
&lt;p&gt;And then finally the files in the subfolders "premium" and "shifts" are copied to the backup folder on the drive with the writeDataToBackupFolder method:&lt;/p&gt;
&lt;pre&gt;&lt;code&gt;public void writeDataToBackupFolder(Context context, GoogleSignInAccount googleSignInAccount, DriveFolder backupFolder) {
// iterate over the files in the subfolders
File[] subfolders = new File(context.getFilesDir().getPath()).listFiles();
for (int i = 0; i &amp;lt; subfolders.length; i++) {
    if (subfolders[i].getName().equals("premium") || subfolders[i].getName().equals("shifts")) {
        File[] filesInSubfolder = new File(subfolders[i].getPath()).listFiles();
        for (int j = 0; j &amp;lt; filesInSubfolder.length; j++) {
            // for every file, get its contents and write them to a file and upload it to the drive
            String fileName = subfolders[i].getName() + "/" + filesInSubfolder[j].getName();
            List&amp;lt;String&amp;gt; content = readFromFile(context, fileName);
            Drive.getDriveResourceClient(context, googleSignInAccount).createContents().addOnSuccessListener(new OnSuccessListener&amp;lt;DriveContents&amp;gt;() {
                @Override
                public void onSuccess(DriveContents driveContents) {
                    OutputStream outputStream = driveContents.getOutputStream();
                    Writer writer = new OutputStreamWriter(outputStream);
                    try {
                        for (int k = 0; k &amp;lt; content.size(); k++) {
                            writer.write(content.get(k));
                            writer.write("\n");
                        }
                        writer.close();
                    } catch (IOException e) {
                        e.printStackTrace();
                    }
                    MetadataChangeSet changeSet = new MetadataChangeSet.Builder()
                            .setTitle(fileName)
                            .setMimeType("text/plain")
                            .setStarred(true)
                            .build();
                    Log.d("Test", "Creating file "+fileName);
                    Drive.getDriveResourceClient(context, googleSignInAccount).createFile(backupFolder, changeSet, driveContents)
                            .addOnSuccessListener(new OnSuccessListener&amp;lt;DriveFile&amp;gt;() {
                                @Override
                                public void onSuccess(DriveFile driveFile) {
                                    Log.d("Test", "Created file "+fileName);
                                }
                            })
                            .addOnFailureListener(new OnFailureListener() {
                                @Override
                                public void onFailure(@NonNull Exception e) {
                                    Log.d("Test", "Failed to create "+fileName);
                                }
                            });
                }
            });
        }
    }
}}
&lt;/code&gt;&lt;/pre&gt;
&lt;p&gt;It deletes the old backup folder and creates the new backup folder just fine and it always copies the files to the Google Drive. They are all text files, but sometimes (more often than not) duplicates are created. For example, the folder 'premium' has files 1.txt, 2.txt, 3.txt, etc., but on the drive they would appear as premium/1.txt, premium/1.txt, premium/2.txt, premium/3.txt, premium/3.txt, and I have no idea why. Which files become duplicates is random and can change everytime I call the createNewBackup method. As you can see in the code, I register created files in the log, but no duplicates show up there, only on the Drive. Is it a problem with the Google Drive API? Am I calling everything too quickly? How could I stop this from happening?&lt;/p&gt;</t>
  </si>
  <si>
    <t>2018-08-11 12:47:55.170000+00:00</t>
  </si>
  <si>
    <t>2018-10-31 12:37:05.437000+00:00</t>
  </si>
  <si>
    <t>android|api|upload|duplicates|drive</t>
  </si>
  <si>
    <t>running html version of playn</t>
  </si>
  <si>
    <t>&lt;p&gt;I have playn installed on eclipse (http://code.google.com/p/playn/wiki/GettingStarted#Running_via_Eclipse), i loaded the sample programs and they load file, the java one runs fine. But for html 
I right click the showcase-html &gt; google &gt; compile 
I don't get any errors:&lt;/p&gt;
&lt;pre&gt;&lt;code&gt;Compiling module playn.showcase.Showcase
   Compiling 1 permutation
      Compiling permutation 0...
   Compile of permutations succeeded
Linking into C:\Users\(my path)\playn-samples\showcase\html\target\playn-showcase-html-1.0-SNAPSHOT\showcase
   Link succeeded
   Compilation succeeded -- 12.208s
&lt;/code&gt;&lt;/pre&gt;
&lt;p&gt;then 
run as &gt; web application&lt;/p&gt;
&lt;p&gt;I get a url in the development tab:&lt;/p&gt;
&lt;pre&gt;&lt;code&gt;http://127.0.0.1:8888/Showcase.html?gwt.codesvr=127.0.0.1:9997
&lt;/code&gt;&lt;/pre&gt;
&lt;p&gt;when I run this it hangs my browser&lt;/p&gt;
&lt;p&gt;when I run this:&lt;/p&gt;
&lt;pre&gt;&lt;code&gt;http://127.0.0.1:8888/Showcase.html
&lt;/code&gt;&lt;/pre&gt;
&lt;p&gt;it says "GWT MODULE MAY NEED TO BE (RECOMPILED)" on a popup and loads nothing.&lt;/p&gt;
&lt;p&gt;Any idea what might be wrong?&lt;/p&gt;</t>
  </si>
  <si>
    <t>2012-01-11 05:21:00.283000+00:00</t>
  </si>
  <si>
    <t>2012-06-10 04:52:30.463000+00:00</t>
  </si>
  <si>
    <t>playn</t>
  </si>
  <si>
    <t>Django template - How to match model datefield with a date in date generator?</t>
  </si>
  <si>
    <t>&lt;p&gt;In my models.py Task can have multiple Employer so I use ManyToManyField&lt;/p&gt;
&lt;p&gt;In my views.py I got a date generator - it return range of 2 weeks from current day.&lt;/p&gt;
&lt;p&gt;So here is my template&lt;/p&gt;
&lt;pre&gt;&lt;code&gt;    &amp;lt;table&amp;gt;
        &amp;lt;thead&amp;gt;
            &amp;lt;tr&amp;gt;
                &amp;lt;th&amp;gt;{% trans 'employer_id' %}&amp;lt;/th&amp;gt;
                {% for i in date_range %}
                &amp;lt;th&amp;gt;{{ i }}&amp;lt;/th&amp;gt;
                {% endfor %}
            &amp;lt;/tr&amp;gt;
        &amp;lt;/thead&amp;gt;
        &amp;lt;tbody&amp;gt;
        {% for employer in employers %}
            &amp;lt;tr&amp;gt;
                &amp;lt;td&amp;gt;{{ employer.employer_id }}&amp;lt;/td&amp;gt;
                {% for t in employer.task_set.all %}
                        &amp;lt;td&amp;gt;{{ t }}&amp;lt;/td&amp;gt;
                    {% empty %}
                        &amp;lt;td&amp;gt;0&amp;lt;/td&amp;gt;
                {% endfor %}
            &amp;lt;/tr&amp;gt;
        {% endfor %}
        &amp;lt;/tbody&amp;gt;
    &amp;lt;/table&amp;gt;
&lt;/code&gt;&lt;/pre&gt;
&lt;p&gt;What I need is when I create a Task and assign it to employers, it should show me in the html table a start_date of Task of each employers for specific days.&lt;/p&gt;
&lt;p&gt;So far I got this with codes above:
&lt;img src="https://i.stack.imgur.com/x4a2d.png" alt="enter image description here"&gt; &lt;/p&gt;
&lt;p&gt;^date of tasks of these employers are not matching with days in the table header. &lt;/p&gt;</t>
  </si>
  <si>
    <t>2015-06-20 08:57:33.363000+00:00</t>
  </si>
  <si>
    <t>2015-06-20 16:03:46.717000+00:00</t>
  </si>
  <si>
    <t>django|django-models|django-templates|django-views</t>
  </si>
  <si>
    <t>C Arrays - used / unused array values</t>
  </si>
  <si>
    <t>&lt;p&gt;I am creating a 'Space invaders' style game where I need to limit my number of bullets to 100. I believe my best option is to Devise some way to indicate if a bullet is "in use" or "available". 
When user presses "Launch missile" key, scan the array to find an available bullet.
If there are no available bullets, do nothing.
If there is an available bullet, launch the bullet found, and make it be "in use".
When the bullet flies off the screen, or when it hits a diamond, make it be "available".&lt;/p&gt;
&lt;p&gt;How would I go about doing this?&lt;/p&gt;</t>
  </si>
  <si>
    <t>2017-04-05 03:38:33.357000+00:00</t>
  </si>
  <si>
    <t>2017-04-05 04:17:53.840000+00:00</t>
  </si>
  <si>
    <t>c|arrays|sprite</t>
  </si>
  <si>
    <t>Jenkins Performance Plugin for Jmeter- edit Performance Report Table</t>
  </si>
  <si>
    <t>&lt;p&gt;I'm using Jenkins Performance Plugin for Jmeter (version 3.1) for integrating and reporting Jmeter results. In the Performance Report (of specific build) I get the Performance Breakdown table (and Response time graph)- as described in the documentation- &lt;a href="http://jenkinsci.github.io/performance-plugin/Reporting.html" rel="nofollow noreferrer"&gt;http://jenkinsci.github.io/performance-plugin/Reporting.html&lt;/a&gt;.
&lt;strong&gt;Is there a way to customize the columns in the Report table?&lt;/strong&gt; I wish to &lt;strong&gt;add a 'Throughput' column&lt;/strong&gt;- as in the Aggregate Report of Jmeter (the results file is in an XML format)&lt;/p&gt;</t>
  </si>
  <si>
    <t>2017-09-11 17:01:39.743000+00:00</t>
  </si>
  <si>
    <t>2018-04-14 15:53:37.913000+00:00</t>
  </si>
  <si>
    <t>jenkins|jmeter|jenkins-plugins|performance-testing</t>
  </si>
  <si>
    <t>Uploading apps to other stores than google play</t>
  </si>
  <si>
    <t>&lt;p&gt;I was searching for alternatives because I want other stores than google play to get more exposure, and I found one called Aptoide, the question is how are users uploading apps like Facebook, Instagram etc... to theses types of stores ? I mean they aren't even the real owners of these apps, and they get million of downloads, I am really confused, can somebody explain please ?&lt;/p&gt;</t>
  </si>
  <si>
    <t>2017-09-22 19:39:05.763000+00:00</t>
  </si>
  <si>
    <t>2017-09-23 03:16:27.780000+00:00</t>
  </si>
  <si>
    <t>android|facebook|google-play</t>
  </si>
  <si>
    <t>Join two tables (with a 1-M relationship) where the second table needs to be 'flattened' into one row</t>
  </si>
  <si>
    <t>&lt;p&gt;Given the following tables:&lt;/p&gt;
&lt;p&gt;Student&lt;/p&gt;
&lt;pre&gt;&lt;code&gt;+----+-------+
| id | Name  |
+----+-------+
| 1  | Chris |
| 2  | Joe   |
| 3  | Jack  |
+----+-------+
&lt;/code&gt;&lt;/pre&gt;
&lt;p&gt;Enrollment&lt;/p&gt;
&lt;pre&gt;&lt;code&gt;+---------------+------------+-----------+----------+
| enrollment_id | student_id | course_id | complete |
+---------------+------------+-----------+----------+
| 1             | 1          | 55        | true     |
| 2             | 1          | 66        | true     |
| 3             | 1          | 77        | true     |
| 4             | 2          | 55        | true     |
| 5             | 2          | 66        | false    |
| 6             | 3          | 55        | false    |
| 7             | 3          | 66        | true     |
+---------------+------------+-----------+----------+
&lt;/code&gt;&lt;/pre&gt;
&lt;p&gt;I would like the following&lt;/p&gt;
&lt;pre&gt;&lt;code&gt;+----+-------+-----------+-----------+-----------+
| id | Name  | Course 55 | Course 66 | Course 77 |
+----+-------+-----------+-----------+-----------+
| 1  | Chris | true      | true      | true      |
| 2  | Joe   | true      | false     | NULL      |
| 3  | Jack  | false     | true      | NULL      |
+----+-------+-----------+-----------+-----------+
&lt;/code&gt;&lt;/pre&gt;
&lt;p&gt;&lt;strong&gt;Note 1:&lt;/strong&gt; I know mysql can't have dynamic columns (correct me if I'm wrong!) so I am happy with the query starting as:&lt;/p&gt;
&lt;pre&gt;&lt;code&gt;SELECT id, name, course_55, course_66, course_77 etc...
&lt;/code&gt;&lt;/pre&gt;
&lt;p&gt;I happy with this because there is a fixed number of courses (4 to be exact). &lt;strong&gt;Ideally&lt;/strong&gt; I would want it to be dynamic; that is, not having to manually write each course in the SELECT clause. &lt;/p&gt;
&lt;p&gt;&lt;strong&gt;Note 2:&lt;/strong&gt; This needs to mysql pure - I don't want to resort to PHP.&lt;/p&gt;
&lt;p&gt;The database currently stands at 10000+ students with 10000+ * 4 enrollments (as there is exactly 4 courses, and every student is in all 4 modules). &lt;/p&gt;
&lt;p&gt;&lt;strong&gt;Note 3:&lt;/strong&gt; Student.user_id is indexed and so is enrollment.enrollment_id, enrollment.student_id, and enrollment.course_id. &lt;/p&gt;</t>
  </si>
  <si>
    <t>2011-04-29 00:06:26.610000+00:00</t>
  </si>
  <si>
    <t>2011-04-29 15:25:34.430000+00:00</t>
  </si>
  <si>
    <t>2011-04-29 00:19:14.197000+00:00</t>
  </si>
  <si>
    <t>mysql|join|pivot|self-join</t>
  </si>
  <si>
    <t>Select 2 jQuery Searching</t>
  </si>
  <si>
    <t>&lt;p&gt;I am using this jQuery plugin &lt;a href="http://ivaynberg.github.io/select2/" rel="nofollow"&gt;http://ivaynberg.github.io/select2/&lt;/a&gt; with a data source linked to my employe database. The "Term" being used is last name however the jSON response is the full name.&lt;/p&gt;
&lt;p&gt;When the result is Smith, John and you type smith it shows fine but when you try to include the first name to narrow it down even more, it stops the search as the comma is not part of the term.&lt;/p&gt;
&lt;pre&gt;&lt;code&gt;$("[name=manager]").select2({
    multiple: false,
    minimumInputLength: 3,
    placeHolder: 'Manager Last name',
    allowClear: true,
    ajax: { 
        url: "jsonUser.php",
        dataType: 'json',
        data: function (term) {
            return {
                term: term, // search term
            };
        },
        results: function (data) { // parse the results into the format expected by Select2.
            return {results: data};
        }
    },
});
&lt;/code&gt;&lt;/pre&gt;
&lt;p&gt;The jSON response looks like this:
&lt;code&gt;[{"id":"12345","text":"Smith, John"}&lt;/code&gt;&lt;/p&gt;
&lt;p&gt;Anyone know of a way to make is so the full response is searchable and not just the term?&lt;/p&gt;</t>
  </si>
  <si>
    <t>2014-05-22 14:07:17.993000+00:00</t>
  </si>
  <si>
    <t>2014-05-22 14:10:43.067000+00:00</t>
  </si>
  <si>
    <t>How do I search on Indexed column in Cassandra using Java-Thrift API</t>
  </si>
  <si>
    <t>&lt;p&gt;I have a column family in Cassandra and on one particular column, I have secondary index defined.&lt;/p&gt;
&lt;p&gt;I want to fetch row key for this particular column value. How can I achieve this using plain Thrift API for Java? In Pelops I achieve this by creating IndexClause and calling:&lt;/p&gt;
&lt;pre class="lang-java prettyprint-override"&gt;&lt;code&gt;Map &amp;lt;Bytes, List&amp;lt;Column&amp;gt;&amp;gt; qResults = selector.getIndexedColumns(tableName, 
                                                               ix,    
                                                               slicePredicate,
                                                               consistencyLevel);
&lt;/code&gt;&lt;/pre&gt;</t>
  </si>
  <si>
    <t>2012-08-20 09:13:09.980000+00:00</t>
  </si>
  <si>
    <t>2014-01-02 18:35:24.573000+00:00</t>
  </si>
  <si>
    <t>java|cassandra|thrift|hector|kundera</t>
  </si>
  <si>
    <t>SFML projects won't run after updating MinGW from 4.4.1 to 4.7.1</t>
  </si>
  <si>
    <t>&lt;p&gt;So this morning I upgraded my MinGW compiler to 4.7.1 (from 4.4.1, I believe), and have since been trying to get old projects building and running properly again.  My efforts have met a wall, however, in that now, whenever I try to compile projects that use the SFML library, I get the following error:&lt;/p&gt;
&lt;p&gt;&lt;strong&gt;The procedure entry point __gxx_personality_v0 could not be located in the dynamic link library libstdc++-6.dll&lt;/strong&gt;&lt;/p&gt;
&lt;p&gt;Now I know this problem &lt;a href="https://stackoverflow.com/questions/329059/what-is-gxx-personality-v0-for"&gt;has been discussed before&lt;/a&gt;, but unfortunately the proposed hacky-fix of defining &lt;code&gt;void *__gxx_personality_v0;&lt;/code&gt; hasn't done me any good, and I've checked whether I am accidentally using GCC, but CodeBlocks has the C++ compiler set to MinGW's G++, not GCC (under Settings-&gt;Compiler-&gt;Toolchain Executables-&gt;Program Files, I have &lt;code&gt;mingw32-g++.exe&lt;/code&gt; as the C++ compiler).  So that doesn't seem to be the problem.&lt;/p&gt;
&lt;p&gt;The program I am trying to compile, in its entirety, is an &lt;a href="http://www.sfml-dev.org/tutorials/2.1/start-cb.php" rel="nofollow noreferrer"&gt;example from the SFML website&lt;/a&gt;:&lt;/p&gt;
&lt;pre&gt;&lt;code&gt;#include &amp;lt;SFML/Graphics.hpp&amp;gt;
int main()
{
    sf::RenderWindow window(sf::VideoMode(200, 200), "SFML works!");
    sf::CircleShape shape(100.f);
    shape.setFillColor(sf::Color::Green);
    while (window.isOpen())
    {
        sf::Event event;
        while (window.pollEvent(event))
        {
            if (event.type == sf::Event::Closed)
                window.close();
        }
        window.clear();
        window.draw(shape);
        window.display();
    }
    return 0;
}
&lt;/code&gt;&lt;/pre&gt;
&lt;p&gt;Right now this issue occurs with every single SFML project I try to run, but small non-SFML projects seem to run fine.&lt;/p&gt;
&lt;p&gt;What could I try in order to fix this?&lt;/p&gt;</t>
  </si>
  <si>
    <t>2013-09-29 22:16:37.577000+00:00</t>
  </si>
  <si>
    <t>2013-10-02 17:38:54.337000+00:00</t>
  </si>
  <si>
    <t>2017-05-23 12:13:05.367000+00:00</t>
  </si>
  <si>
    <t>c++|g++|mingw|codeblocks|sfml</t>
  </si>
  <si>
    <t>Only one project of the whole solution gets analyzed by sonar MSBuild runner</t>
  </si>
  <si>
    <t>&lt;p&gt;We have a solution with 5 projects inside.&lt;/p&gt;
&lt;p&gt;After running the MSBuild runner, our sonar only contains the analysis of one project instead of the complete solution. &lt;/p&gt;
&lt;p&gt;Execution:&lt;/p&gt;
&lt;pre&gt;&lt;code&gt;cd K:\sonarRoot
D:\BuildTools\MSBSonarQubeRunner-1.0.2\MSBuild.SonarQube.Runner.exe begin /k:"solutionKey" /n:"solutionName" /v:"solutionVersion" /d:sonar.resharper.cs.reportPath="K:\&amp;lt;pathToXml&amp;gt;\resharper.xml" /d:sonar.resharper.solutionFile="K:\&amp;lt;pathToSolution&amp;gt;\solution.sln"
C:\Program Files (x86)\MSBuild\14.0\Bin\MSBuild.exe K:\&amp;lt;pathToSolution&amp;gt;\solution.sln /t:rebuild /p:Configuration=Release /p:TargetFrameworkVersion="v4.5.2" /verbosity:n /flp1:logfile=D:\ModuleBuild\Workspace\builderrors.txt;errorsonly;append=true    
D:\BuildTools\ReSharperCommandLineTools\inspectcode.exe "K:\&amp;lt;pathToSolution&amp;gt;\solution.sln" /o="K:\&amp;lt;pathToXml&amp;gt;\resharper.xml"    
D:\BuildTools\MSBSonarQubeRunner-1.0.2\MSBuild.SonarQube.Runner.exe end &amp;gt; D:\ModuleBuild\Workspace\sonar.out 2&amp;gt; D:\ModuleBuild\Workspace\sonar.err
&lt;/code&gt;&lt;/pre&gt;
&lt;p&gt;This all runs fine, except that just one solution shows up in Sonar...
For every file in the solution that is not in the project, we get a line in the runner output like this:&lt;/p&gt;
&lt;blockquote&gt;
  &lt;p&gt;12:14:43.513 INFO  - Skipping the ReSharper issue at line 262 whose
  file
  "{pathToSource}\ChangeListHelper.cs" is
  not in SonarQube.&lt;/p&gt;
&lt;/blockquote&gt;
&lt;p&gt;Somehow the sonar-project.properties that gets generated from the MSBuild runner contains a sonar.projectname of the project and not the solution. And the sonar.projectBasedir is also set to the project.&lt;/p&gt;
&lt;p&gt;How are we supposed to fix it, so the complete solution gets analyzed?&lt;/p&gt;</t>
  </si>
  <si>
    <t>2015-12-18 13:47:43.957000+00:00</t>
  </si>
  <si>
    <t>2016-02-02 17:26:24.790000+00:00</t>
  </si>
  <si>
    <t>2015-12-31 13:06:05.743000+00:00</t>
  </si>
  <si>
    <t>msbuild|sonarqube|sonar-runner|sonarqube-msbuild-runner</t>
  </si>
  <si>
    <t>Node JS : socket.io - handling multiple connection</t>
  </si>
  <si>
    <t>&lt;p&gt;I am a newbie in using socket.io in Node JS - however I have coded a client (web page) / server program to render some statistics data at client side.
The requirement is like ��� to render a box statistics (out of many). Since the user can open multiple browser windows - we have a scenario where one box data can be requested by many times:&lt;/p&gt;
&lt;p&gt;&lt;a href="http://www.tool.com?boxname=box1" rel="nofollow"&gt;http://www.tool.com?boxname=box1&lt;/a&gt;&lt;/p&gt;
&lt;p&gt;As such I want to achieve spawning one job for multiple requests for same box. Below is the logic I have implemented to meet the requirement: &lt;/p&gt;
&lt;p&gt;Client Side:&lt;/p&gt;
&lt;ol&gt;
&lt;li&gt;&lt;p&gt;Establishes a connection to server creating a data channel:&lt;/p&gt;
&lt;p&gt;socket.on(boxname.toLowerCase(), function (data){
}&lt;/p&gt;&lt;/li&gt;
&lt;/ol&gt;
&lt;p&gt;So whenever there is a data in boxname event I receive, parse the data and render it.&lt;/p&gt;
&lt;p&gt;Server Side&lt;/p&gt;
&lt;ol&gt;
&lt;li&gt;&lt;p&gt;First call an expect script to copy a script to run within an infinite loop on a box.&lt;/p&gt;&lt;/li&gt;
&lt;li&gt;&lt;p&gt;On successful copying of the script in the box - invoke another expect script to start its execution:&lt;/p&gt;
&lt;p&gt;exports.ServiceMonitor = function(boxName, res) {&lt;/p&gt;&lt;/li&gt;
&lt;/ol&gt;
&lt;p&gt;Step 1. &lt;/p&gt;
&lt;p&gt;I need to copy a script as many times request comes else I would not be able to enter ���exit��� event of this spawned process where I start the script execution as mentioned below:&lt;/p&gt;
&lt;pre&gt;&lt;code&gt;var child = spawn('./scripts/copyscriptonbox.sh' , [boxName.toLowerCase(), getURL(boxName)]);
&lt;/code&gt;&lt;/pre&gt;
&lt;p&gt;In the later part of the code I keep adding box names to boxnames variable which is declared global. So on a new boxname request - I search for number of occurrences of boxname in boxnames variable. If the count is 1 or more it would mean to me that a script is already running on that box:&lt;/p&gt;
&lt;pre&gt;&lt;code&gt;        var noofbox = boxnames.split(boxName.toLowerCase()).length - 1;
        child.on('exit', function (code) {
                logger.info('child stream exit: ' + code);
                if(code == 0)
                {
                        boxNames +=  boxName.toLowerCase();
                        logger.info('Box name added: ' + boxNames);
                        res.render('boxpage', {}); //render a web page
                        io.sockets.on('connection', function (socket) {
            logger.info('Connected to box :' + boxName);
            if(noofbox &amp;lt;= 0)            
                           schild = spawn('./scripts/boxmon.sh', [boxName.toLowerCase(), getURL(boxName)]);
                        schild.on('exit', function (code) {
                                logger.info('schild stream exit.');
                         });
                        schild.stderr.on('data', function (data) {
                                logger.info('stderr: ' + data);
                        });
                        schild.stdout.on('data', function (data) {
                              //generate response
                        });
                        socket.on('disconnect',function(){logger.info('Disconnect Killed');ServiceMonitorEnd(boxName.toLowerCase());});
                        });
                }
        });
}
&lt;/code&gt;&lt;/pre&gt;
&lt;p&gt;The issue is that if in two browser window I access URL : www.tool.com?boxname=box1 - first time I get the log only once (Connected to box : box1) but second time I get the same logs 2 times where as I was expecting it to be one time - I mean as many request comes in after the first one the logs gets printed that many times ��� if 5 then log gets printed for 1(first time)+2 (second time)+3(third time)+4 (fourth time)+5 (fifth time)? I understand that when ���connection��� event is called for x times then it enters that many times for each connection.
How can I make the 'connection' event on the socket.io once for each request only?&lt;/p&gt;</t>
  </si>
  <si>
    <t>2013-02-26 18:08:13.200000+00:00</t>
  </si>
  <si>
    <t>2013-02-28 08:49:26.383000+00:00</t>
  </si>
  <si>
    <t>Select all rows of predefined number of distinct values</t>
  </si>
  <si>
    <t>&lt;p&gt;I have a &lt;code&gt;User&lt;/code&gt; table with the following rows&lt;/p&gt;
&lt;pre&gt;&lt;code&gt;id: 1, favorite_id: 1
id: 2, favorite_id: 2
id: 3, favorite_id: 2
id: 4, favorite_id: 3
id: 5, favorite_id: 3
id: 6, favorite_id: 3
id: 7, favorite_id: 4
id: 8, favorite_id: 4
id: 9, favorite_id: 4
&lt;/code&gt;&lt;/pre&gt;
&lt;p&gt;And looking for a query that return the first 3 distinct &lt;code&gt;favorite_id&lt;/code&gt;s rows =&gt;&lt;/p&gt;
&lt;pre&gt;&lt;code&gt;id: 1, favorite_id: 1
id: 2, favorite_id: 2
id: 3, favorite_id: 2
id: 4, favorite_id: 3
id: 5, favorite_id: 3
id: 6, favorite_id: 3
&lt;/code&gt;&lt;/pre&gt;</t>
  </si>
  <si>
    <t>2018-11-18 14:43:30.697000+00:00</t>
  </si>
  <si>
    <t>2018-11-18 14:56:48.643000+00:00</t>
  </si>
  <si>
    <t>2018-11-18 14:51:28.710000+00:00</t>
  </si>
  <si>
    <t>PostMessage - Surface from Iframe to Parent</t>
  </si>
  <si>
    <t>&lt;p&gt;I have a website that contains an iframe. I want to track which button the user clicks inside the iframe and surface that information to the parent window. I looked into HTML5 PostMessage, but am unsure how I would tell the iframe where the parent is (line 3 in iframe.html). Do note that the parent and iframe have the same domain and protocol.&lt;/p&gt;
&lt;p&gt;&lt;strong&gt;iframe.html&lt;/strong&gt;&lt;/p&gt;
&lt;pre&gt;&lt;code&gt;&amp;lt;script type="text/javascript"&amp;gt;
    var domain = window.location.protocol + '//' + window.location.hostname;
    var parent = document.getElementById('parent').contentWindow; //what to do?
    $('div').click( function() {
        var message = $(this).text();
        parent.postMessage(message,domain);
    });
&amp;lt;/script&amp;gt;
&amp;lt;div id="a"&amp;gt;A&amp;lt;/div&amp;gt;
&amp;lt;div id="b"&amp;gt;B&amp;lt;/div&amp;gt;
&amp;lt;div id="c"&amp;gt;C&amp;lt;/div&amp;gt;
&lt;/code&gt;&lt;/pre&gt;
&lt;p&gt;&lt;strong&gt;parent.html&lt;/strong&gt;&lt;/p&gt;
&lt;pre&gt;&lt;code&gt;&amp;lt;script type="text/javascript"&amp;gt;
    window.addEventListener('message', function(event) {
        if(event.origin !== window.location.protocol + '//' + window.location.hostname;) {
            return;
        }
        $('.message').html(event.data);
    },false);
&amp;lt;/script&amp;gt;
&amp;lt;div&amp;gt;
    You have clicked on &amp;lt;span class="message"&amp;gt;&amp;lt;/span&amp;gt;
&amp;lt;/div&amp;gt;
&amp;lt;iframe src="/iframe.html"&amp;gt;&amp;lt;/iframe&amp;gt;
&lt;/code&gt;&lt;/pre&gt;</t>
  </si>
  <si>
    <t>2014-01-07 22:11:57.240000+00:00</t>
  </si>
  <si>
    <t>2014-01-07 22:31:58.087000+00:00</t>
  </si>
  <si>
    <t>2014-01-07 22:18:33.810000+00:00</t>
  </si>
  <si>
    <t>user3105359</t>
  </si>
  <si>
    <t>javascript|html|iframe|postmessage</t>
  </si>
  <si>
    <t>How to deploy Grails app without context path?</t>
  </si>
  <si>
    <t>&lt;p&gt;Not sure if I'm using the term "context path" correctly here, but currently when I run my Grails (2.3.6) app locally, it comes up at &lt;code&gt;http://localhost:8080/myapp&lt;/code&gt;. Ultimately, I'd like it to be deployed to an actual app server at &lt;code&gt;http://myapp.com&lt;/code&gt;.&lt;/p&gt;
&lt;p&gt;Is this possible? If not, why? If so, how?&lt;/p&gt;</t>
  </si>
  <si>
    <t>2014-05-22 16:09:48.380000+00:00</t>
  </si>
  <si>
    <t>2014-05-22 16:18:13.897000+00:00</t>
  </si>
  <si>
    <t>grails|web-applications|contextpath</t>
  </si>
  <si>
    <t>PHP file_exists</t>
  </si>
  <si>
    <t>&lt;p&gt;This should be simple but it doesn't work&lt;/p&gt;
&lt;pre&gt;&lt;code&gt;  $photo = "../members/".$vid.".jpg";
  if (file_exists ($photo))
       echo "&amp;lt;img id='memberpic' src = '$photo'/&amp;gt;";
&lt;/code&gt;&lt;/pre&gt;
&lt;p&gt;In this case the image is &lt;strong&gt;never&lt;/strong&gt; shown.&lt;/p&gt;
&lt;p&gt;However, if I leave out the if statement...&lt;/p&gt;
&lt;pre&gt;&lt;code&gt; echo "&amp;lt;img id='memberpic' src = '$photo'/&amp;gt;";
&lt;/code&gt;&lt;/pre&gt;
&lt;p&gt;The image is displayed properly when the file exists but with an empty frame when it doesn't.  I want to eliminate that empty frame.&lt;/p&gt;
&lt;p&gt;What am I missing?&lt;/p&gt;</t>
  </si>
  <si>
    <t>2013-01-23 16:38:03.917000+00:00</t>
  </si>
  <si>
    <t>2013-01-23 16:57:46.613000+00:00</t>
  </si>
  <si>
    <t>php|image|file-exists</t>
  </si>
  <si>
    <t>Batch Search for Folder in a network share and reveal full UNC to folder</t>
  </si>
  <si>
    <t>&lt;p&gt;I was wondering if there was a way to achieve the following using batch files. &lt;/p&gt;
&lt;p&gt;I need to establish a network path to a shared folder before I can ask a client to install software. Once I have the path I can configure the install package and ask them to deploy, all ready for when other elements of set up process completed.&lt;/p&gt;
&lt;p&gt;In order to make it fool proof I was thinking I could instruct the customer to make a folder called e.g. "DataStore DO NOT MOVE" on any of their mapped drives\shares.&lt;/p&gt;
&lt;p&gt;E.g. M:\ "or"  S:\ "or" N:\ etc. etc. (with various dir's accessible to all users on the site)&lt;/p&gt;
&lt;p&gt;Usually they have at least 1 or more.  &lt;/p&gt;
&lt;p&gt;So they make the folder "M:\DataStore DO NOT MOVE" "or" "M:\shared_area\DataStore DO NOT MOVE" "or" "S:\DataStore DO NOT MOVE" "or" "S:\shared_area\DataStore DO NOT MOVE"&lt;/p&gt;
&lt;p&gt;and then run this batch file that searches the shared folders \ mapped drives for the specific folder created and reports back the full UNC, so&lt;/p&gt;
&lt;blockquote&gt;
  &lt;p&gt;&lt;code&gt;folder found on "\\Server\data\shared_area\DataStore DO NOT MOVE"&lt;/code&gt;&lt;/p&gt;
&lt;/blockquote&gt;
&lt;p&gt;Hope that makes sense. And to be perfectly honest I don't know if this is possible as it's something I wouldn't know where to start with. &lt;/p&gt;
&lt;blockquote&gt;
  &lt;p&gt;I had a look at this article
  &lt;a href="https://stackoverflow.com/questions/21869536/how-can-i-create-a-batch-that-searches-all-unknown-shared-folders-on-the-local"&gt;How can I create a batch that searches all (unknown) shared folders on the local network for a specific folder?&lt;/a&gt;
  but did not work for me.&lt;/p&gt;
&lt;/blockquote&gt;
&lt;p&gt;Ultimately I would prefer not to have the client do anything. The best solution would be they run the batch (or what ever it may end up being) it then finds a writable share or mapped drive, creates a folder of a defined name, then sends me the full path in a text file to my drop box. This stage I can achieve using "curl". Tried and tested. &lt;/p&gt;
&lt;p&gt;Thanks in advance.&lt;/p&gt;</t>
  </si>
  <si>
    <t>2016-08-08 04:36:22.753000+00:00</t>
  </si>
  <si>
    <t>2016-08-08 04:43:44.990000+00:00</t>
  </si>
  <si>
    <t>2017-05-23 11:51:38.267000+00:00</t>
  </si>
  <si>
    <t>batch-file|search|unc|drives</t>
  </si>
  <si>
    <t>nginx: [emerg] "worker_processes" directive is not allowed here in /opt/tools/nginx/conf/nginx.conf:1</t>
  </si>
  <si>
    <t>&lt;p&gt;i cant figure out why I am getting this error. after looking at forums and many nginx examples my configs look good to me. I should mention I have a custom nginx install. I have check all the nginx log files but surprisingly they are empty.&lt;/p&gt;
&lt;p&gt;I get this error:&lt;/p&gt;
&lt;pre&gt;&lt;code&gt;nginx: [emerg] "worker_processes" directive is not allowed here in /opt/tools/nginx/conf/nginx.conf:1
&lt;/code&gt;&lt;/pre&gt;
&lt;p&gt;When running this command:&lt;/p&gt;
&lt;pre&gt;&lt;code&gt;/opt/tools/nginx/nginx -p /opt/tools/nginx
&lt;/code&gt;&lt;/pre&gt;
&lt;p&gt;here is my structure of /opt/tools/nginx&lt;/p&gt;
&lt;pre&gt;&lt;code&gt;.
��������� client_body_temp
��������� conf
������� ��������� fastcgi.conf
������� ��������� fastcgi_params
������� ��������� koi-utf
������� ��������� koi-win
������� ��������� mime.types
������� ��������� nginx.conf
������� ��������� scgi_params
������� ��������� uwsgi_params
������� ��������� win-utf
��������� fastcgi_temp
��������� html
������� ��������� favicon.ico
��������� logs
������� ��������� error.log
��������� nginx
��������� proxy_temp
��������� scgi_temp
��������� ssl
������� ��������� wildcard.tools.abc.com.crt
������� ��������� wildcard.tools.abc.com.key
��������� uwsgi_temp
&lt;/code&gt;&lt;/pre&gt;
&lt;p&gt;and here is my config file &lt;strong&gt;/opt/tools/nginx/conf/nginx.conf&lt;/strong&gt;:&lt;/p&gt;
&lt;pre&gt;&lt;code&gt;worker_processes 2;
daemon off;
error_log /opt/tools/log/nginx/error.log;
pid /opt/tools/nginx/nginx.pid;
events {
    worker_connections  256;
}
http {
    include       mime.types;
    default_type  application/octet-stream;
    log_format  main  '$remote_addr - $remote_user [$time_local] "$request" '
                      '$status $body_bytes_sent "$http_referer" '
                      '"$http_user_agent" "$http_x_forwarded_for"';
    access_log  /opt/tools/log/nginx/access.log  main;
    sendfile        on;
    tcp_nopush      on;
    tcp_nodelay     on;
    keepalive_timeout  65;
    gzip on;
    gzip_disable "msie6";
    server_tokens off;
    client_max_body_size 50M;
    server {
        listen       443 ssl;
        server_name  controller;
        ssl_certificate      /opt/tools/nginx/ssl/wildcard.tools.abc.com.crt;
        ssl_certificate_key  /opt/tools/nginx/ssl/wildcard.tools.abc.com.key;
        ssl_session_cache    shared:SSL:1m;
        ssl_session_timeout  5m;
        ssl_protocols TLSv1 TLSv1.1 TLSv1.2;
        ssl_ciphers ECDH+AESGCM:DH+AESGCM:ECDH+AES256:DH+AES256:ECDH+AES128:DH+AES:ECDH+3DES:DH+3DES:RSA+AESGCM:RSA+AES:RSA+3DES:!aNULL:!MD5:!DSS;
        ssl_prefer_server_ciphers  on;
        # redirect server error pages to the static page /50x.html
        #
        error_page 500 502 503 504 /50x.html;
        location = /50x.html {
            root html;
        }
    }
    include /opt/tools/nginx/conf/*conf;
}
&lt;/code&gt;&lt;/pre&gt;
&lt;p&gt;thanks&lt;/p&gt;</t>
  </si>
  <si>
    <t>2018-03-24 22:31:33.740000+00:00</t>
  </si>
  <si>
    <t>2018-03-24 23:41:35.003000+00:00</t>
  </si>
  <si>
    <t>nginx|centos6.5|worker-processes</t>
  </si>
  <si>
    <t>How to clear flex shared objects when browser closes abruptly?</t>
  </si>
  <si>
    <t>&lt;p&gt;How to clear the shared objects when user closes the browser abruptly?If the user opens the same application in two tabs, and user tries to close any one of the tab, we have to listen only the closed tab event.&lt;/p&gt;
&lt;p&gt;Is there any ways..&lt;/p&gt;</t>
  </si>
  <si>
    <t>2011-06-07 11:38:47.680000+00:00</t>
  </si>
  <si>
    <t>2011-06-07 12:26:49.827000+00:00</t>
  </si>
  <si>
    <t>flex|object|shared</t>
  </si>
  <si>
    <t>Adding Timer to iPhone</t>
  </si>
  <si>
    <t>&lt;p&gt;I am trying add a feature where On certain push, my timer will be started and even the app is close the timer will continue. Lets say my Points were 10 and now timer started. Once i close the app, maybe next time if i open the app the &lt;/p&gt;
&lt;p&gt;1- If before 20 min it will show a count down timer running&lt;/p&gt;
&lt;p&gt;2- if after 20 min at app again start it will add point to 10. &lt;/p&gt;
&lt;p&gt;Now what Kind of timer or class can help me do this?&lt;/p&gt;
&lt;p&gt;Regards&lt;/p&gt;</t>
  </si>
  <si>
    <t>2013-01-18 13:34:28.703000+00:00</t>
  </si>
  <si>
    <t>2013-01-18 14:02:26.793000+00:00</t>
  </si>
  <si>
    <t>2013-01-18 13:38:45.737000+00:00</t>
  </si>
  <si>
    <t>How is .ascx.cs file storing the data entered in the text boxes of .ascx</t>
  </si>
  <si>
    <t>&lt;p&gt;I'm complete newbie for .Net development so I apologize for such silly question before hand. &lt;/p&gt;
&lt;p&gt;I'm trying to understand &amp;amp; learn .Net Development so I'm looking at this project which has text boxes in .ascx file and I believe the code behind of it is supposed to save the data entered in those text boxes to a database. But I'm not understanding how &amp;amp; where is that data getting stored or going. Basically the code behind file looks something like this,&lt;/p&gt;
&lt;pre&gt;&lt;code&gt;public partial class registration : System.Web.UI.UserControl
    {
        protected global::System.Web.UI.WebControls.Label lblDisclosure;
        private ResourceManager rm = null;
        protected void Page_Load(object sender, EventArgs e)
        {
           lblFirstName.Text = rm.GetString("FirstName");
        }                            
    }
&lt;/code&gt;&lt;/pre&gt;
&lt;p&gt;Can someone please help me with this? Or give me some resources to read on.&lt;/p&gt;</t>
  </si>
  <si>
    <t>2013-03-14 21:16:09.183000+00:00</t>
  </si>
  <si>
    <t>2013-03-14 21:41:11.570000+00:00</t>
  </si>
  <si>
    <t>c#|.net|sharepoint</t>
  </si>
  <si>
    <t>View controller dismissal animation parameters</t>
  </si>
  <si>
    <t>&lt;p&gt;I am showing a &lt;code&gt;UIViewController&lt;/code&gt; in a separate &lt;code&gt;UIWindow&lt;/code&gt;. This view controller presents another &lt;code&gt;UIViewController&lt;/code&gt;. When presented view controller is dismissed, I need to dismiss the &lt;code&gt;UIWindow&lt;/code&gt; as well (without user seeing it), so I need to know what animation, duration and curve are used by iOS when dismissing a view controller.&lt;/p&gt;
&lt;p&gt;How can I find this out? I can guess, but it would be nice to know exactly. Ideally, I would like to have some way of referencing default system animations.&lt;/p&gt;
&lt;hr&gt;
&lt;p&gt;&lt;strong&gt;EDIT:&lt;/strong&gt; The way to go would probably be just to animate the dismissal of window, and then dismiss presented view controller without animation. But anyway it would be nice to know the exact animation parameters to make it look exactly the same as view controller dismissal.&lt;/p&gt;</t>
  </si>
  <si>
    <t>2015-05-25 13:26:34.647000+00:00</t>
  </si>
  <si>
    <t>2015-05-25 14:01:23.480000+00:00</t>
  </si>
  <si>
    <t>2015-05-25 13:44:39.197000+00:00</t>
  </si>
  <si>
    <t>ios|animation|uiviewcontroller</t>
  </si>
  <si>
    <t>Java:Not authorized to perform sts:AssumeRoleWithWebIdentity cognito user pool</t>
  </si>
  <si>
    <t>&lt;p&gt;I am using AWS Cogito service to fetch user credentials from Cognito using the AWS Java SDK.&lt;/p&gt;
&lt;p&gt;I followed 
&lt;code&gt;https://mobile.awsblog.com/post/TxBVEDL5Z8JKAC/Use-Amazon-Cognito-in-your-website-for-simple-AWS-authentication&lt;/code&gt; to write the code to authenticate users using the cognito user pools.&lt;/p&gt;
&lt;p&gt;Prior to writing the code, i configured cognito user pool and named it demo with the following pool configuration fields.&lt;/p&gt;
&lt;pre&gt;&lt;code&gt;Pool Id us-east-1_GUbY6qQ1v
Pool ARN arn:aws:cognito-idp:us-east-1:049428796662:userpool/us-east-1_GUbY6qQ1v
&lt;/code&gt;&lt;/pre&gt;
&lt;p&gt;I used the above with the identity pool created to cater to the federated identity pool as can be seen in the attached picture.&lt;a href="https://i.stack.imgur.com/jvvTj.png" rel="nofollow"&gt;Federated Identities User Pool&lt;/a&gt;&lt;/p&gt;
&lt;p&gt;Now coming back to the code, i wrote the following function to retrieve the user identity and cache it so that if the same identity logs in, the call to the GetID() function is not repeated.&lt;/p&gt;
&lt;pre&gt;&lt;code&gt;public UserIdentity getUserIdentity(User user) throws AuthorizationException {
if (user == null || user.getUsername() == null || user.getUsername().trim().equals("")) {
  throw new AuthorizationException("Invalid user");
}
AmazonCognitoIdentity identityClient = new AmazonCognitoIdentityClient(new AnonymousAWSCredentials());
GetIdRequest idRequest = new GetIdRequest();
idRequest.setAccountId(CognitoConfiguration.AWS_ACCOUNT_ID);
idRequest.setIdentityPoolId(CognitoConfiguration.IDENTITY_POOL_ID);
GetIdResult idResp = identityClient.getId(idRequest);
if (idResp == null) {
  throw new AuthorizationException("Empty GetOpenIdToken response");
}
GetOpenIdTokenRequest tokenRequest = new GetOpenIdTokenRequest();
tokenRequest.setIdentityId(idResp.getIdentityId());
GetOpenIdTokenResult tokenResp = identityClient.getOpenIdToken(tokenRequest);
UserIdentity identity = new UserIdentity();
identity.setIdentityId(idResp.getIdentityId());
identity.setOpenIdToken(tokenResp.getToken());
return identity;
&lt;/code&gt;&lt;/pre&gt;
&lt;p&gt;}&lt;/p&gt;
&lt;p&gt;The user class contains the field identity with the getOpenIdToken, this token is then retrieved, when asking for the credentials from cognito.&lt;/p&gt;
&lt;pre&gt;&lt;code&gt;public AWSSessionCredentials getUserCredentials(User user) throws AuthorizationException {
if (user == null || user.getCognitoIdentityId() == null || user.getCognitoIdentityId().trim().equals("")) {
  throw new AuthorizationException("Invalid user");
}
AWSSecurityTokenService stsClient = new AWSSecurityTokenServiceClient(new AnonymousAWSCredentials());
AssumeRoleWithWebIdentityRequest stsReq = new AssumeRoleWithWebIdentityRequest();
stsReq.setRoleArn(user.getUserRole());
System.out.println("The received get open id token is: " + user.getIdentity().getOpenIdToken());
stsReq.setWebIdentityToken(user.getIdentity().getOpenIdToken());
stsReq.setRoleSessionName("FassetTestSession");
AssumeRoleWithWebIdentityResult stsResp = stsClient.assumeRoleWithWebIdentity(stsReq);
Credentials stsCredentials = stsResp.getCredentials();
// Create the session credentials object
AWSSessionCredentials sessionCredentials = new BasicSessionCredentials(
    stsCredentials.getAccessKeyId(),
    stsCredentials.getSecretAccessKey(),
    stsCredentials.getSessionToken()
);
// save the timeout for these credentials 
Date sessionCredentialsExpiration = stsCredentials.getExpiration();
return sessionCredentials;
&lt;/code&gt;&lt;/pre&gt;
&lt;p&gt;}&lt;/p&gt;
&lt;p&gt;The relevant part of the user class is below.&lt;/p&gt;
&lt;pre&gt;&lt;code&gt;public class User {
  private UserIdentity identity;
  public String getCognitoIdentityId() {
    if (this.identity == null) {
      return null;
    }
    return this.identity.getIdentityId();
  }
  public void setCognitoIdentityId(String cognitoIdentityId) {
    if (this.identity == null) {
      this.identity = new UserIdentity();
    }
    this.identity.setIdentityId(cognitoIdentityId);
  }
&lt;/code&gt;&lt;/pre&gt;
&lt;p&gt;}&lt;/p&gt;
&lt;p&gt;The line AssumeRoleWithWebIdentityResult stsResp = stsClient.assumeRoleWithWebIdentity(stsReq), returns a &lt;strong&gt;&lt;em&gt;403 forbidden&lt;/em&gt;&lt;/strong&gt; error with the exact line below.&lt;/p&gt;
&lt;pre&gt;&lt;code&gt;    2016-10-13 17:47:02,330 DEBUG [wire(wire:72)] http-outgoing-4 &amp;lt;&amp;lt; "&amp;lt;ErrorResponse xmlns="https://sts.amazonaws.com/doc/2011-06-15/"&amp;gt;[\n]"
2016-10-13 17:47:02,330 DEBUG [wire(wire:72)] http-outgoing-4 &amp;lt;&amp;lt; "  &amp;lt;Error&amp;gt;[\n]"
2016-10-13 17:47:02,330 DEBUG [wire(wire:72)] http-outgoing-4 &amp;lt;&amp;lt; "    &amp;lt;Type&amp;gt;Sender&amp;lt;/Type&amp;gt;[\n]"
2016-10-13 17:47:02,330 DEBUG [wire(wire:72)] http-outgoing-4 &amp;lt;&amp;lt; "    &amp;lt;Code&amp;gt;AccessDenied&amp;lt;/Code&amp;gt;[\n]"
2016-10-13 17:47:02,330 DEBUG [wire(wire:72)] http-outgoing-4 &amp;lt;&amp;lt; "    &amp;lt;Message&amp;gt;Not authorized to perform sts:AssumeRoleWithWebIdentity&amp;lt;/Message&amp;gt;[\n]"
2016-10-13 17:47:02,330 DEBUG [wire(wire:72)] http-outgoing-4 &amp;lt;&amp;lt; "  &amp;lt;/Error&amp;gt;[\n]"
2016-10-13 17:47:02,330 DEBUG [wire(wire:72)] http-outgoing-4 &amp;lt;&amp;lt; "  &amp;lt;RequestId&amp;gt;fe4edd9f-913e-11e6-85cd-45155b40299e&amp;lt;/RequestId&amp;gt;[\n]"
&lt;/code&gt;&lt;/pre&gt;
&lt;p&gt;The trust permission for the user role is:&lt;/p&gt;
&lt;pre&gt;&lt;code&gt;   {
  "Version": "2012-10-17",
  "Statement": [
    {
      "Effect": "Allow",
      "Principal": {
        "Federated": "cognito-identity.amazonaws.com"
      },
      "Action": "sts:AssumeRoleWithWebIdentity",
      "Condition": {
        "StringEquals": {
          "cognito-identity.amazonaws.com:aud": "us-east-1:xxxxxxxxxxxxxxxx"
        },
        "ForAnyValue:StringLike": {
          "cognito-identity.amazonaws.com:amr": [
            "accounts.google.com",
            "graph.facebook.com",
            "authenticated"
          ]
        }
      }
    }
  ]
}
&lt;/code&gt;&lt;/pre&gt;
&lt;p&gt;where &lt;strong&gt;us-east-1:xxxxxxxxxxxxxxxx&lt;/strong&gt; is the user identity pool id managing both the social as well as cognito user pools.&lt;/p&gt;
&lt;p&gt;I have gone through numerous such blogs listing the trust permissions and cognito user pools to understand the above issue but in vain, i would really appreciate if someone could help me out in the above issue.&lt;/p&gt;</t>
  </si>
  <si>
    <t>2016-10-13 13:04:28.463000+00:00</t>
  </si>
  <si>
    <t>2016-10-14 17:58:13.890000+00:00</t>
  </si>
  <si>
    <t>java|amazon-web-services|amazon-iam|amazon-cognito</t>
  </si>
  <si>
    <t>How to cast from stream to a streamreader in c++?</t>
  </si>
  <si>
    <t>&lt;p&gt;This is my code&lt;/p&gt;
&lt;pre&gt;&lt;code&gt;String^ fileName ="filename";
StreamReader din =File::OpenText(fileName);
&lt;/code&gt;&lt;/pre&gt;
&lt;p&gt;and its showing error  &lt;/p&gt;
&lt;pre&gt;&lt;code&gt;cannot convert parameter 1 from 'System::IO::StreamReader ^' to 'System::IO::Stream ^'
&lt;/code&gt;&lt;/pre&gt;
&lt;p&gt;Please help I am new to c++ also I am doing it in visual studio 2010 &lt;/p&gt;</t>
  </si>
  <si>
    <t>2014-11-12 13:51:59.517000+00:00</t>
  </si>
  <si>
    <t>2014-12-16 13:37:25.967000+00:00</t>
  </si>
  <si>
    <t>2014-11-12 17:15:24.740000+00:00</t>
  </si>
  <si>
    <t>visual-c++|c++-cli</t>
  </si>
  <si>
    <t>Converting Meter to feet and inches in asp.net</t>
  </si>
  <si>
    <t>&lt;p&gt;I have a input field for the user to enter a person's height in meters. But I need to display this as x ft. xx inches. For example they enter in 1.6266 meter, I need to display 5 ft 4 inches.&lt;/p&gt;
&lt;p&gt;Can anyone give me an  example of how I would do this? &lt;/p&gt;
&lt;pre&gt;&lt;code&gt;   Single fFeet = Single.Parse(Feet.Text);
   Single fInches = Single.Parse(Inches.Text);
   Double fMeters = 0.305*fFeet + 0.0254*fInches;
  lblMeters.Text = "&amp;lt;b&amp;gt;You are " + fMeters.ToString() + " meters tall&amp;lt;/b&amp;gt;";
&lt;/code&gt;&lt;/pre&gt;</t>
  </si>
  <si>
    <t>2014-09-23 14:59:24.503000+00:00</t>
  </si>
  <si>
    <t>2014-09-23 15:07:25.837000+00:00</t>
  </si>
  <si>
    <t>How to get last location of a device?</t>
  </si>
  <si>
    <t>&lt;p&gt;I am trying to get user's last known location but when i open the app it just shows a blank screen in the textViews where it should show latitude longitude and time. I can't find any flaws or error. So, I need some help. This code worked when I ran it yesterday, but it isn't working now. The following is my &lt;/p&gt;
&lt;p&gt;&lt;strong&gt;MainActivity.java:&lt;/strong&gt;  &lt;/p&gt;
&lt;pre&gt;&lt;code&gt;public class MainActivity extends AppCompatActivity implements LocationListener {
final String TAG = "GPS";
private final static int ALL_PERMISSIONS_RESULT = 101;
private static final long MIN_DISTANCE_CHANGE_FOR_UPDATES = 10;
private static final long MIN_TIME_BW_UPDATES = 1000 ;
TextView tvLatitude, tvLongitude, tvTime;
LocationManager locationManager;
Location loc;
ArrayList&amp;lt;String&amp;gt; permissions = new ArrayList&amp;lt;&amp;gt;();
ArrayList&amp;lt;String&amp;gt; permissionsToRequest;
ArrayList&amp;lt;String&amp;gt; permissionsRejected = new ArrayList&amp;lt;&amp;gt;();
boolean isGPS = false;
boolean isNetwork = false;
boolean canGetLocation = true;
@Override
protected void onCreate(Bundle savedInstanceState) {
    super.onCreate(savedInstanceState);
    setContentView(R.layout.activity_main);
    tvLatitude = (TextView) findViewById(R.id.tvLatitude);
    tvLongitude = (TextView) findViewById(R.id.tvLongitude);
    tvTime = (TextView) findViewById(R.id.tvTime);
    locationManager = (LocationManager) getSystemService(Service.LOCATION_SERVICE);
    isGPS = locationManager.isProviderEnabled(LocationManager.GPS_PROVIDER);
    isNetwork = locationManager.isProviderEnabled(LocationManager.NETWORK_PROVIDER);
    permissions.add(Manifest.permission.ACCESS_FINE_LOCATION);
    permissions.add(Manifest.permission.ACCESS_COARSE_LOCATION);
    permissionsToRequest = findUnAskedPermissions(permissions);
    if (!isGPS &amp;amp;&amp;amp; !isNetwork) {
        Log.d(TAG, "Connection off");
        showSettingsAlert();
        getLastLocation();
    } else {
        Log.d(TAG, "Connection on");
        // check permissions
        if (Build.VERSION.SDK_INT &amp;gt;= Build.VERSION_CODES.M) {
            if (permissionsToRequest.size() &amp;gt; 0) {
                requestPermissions(permissionsToRequest.toArray(new String[permissionsToRequest.size()]),
                        ALL_PERMISSIONS_RESULT);
                Log.d(TAG, "Permission requests");
                canGetLocation = false;
            }
        }
        // get location
        getLocation();
    }
}
@Override
public void onLocationChanged(Location location) {
    Log.d(TAG, "onLocationChanged");
    updateUI(location);
}
@Override
public void onStatusChanged(String s, int i, Bundle bundle) {}
@Override
public void onProviderEnabled(String s) {
    getLocation();
}
@Override
public void onProviderDisabled(String s) {
    if (locationManager != null) {
        locationManager.removeUpdates(this);
    }
}
private void getLocation() {
    try {
        if (canGetLocation) {
            Log.d(TAG, "Can get location");
            if (isGPS) {
                // from GPS
                Log.d(TAG, "GPS on");
                locationManager.requestLocationUpdates(
                        LocationManager.GPS_PROVIDER,
                        MIN_TIME_BW_UPDATES,
                        MIN_DISTANCE_CHANGE_FOR_UPDATES, this);
                if (locationManager != null) {
                    loc = locationManager.getLastKnownLocation(LocationManager.GPS_PROVIDER);
                    if (loc != null)
                        updateUI(loc);
                }
            } else if (isNetwork) {
                // from Network Provider
                Log.d(TAG, "NETWORK_PROVIDER on");
                locationManager.requestLocationUpdates(
                        LocationManager.NETWORK_PROVIDER,
                        MIN_TIME_BW_UPDATES,
                        MIN_DISTANCE_CHANGE_FOR_UPDATES, this);
                if (locationManager != null) {
                    loc = locationManager.getLastKnownLocation(LocationManager.NETWORK_PROVIDER);
                    if (loc != null)
                        updateUI(loc);
                }
            } else {
                loc.setLatitude(0);
                loc.setLongitude(0);
                updateUI(loc);
            }
        } else {
            Log.d(TAG, "Can't get location");
        }
    } catch (SecurityException e) {
        e.printStackTrace();
    }
}
private void getLastLocation() {
    try {
        Criteria criteria = new Criteria();
        String provider = locationManager.getBestProvider(criteria, false);
        Location location = locationManager.getLastKnownLocation(provider);
        Log.d(TAG, provider);
        Log.d(TAG, location == null ? "NO LastLocation" : location.toString());
    } catch (SecurityException e) {
        e.printStackTrace();
    }
}
private ArrayList findUnAskedPermissions(ArrayList&amp;lt;String&amp;gt; wanted) {
    ArrayList result = new ArrayList();
    for (String perm : wanted) {
        if (!hasPermission(perm)) {
            result.add(perm);
        }
    }
    return result;
}
private boolean hasPermission(String permission) {
    if (canAskPermission()) {
        if (Build.VERSION.SDK_INT &amp;gt;= Build.VERSION_CODES.M) {
            return (checkSelfPermission(permission) == PackageManager.PERMISSION_GRANTED);
        }
    }
    return true;
}
private boolean canAskPermission() {
    return (Build.VERSION.SDK_INT &amp;gt; Build.VERSION_CODES.LOLLIPOP_MR1);
}
@TargetApi(Build.VERSION_CODES.M)
@Override
public void onRequestPermissionsResult(int requestCode, String[] permissions, int[] grantResults) {
    switch (requestCode) {
        case ALL_PERMISSIONS_RESULT:
            Log.d(TAG, "onRequestPermissionsResult");
            for (String perms : permissionsToRequest) {
                if (!hasPermission(perms)) {
                    permissionsRejected.add(perms);
                }
            }
            if (permissionsRejected.size() &amp;gt; 0) {
                if (Build.VERSION.SDK_INT &amp;gt;= Build.VERSION_CODES.M) {
                    if (shouldShowRequestPermissionRationale(permissionsRejected.get(0))) {
                        showMessageOKCancel("These permissions are mandatory for the application. Please allow access.",
                                new DialogInterface.OnClickListener() {
                                    @Override
                                    public void onClick(DialogInterface dialog, int which) {
                                        if (Build.VERSION.SDK_INT &amp;gt;= Build.VERSION_CODES.M) {
                                            requestPermissions(permissionsRejected.toArray(
                                                    new String[permissionsRejected.size()]), ALL_PERMISSIONS_RESULT);
                                        }
                                    }
                                });
                        return;
                    }
                }
            } else {
                Log.d(TAG, "No rejected permissions.");
                canGetLocation = true;
                getLocation();
            }
            break;
    }
}
public void showSettingsAlert() {
    AlertDialog.Builder alertDialog = new AlertDialog.Builder(this);
    alertDialog.setTitle("GPS is not Enabled!");
    alertDialog.setMessage("Do you want to turn on GPS?");
    alertDialog.setPositiveButton("Yes", new DialogInterface.OnClickListener() {
        public void onClick(DialogInterface dialog, int which) {
            Intent intent = new Intent(Settings.ACTION_LOCATION_SOURCE_SETTINGS);
            startActivity(intent);
        }
    });
    alertDialog.setNegativeButton("No", new DialogInterface.OnClickListener() {
        public void onClick(DialogInterface dialog, int which) {
            dialog.cancel();
        }
    });
    alertDialog.show();
}
private void showMessageOKCancel(String message, DialogInterface.OnClickListener okListener) {
    new AlertDialog.Builder(MainActivity.this)
            .setMessage(message)
            .setPositiveButton("OK", okListener)
            .setNegativeButton("Cancel", null)
            .create()
            .show();
}
private void updateUI(Location loc) {
    Log.d(TAG, "updateUI");
    tvLatitude.setText(Double.toString(loc.getLatitude()));
    tvLongitude.setText(Double.toString(loc.getLongitude()));
    tvTime.setText(DateFormat.getTimeInstance().format(loc.getTime()));
}
@Override
protected void onDestroy() {
    super.onDestroy();
    if (locationManager != null) {
        locationManager.removeUpdates(this);
    }
}
}
}
&lt;/code&gt;&lt;/pre&gt;</t>
  </si>
  <si>
    <t>2017-11-20 12:52:15.813000+00:00</t>
  </si>
  <si>
    <t>2017-11-20 13:29:19.613000+00:00</t>
  </si>
  <si>
    <t>android|location</t>
  </si>
  <si>
    <t>ImageIO.read getResource error</t>
  </si>
  <si>
    <t>&lt;p&gt;I am experiencing a strange problem. Here is my snippet of code:&lt;/p&gt;
&lt;pre&gt;&lt;code&gt;...
public xProgressBar(xTheme theme) {
    try {
      this.update = ImageIO.read(xTheme.class.getResource("/images/" + xThemeSettings.PROGRESSBAR_IMAGES[0]));
    }
...
&lt;/code&gt;&lt;/pre&gt;
&lt;p&gt;And when I run a program, I am getting the following error:&lt;/p&gt;
&lt;pre&gt;&lt;code&gt;Exception in thread "main" java.lang.IllegalArgumentException: input == null!
at javax.imageio.ImageIO.read(Unknown Source)
&lt;/code&gt;&lt;/pre&gt;
&lt;p&gt;Here is a file structure:&lt;/p&gt;
&lt;p&gt;&lt;a href="https://i.stack.imgur.com/PHWlj.png" rel="nofollow noreferrer"&gt;&lt;img src="https://i.stack.imgur.com/PHWlj.png" alt="enter image description here"&gt;&lt;/a&gt;&lt;/p&gt;
&lt;p&gt;As you can see, the &lt;code&gt;res&lt;/code&gt; folder is at the root with the &lt;code&gt;src&lt;/code&gt; folder. I have read a lot of similar questions, but nothing helped.&lt;/p&gt;</t>
  </si>
  <si>
    <t>2017-05-27 12:43:00.343000+00:00</t>
  </si>
  <si>
    <t>2017-05-28 03:17:48.457000+00:00</t>
  </si>
  <si>
    <t>2017-05-27 12:59:41.973000+00:00</t>
  </si>
  <si>
    <t>java|javax.imageio</t>
  </si>
  <si>
    <t>RocksDB Disk Usage</t>
  </si>
  <si>
    <t>&lt;p&gt;When I start my Kafka Streams application many directories and files are created under a temp rocksdb directory.  Can I reduce the amount of disk space consumed by RocksDB?  The total usage seems to be greater than the space needed  by the corresponding Kafka store.  Someone said it could be related to compaction or rolling.  Can I control the compaction or rolling to reduce disk usage?&lt;/p&gt;</t>
  </si>
  <si>
    <t>2018-01-22 03:05:07.063000+00:00</t>
  </si>
  <si>
    <t>2018-01-22 21:59:51.360000+00:00</t>
  </si>
  <si>
    <t>apache-kafka|apache-kafka-streams|rocksdb</t>
  </si>
  <si>
    <t>How to do text justification?</t>
  </si>
  <si>
    <t>&lt;p&gt;I'm trying to randomly add spaces in a string up to the string being a total of 80 characters long. For some reason, my program just isn't working. Am I missing something here? It only inputs spaces in the same position, not randomly :/. &lt;/p&gt;
&lt;pre&gt;&lt;code&gt;#include &amp;lt;iostream&amp;gt;
#include &amp;lt;string&amp;gt;
#include &amp;lt;ctime&amp;gt;
#include &amp;lt;cstdlib&amp;gt;
using std::cin; using std::cout; using std::string; using std::endl;
const int line_width = 80;
int main()
{
    //declare string and get user input
    string not_justified;
    cout &amp;lt;&amp;lt; "Input a line of text less than 80 characters to be justfied: " &amp;lt;&amp;lt; endl;
    getline(cin, not_justified);
    int position = not_justified.find(' ');
    //start random number generator
    srand(time(nullptr));
    while (not_justified.size() != line_width)
    {
        //find space position
        position = not_justified.find(' ');
        //get random number from 1-80
        int random_number = rand() % 80 + 1;
        //test to see if number is less than 40, if it is return true
        random_number &amp;lt; 40 ? true : false;
        //if true, insert a space
        if (true)
            not_justified.insert(position, " ");
        position += position;
    }
    cout &amp;lt;&amp;lt; "Your justified line is: " &amp;lt;&amp;lt; not_justified &amp;lt;&amp;lt; endl;
} //end main
&lt;/code&gt;&lt;/pre&gt;
&lt;p&gt;My output looks like this:&lt;/p&gt;
&lt;pre&gt;&lt;code&gt;Input : My name is bob
OutPut: Debug Error! abort() has been called
&lt;/code&gt;&lt;/pre&gt;</t>
  </si>
  <si>
    <t>2016-10-30 20:29:26.497000+00:00</t>
  </si>
  <si>
    <t>2016-10-30 21:53:51.023000+00:00</t>
  </si>
  <si>
    <t>Dynamic Scoping and static scoping</t>
  </si>
  <si>
    <t>&lt;p&gt;&lt;a href="https://i.stack.imgur.com/bIFiq.png&amp;#39;" rel="nofollow noreferrer"&gt;&lt;img src="https://i.stack.imgur.com/bIFiq.png&amp;#39;" alt="enter image description here"&gt;&lt;/a&gt;&lt;/p&gt;
&lt;p&gt;I do not understand this can anyone answer this and explain if possible?&lt;/p&gt;</t>
  </si>
  <si>
    <t>2016-05-04 22:07:34.537000+00:00</t>
  </si>
  <si>
    <t>2016-05-04 22:32:36.760000+00:00</t>
  </si>
  <si>
    <t>dynamic|static|scoping</t>
  </si>
  <si>
    <t>open a webpage with the same data as the response of a python requests script</t>
  </si>
  <si>
    <t>&lt;pre&gt;&lt;code&gt;import requests
session = requests.Session()
session.headers.update({'Some headers'})
session.headers.update({'Some headers'})
session.headers.update({'Some headers'})
session.headers.update({'Some headers'})
session.headers.update({'Some headers'})
session.get('SomeWebsite').url
&lt;/code&gt;&lt;/pre&gt;
&lt;p&gt;From this script I get an URL.&lt;/p&gt;
&lt;p&gt;Just typing in the url wont work, because It doesnt have the same headers as In the response.&lt;/p&gt;
&lt;p&gt;For Example If I go to www.example.com with the standard CF-RAY, I'll be redirected to A website www.example.com/No&lt;/p&gt;
&lt;p&gt;If I go to www.example.com with the CF-RAY that I got from the response I'll be redirected to www.example.com/Yes &lt;/p&gt;
&lt;p&gt;Bassicly In looking for something like this&lt;/p&gt;
&lt;pre&gt;&lt;code&gt;session.get('SomeWebsite').OpenUrlInMyBrowser
&lt;/code&gt;&lt;/pre&gt;
&lt;p&gt;Thanks alot!
Stefan&lt;/p&gt;</t>
  </si>
  <si>
    <t>2018-11-07 11:30:01.063000+00:00</t>
  </si>
  <si>
    <t>2018-11-08 11:44:26.153000+00:00</t>
  </si>
  <si>
    <t>2018-11-08 09:37:30.200000+00:00</t>
  </si>
  <si>
    <t>python|python-2.7|python-requests</t>
  </si>
  <si>
    <t>How to avoid audio sample 16bit clipping after equalization?</t>
  </si>
  <si>
    <t>&lt;p&gt;I have samples which come from ffmpeg, very often it is 16 bit samples (short type), i have used iir band pass filter with dbGain as described  &lt;a href="http://www.musicdsp.org/files/Audio-EQ-Cookbook.txt" rel="nofollow"&gt;here&lt;/a&gt;, after filtering i sometimes got a short type overflow and result of it is some noise when calculated sample value go out from 32767/-32767, Is any way to escape audio pcm sample clipping. May be exists any approaches?&lt;/p&gt;
&lt;p&gt;I have googled but not found any worked example?&lt;/p&gt;
&lt;p&gt;&lt;strong&gt;UPDATE&lt;/strong&gt;&lt;/p&gt;
&lt;p&gt;When i cast transfer function calculation result to integer and check overflow then noise still occurs::&lt;/p&gt;
&lt;pre&gt;&lt;code&gt;int result = A1 * ((int) Rx) + A2 * ((int) Rxx) + A3 * ((int) Rxxx)
                    - B1 * ((int) Ryy) - B2 * ((int) Ryyy);
if (result &amp;gt; 32767)
    result = 32767;
if (result &amp;lt; -32700)
    result = -32700;
y = (short) result;
&lt;/code&gt;&lt;/pre&gt;</t>
  </si>
  <si>
    <t>2012-12-19 07:30:58.353000+00:00</t>
  </si>
  <si>
    <t>2013-05-28 11:53:13.057000+00:00</t>
  </si>
  <si>
    <t>c|audio|ffmpeg|pcm</t>
  </si>
  <si>
    <t>jQuery toggle and mouseup conflict</t>
  </si>
  <si>
    <t>&lt;p&gt;I have a simple button that toggles a menu onclick&lt;/p&gt;
&lt;p&gt;If the menu is expanded/visible I hide it when clicking anywhere on the page (a part from the menu itself).&lt;/p&gt;
&lt;pre&gt;&lt;code&gt;var menuBtn = $(".btn-menu"),
menuContainer = $(".menu"),
menuChildren = $(".menu").find("*");
menuBtn.on("click", function() {
    menuContainer.toggle();
});
$(window).mouseup(function(e){
    if(!menuContainer.is(e.target) &amp;amp;&amp;amp; !menuChildren.is(e.target)){
        menuContainer.hide();
    }
});
&lt;/code&gt;&lt;/pre&gt;
&lt;p&gt;When applying that function on mouseup, my toggle function no longer works. Menu will always stay open if clicking multiple times on the button (whereas it should hide &amp;amp; show). &lt;/p&gt;
&lt;p&gt;&lt;a href="http://jsfiddle.net/A3Dx6/" rel="nofollow"&gt;jsfiddle here&lt;/a&gt;&lt;/p&gt;
&lt;p&gt;Any idea how I could fix this?&lt;/p&gt;</t>
  </si>
  <si>
    <t>2014-07-03 01:02:55.110000+00:00</t>
  </si>
  <si>
    <t>2014-07-03 01:48:55.917000+00:00</t>
  </si>
  <si>
    <t>2014-07-03 01:38:50.157000+00:00</t>
  </si>
  <si>
    <t>javascript|jquery|toggle|event-bubbling|mouseup</t>
  </si>
  <si>
    <t>jQuery width of a button element</t>
  </si>
  <si>
    <t>&lt;p&gt;I need to get the exact width( the width that browser shows and can be seen with inspect element or such tools) of a button element with class="btn-default"&lt;/p&gt;
&lt;p&gt;Here's the code :&lt;/p&gt;
&lt;p&gt;I tried this:&lt;/p&gt;
&lt;pre&gt;&lt;code&gt;  $('.btn-default').each(function(index, value){
      btn = $(this)[0].offsetWidth;
      console.log(btn);
});
&lt;/code&gt;&lt;/pre&gt;
&lt;p&gt;and this :&lt;/p&gt;
&lt;pre&gt;&lt;code&gt;$('.btn-default').each(function(index, value){
      btn = $(this).width();
      console.log(btn);
});
&lt;/code&gt;&lt;/pre&gt;
&lt;p&gt;and innerWidth() and outerWidth() &lt;/p&gt;
&lt;p&gt;THEY ALL SHOW WRONG VALUES&lt;/p&gt;
&lt;p&gt;I have to add that when I do this:&lt;/p&gt;
&lt;pre&gt;&lt;code&gt;  $('.btn-default').each(function(index, value){
      btn = $(this).width(false);
      console.log(btn);
});
&lt;/code&gt;&lt;/pre&gt;
&lt;p&gt;It shows this which has the right size in it's offsetWidth attribute :&lt;/p&gt;
&lt;pre&gt;&lt;code&gt;[button.btn btn-default, context: button.btn btn-default, jquery: "1.9.1", constructor: function, init: function, selector: ""���]
0: button.btn btn-default
accessKey: ""
attributes: NamedNodeMap
autofocus: false
baseURI: "file:///home/pkhodaveissi/Work/Hadi/trade.html"
childElementCount: 0
childNodes: NodeList[1]
children: HTMLCollection[0]
classList: DOMTokenList
className: "btn btn-default"
clientHeight: 28
clientLeft: 1
clientTop: 1
clientWidth: 134
contentEditable: "inherit"
dataset: DOMStringMap
dir: ""
disabled: false
draggable: false
firstChild: text
firstElementChild: null
form: null
formAction: ""
formEnctype: ""
formMethod: ""
formNoValidate: false
formTarget: ""
hidden: false
id: ""
innerHTML: "Find a Product"
innerText: "Find a Product"
isContentEditable: false
labels: NodeList[0]
lang: ""
lastChild: text
lastElementChild: null
localName: "button"
name: ""
namespaceURI: "http://www.w3.org/1999/xhtml"
nextElementSibling: null
nextSibling: text
nodeName: "BUTTON"
nodeType: 1
nodeValue: null
offsetHeight: 30
offsetLeft: 555
offsetParent: body
offsetTop: 452
offsetWidth: 136
onabort: null
onbeforecopy: null
onbeforecut: null
onbeforepaste: null
onblur: null
onchange: null
onclick: null
oncontextmenu: null
oncopy: null
oncut: null
ondblclick: null
ondrag: null
ondragend: null
ondragenter: null
ondragleave: null
ondragover: null
ondragstart: null
ondrop: null
onerror: null
onfocus: null
oninput: null
oninvalid: null
onkeydown: null
onkeypress: null
onkeyup: null
onload: null
onmousedown: null
onmousemove: null
onmouseout: null
onmouseover: null
onmouseup: null
onmousewheel: null
onpaste: null
onreset: null
onscroll: null
onsearch: null
onselect: null
onselectstart: null
onsubmit: null
onwebkitfullscreenchange: null
onwebkitfullscreenerror: null
outerHTML: "&amp;lt;button class="btn btn-default"&amp;gt;Find a Product&amp;lt;/button&amp;gt;"
outerText: "Find a Product"
ownerDocument: document
parentElement: div.grhb
parentNode: div.grhb
prefix: null
previousElementSibling: p
previousSibling: text
scrollHeight: 28
scrollLeft: 0
scrollTop: 0
scrollWidth: 134
spellcheck: true
style: CSSStyleDeclaration
tabIndex: 0
tagName: "BUTTON"
textContent: "Find a Product"
title: ""
translate: true
type: "submit"
validationMessage: ""
validity: ValidityState
value: ""
webkitInsertionParent: null
webkitPseudo: ""
webkitShadowRoot: null
webkitdropzone: ""
willValidate: true
__proto__: HTMLButtonElement
context: button.btn btn-default
length: 1
__proto__: Object[0]
&lt;/code&gt;&lt;/pre&gt;</t>
  </si>
  <si>
    <t>2013-08-12 11:37:18.597000+00:00</t>
  </si>
  <si>
    <t>2013-08-12 12:14:30.410000+00:00</t>
  </si>
  <si>
    <t>jquery|dom</t>
  </si>
  <si>
    <t>Nightwatch with Chromedriver does not exit after assertions</t>
  </si>
  <si>
    <t>&lt;p&gt;I have an issue whereby Nightwatch is not exiting after all the assertions have passed. The execution seems to freeze and never exits despite the chrome driver being closed.&lt;/p&gt;
&lt;p&gt;The versions are as follows:&lt;/p&gt;
&lt;pre&gt;&lt;code&gt;chromedriver (headless): 2.41.0
selenium-server: 3.14.0
nightwatch: 1.0.9
&lt;/code&gt;&lt;/pre&gt;
&lt;p&gt;The firefox driver is working correctly.&lt;/p&gt;
&lt;p&gt;The contents of runner.js are below:&lt;/p&gt;
&lt;pre&gt;&lt;code&gt;// 1. start the dev server using production config
process.env.NODE_ENV = 'testing';
const webpack = require('webpack');
const DevServer = require('webpack-dev-server');
const webpackConfig = require('../../build/webpack.prod.conf');
const devConfigPromise = require('../../build/webpack.dev.conf');
let server;
devConfigPromise.then((devConfig) =&amp;gt; {
  const devServerOptions = devConfig.devServer;
  const compiler = webpack(webpackConfig);
  server = new DevServer(compiler, devServerOptions);
  const port = devServerOptions.port;
  const host = devServerOptions.host;
  return server.listen(port, host);
})
  .then(() =&amp;gt; {
  // 2. run the nightwatch test suite against it
  // to run in additional browsers:
  //    1. add an entry in test/e2e/nightwatch.conf.js under "test_settings"
  //    2. add it to the --env flag below
  // or override the environment flag, for example: `npm run e2e -- --env chrome,firefox`
  // For more information on Nightwatch's config file, see
  // http://nightwatchjs.org/guide#settings-file
    let opts = process.argv.slice(2);
    if (opts.indexOf('--config') === -1) {
      opts = opts.concat(['--config', 'test/e2e/nightwatch.conf.js']);
    }
    if (opts.indexOf('--env') === -1) {
      opts = opts.concat(['--env', 'chrome']);
    }
    const spawn = require('cross-spawn');
    const runner = spawn('./node_modules/.bin/nightwatch', opts, { stdio: 'inherit' });
    runner.on('exit', (code) =&amp;gt; {
      server.close();
      process.exit(code);
    });
    runner.on('error', (err) =&amp;gt; {
      console.log(`About to exit with code: ${err}`);
      server.close();
      throw err;
    });
  });
&lt;/code&gt;&lt;/pre&gt;
&lt;p&gt;The contents of the nightwatch.conf.js is below:&lt;/p&gt;
&lt;pre&gt;&lt;code&gt;require('babel-register');
const config = require('../../config');
// http://nightwatchjs.org/gettingstarted#settings-file
module.exports = {
  src_folders: ['test/e2e/specs'],
  output_folder: 'test/e2e/reports',
  custom_assertions_path: ['test/e2e/custom-assertions'],
  selenium: {
    start_process: true,
    server_path: require('selenium-server').path,
    host: '127.0.0.1',
    port: 4444,
    cli_args: {
      'webdrive.gecko.driver': require('geckodriver').path,
      'webdriver.chrome.driver': require('chromedriver').path,
    },
  },
  test_settings: {
    default: {
      selenium_port: 5555,
      selenium_host: 'localhost',
      silent: true,
      globals: {
        devServerURL: `http://localhost:${process.env.PORT || config.dev.port}`,
        serverUrl: '[server url]',
      },
    },
    chrome: {
      desiredCapabilities: {
        browserName: 'chrome',
        javascriptEnabled: true,
        acceptSslCerts: true,
        chromeOptions: {
          args: [
            '--headless', '--no-sandbox',
          ],
        },
      },
    },
    firefox: {
      desiredCapabilities: {
        browserName: 'firefox',
        javascriptEnabled: true,
        acceptSslCerts: true,
        'moz:firefoxOptions': {
          args: [
            '-headless',
          ],
        },
      },
    },
  },
};
&lt;/code&gt;&lt;/pre&gt;
&lt;p&gt;Any help would be greatly appreciated as I haven't been able to find a solution so far.&lt;/p&gt;</t>
  </si>
  <si>
    <t>2018-08-21 13:34:27.233000+00:00</t>
  </si>
  <si>
    <t>2018-08-25 18:06:08.150000+00:00</t>
  </si>
  <si>
    <t>javascript|selenium-chromedriver|nightwatch.js|selenium-server</t>
  </si>
  <si>
    <t>Is there a concept of working-days in the Nodatime library?</t>
  </si>
  <si>
    <t>&lt;p&gt;Is there a concept of working-days in the Nodatime library?&lt;/p&gt;
&lt;p&gt;What I would like to do is to somehow state that there is 5 working-days in a calender week, and then be able to ask something like:&lt;/p&gt;
&lt;p&gt;From [any given date] + 10 working-days what is the end date?&lt;/p&gt;
&lt;p&gt;or&lt;/p&gt;
&lt;p&gt;From [this calender date] to [that calender date] how many working-days are in that interval?&lt;/p&gt;</t>
  </si>
  <si>
    <t>2017-07-12 14:56:19.523000+00:00</t>
  </si>
  <si>
    <t>2017-07-13 17:59:13.753000+00:00</t>
  </si>
  <si>
    <t>2017-07-13 17:57:10.867000+00:00</t>
  </si>
  <si>
    <t>nodatime</t>
  </si>
  <si>
    <t>How do I generate a PowerShell-compatible version of a COM assembly using TLBImp.exe?</t>
  </si>
  <si>
    <t>&lt;p&gt;I'm doing some work with MSMQ Triggers and Rules from PowerShell, and I'm having an issue.&lt;/p&gt;
&lt;p&gt;I know that the only way to access triggers/rules programmatically is to leverage the &lt;em&gt;mqtrig.dll&lt;/em&gt; assembly, and my research has indicated that I have to run &lt;em&gt;tlbimp.exe&lt;/em&gt; to create a .NET assembly that I can load from PowerShell. Okay, no problem! &lt;/p&gt;
&lt;p&gt;Except when I run &lt;em&gt;tlbimp&lt;/em&gt; and try to load the assembly it generates, I get this error:&lt;/p&gt;
&lt;blockquote&gt;
  &lt;p&gt;Add-Type : Could not load file or assembly
  'file:///C:\users\daniel.mann\desktop\mqtrig.dll' or one of its
  dependencies. This assembly is built by a runtime newer than the
  currently loaded runtime and cannot be loaded.&lt;/p&gt;
&lt;/blockquote&gt;
&lt;p&gt;Looking at &lt;code&gt;$psversiontable&lt;/code&gt; shows me this:&lt;/p&gt;
&lt;pre&gt;&lt;code&gt;Name                           Value                                                                                                                                                                                                                 
----                           -----                                                                                                                                                                                                                 
CLRVersion                     2.0.50727.5477                                                                                                                                                                                                        
BuildVersion                   6.1.7601.17514                                                                                                                                                                                                        
PSVersion                      2.0                                                                                                                                                                                                                   
WSManStackVersion              2.0                                                                                                                                                                                                                   
PSCompatibleVersions           {1.0, 2.0}                                                                                                                                                                                                            
SerializationVersion           1.1.0.1                                                                                                                                                                                                               
PSRemotingProtocolVersion      2.1    
&lt;/code&gt;&lt;/pre&gt;
&lt;p&gt;So, okay. I get it. I need to use a version of &lt;em&gt;tlbimp&lt;/em&gt; that generates CLR 2.0 assemblies. Easy, right?&lt;/p&gt;
&lt;p&gt;Well, I happen to have some ancient versions of Visual Studio on this box, so I found one:&lt;/p&gt;
&lt;blockquote&gt;
  &lt;p&gt;C:\Program Files (x86)\Microsoft Visual Studio 8\SDK\v2.0\Bin&gt;tlbimp&lt;/p&gt;
  &lt;p&gt;Microsoft (R) .NET Framework Type Library to Assembly Converter
  2.0.50727.42&lt;/p&gt;
&lt;/blockquote&gt;
&lt;p&gt;Except I get the same error. &lt;/p&gt;
&lt;p&gt;I've tried at least 3 different versions of &lt;em&gt;tlbimp&lt;/em&gt;, which give versions of 2.0, 3.5, and 4.0. What is the &lt;strong&gt;correct&lt;/strong&gt; version for PowerShell 1.0/2.0, and where would it be located on a development machine?&lt;/p&gt;
&lt;p&gt;I know you can create a PowerShell.exe.config file and allow it to load newer assemblies, but that is absolutely not going to fly here -- this is part of an automated deployment scenario, and I'd prefer to not have to go mess with config files as a pre-deployment step.&lt;/p&gt;</t>
  </si>
  <si>
    <t>2014-06-05 15:04:44.807000+00:00</t>
  </si>
  <si>
    <t>2014-06-05 15:56:06.597000+00:00</t>
  </si>
  <si>
    <t>powershell|com-interop|tlbimp</t>
  </si>
  <si>
    <t>Is it possible to do a low-overhead file transfer knowing only the remote machine's IP address?</t>
  </si>
  <si>
    <t>&lt;p&gt;I want to transfer a file from my computer to a remote computer in the field, but I only know that remote computer's IP address and am not able to install anything on it before the file transfer due to logistical reasons. Is there a file transfer protocol (preferably with a C# library) that makes this possible?&lt;/p&gt;
&lt;p&gt;In the past I have done file transfers between computers using SCP, but that required installing OpenSSH on the remote computer before anything could be attempted. I would like to do this file transfer without having to install anything on the remote computer.&lt;/p&gt;</t>
  </si>
  <si>
    <t>2015-11-11 15:18:30.600000+00:00</t>
  </si>
  <si>
    <t>c#|ip|remote-access|file-transfer</t>
  </si>
  <si>
    <t>Java path errors</t>
  </si>
  <si>
    <t>&lt;p&gt;I am new to Java and this is my code:&lt;/p&gt;
&lt;pre&gt;&lt;code&gt;public class MessAround {
static void main(String[] args) {
    System.out.println("Hello world example");
    }
}
&lt;/code&gt;&lt;/pre&gt;
&lt;p&gt;For some reason I am encountering problems with this code and I do not know why since I am using an appropriate environment with a library.&lt;/p&gt;
&lt;p&gt;&lt;b&gt;Screenshot of problems:&lt;/b&gt;
&lt;a href="https://i.stack.imgur.com/m6mrZ.png" rel="nofollow noreferrer"&gt;&lt;img src="https://i.stack.imgur.com/m6mrZ.png" alt="Photo of Eclipse"&gt;&lt;/a&gt;&lt;/p&gt;
&lt;p&gt;&lt;b&gt;My question: &lt;/b&gt; If I am using a JRE and have the JDK, what am I doing wrong to encounter these simple problems?&lt;/p&gt;</t>
  </si>
  <si>
    <t>2015-09-11 19:06:11.430000+00:00</t>
  </si>
  <si>
    <t>2015-09-11 19:28:48.050000+00:00</t>
  </si>
  <si>
    <t>Asp.net - How to find all gridview in my document</t>
  </si>
  <si>
    <t>&lt;p&gt;I have 4 gridviews in my aspx file. I can close their footer like below&lt;/p&gt;
&lt;pre&gt;&lt;code&gt;if (admin == false){
  GridView1.ShowFooter = false;
        GridView2.ShowFooter = false;
        GridView3.ShowFooter = false;
        GridView4.ShowFooter = false; }
&lt;/code&gt;&lt;/pre&gt;
&lt;p&gt;But i want to do that using "for" or "for each". Thanks for your helps already now.&lt;/p&gt;</t>
  </si>
  <si>
    <t>2009-10-25 22:24:06.150000+00:00</t>
  </si>
  <si>
    <t>2009-10-25 22:48:04.307000+00:00</t>
  </si>
  <si>
    <t>Emacs rebind key for all modes</t>
  </si>
  <si>
    <t>&lt;p&gt;Im trying make a new key binding, but i get conflicts with modes redefining this key.&lt;/p&gt;
&lt;p&gt;After a good hour googling, what I think I want to do is:&lt;/p&gt;
&lt;pre&gt;&lt;code&gt;(eval-after-load ANY_MODE
    (define-key (current-global-map) (kbd "C-M-h") 'shrink-window-horizontally))
&lt;/code&gt;&lt;/pre&gt;
&lt;p&gt;So is there a way to do this? Is there even anything like ANYMODE? Or is there another way?&lt;/p&gt;</t>
  </si>
  <si>
    <t>2014-09-15 10:21:47.477000+00:00</t>
  </si>
  <si>
    <t>2014-09-16 22:01:59.003000+00:00</t>
  </si>
  <si>
    <t>emacs|elisp</t>
  </si>
  <si>
    <t>Mysql Stored Procedure Issue</t>
  </si>
  <si>
    <t>&lt;p&gt;When creating the following procedure I receive this error message:&lt;/p&gt;
&lt;pre&gt;&lt;code&gt;ERROR 1064 (42000): You have an error in your SQL syntax; check the manual that corresponds to your MySQL server version for the right syntax to use near
'd_query;
 set d_result = execute stmt;
 deallocate prepare stmt; ' at line 15
&lt;/code&gt;&lt;/pre&gt;
&lt;p&gt;But after checking I can't see the error. Line 15 relates to 'if d_query is not null then'.&lt;/p&gt;
&lt;p&gt;Is this the true error? Or is it not happy to accept an execute as an assignment to d_result?&lt;/p&gt;
&lt;p&gt;Any help would be greatly appreciated.&lt;/p&gt;
&lt;pre&gt;&lt;code&gt;delimiter |
create procedure runtests()
begin
  declare d_test_id char(20);
  declare d_query text;
  declare d_result text;
  declare cur cursor for select test_id, query, result from datavalidator order by test_id;
  open cur;
  repeat
    fetch cur into d_test_id, d_query, d_result;
    if d_query is not null then
      prepare stmt from d_query;
      set d_result = execute stmt;
      deallocate prepare stmt;
      update datavalidator set result = d_result;
    end if;
  until done end repeat;
  close cur;
end;
|
delimiter ; |
&lt;/code&gt;&lt;/pre&gt;</t>
  </si>
  <si>
    <t>2009-08-24 10:07:34.893000+00:00</t>
  </si>
  <si>
    <t>2009-08-24 10:44:06.367000+00:00</t>
  </si>
  <si>
    <t>user161969</t>
  </si>
  <si>
    <t>Exception in thread "main" java.lang.Error: Unresolved compilation problems: JNI4net</t>
  </si>
  <si>
    <t>&lt;p&gt;I am working with JNI4net and although the libraries and installed in the build path and eclipse recognizes them, it still gives me run time error. Why could that be in your opinion? Here is the code.&lt;/p&gt;
&lt;pre&gt;&lt;code&gt; import net.sf.jni4net.*;
import java.io.IOException;
import java.lang.String;
import system.*;
import system.Object;
import system.io.TextWriter;
import system.collections.IDictionary;
import system.collections.IEnumerator;
    /**
     * @author Pavel Savara (original)
     */
    public class Program {
        public static void main(String[] args) throws IOException {
            // create bridge, with default setup
            // it will lookup jni4net.n.dll next to jni4net.j.jar 
            //Bridge.setVerbose(true);
            Bridge.setVerbose(true);
            Bridge.init();
            // here you go!
            Console.WriteLine("Hello .NET world!\n");
            // OK, simple hello is boring, let's play with System.Environment
            // they are Hashtable realy
            final IDictionary variables = system.Environment.GetEnvironmentVariables();
            // let's enumerate all keys
            final IEnumerator keys = variables.getKeys().GetEnumerator();
            while (keys.MoveNext()) {
                // there hash table is not generic and returns system.Object
                // but we know is should be system.String, so we could cast
                final system.String key = (system.String) keys.getCurrent();
                Console.Write(key);
                // this is automatic conversion of JVM string to system.String
                Console.Write(" : ");
                // we use the hashtable
                Object value = variables.getItem(key);
                // and this is JVM toString() redirected to CLR ToString() method
                String valueToString = value.toString();
                Console.WriteLine(valueToString);
            }
            // Console output is really TextWriter on stream
            final TextWriter writer = Console.getOut();
            writer.Flush();
        }
    }
&lt;/code&gt;&lt;/pre&gt;
&lt;p&gt;AND here is the message I get!&lt;/p&gt;
&lt;pre&gt;&lt;code&gt;    Exception in thread "main" java.lang.Error: Unresolved compilation problems: 
    Bridge cannot be resolved
    Bridge cannot be resolved
    Console cannot be resolved
    IDictionary cannot be resolved to a type
    system cannot be resolved
    IEnumerator cannot be resolved to a type
    system cannot be resolved to a type
    system cannot be resolved to a type
    Console cannot be resolved
    Console cannot be resolved
    Console cannot be resolved
    TextWriter cannot be resolved to a type
    Console cannot be resolved
    at Program.main(Program.java:37)
&lt;/code&gt;&lt;/pre&gt;</t>
  </si>
  <si>
    <t>2015-02-27 21:47:55.227000+00:00</t>
  </si>
  <si>
    <t>2015-03-02 22:44:00.227000+00:00</t>
  </si>
  <si>
    <t>2015-02-27 22:01:27.477000+00:00</t>
  </si>
  <si>
    <t>jni4net</t>
  </si>
  <si>
    <t>keypad not working for textfield in uiactionsheet</t>
  </si>
  <si>
    <t>&lt;p&gt;i have added textfeld in uiactionsheet as &lt;/p&gt;
&lt;pre&gt;&lt;code&gt;
-(void)showAction {
 printf("getting action ready \n");
 UIActionSheet *asheet = [[UIActionSheet alloc] initWithTitle:@"New Sheet Name" delegate:self cancelButtonTitle:@"Cancel" destructiveButtonTitle:nil otherButtonTitles: nil];
       [asheet showInView:self.view];  
       [asheet setFrame:CGRectMake(0, 70, 320,200)];
       UITextField *textField = [[UITextField alloc] initWithFrame:CGRectMake(0, 100,200, 25)];
 textField.borderStyle= UITextBorderStyleRoundedRect;
 [textField becomeFirstResponder];
 [textField setKeyboardType:UIKeyboardTypeAlphabet];
 [textField setKeyboardAppearance:UIKeyboardAppearanceAlert];
 textField.text=@"test" ;
 textField.delegate=self;
 [asheet insertSubview:textField atIndex:0];
 [textField release];
 [asheet release];
}
&lt;/code&gt;&lt;/pre&gt;
&lt;p&gt;but keypad is not working for this textfield however backspace is working.
previously when i have been using ios 3 its workd fine but with ios 3.2 iphone simulator 4.0 does not accept any input from keypad &lt;/p&gt;
&lt;p&gt;&lt;pre&gt;&lt;code&gt;
- (BOOL)textFieldShouldBeginEditing:(UITextField *)textField{
 printf("\n textFieldShouldBeginEditing\n ");
 return YES;
}
&lt;/pre&gt;&lt;/code&gt;
this gets called &lt;/p&gt;
&lt;p&gt;&lt;pre&gt;&lt;code&gt;
- (BOOL)textField:(UITextField *)textField shouldChangeCharactersInRange:(NSRange)range replacementString:(NSString *)string
{
 printf("shouldChangeCharactersInRange  %s ",[string UTF8String]);
 return YES;
}
&lt;/pre&gt;&lt;/code&gt;
however this delegate method gets called only for backspace.    &lt;/p&gt;</t>
  </si>
  <si>
    <t>2010-12-06 14:39:47.960000+00:00</t>
  </si>
  <si>
    <t>2011-04-26 06:52:44.573000+00:00</t>
  </si>
  <si>
    <t>2010-12-06 14:45:18.477000+00:00</t>
  </si>
  <si>
    <t>uitextfield|uiactionsheet</t>
  </si>
  <si>
    <t>Read / Write Data NSCoding iOS - Singelton or Not?</t>
  </si>
  <si>
    <t>&lt;p&gt;This has been asked many times, but I'm still at a crossroads. &lt;/p&gt;
&lt;p&gt;My application is required to save data, this data can be accessed through many areas of the application.&lt;/p&gt;
&lt;p&gt;I wanted to avoid core data as it is overkill for what I need to save 3-4 simple different  classes.&lt;/p&gt;
&lt;p&gt;So I���m using NSCoding, and its working without issue.&lt;/p&gt;
&lt;p&gt;Im not stuck on whats the ���best��� way to access this stored data.&lt;/p&gt;
&lt;p&gt;Essentially, singleton or not. Been reading a variety of posts and most say avoid the use of a singleton.&lt;/p&gt;
&lt;p&gt;This issue became apparent as my current design uses a singlelton object to provide a way for me to access my data from disc easily. Problem is testing��� couldn���t find a way to overcome the inability to test - this is when I decided to ask should i not be using this pattern.&lt;/p&gt;
&lt;p&gt;So, what is the better way to access my data - to allow read and write from anyplace within my application.&lt;/p&gt;
&lt;p&gt;Use the singleton and just don���t test - or create a new instance, and ask that instance to retrieve my data. I also don���t want to pass data along - I want to be able to easily access data - read and write (using tab bar controller etc)&lt;/p&gt;
&lt;p&gt;This was my singleton implementation&lt;/p&gt;
&lt;pre&gt;&lt;code&gt;class InvalidClientCollection {
    static var errorList = InvalidClientCollection.loadErrataClients()
    static private let kErrataClientSaveFileName = "errorClientsFile"
    static var clientCount:Int {
        get {
            return errorList.count
        }
    }
    static func loadErrataClients() -&amp;gt; [Client] {
        let mysavefile = FilePath(fileName: kErrataClientSaveFileName).filePath
        if let data = NSKeyedUnarchiver.unarchiveObjectWithFile(mysavefile) as? [Client] {
            return data
        }
        return [Client]()
    }
    static func saveErrataClientList() {
        let mysavefile = FilePath(fileName: kErrataClientSaveFileName).filePath
        NSKeyedArchiver.archiveRootObject(errorList, toFile: mysavefile)
    }
} 
&lt;/code&gt;&lt;/pre&gt;
&lt;p&gt;Should I redesign, so to get my data I would&lt;/p&gt;
&lt;pre&gt;&lt;code&gt;let mycolleection = InvalidClientCollection()
let mystuff = mycollection.errorList
&lt;/code&gt;&lt;/pre&gt;
&lt;p&gt;I guess something like this ?&lt;/p&gt;
&lt;pre&gt;&lt;code&gt;class InvalidClientCollection {
    var errorList:[Client] {
        get {
           return loadErrataClients()
        }
        set {
            self.errorList = newValue
            // maybe even save at same time
            //saveErrataClientList()
        }
    }
    // etc...
}
&lt;/code&gt;&lt;/pre&gt;
&lt;p&gt;Any ideas - improved code would be much appreciated. &lt;/p&gt;</t>
  </si>
  <si>
    <t>2015-09-12 22:34:31.620000+00:00</t>
  </si>
  <si>
    <t>2015-09-12 23:44:51.953000+00:00</t>
  </si>
  <si>
    <t>2015-09-12 22:40:46.187000+00:00</t>
  </si>
  <si>
    <t>ios|design-patterns|singleton|nscoding</t>
  </si>
  <si>
    <t>Popping consecutive view controllers and returning to main view controller (using navigation controller)</t>
  </si>
  <si>
    <t>&lt;p&gt;I'm following the Firebase-Chat-Messenger example in the "let's build that app" Youtube videos, and it works fine. 
However, I'm testing integration inside a test application : &lt;/p&gt;
&lt;p&gt;My test app has a menu with buttons and one of them is for the chat, which takes us to a similar interface (login menu and so on, anything beyond it is similar to the example in the tutorial. But you don't need to check it to answer my question). &lt;/p&gt;
&lt;p&gt;Main menu button =&gt; Login/Register interface =&gt; Chat interface&lt;/p&gt;
&lt;p&gt;I can't find a way to dismiss the chat interface to return to the main menu of the app, dismiss always returns to the  login/register interface and sometimes causes errors. Could you suggest a good solution to use for this? &lt;/p&gt;
&lt;p&gt;tl;dr : How to dismiss two or more views and return to main view (main menu) of app?&lt;/p&gt;
&lt;p&gt;P.S : I'm new to Swift and still struggling with some basic elements, Sorry if the question seems too simple.&lt;/p&gt;</t>
  </si>
  <si>
    <t>2016-12-26 21:35:08.307000+00:00</t>
  </si>
  <si>
    <t>2016-12-26 22:13:33.387000+00:00</t>
  </si>
  <si>
    <t>2016-12-26 22:12:21.433000+00:00</t>
  </si>
  <si>
    <t>swift3|uikit</t>
  </si>
  <si>
    <t>iOS internationalization storyboards not showing</t>
  </si>
  <si>
    <t>&lt;p&gt;I'm working on an application that needs to be multilingual.&lt;/p&gt;
&lt;p&gt;I am attempting to follow &lt;a href="http://developer.apple.com/library/ios/#referencelibrary/GettingStarted/RoadMapiOS/chapters/InternationalizeYourApp/InternationalizeYourApp/InternationalizeYourApp.html" rel="nofollow"&gt;this&lt;/a&gt; tutorial on internationalization. However, when I attempt to 'use Base Internationalization', none of my storyboards are listed in the view.&lt;/p&gt;
&lt;p&gt;I'm using XCode 4.6.3&lt;/p&gt;
&lt;p&gt;Am I missing something here, or should I be taking a different approach?&lt;/p&gt;
&lt;p&gt;Any and all help is appreciated.&lt;/p&gt;</t>
  </si>
  <si>
    <t>2013-06-27 20:36:32.963000+00:00</t>
  </si>
  <si>
    <t>2013-07-02 21:07:46.873000+00:00</t>
  </si>
  <si>
    <t>ios|internationalization</t>
  </si>
  <si>
    <t>ASP.Net how to render all Trace section in contor</t>
  </si>
  <si>
    <t>&lt;p&gt;The default Trace section renders outside the  tag and breaks the page design&lt;/p&gt;
&lt;p&gt;Please recomnd the way to display the Trace a the bottom of page and may be use come scrolling or collapsing.&lt;/p&gt;</t>
  </si>
  <si>
    <t>2013-05-29 16:58:39.853000+00:00</t>
  </si>
  <si>
    <t>2013-05-30 11:57:52.723000+00:00</t>
  </si>
  <si>
    <t>asp.net|trace</t>
  </si>
  <si>
    <t>Accordion Box malfunction in firefox</t>
  </si>
  <si>
    <t>&lt;p&gt;i have the following function written in javascript which operate a slide up/down box. but in firefox, it malfunctions. it just opens/closes once. after that no play. 
i am getting the height() param from the box and storing it in hidden input. but firefox is unable to read the correct height of the box. &lt;/p&gt;
&lt;p&gt;look at the code to understand better :&lt;/p&gt;
&lt;p&gt;JS :&lt;/p&gt;
&lt;pre&gt;&lt;code&gt;function boxCollapse() {
    $("#boxHeight").attr("value", parseInt($("#accTipsBox").height()));
    $("#accTipsBox").animate({height:'0px'});
    $(".btnCollapse").css({display:'none'});
    $(".btnExpand").css({display:'block'});
    $("#accTipsBox").css({padding:'0px'});
}
function boxExpand() {
    $("#accTipsBox").animate({height: $("#boxHeight").attr("value")});
    $(".btnExpand").css({display:'none'});
    $(".btnCollapse").css({display:'block'});
    $("#accTipsBox").css({padding:'0px'});
}
&lt;/code&gt;&lt;/pre&gt;
&lt;p&gt;HTML :&lt;/p&gt;
&lt;pre&gt;&lt;code&gt;&amp;lt;section class="accBox grey"&amp;gt;
    &amp;lt;header&amp;gt;
        &amp;lt;div class="title"&amp;gt;DISCLAIMERS&amp;lt;/div&amp;gt;
        &amp;lt;a style="display: none;" class="btnExpand" href="javascript:void(0);"&amp;gt;&amp;lt;img src="/resources/images/boxExpandGrey.jpg" alt="button"&amp;gt;&amp;lt;/a&amp;gt;
        &amp;lt;a style="display: block;" class="btnCollapse" href="javascript:void(0);"&amp;gt;&amp;lt;img src="/resources/images/boxCollapseGrey.jpg" alt="button"&amp;gt;&amp;lt;/a&amp;gt;
    &amp;lt;/header&amp;gt;
    &amp;lt;div id="accTipsBox" style="height: 125px; padding: 0px;"&amp;gt;
        &amp;lt;input type="hidden" id="boxHeight" value="125"&amp;gt;    
        &amp;lt;div class="accBoxContent"&amp;gt;
            &amp;lt;div&amp;gt;&amp;lt;p&amp;gt;&amp;lt;/p&amp;gt;&amp;lt;p&amp;gt;&amp;lt;/p&amp;gt;&amp;lt;p&amp;gt;&amp;lt;/p&amp;gt;&amp;lt;/div&amp;gt;
        &amp;lt;/div&amp;gt;
    &amp;lt;/div&amp;gt;
&amp;lt;/section&amp;gt;
&lt;/code&gt;&lt;/pre&gt;</t>
  </si>
  <si>
    <t>2012-01-02 11:29:54.987000+00:00</t>
  </si>
  <si>
    <t>2014-08-22 13:02:52.330000+00:00</t>
  </si>
  <si>
    <t>Artisan::call error: Command "module:make Test" is not defined - Laravel 5.1</t>
  </si>
  <si>
    <t>&lt;p&gt;I'm trying to call a artisan command from code. The command I want to execute is a command from the pingpong package and is as follows:&lt;/p&gt;
&lt;pre&gt;&lt;code&gt; php artisan module:make Test
&lt;/code&gt;&lt;/pre&gt;
&lt;p&gt;I'm doing this with the following code:&lt;/p&gt;
&lt;pre&gt;&lt;code&gt;Artisan::call('module:make Test');
&lt;/code&gt;&lt;/pre&gt;
&lt;p&gt;The error I'm getting is: &lt;strong&gt;Command "module:make Test" is not defined.&lt;/strong&gt;
While this is certainly a good command.&lt;/p&gt;
&lt;p&gt;Parameters could be given with an array like:&lt;/p&gt;
&lt;pre&gt;&lt;code&gt;Artisan::call('module:make', [
     'Test'
]);
&lt;/code&gt;&lt;/pre&gt;
&lt;p&gt;But these parameters are only for flags I guess. Cause this command does nothing. No error. It just returns 0.&lt;/p&gt;
&lt;p&gt;Same kind of question asked here:
&lt;a href="https://github.com/pingpong-labs/modules/issues/202" rel="nofollow"&gt;https://github.com/pingpong-labs/modules/issues/202&lt;/a&gt;&lt;/p&gt;</t>
  </si>
  <si>
    <t>2015-09-11 07:27:57.497000+00:00</t>
  </si>
  <si>
    <t>2015-09-11 09:05:44.337000+00:00</t>
  </si>
  <si>
    <t>php|laravel|command|laravel-5.1|artisan</t>
  </si>
  <si>
    <t>React JSX highcharts wont update</t>
  </si>
  <si>
    <t>&lt;p&gt;I am currently using the React JSX Highcharts module to create a chart which exhibits several spline series dynamically (using .map function)&lt;/p&gt;
&lt;p&gt;I have a global var called DataLines,
in my render function I Wrote this:&lt;/p&gt;
&lt;pre&gt;&lt;code&gt;{DataLines.map(Line,index)=&amp;gt;
&amp;lt;SplineSeries key={index} id={Line.id} name={Line.name} data={Line.points}/&amp;gt;}
&lt;/code&gt;&lt;/pre&gt;
&lt;p&gt;when Datalines holds two lines, the chart displays it correctly.
However, when I remove the first line from DataLines, it removes the second line instead from the chart (shown by the line names at the bottom of the chart), and the chart itself doesn't actually change, even though we re-rendered it using the new DataLines.&lt;/p&gt;
&lt;p&gt;Furthermore, if I have a single line in my chart, and I change the DataLines to hold a different single line instead, it doesn't update the chart at all.&lt;/p&gt;
&lt;p&gt;Using console log I see that the data sent into the render function is correct.&lt;/p&gt;
&lt;p&gt;What can cause this, and how can I fix it?
Is it a known issue with the module?&lt;/p&gt;
&lt;p&gt;Thanks in advance!&lt;/p&gt;
&lt;p&gt;EDIT :
My Server is working on signalr in c# so it will be a bit more complecatied to share that but here is the event that triggers the update of the chart:&lt;/p&gt;
&lt;pre&gt;&lt;code&gt;createDataLines(lines){
lines.foreach(l=&amp;gt;{
 lNewLine={
  name:l.name,
  id:l.id,
  points:l.points,
  }
   l.points.foreach(p=&amp;gt;{
     point={
     x:p.time,
     y:p.height,
     }
    lNewLine.points.push(point)
   })
 this.state.DataLines.push(lNewLine);
 });
}
&lt;/code&gt;&lt;/pre&gt;
&lt;ul&gt;
&lt;li&gt;The function is called from componentDidUpdate and the lines are recieved as props using set state from the parent component.
So basically when I Recieve new props I create the graph with new data (and then we are back to the problem where the graph doesnt update properly).&lt;/li&gt;
&lt;/ul&gt;</t>
  </si>
  <si>
    <t>2018-08-02 07:15:32.420000+00:00</t>
  </si>
  <si>
    <t>2018-08-05 10:59:38.623000+00:00</t>
  </si>
  <si>
    <t>javascript|reactjs|highcharts|react-highcharts</t>
  </si>
  <si>
    <t>Remove line from JTextArea</t>
  </si>
  <si>
    <t>&lt;p&gt;I have a &lt;code&gt;JTextArea&lt;/code&gt; that is filled with numbers with no duplicates. There is an add and remove button. I have programmed the add button, but I am struggling with programming the remove button. I know how to remove the number from the array, but I'm not sure how to remove the number from the text area.&lt;/p&gt;
&lt;p&gt;How do I remove a line from a text area that contains a certain number?&lt;/p&gt;
&lt;p&gt;Extra notes:
The only input is integers.&lt;/p&gt;</t>
  </si>
  <si>
    <t>2017-11-29 01:13:22.637000+00:00</t>
  </si>
  <si>
    <t>2017-11-29 02:36:35.027000+00:00</t>
  </si>
  <si>
    <t>2017-11-29 01:29:10.940000+00:00</t>
  </si>
  <si>
    <t>java|swing|user-interface|integer|jtextarea</t>
  </si>
  <si>
    <t>Sort json data alphabetically in ruby on rails</t>
  </si>
  <si>
    <t>&lt;p&gt;I have this data with me:&lt;/p&gt;
&lt;pre&gt;&lt;code&gt;[{:id=&amp;gt;250,
      :application_date=&amp;gt;"02/04/2016",
      :customer_number=&amp;gt;"",
      :customer_name=&amp;gt;"Neymar Silva Junior",
      :city=&amp;gt;"Auckland",
      :region=&amp;gt;"Auckland",
      :service=&amp;gt;"Electricity",
      :name=&amp;gt;"Bosco and Sons",
      :service_plan=&amp;gt;"Electricity Plan",
      :connection_type=&amp;gt;nil,
      :billing_method=&amp;gt;nil,
      :icp_number=&amp;gt;nil,
      :moving_date=&amp;gt;"",
      :supplier_commission=&amp;gt;21.0,
      :show_url=&amp;gt;"/applications/250"},
 {:id=&amp;gt;257,
      :application_date=&amp;gt;"27/05/2016",
      :customer_number=&amp;gt;"",
      :customer_name=&amp;gt;"Ariel name Parra",
      :city=&amp;gt;"Dunedin",
      :region=&amp;gt;"Dunedin",
      :service=&amp;gt;"Electricity",
      :name=&amp;gt;"Bosco and Sons",
      :service_plan=&amp;gt;"Electricity Plan",
      :connection_type=&amp;gt;nil,
      :billing_method=&amp;gt;nil,
      :icp_number=&amp;gt;nil,
      :moving_date=&amp;gt;"28/05/2016",
      :supplier_commission=&amp;gt;21.0,
      :show_url=&amp;gt;"/applications/257"},
 {:id=&amp;gt;291,
      :application_date=&amp;gt;"29/04/2016",
      :customer_number=&amp;gt;"aaaa",
      :customer_name=&amp;gt;"Neymar Silva Junior",
      :city=&amp;gt;"Auckland",
      :region=&amp;gt;"Auckland",
      :service=&amp;gt;"Electricity",
      :name=&amp;gt;"Bosco and Sons",
      :service_plan=&amp;gt;"Electricity Plan",
      :connection_type=&amp;gt;nil,
      :billing_method=&amp;gt;nil,
      :icp_number=&amp;gt;"",
      :moving_date=&amp;gt;"",
      :supplier_commission=&amp;gt;28.0,
      :show_url=&amp;gt;"/applications/291"},
 {:id=&amp;gt;292,
      :application_date=&amp;gt;"29/04/2016",
      :customer_number=&amp;gt;"23223",
      :customer_name=&amp;gt;"Neymar Silva Junior",
      :city=&amp;gt;"Auckland",
      :region=&amp;gt;"Auckland",
      :service=&amp;gt;"Electricity",
      :name=&amp;gt;"Bosco and Sons",
      :service_plan=&amp;gt;"Electricity Plan",
      :connection_type=&amp;gt;nil,
      :billing_method=&amp;gt;nil,
      :icp_number=&amp;gt;"",
      :moving_date=&amp;gt;"",
      :supplier_commission=&amp;gt;21.0,
      :show_url=&amp;gt;"/applications/292"}]
&lt;/code&gt;&lt;/pre&gt;
&lt;p&gt;I want to sort this data in two different ways, alphabetically(from A to Z) as well as Recursively(Z to A) according to its attributes in following scenarios: &lt;/p&gt;
&lt;ol&gt;
&lt;li&gt;&lt;p&gt;If the sort  parameter is &lt;code&gt;service_plan&lt;/code&gt; alphabetically it will sort as per this attribute from A to Z, if recursively then Z to A for this attribute and so on for all attributes. &lt;/p&gt;&lt;/li&gt;
&lt;li&gt;&lt;p&gt;&lt;code&gt;Id&lt;/code&gt; is integer so it should be sorted in increasing or decreasing order.&lt;/p&gt;&lt;/li&gt;
&lt;li&gt;&lt;p&gt;Moreover the nil value should not through an error and should be present in the result.&lt;/p&gt;&lt;/li&gt;
&lt;/ol&gt;
&lt;p&gt;Thanks in advance!&lt;/p&gt;</t>
  </si>
  <si>
    <t>2016-09-09 14:37:21.063000+00:00</t>
  </si>
  <si>
    <t>2016-09-09 15:17:17.093000+00:00</t>
  </si>
  <si>
    <t>ruby-on-rails|json|ruby|sorting</t>
  </si>
  <si>
    <t>Get Current month using `date` in Linux</t>
  </si>
  <si>
    <t>&lt;p&gt;I am trying to get current month based on date.
Till now it was working fine with below command -&lt;/p&gt;
&lt;pre&gt;&lt;code&gt;cur_mon=`date --date="$report_date" '+%m' -d 'now'`
cur_year=`date --date="$report_date" '+%y' -d 'now'`
echo cur_mon and cur_year =${cur_mon} and ${cur_year}
&lt;/code&gt;&lt;/pre&gt;
&lt;p&gt;$report_date is now 30th Sep 2014.&lt;/p&gt;
&lt;p&gt;It is giving me output -
cur_mon and cur_year =&lt;strong&gt;10&lt;/strong&gt; and 14&lt;/p&gt;
&lt;p&gt;Let me know if anyone knows the reason as well solution.
Also this can also create problem in year. If date is 31st Dec, 2014.&lt;/p&gt;</t>
  </si>
  <si>
    <t>2014-10-01 18:51:31.623000+00:00</t>
  </si>
  <si>
    <t>2014-10-01 19:19:13.870000+00:00</t>
  </si>
  <si>
    <t>2014-10-01 18:55:29.007000+00:00</t>
  </si>
  <si>
    <t>linux|date|unix</t>
  </si>
  <si>
    <t>Create row from value from other rows</t>
  </si>
  <si>
    <t>&lt;p&gt;I have a dataframe containing meteorological data, each row is the data for a day at a location. I would like to compute 3 days averages and add them as columns. The natural (at least for me) way to do this is using &lt;code&gt;df.apply&lt;/code&gt;; but it is slow and highly memory-consuming (currently using around 3Gb of memory, and going up). My function looks like this: (merged is the dataframe and it's indexed by row number)&lt;/p&gt;
&lt;pre&gt;&lt;code&gt;def three_day_stats(row):
    total_snowfall = 0
    total_sunshine = 0
    mean_wind = 0
    mean_temp = 0
    days = range(max(0, row.name-3), row.name+1)
    for i in days:
        day = merged.loc[i]
        total_snowfall += day['Snowfall']
        total_sunshine += day['Sunshine duration']
        mean_wind += (1/len(days))*(day['10 metre U wind component']**2 + day['10 metre V wind component']**2)**0.5
        mean_temp += (1/len(days))*day['2 metre temperature']
    return pd.Series({'3 day snowfall': total_snowfall, 
                      '3 day sunshine': total_sunshine,
                      '3 day wind': mean_wind, 
                      '3 day temperature': mean_temp})
&lt;/code&gt;&lt;/pre&gt;
&lt;p&gt;Is there a way to do this without using apply? Or at least to make it much more effective? &lt;/p&gt;
&lt;p&gt;EDIT: one row of data&lt;/p&gt;
&lt;pre&gt;&lt;code&gt;10 metre U wind component                2.13432
10 metre V wind component              -0.932907
2 metre temperature                      3.88357
Date                         1996-11-01 00:00:00
Latitude                                 46.3975
Longitude                                 7.8515
Snow density                             269.103
Snow depth                           0.000514924
Snowfall                                       0
Sunshine duration                        2.87365
Temperature of snow layer              -0.677888
winter                                   2015/16
canton                                        VS
community                           Baltschieder
elevation                                   3440
aspect_string                                  E
Avalanche                                      0
Name: 0, dtype: object
&lt;/code&gt;&lt;/pre&gt;</t>
  </si>
  <si>
    <t>2017-01-30 13:09:34.803000+00:00</t>
  </si>
  <si>
    <t>2017-01-30 13:54:19.870000+00:00</t>
  </si>
  <si>
    <t>2017-01-30 13:24:27.313000+00:00</t>
  </si>
  <si>
    <t>Minecraft Texture not loading 1.7.10</t>
  </si>
  <si>
    <t>&lt;p&gt;I am coding my first Minecraft mod and I can' get my item to load the texture. I am very new to coding Minecraft mods and I am a bit confused. Here is the code for the base item:&lt;/p&gt;
&lt;pre&gt;&lt;code&gt;     package com.danielroberts.firstmod.item;
     import com.danielroberts.firstmod.reference.Reference;
     import cpw.mods.fml.relauncher.Side;
     import cpw.mods.fml.relauncher.SideOnly;
     import net.minecraft.client.renderer.texture.IIconRegister;
     import net.minecraft.item.Item;
     import net.minecraft.item.ItemStack;
     public class item1 extends Item
         {
         public item1()
         {
             super();
         }
         @Override
         public String getUnlocalizedName()
         {
             return String.format("item.%s%s", Reference.MOD_ID.toLowerCase() + ":",          getUnwrappedUnlocilizedName(super.getUnlocalizedName()));
         }
         @Override
         public String getUnlocalizedName(ItemStack itemStack)
         {
             return String.format("item.%s%s", Reference.MOD_ID.toLowerCase() + ":", getUnwrappedUnlocilizedName(super.getUnlocalizedName()));
         }
        @Override
        @SideOnly(Side.CLIENT)
        public void registerIcons(IIconRegister iconRegister)
        {
            itemIcon = iconRegister.registerIcon(this.getUnlocalizedName().substring(this.getUnlocalizedName().indexOf(".") + 1));
        }
         protected String getUnwrappedUnlocilizedName(String unlocilizedName)
         {
             return unlocilizedName.substring(unlocilizedName.indexOf(".") + 1);
         }
     }
&lt;/code&gt;&lt;/pre&gt;
&lt;p&gt;And this is the code of the actual item:&lt;/p&gt;
&lt;pre&gt;&lt;code&gt;package com.danielroberts.firstmod.item;
public class ItemDiamondtwo extends item1
{
    public ItemDiamondtwo()
    {
        super();
        this.setUnlocalizedName("doubleDiamond");
        this.setMaxStackSize(64);
    }
}
&lt;/code&gt;&lt;/pre&gt;</t>
  </si>
  <si>
    <t>2014-07-30 17:40:22.933000+00:00</t>
  </si>
  <si>
    <t>2014-08-12 21:20:03.467000+00:00</t>
  </si>
  <si>
    <t>java|textures|minecraft</t>
  </si>
  <si>
    <t>How to limit decimal values based on condition in SQL Server</t>
  </si>
  <si>
    <t>&lt;p&gt;I have an amount field which is &lt;code&gt;decimal(13,5)&lt;/code&gt; in &lt;code&gt;SQl Server.&lt;/code&gt;&lt;/p&gt;
&lt;p&gt;So it takes values like &lt;code&gt;22.23456&lt;/code&gt; (5 values after decimals)&lt;/p&gt;
&lt;p&gt;Now i want to limit the decimal places based on condition like below:&lt;/p&gt;
&lt;p&gt;for &lt;code&gt;22.23456&lt;/code&gt;, result should be &lt;code&gt;22.24&lt;/code&gt; &lt;/p&gt;
&lt;p&gt;for &lt;code&gt;22.20001&lt;/code&gt;, result should be &lt;code&gt;22.21&lt;/code&gt;&lt;/p&gt;
&lt;p&gt;for &lt;code&gt;22.20000&lt;/code&gt;, result should be &lt;code&gt;22.20&lt;/code&gt;&lt;/p&gt;
&lt;p&gt;for &lt;code&gt;22.00000&lt;/code&gt;, result should be &lt;code&gt;22.00&lt;/code&gt;&lt;/p&gt;
&lt;p&gt;So if there is any number other than 0 after 2nd decimal place(in 1st ex:4),just increase the value 2nd decimal value by 1.(&lt;code&gt;22.2345&lt;/code&gt; to &lt;code&gt;22.24&lt;/code&gt;)&lt;/p&gt;
&lt;p&gt;Is there any  function or do we need to use length type functions to achieve this?&lt;/p&gt;
&lt;p&gt;Please help.&lt;/p&gt;
&lt;p&gt;Thanks in advance.&lt;/p&gt;</t>
  </si>
  <si>
    <t>2015-09-02 15:19:15.637000+00:00</t>
  </si>
  <si>
    <t>2015-09-02 16:33:23.140000+00:00</t>
  </si>
  <si>
    <t>sql-server|sql-server-2008</t>
  </si>
  <si>
    <t>Combining substrings in C# with a custom format?</t>
  </si>
  <si>
    <t>&lt;p&gt;Part of an app I'm creating in C# replaces certain substrings in a string with a value in square brackets like &lt;code&gt;[11]&lt;/code&gt;. Often there can be the same value straight after - so I want to reduce the amount of text by combining them into one like &lt;code&gt;[11,numberOfSame]&lt;/code&gt;&lt;/p&gt;
&lt;p&gt;For example, if the string contains:&lt;br&gt;
&lt;code&gt;blahblah[122][122][122]blahblahblahblah[18][18][18][18]blahblahblah&lt;/code&gt;&lt;/p&gt;
&lt;p&gt;The desired new string would be:&lt;br&gt;
&lt;code&gt;blahblah[122,3]blahblahblahblah[18,4]blahblahblah&lt;/code&gt;&lt;/p&gt;
&lt;p&gt;Would anyone know how I would do this? Thanks! :)&lt;/p&gt;</t>
  </si>
  <si>
    <t>2012-11-30 22:42:59.270000+00:00</t>
  </si>
  <si>
    <t>2012-12-03 16:25:34.083000+00:00</t>
  </si>
  <si>
    <t>c#|substring</t>
  </si>
  <si>
    <t>websocket reconnect on close with code 1006</t>
  </si>
  <si>
    <t>&lt;p&gt;I am using javascript websocket and want it to reconnect onclose with code 1006.
I came across this&lt;/p&gt;
&lt;p&gt;&lt;a href="https://stackoverflow.com/questions/3780511/reconnection-of-client-when-server-reboots-in-websocket"&gt;Reconnection of Client when server reboots in WebSocket&lt;/a&gt;&lt;/p&gt;
&lt;p&gt;the accepted answer there does work but after 20 seconds when the server reconnects the number of attempted connections rise to 4 and the user receives 4 messages which was actually sent only once.&lt;/p&gt;
&lt;p&gt;The 20 seconds is just a number, the loss of connection could be server side issue or a client internet issue.&lt;/p&gt;
&lt;p&gt;I hope I have been clear in describing the issue
Regards,
Shyam&lt;/p&gt;</t>
  </si>
  <si>
    <t>2016-07-26 13:52:28.740000+00:00</t>
  </si>
  <si>
    <t>2016-07-26 14:00:32.603000+00:00</t>
  </si>
  <si>
    <t>2017-05-23 11:44:22.713000+00:00</t>
  </si>
  <si>
    <t>javascript|websocket</t>
  </si>
  <si>
    <t>Unknow error while building the project</t>
  </si>
  <si>
    <t>&lt;p&gt;Me and my friend developing an app, by synchronizing it on bitBucket.org. My friend added a external library to the project and when I pulled the project, It is giving me the following error while building the project.:&lt;/p&gt;
&lt;p&gt;&lt;a href="https://i.stack.imgur.com/cVmea.png" rel="nofollow"&gt;&lt;img src="https://i.stack.imgur.com/cVmea.png" alt="enter image description here"&gt;&lt;/a&gt;&lt;/p&gt;
&lt;p&gt;When I pulled the project, the error message was appeared: &lt;code&gt;Error loading 3 modules&lt;/code&gt;. In details option, It was something about .iml files. I selected the option &lt;code&gt;keep all&lt;/code&gt;. &lt;/p&gt;
&lt;p&gt;Image of project structure and gradle file is:
&lt;a href="https://i.stack.imgur.com/zrrTG.png" rel="nofollow"&gt;&lt;img src="https://i.stack.imgur.com/zrrTG.png" alt="enter image description here"&gt;&lt;/a&gt;&lt;/p&gt;
&lt;p&gt;I've searched too many times on internet about this, but can get exact solution. &lt;/p&gt;
&lt;p&gt;Thanks in advance.&lt;/p&gt;</t>
  </si>
  <si>
    <t>2016-10-21 12:18:26.480000+00:00</t>
  </si>
  <si>
    <t>user6649667</t>
  </si>
  <si>
    <t>java|android|android-studio|version-control|bitbucket</t>
  </si>
  <si>
    <t>Using regex to find and delete data</t>
  </si>
  <si>
    <t>&lt;p&gt;Need to search through data and delete customer Social Security Numbers.&lt;/p&gt;
&lt;pre&gt;&lt;code&gt;with open('customerdata.csv') as csvfile:
  reader = csv.DictReader(csvfile)
  for row in reader:
    data.append(row)
for row in customerdata.csv:
  results = re.search(r'\d{3}-\d{2}-\d{4}', row)
  re.replace(results, "", row)
  print(results)
&lt;/code&gt;&lt;/pre&gt;
&lt;p&gt;New to scripting and not sure what it is I need to do to fix this.&lt;/p&gt;</t>
  </si>
  <si>
    <t>2018-04-23 02:16:27.187000+00:00</t>
  </si>
  <si>
    <t>2018-04-23 02:40:43.563000+00:00</t>
  </si>
  <si>
    <t>pandas set boolean values for a column based on values of another column using regex match</t>
  </si>
  <si>
    <t>&lt;p&gt;I have a &lt;code&gt;df&lt;/code&gt; that one column (&lt;code&gt;acount_no&lt;/code&gt;) contains empty strings, space strings and repeated digits strings as its values. For these values, I want to create a new column (&lt;code&gt;valid_account_no&lt;/code&gt;) and set &lt;code&gt;False&lt;/code&gt; to their corresponding rows. Also if length of any &lt;code&gt;account_no&lt;/code&gt; are &lt;code&gt;&amp;lt;=&lt;/code&gt; 4, they will be set &lt;code&gt;False&lt;/code&gt; to &lt;code&gt;valid_account_no&lt;/code&gt;. the &lt;code&gt;df&lt;/code&gt; looks like,&lt;/p&gt;
&lt;pre&gt;&lt;code&gt; id    account_no    valid_account_no
 1                   False
 2     999999        False
 3     1234          False
 4     123456        True
&lt;/code&gt;&lt;/pre&gt;
&lt;p&gt;this my code,&lt;/p&gt;
&lt;pre&gt;&lt;code&gt;# sets boolean values of column valid account no when account no is spaced or repeated number
df['valid_account_no'] = df['account_no'].str.match(r"\b(\d)\1+\b| +")
# if length of any account nos are &amp;lt;= 4 or the account nos are empty
# set values of column valid account no to False
invalid_account_indices = df[(df['account_no'].str.len() &amp;lt;= 4) |
                             (df['account_no'] == '')].index
df.loc[invalid_account_indices, 'valid_account_no'] = False
&lt;/code&gt;&lt;/pre&gt;
&lt;p&gt;I am wondering if there a better way to achieve this, in a sense to make it more concise and efficient.&lt;/p&gt;</t>
  </si>
  <si>
    <t>2017-12-04 15:16:55.367000+00:00</t>
  </si>
  <si>
    <t>2017-12-04 15:28:38.990000+00:00</t>
  </si>
  <si>
    <t>python|python-3.x|pandas|dataframe</t>
  </si>
  <si>
    <t>Can I create an infinite loop in PHP for scheduling tasks?</t>
  </si>
  <si>
    <t>&lt;p&gt;Is it possible to create infinite loops in PHP by setting max_execution_time to 0 and using a while(true) loop? If it is possible, what happens if I forget to enable myself to break the loop from outside (by doing something like checking the value of a variable in the database in each iteration) ?&lt;/p&gt;</t>
  </si>
  <si>
    <t>2017-02-23 15:07:24.660000+00:00</t>
  </si>
  <si>
    <t>2017-02-23 15:15:20.247000+00:00</t>
  </si>
  <si>
    <t>php|loops|schedule|infinite</t>
  </si>
  <si>
    <t>Enable/disable a specific class by clicking another class</t>
  </si>
  <si>
    <t>&lt;p&gt;I want to enable/disable a specific class using jQuery through another class. When I click on .trigger-option I want to enable class .bg-color. At the same time if I click one more time it will disable the class (.bg-color). How can I do this ? Here is my html &amp;amp; css&lt;/p&gt;
&lt;p&gt;&lt;div class="snippet" data-lang="js" data-hide="false"&gt;_x000D_
&lt;div class="snippet-code"&gt;_x000D_
&lt;pre class="snippet-code-js lang-js prettyprint-override"&gt;&lt;code&gt;$(document).ready(function() {_x000D_
  $(".trigger-option").on("click", function() {_x000D_
    $(".menu-content").toggle(400);_x000D_
  })_x000D_
})&lt;/code&gt;&lt;/pre&gt;_x000D_
&lt;pre class="snippet-code-css lang-css prettyprint-override"&gt;&lt;code&gt;body {_x000D_
  background: url(../img/blur_content_img.jpg) no-repeat;_x000D_
  background-repeat: no-repeat;_x000D_
}_x000D_
.logo {_x000D_
  float: left;_x000D_
  color: #FFFFFF;_x000D_
}_x000D_
.trigger-option {_x000D_
  float: right;_x000D_
  height: 50px;_x000D_
  width: 50px;_x000D_
  font-size: 25px;_x000D_
  line-height: 50px;_x000D_
  cursor: pointer;_x000D_
  color: #FFFFFF;_x000D_
}_x000D_
.main-menu {} .menu-content {_x000D_
  display: none;_x000D_
}_x000D_
.menu-content ul {_x000D_
  list-style: outside none none;_x000D_
  margin: 140px auto;_x000D_
  padding: 0;_x000D_
  text-align: center;_x000D_
  width: 215px;_x000D_
}_x000D_
.menu-content ul li {} .menu-content ul li a {_x000D_
  color: #FFFFFF;_x000D_
  display: block;_x000D_
  font-weight: normal;_x000D_
  padding: 17px 0;_x000D_
  text-decoration: none;_x000D_
  font-size: 27px;_x000D_
}_x000D_
.menu-content ul li a:hover {} .bg-color {_x000D_
  background-color: rgba(0, 0, 0, 0.5);_x000D_
  background: rgba(0, 0, 0, 0.5);_x000D_
  color: rgba(0, 0, 0, 0.5);_x000D_
  position: absolute;_x000D_
  top: 0px;_x000D_
  left: 0px;_x000D_
  width: 100%;_x000D_
  height: 100%;_x000D_
  z-index: -10_x000D_
}_x000D_
.bg-color {_x000D_
  background-color: rgba(0, 0, 0, 0.5);_x000D_
  background: rgba(0, 0, 0, 0.5);_x000D_
  color: rgba(0, 0, 0, 0.5);_x000D_
  position: absolute;_x000D_
  top: 0px;_x000D_
  left: 0px;_x000D_
  width: 100%;_x000D_
  height: 100%;_x000D_
  z-index: -10_x000D_
}&lt;/code&gt;&lt;/pre&gt;_x000D_
&lt;pre class="snippet-code-html lang-html prettyprint-override"&gt;&lt;code&gt;&amp;lt;script src="https://ajax.googleapis.com/ajax/libs/jquery/2.1.1/jquery.min.js"&amp;gt;&amp;lt;/script&amp;gt;_x000D_
&amp;lt;div class="bg-color"&amp;gt;&amp;lt;/div&amp;gt;_x000D_
&amp;lt;div class="header"&amp;gt;_x000D_
  &amp;lt;div class="container"&amp;gt;_x000D_
    &amp;lt;div class="row"&amp;gt;_x000D_
      &amp;lt;div class="col-md-12"&amp;gt;_x000D_
        &amp;lt;h2 class="logo"&amp;gt;VCODER&amp;lt;/h2&amp;gt;_x000D_
        &amp;lt;i class="fa fa-bars trigger-option"&amp;gt;&amp;lt;/i&amp;gt;_x000D_
      &amp;lt;/div&amp;gt;_x000D_
    &amp;lt;/div&amp;gt;_x000D_
  &amp;lt;/div&amp;gt;_x000D_
&amp;lt;/div&amp;gt;_x000D_
&amp;lt;div class="main-menu"&amp;gt;_x000D_
  &amp;lt;div class="menu-content"&amp;gt;_x000D_
    &amp;lt;ul class="mainmenu"&amp;gt;_x000D_
      &amp;lt;li&amp;gt;&amp;lt;a href="fa"&amp;gt;About us&amp;lt;/a&amp;gt;_x000D_
      &amp;lt;/li&amp;gt;_x000D_
      &amp;lt;li&amp;gt;&amp;lt;a href="#"&amp;gt;Intro&amp;lt;/a&amp;gt;_x000D_
      &amp;lt;/li&amp;gt;_x000D_
      &amp;lt;li&amp;gt;&amp;lt;a href="#"&amp;gt;Services&amp;lt;/a&amp;gt;_x000D_
      &amp;lt;/li&amp;gt;_x000D_
      &amp;lt;li&amp;gt;&amp;lt;a href="#"&amp;gt;Contact us&amp;lt;/a&amp;gt;_x000D_
      &amp;lt;/li&amp;gt;_x000D_
    &amp;lt;/ul&amp;gt;_x000D_
  &amp;lt;/div&amp;gt;&lt;/code&gt;&lt;/pre&gt;_x000D_
&lt;/div&gt;_x000D_
&lt;/div&gt;_x000D_
&lt;/p&gt;</t>
  </si>
  <si>
    <t>2015-07-05 12:21:39.303000+00:00</t>
  </si>
  <si>
    <t>2015-07-05 12:44:00.910000+00:00</t>
  </si>
  <si>
    <t>2015-07-05 12:28:47.977000+00:00</t>
  </si>
  <si>
    <t>Routing not working in angularjs</t>
  </si>
  <si>
    <t>&lt;p&gt;I'm new to Angularjs and have been learning about routing.&lt;/p&gt;
&lt;p&gt;I created a test application for routing but somehow it doesn't works!&lt;/p&gt;
&lt;p&gt;I have thoroughly checked all the official documentation and tried different combinations but not been able to make it work yet&lt;/p&gt;
&lt;p&gt;Here is the code: &lt;a href="http://plnkr.co/edit/msjFJfKPq5xm588RJjNP" rel="nofollow"&gt;http://plnkr.co/edit/msjFJfKPq5xm588RJjNP&lt;/a&gt;&lt;/p&gt;
&lt;p&gt;someone please help!&lt;/p&gt;
&lt;p&gt;Thanks in advance&lt;/p&gt;</t>
  </si>
  <si>
    <t>2014-04-28 17:24:42.813000+00:00</t>
  </si>
  <si>
    <t>2014-04-29 05:24:51.587000+00:00</t>
  </si>
  <si>
    <t>angularjs|angular-routing</t>
  </si>
  <si>
    <t>icon of uploaded file in gridview when file has saved in database</t>
  </si>
  <si>
    <t>&lt;p&gt;before i have a question about (icon of uploaded file in gridview) and recieved below code.&lt;/p&gt;
&lt;p&gt;this code seems that is for when we save files in the server.
now if we save files in database how i have to change the code.&lt;/p&gt;
&lt;pre&gt;&lt;code&gt;using System.Drawing;
using System.IO;
public string GetIconFromFile()
{
Icon ic = Icon.ExtractAssociatedIcon(Server.MapPath (".")+"/Files/Test.txt");
string imagePath=Server.MapPath(".") + "/Images/Test.ico";
if (ic != null)
{
   using (FileStream stream = new FileStream(imagePath, FileMode.OpenOrCreate))
   {
       ic.Save(stream);
    }
}
    return imagePath ;
}
protected void GridViewEfile_RowDataBound(object sender, GridViewRowEventArgs e)
{
if (e.Row.RowType == DataControlRowType.DataRow)
{
    System.Web.UI.WebControls.Image img = new System.Web.UI.WebControls.Image();
    img = (System.Web.UI.WebControls.Image)e.Row.FindControl("Image1");
    img.ImageUrl = GetIconFromFile();
}
}
&lt;/code&gt;&lt;/pre&gt;
&lt;p&gt;.aspx&lt;/p&gt;
&lt;pre&gt;&lt;code&gt; &amp;lt;Columns&amp;gt;
 &amp;lt;asp:TemplateField&amp;gt;
 &amp;lt;ItemTemplate&amp;gt;
    &amp;lt;asp:Image ID="Image1" runat="server" /&amp;gt;
      &amp;lt;asp:LinkButton ID="LinkButton1" runat="server" OnCommand="LinkButton1_Command" CommandName="Download" CommandArgument='&amp;lt;%#Eval("FileID")%&amp;gt;'&amp;gt;&amp;lt;%#Eval("FileName")%&amp;gt;&amp;lt;/asp:LinkButton&amp;gt;
  &amp;lt;/ItemTemplate&amp;gt;
&amp;lt;/asp:TemplateField&amp;gt;
&lt;/code&gt;&lt;/pre&gt;
&lt;p&gt;
&lt;/p&gt;
&lt;p&gt;the code for upload button when i want to save in the database is like below please help what change in function (GetIconFromFile()) , special when we need filename.ico&lt;/p&gt;
&lt;pre&gt;&lt;code&gt;protected void btnUpload_Click(object sender, EventArgs e)
{
    // Read the file and convert it to Byte Array
    string filePath = FileUpload1.PostedFile.FileName;
    string filename = Path.GetFileName(filePath);
    string ext = Path.GetExtension(filename);
    string contenttype = String.Empty;
    //Set the contenttype based on File Extension
    switch (ext)
    {
        case ".doc":
            contenttype = "application/vnd.ms-word";
            break;
        case ".docx":
            contenttype = "application/vnd.ms-word";
            break;
        case ".xls":
            contenttype = "application/vnd.ms-excel";
            break;
        case ".xlsx":
            contenttype = "application/vnd.ms-excel";
            break;
        case ".jpg":
            contenttype = "image/jpg";
            break;
        case ".png":
            contenttype = "image/png";
            break;
        case ".gif":
            contenttype = "image/gif";
            break;
        case ".pdf":
            contenttype = "application/pdf";
            break;
    }
    if (contenttype != String.Empty)
    {
        Stream fs = FileUpload1.PostedFile.InputStream;
        BinaryReader br = new BinaryReader(fs);
        Byte[] bytes = br.ReadBytes((Int32)fs.Length);
        //insert the file into database
&lt;/code&gt;&lt;/pre&gt;</t>
  </si>
  <si>
    <t>2012-11-17 15:32:45.823000+00:00</t>
  </si>
  <si>
    <t>2012-11-17 16:29:52.660000+00:00</t>
  </si>
  <si>
    <t>asp.net|linq</t>
  </si>
  <si>
    <t>Is it possible to view Record Zone Subscriptions (CKRecordZoneSubscription) in icloud dashboard</t>
  </si>
  <si>
    <t>&lt;p&gt;When I added a Query Subscription to my database, it showed up in the "Subscription Types" area of the iCloud Dashboard.  I changed to using a Zone Subscription, which doesn't seem to show anywhere.  &lt;/p&gt;
&lt;p&gt;If I check for subscriptions using fetchAllSubscriptionsWIthCompletionHandler I &gt;DO&amp;lt; get the subscription back, so I know it is present.  But it doesn't show up in the Subscription Type panel (see attached screenshot - I whited out identifying info that doesn't pertain to the question) &lt;/p&gt;
&lt;p&gt;Is this a dashboard issue, or is there some way to view custom Zone types of subscriptions that I am unaware of?  The documentation is woefully vague.&lt;/p&gt;
&lt;p&gt;TIA&lt;a href="https://i.stack.imgur.com/bcYyT.png" rel="nofollow noreferrer"&gt;&lt;img src="https://i.stack.imgur.com/bcYyT.png" alt="enter image description here"&gt;&lt;/a&gt;&lt;/p&gt;</t>
  </si>
  <si>
    <t>2016-12-09 17:37:45.727000+00:00</t>
  </si>
  <si>
    <t>2016-12-09 19:01:04.917000+00:00</t>
  </si>
  <si>
    <t>cloudkit</t>
  </si>
  <si>
    <t>Unable to execute MS-Access Query calling VBA function from C#</t>
  </si>
  <si>
    <t>&lt;p&gt;I am attempting to read a query result from MS Access database programatically.
Code snippet is as follows-&lt;/p&gt;
&lt;pre&gt;&lt;code&gt;using (var connection = new OleDbConnection("Provider=Microsoft.ACE.OLEDB.16.0;Data Source=C:\\Database1.accdb;"))
{
            connection.Open();
            using (var command = new OleDbCommand()
            {
                            CommandText =query,
                            CommandType = CommandType.Text,
                            Connection = connection
            })
            {
                            var reader = command.ExecuteReader();
                            if (reader != null)
                                            dataTable.Load(reader);
            }
}
&lt;/code&gt;&lt;/pre&gt;
&lt;p&gt;The code works fine when we have a simple query like -&lt;/p&gt;
&lt;p&gt;&lt;strong&gt;"SELECT column1,column2 FROM tableName"&lt;/strong&gt;&lt;/p&gt;
&lt;p&gt;But when I try to execute the following query:&lt;/p&gt;
&lt;p&gt;&lt;strong&gt;"SELECT func1([column1]),column2 FROM tableName"&lt;/strong&gt;&lt;/p&gt;
&lt;p&gt;I get an exception -
&lt;strong&gt;"Undefined function 'func1' in expression"&lt;/strong&gt;&lt;/p&gt;
&lt;p&gt;The function is in a &lt;strong&gt;VBA&lt;/strong&gt; module.&lt;/p&gt;
&lt;p&gt;Thanks in Advance!&lt;/p&gt;</t>
  </si>
  <si>
    <t>2018-06-05 12:35:40.807000+00:00</t>
  </si>
  <si>
    <t>2018-06-05 12:41:35.107000+00:00</t>
  </si>
  <si>
    <t>c#|ms-access|access-vba|oledb</t>
  </si>
  <si>
    <t>What is the maximum number of variables and constraints in NLOPT used on Python?</t>
  </si>
  <si>
    <t>&lt;p&gt;I guess each NLOPT algorithm has different scales. I'm more interested about the Global Optimizer ISRES and Local Optimizer COBYLA. What are their max limits? Thanks!&lt;/p&gt;</t>
  </si>
  <si>
    <t>2016-09-10 06:49:57.253000+00:00</t>
  </si>
  <si>
    <t>mathematical-optimization|nonlinear-optimization|nlopt</t>
  </si>
  <si>
    <t>Select/Highlight multiple rows in TreeView programatically</t>
  </si>
  <si>
    <t>&lt;p&gt;I have a TreeView and an array containing ModelIndexes from that tree. The treeview's &lt;code&gt;selectionMode&lt;/code&gt; is set to  &lt;code&gt;Controls.SelectionMode.ExtendedSelection&lt;/code&gt;.&lt;/p&gt;
&lt;p&gt;Is there a way to highlight all the rows in the tree based on the indexes in the array?&lt;/p&gt;
&lt;p&gt;I can already select just one row using&lt;/p&gt;
&lt;pre&gt;&lt;code&gt;myTreeView.selection.setCurrentIndex(myindex, ItemSelectionModel.ClearAndSelect)
&lt;/code&gt;&lt;/pre&gt;
&lt;p&gt;but I could not find a way to select/highlight multiple rows?&lt;/p&gt;</t>
  </si>
  <si>
    <t>2016-09-21 15:31:49.723000+00:00</t>
  </si>
  <si>
    <t>2016-09-22 08:34:28.327000+00:00</t>
  </si>
  <si>
    <t>qt|treeview|qml|qtquickcontrols|selectionmodel</t>
  </si>
  <si>
    <t>Regex to replace everything except numbers and a decimal point</t>
  </si>
  <si>
    <t>&lt;p&gt;I have a text field that needs to remain only text or decimal. Here is the code that I'm currently using to replace everything except numbers and a decimal point. Issue is, I can't figure out a regex that will identify everything else&lt;/p&gt;
&lt;pre&gt;&lt;code&gt;document.getElementById(target).value = newVal.replace(/\D[^\.]/g, "");
&lt;/code&gt;&lt;/pre&gt;
&lt;p&gt;The \D works fine, but I've tried &lt;code&gt;(?!.), (?!\.), [^.], [^\.]&lt;/code&gt; and so on...&lt;/p&gt;
&lt;p&gt;Any suggestions for a regular expression that identifies positively with anything except a number or a decimal?&lt;/p&gt;
&lt;p&gt;Thanks for the help&lt;/p&gt;</t>
  </si>
  <si>
    <t>2010-12-31 20:32:22.313000+00:00</t>
  </si>
  <si>
    <t>2018-05-21 13:33:32.280000+00:00</t>
  </si>
  <si>
    <t>C# How To Quit From Foreach Looping in WFA</t>
  </si>
  <si>
    <t>&lt;p&gt;Im new in C# programming. I tried to delete checked row in datagridview. This is my application form:&lt;/p&gt;
&lt;p&gt;&lt;a href="https://i.stack.imgur.com/bl01T.jpg" rel="nofollow noreferrer"&gt;&lt;img src="https://i.stack.imgur.com/bl01T.jpg" alt="enter image description here"&gt;&lt;/a&gt;&lt;/p&gt;
&lt;p&gt;And this is my button Delete code:&lt;/p&gt;
&lt;pre&gt;&lt;code&gt;private void btnDelete_Click(object sender, EventArgs e)
        {
                foreach (DataGridViewRow row in dataGridView1.Rows)
                {
                    object obt = row.Cells["select"].Value;
                    if ((String)obt == "yes")
                    {
                        if (MessageBox.Show("Are you sure you want to delete this item ?", "Confirm", MessageBoxButtons.YesNo) == DialogResult.Yes)
                        {
                            sqlCommand1.CommandText = "DELETE FROM BARANG WHERE kode_barang = '" + row.Cells[0].Value.ToString() + "'";
                            sqlConnection1.Open();
                            sqlCommand1.ExecuteNonQuery();
                            sqlConnection1.Close();
                        }
                        else if (MessageBox.Show("Are you sure you want to delete this item ?", "Confirm", MessageBoxButtons.YesNo) == DialogResult.No)
                        {
                        }
                    }
                }
            dataSet11.barang.Clear();
            sqlDataAdapter1.Fill(dataSet11);
        }
&lt;/code&gt;&lt;/pre&gt;
&lt;p&gt;I was able to delete single data in the datagridview also inside the database by checked the checkbox and click delete button. Before the data deleted. The program will shows a YesNo messageBox. But when i tried to delete multiple row from gridview. Program will show messageBox until 3 times (the number of checkbox i checked). My question is how to delete multiple rows just by showing one messagebox. So when i delete multiple rows, i just need to click yes in the message box in once.&lt;/p&gt;</t>
  </si>
  <si>
    <t>2015-09-23 05:59:34.460000+00:00</t>
  </si>
  <si>
    <t>2015-09-23 06:08:48.480000+00:00</t>
  </si>
  <si>
    <t>SQL Server : constraints and foreign keys</t>
  </si>
  <si>
    <t>&lt;p&gt;I have an assignment where I must&lt;/p&gt;
&lt;ol&gt;
&lt;li&gt;Create an Entity Relationship diagram of a particular situation, and &lt;/li&gt;
&lt;li&gt;Write up the SQL code to represent the diagram &lt;/li&gt;
&lt;/ol&gt;
&lt;p&gt;I am new to SQL Server, but I have a table &lt;code&gt;class&lt;/code&gt; that has a primary key &lt;code&gt;CRN varchar(10)(UNN)&lt;/code&gt; and two foreign keys, &lt;code&gt;emp_id varchar(20) (NN)&lt;/code&gt; which has a 1 mandatory relationship with instructor, and &lt;code&gt;room_number varchar(5) (UNN)&lt;/code&gt; which also has a 1 mandatory relationship with &lt;code&gt;Classroom&lt;/code&gt;. &lt;/p&gt;
&lt;p&gt;My code for table &lt;code&gt;Class&lt;/code&gt;: &lt;/p&gt;
&lt;pre&gt;&lt;code&gt;CREATE TABLE class
(
     CRN varchar(10) UNSIGNED NOT NULL, 
     emp_id varchar(20), 
     room_number varchar(5), 
     enrollment smallint UNSIGNED NOT NULL,
     CONSTRAINT pk_class PRIMARY KEY (CRN),
     CONSTRAINT fk_class 
         FOREIGN KEY (emp_id) REFERENCES instructor (emp_id),
     CONSTRAINT fk_class 
         FOREIGN KEY (room_number) REFERENCES classroom (room_number)
);
&lt;/code&gt;&lt;/pre&gt;
&lt;p&gt;The error I'm getting is: &lt;/p&gt;
&lt;blockquote&gt;
  &lt;p&gt;Constraint "FK_CLASS" already exists; SQL statement:&lt;br&gt;
  CREATE TABLE class&lt;br&gt;
  (CRN varchar(10) UNSIGNED NOT NULL,&lt;br&gt;
  emp_id varchar(20),&lt;br&gt;
  room_number varchar(5),&lt;br&gt;
  enrollment smallint UNSIGNED NOT NULL,&lt;br&gt;
  CONSTRAINT pk_class PRIMARY KEY (CRN),&lt;br&gt;
  CONSTRAINT fk_class FOREIGN KEY (emp_id) REFERENCES instructor (emp_id),&lt;br&gt;
  CONSTRAINT fk_class FOREIGN KEY (room_number) REFERENCES classroom (room_number) ) [90045-193]  &lt;/p&gt;
&lt;/blockquote&gt;
&lt;p&gt;I have seen many different examples on how to make a table have two foreign keys, but have had no luck. What am I doing wrong?&lt;/p&gt;</t>
  </si>
  <si>
    <t>2017-01-31 22:11:45.273000+00:00</t>
  </si>
  <si>
    <t>2017-01-31 22:33:16.937000+00:00</t>
  </si>
  <si>
    <t>sql|sql-server|foreign-keys|constraints</t>
  </si>
  <si>
    <t>How to remove files from wrongly merged branch?</t>
  </si>
  <si>
    <t>&lt;p&gt;I got two branches: master and ubuntu. Normally I merge master to 'ubuntu'. 'Ubuntu' branch contains master plus own '/debian' folder, which is not in the master. Due to mistake I merged 'ubuntu' to the master, and brought '/debian' folder to the master.&lt;/p&gt;
&lt;p&gt;I want to remove it from the master, but I want to be able to merge master to ubuntu without damaging it own '/debian' folder when I would merge master to 'ubuntu' again.&lt;/p&gt;
&lt;p&gt;How can I do this? Merge happened some time ago and there are tons of commits since than...&lt;/p&gt;</t>
  </si>
  <si>
    <t>2016-12-14 10:31:55.673000+00:00</t>
  </si>
  <si>
    <t>2016-12-14 15:26:14.217000+00:00</t>
  </si>
  <si>
    <t>git|git-merge</t>
  </si>
  <si>
    <t>When does JNI decide that it can release memory?</t>
  </si>
  <si>
    <t>&lt;p&gt;When I return a direct ByteBuffer to JNI, how long until it can get reclaimed by the JVM/GC?&lt;/p&gt;
&lt;p&gt;Suppose I have a function like this: &lt;/p&gt;
&lt;pre&gt;&lt;code&gt;void* func()
{
  [ ... ]
  jobject result = env-&amp;gt;CallStaticObjectMethod(testClass, doSomethingMethod);
  void* pointerToMemory = env-&amp;gt;GetDirectBufferAddress(result);
  return pointerToMemory;
}
&lt;/code&gt;&lt;/pre&gt;
&lt;p&gt;The JVM can't possibly know how long I'm going to use that &lt;code&gt;pointerToMemory&lt;/code&gt;, right? What if I want to hold on to that address and the corresponding memory for a while?&lt;/p&gt;
&lt;p&gt;Suppose I want to circumvent this issue and return a byte[] from Java to JNI like this:&lt;/p&gt;
&lt;pre&gt;&lt;code&gt;ByteBuffer buf;
byte[] b = new byte[1000];
buf = ByteBuffer.wrap(b);
buf.order(ByteOrder.BIG_ENDIAN); 
return buf.array();
&lt;/code&gt;&lt;/pre&gt;
&lt;p&gt;AND THEN do the same as above, I store a pointer to that byte[] and want to hold on to it for a while. How / when / why is the JVM going to come after that backing byte[] from Java?&lt;/p&gt;
&lt;pre&gt;&lt;code&gt;void* function()
{
  jbyteArray byteArr = (jbytearray)env-&amp;gt;CallStaticObjectMethod(testClass, doSomethingMethod);
  jbyte *b= env-&amp;gt;GetByteArrayElements(byteArr, 0);  
  return b;
}
&lt;/code&gt;&lt;/pre&gt;</t>
  </si>
  <si>
    <t>2013-03-01 12:05:32.460000+00:00</t>
  </si>
  <si>
    <t>2013-03-01 12:14:12.337000+00:00</t>
  </si>
  <si>
    <t>jvm|jni</t>
  </si>
  <si>
    <t>javascript load image on scroll</t>
  </si>
  <si>
    <t>&lt;p&gt;i want to build my own &lt;strong&gt;lazy images&lt;/strong&gt; using only javascript.&lt;/p&gt;
&lt;p&gt;so far, this is my code :&lt;/p&gt;
&lt;pre&gt;&lt;code&gt;&amp;lt;img src="images1.jpg" data-src="images2.jpg" /&amp;gt;
var body = document.body,
    html = document.documentElement;
var height = Math.max(body.scrollHeight, body.offsetHeight, html.clientHeight, html.scrollHeight, html.offsetHeight),
    screen = screen.height; 
    img = document.getElementsByTagName("img");
    window.addEventListener("scroll", function() {
    for(var i = 0; i &amp;lt; img.length; i++) {
        if (img[i].clientHeight &amp;gt;= height - screen) {
        var data = img[i].getAttribute("data-src");
        img[i].setAttribute('src','');
        img[i].setAttribute("src", data);
        }
    }
    });
&lt;/code&gt;&lt;/pre&gt;
&lt;p&gt;the problem is, the image data-src did not execute into src attribute on scroll event.&lt;/p&gt;
&lt;p&gt;i want it to execute when the images about &lt;strong&gt;200px before the viewport&lt;/strong&gt;.&lt;/p&gt;
&lt;p&gt;how to doing this? and what's wrong with my code? is it possible that my &lt;strong&gt;if condition&lt;/strong&gt; not correct?&lt;/p&gt;</t>
  </si>
  <si>
    <t>2015-11-21 12:25:49.070000+00:00</t>
  </si>
  <si>
    <t>2015-11-21 13:10:52.870000+00:00</t>
  </si>
  <si>
    <t>How to fix &lt;div&gt; height</t>
  </si>
  <si>
    <t>&lt;p&gt;My have a problem to make DIVs having fixed height. The following is the code.
All  contains some other elements except the &lt;code&gt;#gridDiv&lt;/code&gt;. gridDiv will be attached a grid at run time. and I want the gridDiv occupy 60% of the screen no matter it has grid inside or not. And if the grid is too long to fit in the gridDiv DIV, I wish the gridDiv have a scroll bar. &lt;/p&gt;
&lt;p&gt;Currently the gridDiv only has inline height. How can I achieve what I want? Thank you.&lt;/p&gt;
&lt;pre&gt;&lt;code&gt;&amp;lt;div id="mainDiv" style="display: block"&amp;gt;
    &amp;lt;div id="topDiv" style="display: block; height:20%; text-align:center"&amp;gt;&amp;lt;/div&amp;gt;
    &amp;lt;div id="bottomDiv" style="display: block; height:80%"&amp;gt;
        &amp;lt;div id="gridDiv" style="display: block; height:80%"&amp;gt;&amp;lt;/div&amp;gt;
        &amp;lt;div id="buttonDiv" style="display: block; width:100%; height:20%; text-align:center"&amp;gt;&amp;lt;/div&amp;gt;
    &amp;lt;/div&amp;gt;
&amp;lt;/div&amp;gt;
&lt;/code&gt;&lt;/pre&gt;</t>
  </si>
  <si>
    <t>2015-08-03 01:00:31.440000+00:00</t>
  </si>
  <si>
    <t>2015-08-03 05:46:36.213000+00:00</t>
  </si>
  <si>
    <t>2015-08-03 01:34:55.923000+00:00</t>
  </si>
  <si>
    <t>How to remove a substring using regular expression in objective-c?</t>
  </si>
  <si>
    <t>&lt;p&gt;I have the following strings:&lt;/p&gt;
&lt;ul&gt;
&lt;li&gt;mary poppins 50th anniversary edition&lt;/li&gt;
&lt;li&gt;the blues brothers 25th anniversary edition&lt;/li&gt;
&lt;/ul&gt;
&lt;p&gt;How can I find "[one or two digits]th anniversary edition" substring and remove it to eventually end with:&lt;/p&gt;
&lt;ul&gt;
&lt;li&gt;mary poppins&lt;/li&gt;
&lt;li&gt;the blues brothers&lt;/li&gt;
&lt;/ul&gt;
&lt;p&gt;Please note that 50th and 25th are just examples, and in reality it could be any number from 1 to 99.&lt;/p&gt;
&lt;p&gt;I guess it involves NSRegularExpression, but I'm not skilled with regular expression syntax...&lt;/p&gt;</t>
  </si>
  <si>
    <t>2016-03-06 20:09:32.833000+00:00</t>
  </si>
  <si>
    <t>2016-03-06 20:54:12.680000+00:00</t>
  </si>
  <si>
    <t>objective-c|regex|nsstring|nsregularexpression</t>
  </si>
  <si>
    <t>Color() arguments in ggplot are interfering</t>
  </si>
  <si>
    <t>&lt;p&gt;I am trying to add 3 regression lines to my plot: one for all my data, and 2 for subgroups. But subgroup legends (gr1 &amp;amp; gr2) appear as values of &lt;code&gt;color&lt;/code&gt; in the legend. &lt;/p&gt;
&lt;pre&gt;&lt;code&gt;set.seed(18)
data &amp;lt;- data.frame( 
    x = sample(seq(from=0, to=4, by=0.1), 100, replace=T),
    y = sample(seq(from=0, to=4, by=0.15), 100, replace=T),
    severity = sample.int(20, 100, replace=T),
    group = sample(c("gr1", "gr2"), 100, replace=T))
&lt;/code&gt;&lt;/pre&gt;
&lt;p&gt;This is how my plot is set up: &lt;/p&gt;
&lt;pre&gt;&lt;code&gt;ggplot() +
    geom_point(data=data, aes(x=x, y=y, color=as.factor(severity)))+
    geom_smooth(method="lm", data=data, aes(x, y)) +
    geom_smooth(method="lm", data=data, aes(x, y, color=group)) +
    labs(x="x", y="y", color="title")
&lt;/code&gt;&lt;/pre&gt;
&lt;p&gt;&lt;a href="https://i.stack.imgur.com/5xiGp.jpg" rel="nofollow noreferrer"&gt;&lt;img src="https://i.stack.imgur.com/5xiGp.jpg" alt="enter image description here"&gt;&lt;/a&gt;&lt;/p&gt;
&lt;p&gt;I'd like to have the subgroups as separate, explanatory legends (separate from the legend of &lt;code&gt;color=as.factor(severity)&lt;/code&gt;), and preferably with pre-determined colours. Any help would be appreciated.&lt;/p&gt;</t>
  </si>
  <si>
    <t>2018-01-10 13:04:19.843000+00:00</t>
  </si>
  <si>
    <t>2018-01-11 08:03:56.190000+00:00</t>
  </si>
  <si>
    <t>2018-01-10 13:17:46.027000+00:00</t>
  </si>
  <si>
    <t>How to search, find and print indexes of a word given by the user?</t>
  </si>
  <si>
    <t>&lt;ol&gt;
&lt;li&gt;Accept a paragraph from user.&lt;/li&gt;
&lt;li&gt;count number of words and characters&lt;/li&gt;
&lt;li&gt;Searches a word given by the user in the paragraph and prints out the indexes of that word.&lt;/li&gt;
&lt;/ol&gt;
&lt;p&gt;I have done 1 and 2, need help with 3.&lt;/p&gt;
&lt;p&gt;My code so far: &lt;/p&gt;
&lt;pre&gt;&lt;code&gt;#include &amp;lt;stdio.h&amp;gt;
#include &amp;lt;string.h&amp;gt;
#include &amp;lt;conio.h&amp;gt;
void main()
{
    char str[200];
    char search[20];
    int i,c1=0,c2=0;
    printf("enter the paragraph\n");
    gets(str);
    for (i = 0;str[i] != '\0';i++)
    {
        c1++;
        if (str[i] == ' ')
            c2++;    
    }
    printf("number of characters in given paragraph: %d\n", c1);
    printf("number of words in given paragraph: %d\n", c2+1);
}
&lt;/code&gt;&lt;/pre&gt;
&lt;p&gt;Thanks in advance for any guidance&lt;/p&gt;</t>
  </si>
  <si>
    <t>2017-05-19 15:19:56.417000+00:00</t>
  </si>
  <si>
    <t>2017-07-27 11:23:41.283000+00:00</t>
  </si>
  <si>
    <t>c|string|search|indexing</t>
  </si>
  <si>
    <t>c# Winforms: DataGridView leave event not getting value of last updated cell</t>
  </si>
  <si>
    <t>&lt;p&gt;I have a WinForms screen with a &lt;code&gt;DataGridView&lt;/code&gt; on it and Back/Next buttons. On &lt;code&gt;FormLoad&lt;/code&gt;, the grid is populated with values from an XML document. The user can then change the value of any cell in the grid. I've created a &lt;code&gt;SaveGridValuesToXml&lt;/code&gt; method which updates the XML file with the updated values from the grid cells. &lt;/p&gt;
&lt;p&gt;This mostly works okay, and I have fired the &lt;code&gt;SaveGridValuesToXml&lt;/code&gt; method from the Leave event on the grid, so when the user clicks back or next and the grid loses focus, the save method is called. &lt;/p&gt;
&lt;p&gt;The problem I have is that all the cell values are updated and reflected correctly in the XML file, EXCEPT for the cell which had focus when the grid loses focus. For example, in a three column grid, if I update the first, second and third cells in the first row, when the grid loses focus only the changes I made in the first and second cells are saved to my XML file. &lt;/p&gt;
&lt;p&gt;Code examples are as follows - the&lt;code&gt;LoadXmlDataIntoGridGridView()&lt;/code&gt; method is called when the parent form is loaded.&lt;/p&gt;
&lt;pre&gt;&lt;code&gt;XmlDataDocument xmlData = new XmlDataDocument();
private void LoadXmlDataIntoGridGridView()
{        
    xmlData.DataSet.ReadXml(@"C:\testFile.xml");
    uxMappingDataGridView.DataSource = xmlData.DataSet;
    uxMappingDataGridView.DataMember = "Item";
}
private void uxBackButton_Click(object sender, EventArgs e)
{
    this.Hide();
    uxSettingsUserControl settingsScreen 
       = ParentForm.Controls["uxSettingsUserControl"] as uxSettingsUserControl;
    settingsScreen.Show();
}
private void uxNextButton_Click(object sender, EventArgs e)
{
    this.Hide();
    uxLoadScriptUserControl loadScriptScreen 
       = ParentForm.Controls["uxLoadScriptUserControl"] as uxLoadScriptUserControl;
    loadScriptScreen.Show();
}
private void uxMappingDataGridView_Leave(object sender, EventArgs e)
{
    SaveGridValuesToXml();
}
private void SaveGridValuesToXml()
{   
    xmlData.DataSet.WriteXml(@"C:\testFile.xml");
}
&lt;/code&gt;&lt;/pre&gt;
&lt;p&gt;Any suggestions?&lt;/p&gt;</t>
  </si>
  <si>
    <t>2012-08-03 09:26:10.657000+00:00</t>
  </si>
  <si>
    <t>2016-12-02 09:11:53.980000+00:00</t>
  </si>
  <si>
    <t>c#|xml|winforms|datagridview|xmldataset</t>
  </si>
  <si>
    <t>App crashes on back button / Activities &amp; Intents</t>
  </si>
  <si>
    <t>&lt;p&gt;I have an android application which starts a new activity&lt;/p&gt;
&lt;pre&gt;&lt;code&gt;Intent startAuthorization = new Intent(AndroidActivity, AuthorizeUser.class);       
startActivityForResult(startAuthorization,4711);
&lt;/code&gt;&lt;/pre&gt;
&lt;p&gt;When that new activity is done (a ok button is clicked) I call&lt;/p&gt;
&lt;pre&gt;&lt;code&gt;setResult(RESULT_OK, returnResult);
finish();
&lt;/code&gt;&lt;/pre&gt;
&lt;p&gt;Which works fine. In case the user doesn't click the okay button but uses the return button of the phone (this arrow pointing around to the left) the application has a force close. I have set a breakpoint on the first line of my method onActivityResult but the debugger never stops there. I have no idea where the issue comes up - how can I find out? Is there a method I have to overwrite to handle this back button?&lt;/p&gt;</t>
  </si>
  <si>
    <t>2010-06-18 09:38:50.990000+00:00</t>
  </si>
  <si>
    <t>2010-06-18 09:44:55.633000+00:00</t>
  </si>
  <si>
    <t>2010-06-18 09:42:35.723000+00:00</t>
  </si>
  <si>
    <t>polymer, 'Computed' property not working in IE</t>
  </si>
  <si>
    <t>&lt;p&gt;why do not working in ie?&lt;/p&gt;
&lt;p&gt;&lt;a href="https://www.polymer-project.org/docs/polymer/polymer.html#computed-properties" rel="nofollow"&gt;https://www.polymer-project.org/docs/polymer/polymer.html#computed-properties&lt;/a&gt;&lt;/p&gt;
&lt;pre&gt;&lt;code&gt;&amp;lt;link rel="import" href="http://www.polymer-project.org/components/polymer/polymer.html"&amp;gt;
&amp;lt;polymer-element name="square-element" attributes="square"&amp;gt;
&amp;lt;template&amp;gt;
    &amp;lt;input type="number" value="{{num}}"&amp;gt;&amp;lt;br&amp;gt;
    &amp;lt;em&amp;gt;{{num}}^2 = {{square}}&amp;lt;/em&amp;gt;
&amp;lt;/template&amp;gt;
&amp;lt;script&amp;gt;
Polymer('square-element', {
    num: 2,
    computed: {
    square: 'num * num'
    }
});
&amp;lt;/script&amp;gt;
&lt;/code&gt;&lt;/pre&gt;
&lt;p&gt;&lt;/p&gt;
&lt;p&gt;i tested in ie10, ie11...
..
but  good in chrome&lt;/p&gt;
&lt;p&gt;thanks for your help..&lt;/p&gt;</t>
  </si>
  <si>
    <t>2014-12-01 05:31:56.323000+00:00</t>
  </si>
  <si>
    <t>2014-12-01 19:49:29.513000+00:00</t>
  </si>
  <si>
    <t>polymer</t>
  </si>
  <si>
    <t>Google storage public file security - access without a link?</t>
  </si>
  <si>
    <t>&lt;p&gt;I need to use google cloud storage to store some files that can contain sensitive information. File names will be generated using crypto function, and thus unguessable. Files will be made public.&lt;/p&gt;
&lt;p&gt;Is it safe to assume that the file list will not be available to public ? I.e. file can only be accessed by someone who knows the file name.&lt;/p&gt;
&lt;p&gt;I have ofc tried accessing the parent dir and bucket, and I do get rejected with unauthenticated error. I am wondering if there is or will ever be any other way to list the files.&lt;/p&gt;</t>
  </si>
  <si>
    <t>2016-08-15 13:07:19.920000+00:00</t>
  </si>
  <si>
    <t>2016-08-15 20:40:07.063000+00:00</t>
  </si>
  <si>
    <t>google-cloud-storage|google-compute-engine</t>
  </si>
  <si>
    <t>Entity Framework 6, DB first, Multiple Schemas One Model</t>
  </si>
  <si>
    <t>&lt;p&gt;I have a DB already defined with multiple schemas, each of them has exactly the same tables and relations (we need to separate the DB depending on project to be load).
I use EF6 wizard with the option EF Designer from DB (DB First), after choosing the connection, I can choose the tables, views and so on:&lt;/p&gt;
&lt;p&gt;&lt;a href="http://i.stack.imgur.com/5Ty6Z.jpg" rel="nofollow"&gt;DB Schemas&lt;/a&gt;&lt;/p&gt;
&lt;p&gt;If I choose here only one schema with all its tables (ie: P08590) then the model contains entities that will CRUD only tables from such schema (obviously).
The thing is that I need to CRUD data from different schemas depending on logging into one project.
After reading and googling a bit I���ve found that you can tell a class through an attribute which Table and Schema it refers to:&lt;/p&gt;
&lt;pre&gt;&lt;code&gt;[Table("P08590.ACTIVITIES")]
public partial class ACTIVITy
{
    ...
}
&lt;/code&gt;&lt;/pre&gt;
&lt;p&gt;So I came up with the idea to have some kind of global variable stored after logging in the app:&lt;/p&gt;
&lt;pre&gt;&lt;code&gt;[Table("ACTIVITIES", Schema = globalVariable)]
public partial class ACTIVITy
{
    ...
}
&lt;/code&gt;&lt;/pre&gt;
&lt;p&gt;But it���s not posible to pass a variable to an attribute. Is it any possible way to achieve this behavior? &lt;/p&gt;</t>
  </si>
  <si>
    <t>2016-05-31 17:15:47.840000+00:00</t>
  </si>
  <si>
    <t>2016-06-10 10:46:01.653000+00:00</t>
  </si>
  <si>
    <t>sql-server|database|entity-framework|asp.net-mvc-4|c#-4.0</t>
  </si>
  <si>
    <t>Fill paint inside image boundary onTouch in android</t>
  </si>
  <si>
    <t>&lt;p&gt;I'm creating custom view and a bitmap from drawable and drawing paint on x, y points. I'm able to draw paint, but its going outside the boundaries.&lt;/p&gt;
&lt;p&gt;&lt;strong&gt;Here's my code.&lt;/strong&gt;&lt;/p&gt;
&lt;pre&gt;&lt;code&gt;package com.example.finalpaint;
import java.util.ArrayList;
import android.content.Context;
import android.graphics.Bitmap;
import android.graphics.BitmapFactory;
import android.graphics.Canvas;
import android.graphics.Color;
import android.graphics.Paint;
import android.graphics.Path;
import android.view.MotionEvent;
import android.view.View;
import android.view.View.OnTouchListener;
public class CustomView extends View implements OnTouchListener {
    private Canvas mCanvas;
    private Path mPath;
    public Paint mPaint;
    private ArrayList&amp;lt;Path&amp;gt; paths = new ArrayList&amp;lt;Path&amp;gt;();
    Bitmap bmp;
    public CustomView(Context context) {
        super(context);
        setFocusable(true);
        setFocusableInTouchMode(true);
        setOnTouchListener((OnTouchListener) this);
       setBackgroundColor(Color.GRAY);
       // setDrawingCacheEnabled(true);
        bmp = BitmapFactory.decodeResource(getResources(), R.drawable.human_body_front);
        mPaint = new Paint();
        mPaint.setAntiAlias(true);
        mPaint.setDither(true);
        mPaint.setColor(Color.BLUE);
        mPaint.setStyle(Paint.Style.STROKE);
        mPaint.setStrokeJoin(Paint.Join.ROUND);
        mPaint.setStrokeCap(Paint.Cap.ROUND);
        mPaint.setStrokeWidth(30);
        mCanvas = new Canvas();
        mPath = new Path();
        paths.add(mPath);
    }
    @Override
    protected void onSizeChanged(int w, int h, int oldw, int oldh) {
        super.onSizeChanged(w, h, oldw, oldh);
    }
    @Override
    protected void onDraw(Canvas canvas) {
        canvas.drawBitmap(bmp, 0, 0, mPaint);
        for (Path p : paths) {
            canvas.drawPath(p, mPaint);
        }
    }
    private float mX, mY;
    private static final float TOUCH_TOLERANCE = 0;
    //Draw dw = new Draw();
    private void touch_start(float x, float y) {
        mPath.reset();
        mPath.moveTo(x, y);
        mX = x;
        mY = y;
    }
    private void touch_move(float x, float y) {
        float dx = Math.abs(x - mX);
        float dy = Math.abs(y - mY);
        if (dx &amp;gt;= TOUCH_TOLERANCE || dy &amp;gt;= TOUCH_TOLERANCE) {
            mPath.quadTo(mX, mY, (x + mX) / 2, (y + mY) / 2);
            mX = x;
            mY = y;
        }
    }
    private void touch_up() {
        mPath.lineTo(mX, mY);
        // commit the path to our offscreen
        mCanvas.drawPath(mPath, mPaint);
        // kill this so we don't double draw
        mPath = new Path();
        paths.add(mPath);
    }
    @Override
    public boolean onTouch(View arg0, MotionEvent event) {
        float x = event.getX();
        float y = event.getY();
        if ((int) event.getX() &amp;lt; 1)
            return false;
        if ((int) event.getY() &amp;lt; 1)
            return false;
        if ((int) event.getX() &amp;gt; bmp.getWidth())
            return false;
        if ((int) event.getY() &amp;gt; bmp.getHeight())
            return false;
        int color = bmp.getPixel((int)event.getX(), (int)event.getY());
        if(color == Color.TRANSPARENT)
            return false;
        if(color == Color.WHITE);
        switch (event.getAction()) {
        case MotionEvent.ACTION_DOWN:
            touch_start(x, y);
            invalidate();
            break;
        case MotionEvent.ACTION_MOVE:
            touch_move(x, y);
            invalidate();
            break;
        case MotionEvent.ACTION_UP:
            touch_up();
            invalidate();
            break;
        }
        return true;
      }
    }
&lt;/code&gt;&lt;/pre&gt;
&lt;p&gt;This is MainActivity, setting content view to custom view.&lt;/p&gt;
&lt;pre&gt;&lt;code&gt;package com.example.finalpaint;
import android.app.Activity;
import android.os.Bundle;
import android.view.Menu;
import android.view.MenuItem;
import android.view.MotionEvent;
import android.view.View;
public class MainActivity extends Activity {
    @Override
    protected void onCreate(Bundle savedInstanceState) {
        super.onCreate(savedInstanceState);
        //setContentView(R.layout.activity_main);
        CustomView view = new CustomView(this);
        setContentView(view);
    }
}
&lt;/code&gt;&lt;/pre&gt;
&lt;p&gt;I want to draw paint inside of an image within the boundaries when OnTouch.&lt;/p&gt;
&lt;p&gt;&lt;strong&gt;Here is my screenshot.&lt;/strong&gt;&lt;/p&gt;
&lt;p&gt;&lt;img src="https://i.stack.imgur.com/gXd3a.png" alt="1"&gt;&lt;/p&gt;</t>
  </si>
  <si>
    <t>2017-03-16 09:19:29.313000+00:00</t>
  </si>
  <si>
    <t>2017-08-17 05:27:32.277000+00:00</t>
  </si>
  <si>
    <t>2017-03-16 10:27:56.033000+00:00</t>
  </si>
  <si>
    <t>android|canvas|bitmap|paint</t>
  </si>
  <si>
    <t>How to make sure the user's original request URL is used after WS Federated authentication in OWIN app</t>
  </si>
  <si>
    <t>&lt;p&gt;I have an OWIN app that authenticates users with cookie authentication, and if that fails then it tries WS-Federated authentication. In other words, if the correct cookie isn't there in the initial request, then go to the STS and fetch the security token. &lt;/p&gt;
&lt;p&gt;The problem I'm having is making sure the user's original URL request is fulfilled if federated authentication is used. Thanks to &lt;a href="https://stackoverflow.com/questions/17408711/after-federated-authentication-redirect-to-originally-requested-url"&gt;this post&lt;/a&gt;, I realized that the redirect URL from the STS back to the OWIN app contains the "original" URL in the wctx query parameter. The issue is that this value is set, as far as I can tell, using &lt;a href="https://msdn.microsoft.com/en-us/library/microsoft.owin.security.wsfederation.wsfederationauthenticationoptions.wtrealm(v=vs.113).aspx#P:Microsoft.Owin.Security.WsFederation.WsFederationAuthenticationOptions.Wtrealm" rel="nofollow noreferrer"&gt;&lt;code&gt;WsFederationAuthenticationOptions.Wtrealm&lt;/code&gt;&lt;/a&gt; (perhaps &lt;code&gt;Wreply&lt;/code&gt;?). This is a problem because these values are set in the initial configuration. I don't want a hard coded value -- I just want the URL the user originally used (i.e. &lt;code&gt;IOwinContext.Request.Uri&lt;/code&gt;). The documentation for &lt;code&gt;Wtrealm&lt;/code&gt; and &lt;code&gt;Wreply&lt;/code&gt; does not help explain what the values should be.&lt;/p&gt;
&lt;p&gt;I thought I could sneakily set &lt;code&gt;Wtrealm&lt;/code&gt; to the user's request URL before redirecting to the STS, but apparently it's already set by the time &lt;code&gt;RedirectToIdentityProvider&lt;/code&gt; notification is raised:&lt;/p&gt;
&lt;pre&gt;&lt;code&gt;RedirectToIdentityProvider = context =&amp;gt;
{
    context.Options.Wtrealm = context.Request.Uri.ToString();
}
&lt;/code&gt;&lt;/pre&gt;
&lt;p&gt;Does anyone know what the correct approach is? Is there a way to make &lt;code&gt;Wtrealm&lt;/code&gt; in the initial configuration the user's request URL? Or is &lt;code&gt;Wtrealm&lt;/code&gt; not what I think it is, and I should be approaching this in a different way?&lt;/p&gt;</t>
  </si>
  <si>
    <t>2017-11-06 18:40:43.387000+00:00</t>
  </si>
  <si>
    <t>2017-11-07 00:01:06.943000+00:00</t>
  </si>
  <si>
    <t>2017-11-06 23:15:20.747000+00:00</t>
  </si>
  <si>
    <t>c#|.net|authentication|owin|ws-federation</t>
  </si>
  <si>
    <t>SSL Context for older python version</t>
  </si>
  <si>
    <t>&lt;p&gt;I have a code as below :&lt;/p&gt;
&lt;pre&gt;&lt;code&gt;headers = {'content-type': 'ContentType.APPLICATION_XML'}
uri = "www.client.url.com/hit-here/"
clientCert = "path/to/cert/abc.crt"
clientKey = "path/to/key/abc.key"
PROTOCOL = ssl.PROTOCOL_TLSv1
context = ssl.SSLContext(PROTOCOL)
context.load_default_certs()
context.load_cert_chain(clientCert, clientKey)
conn = httplib.HTTPSConnection(uri, some_port, context=context)
&lt;/code&gt;&lt;/pre&gt;
&lt;p&gt;I am not really a network programmer, so i did some googling for handshake connection and found &lt;code&gt;ssl.SSLContext(PROTOCOL)&lt;/code&gt; as the needed function, code works fine.&lt;/p&gt;
&lt;p&gt;Then i hit the roadblock, my local has version 2.7.10 but all the production boxes have 2.7.3 with them, so &lt;code&gt;SSLContext&lt;/code&gt; is not supported and upgrading python version is not an option / in control.&lt;/p&gt;
&lt;p&gt;I tried reading &lt;a href="https://docs.python.org/2.6/library/ssl.html"&gt;ssl ��� SSL wrapper for socket objects&lt;/a&gt; but couldn't make sense out of it.&lt;/p&gt;
&lt;p&gt;what i tried (&lt;em&gt;in vain&lt;/em&gt;) :&lt;/p&gt;
&lt;pre&gt;&lt;code&gt;s_ = socket.socket(socket.AF_INET, socket.SOCK_STREAM)
s = ssl.wrap_socket(s_, keyfile=clientKey, certfile=clientCert, cert_reqs=ssl.CERT_REQUIRED)
new_conn = s.connect((uri, some_port))
&lt;/code&gt;&lt;/pre&gt;
&lt;p&gt;but returns : &lt;/p&gt;
&lt;pre&gt;&lt;code&gt;SSLError(1, u'[SSL: CERTIFICATE_VERIFY_FAILED] certificate verify failed (_ssl.c:590)')
&lt;/code&gt;&lt;/pre&gt;
&lt;p&gt;&lt;strong&gt;Question&lt;/strong&gt; - how to generate SSL Context on older version so as to have a secure https connection?&lt;/p&gt;</t>
  </si>
  <si>
    <t>2016-03-16 04:33:14.690000+00:00</t>
  </si>
  <si>
    <t>2016-03-29 06:30:42.097000+00:00</t>
  </si>
  <si>
    <t>2016-03-16 04:54:03.917000+00:00</t>
  </si>
  <si>
    <t>python|sockets|ssl|https|sslcontext</t>
  </si>
  <si>
    <t>Why my *Timeout settings are ignored?</t>
  </si>
  <si>
    <t>&lt;p&gt;My solution contains two projects: WCF services and WCF client. The order of launching:&lt;/p&gt;
&lt;p&gt;&lt;a href="https://i.stack.imgur.com/CCtMW.png" rel="nofollow noreferrer"&gt;&lt;img src="https://i.stack.imgur.com/CCtMW.png" alt="enter image description here"&gt;&lt;/a&gt;&lt;/p&gt;
&lt;p&gt;When I manually launch my service and later my client it works fine. But if I do the same through IDE in the Debug mode then time of time I get the exception:&lt;/p&gt;
&lt;blockquote&gt;
  &lt;p&gt;An unhandled exception of type
  &lt;code&gt;System.ServiceModel.EndpointNotFoundException&lt;/code&gt; occurred in
  &lt;code&gt;mscorlib.dll&lt;/code&gt;&lt;/p&gt;
  &lt;p&gt;&lt;strong&gt;Additional information:&lt;/strong&gt; Listening on &lt;code&gt;net.pipe://localhost/&lt;/code&gt; wasn't
  executed by any ending point who could accept the message. Among other
  causes it could be caused by the wrong address or action of SOAP. For
  more details see in the description of InnerException (&lt;em&gt;if is
  available&lt;/em&gt;).&lt;/p&gt;
&lt;/blockquote&gt;
&lt;p&gt;But my client's &lt;code&gt;Config&lt;/code&gt;-file contains timeout settings:&lt;/p&gt;
&lt;pre&gt;&lt;code&gt;&amp;lt;?xml version="1.0" encoding="utf-8" ?&amp;gt;
&amp;lt;configuration&amp;gt;
    &amp;lt;startup&amp;gt; 
        &amp;lt;supportedRuntime version="v4.0" sku=".NETFramework,Version=v4.6" /&amp;gt;
    &amp;lt;/startup&amp;gt;
    &amp;lt;system.serviceModel&amp;gt;
        &amp;lt;bindings&amp;gt;
          &amp;lt;netNamedPipeBinding&amp;gt;
            &amp;lt;binding
                     closeTimeout="00:30:30"
                     openTimeout="00:30:30"
                     receiveTimeout="00:30:30"
                     sendTimeout="00:30:30"/&amp;gt;
          &amp;lt;/netNamedPipeBinding&amp;gt;
        &amp;lt;/bindings&amp;gt;
        &amp;lt;client&amp;gt;
          &amp;lt;endpoint name="pipe1"
                    address="net.pipe://localhost"
                    binding="netNamedPipeBinding"
                    contract="ServiceReference1.IContent"/&amp;gt;
          &amp;lt;endpoint name="pipe2"
                    address="net.pipe://localhost"
                    binding="netNamedPipeBinding"
                    contract="ServiceReference1.IMessages"/&amp;gt;
        &amp;lt;/client&amp;gt;
    &amp;lt;/system.serviceModel&amp;gt;
&amp;lt;/configuration&amp;gt;
&lt;/code&gt;&lt;/pre&gt;
&lt;p&gt;Why the exception occur time of time in the Debug mode?&lt;/p&gt;
&lt;p&gt;&lt;strong&gt;UPD&lt;/strong&gt;&lt;/p&gt;
&lt;p&gt;Additional variant of the decission:&lt;/p&gt;
&lt;pre&gt;&lt;code&gt;#if DEBUG
            System.Threading.Thread.Sleep(1000);
#endif
&lt;/code&gt;&lt;/pre&gt;</t>
  </si>
  <si>
    <t>2016-04-16 13:54:00.497000+00:00</t>
  </si>
  <si>
    <t>2016-04-16 14:22:13.417000+00:00</t>
  </si>
  <si>
    <t>Reuse field values in WHERE clause</t>
  </si>
  <si>
    <t>&lt;p&gt;How do I optimize the performance of the following &lt;code&gt;T-SQL&lt;/code&gt; so &lt;code&gt;heavyFunctionCall&lt;/code&gt; function will get called just once. &lt;/p&gt;
&lt;p&gt;Looking for the fastest option among table variables, temp tables, CTEsor something else?&lt;/p&gt;
&lt;p&gt;SQL:&lt;/p&gt;
&lt;pre&gt;&lt;code&gt;select dbo.heavyFunctionCall(a, b, c) 
from T 
where dbo.heavyFunctionCall(a, b, c) &amp;gt; 10
&lt;/code&gt;&lt;/pre&gt;</t>
  </si>
  <si>
    <t>2015-02-24 11:45:38.357000+00:00</t>
  </si>
  <si>
    <t>2015-03-01 11:46:50.893000+00:00</t>
  </si>
  <si>
    <t>tsql|where|sql-server-2014</t>
  </si>
  <si>
    <t>Javascript, Jquery - break if statment</t>
  </si>
  <si>
    <t>&lt;p&gt;I have this part of code:&lt;/p&gt;
&lt;pre&gt;&lt;code&gt;if(mess &amp;lt;= 0 || mess &amp;lt; -width) {
img_container.find('ul').animate({'margin-left' : mess + 'px' }, 1000);
}
&lt;/code&gt;&lt;/pre&gt;
&lt;p&gt;I need this to stop working when &lt;strong&gt;mess&lt;/strong&gt; is lesser the &lt;strong&gt;-width&lt;/strong&gt;. How can I do this?&lt;/p&gt;</t>
  </si>
  <si>
    <t>2012-10-16 13:28:27.827000+00:00</t>
  </si>
  <si>
    <t>2012-10-16 13:38:51.793000+00:00</t>
  </si>
  <si>
    <t>2012-10-16 13:29:32.357000+00:00</t>
  </si>
  <si>
    <t>Data manipulation in PySpark</t>
  </si>
  <si>
    <t>&lt;p&gt;I have a dataframe A, whose content is as below:&lt;/p&gt;
&lt;pre&gt;&lt;code&gt;site id       date1      date2
  A         4/14/2001   1/1/1997
  B         3/04/2000   4/8/1999
&lt;/code&gt;&lt;/pre&gt;
&lt;p&gt;I want to pivot down data and store it in another dataframe B, so that final output should look like below:&lt;/p&gt;
&lt;pre&gt;&lt;code&gt;site id   dates_column  dates_value
A          date1       4/14/2001
A          date2       1/1/1997
B          date1       3/4/2000
B          date2       4/8/1999
&lt;/code&gt;&lt;/pre&gt;
&lt;p&gt;I want to achieve it using PySpark. Any help will be appreciated on this.&lt;/p&gt;</t>
  </si>
  <si>
    <t>2018-01-17 14:52:00.633000+00:00</t>
  </si>
  <si>
    <t>2018-01-18 04:12:06.360000+00:00</t>
  </si>
  <si>
    <t>apache-spark|pyspark|spark-dataframe</t>
  </si>
  <si>
    <t>Rails render Xml</t>
  </si>
  <si>
    <t>&lt;p&gt;In my Rails app,I run the follow action:&lt;/p&gt;
&lt;pre&gt;&lt;code&gt;def test  
    data={:student=&amp;gt;{:name=&amp;gt;'hxh',:age=&amp;gt;12}}
    render xml: data 
end
&lt;/code&gt;&lt;/pre&gt;
&lt;p&gt;I got &lt;/p&gt;
&lt;pre&gt;&lt;code&gt;&amp;lt;hash slick-uniqueid="3"&amp;gt;
  &amp;lt;div&amp;gt;
    &amp;lt;a id="slick_uniqueid"/&amp;gt;
  &amp;lt;/div&amp;gt;
  &amp;lt;student&amp;gt;
    &amp;lt;name&amp;gt;hxh&amp;lt;/name&amp;gt;
    &amp;lt;age type="integer"&amp;gt;12&amp;lt;/age&amp;gt;
  &amp;lt;/student&amp;gt;
&amp;lt;/hash&amp;gt;
&lt;/code&gt;&lt;/pre&gt;
&lt;p&gt;But I just want:&lt;/p&gt;
&lt;pre&gt;&lt;code&gt;&amp;lt;student&amp;gt;
    &amp;lt;name&amp;gt;hxh&amp;lt;/name&amp;gt;
    &amp;lt;age type="integer"&amp;gt;12&amp;lt;/age&amp;gt;
 &amp;lt;/student&amp;gt; 
&lt;/code&gt;&lt;/pre&gt;
&lt;p&gt;How I should realize this?&lt;/p&gt;</t>
  </si>
  <si>
    <t>2014-05-29 06:43:57.290000+00:00</t>
  </si>
  <si>
    <t>2014-05-29 07:10:34.033000+00:00</t>
  </si>
  <si>
    <t>ruby-on-rails|xml</t>
  </si>
  <si>
    <t>Node JS as HTTP Server and as tcp socket client at once</t>
  </si>
  <si>
    <t>&lt;p&gt;I'm creating node js application as a http server that communicate to tcp socket server, and the code look's like this:&lt;/p&gt;
&lt;pre&gt;&lt;code&gt;var http = require('http');
var net = require('net');
var url = require('url') ;
const PORT=8080;
var client = new net.Socket();
    client.connect(9000,'xxx.xxx.xxx.xxx', function(){
    console.log('Connected');
});
function handleRequest(request, response){
    var qo = url.parse(request.url,true).query;
        if(typeof qo.q=="undefined"){
            response.end("ERROR");
        }else{
            client.write(decodeURIComponent(qo.q));
            client.on('data',function(data){
            response.writeHead(200, {'Content-Type': 'text/html','Access-Control-Allow-Headers':'Content-Type,Access-Control-Allow-Headers,Access-Control-Allow-Origin,X-Powered-ByX-Powered-By','Access-Control-Allow-Origin': '*','X-Powered-By':'Poltak ganteng'});
            response.end(data);
            });
        }
}
var server = http.createServer(handleRequest);
server.listen(PORT, function(){
        console.log("Server listening on: http://localhost:%s", PORT);
});
&lt;/code&gt;&lt;/pre&gt;
&lt;p&gt;i'm afraid that code not working properly to handle multiple request at a time. is there any way to handle multiple request and get correct response to requestor?&lt;/p&gt;</t>
  </si>
  <si>
    <t>2016-06-10 16:23:50.053000+00:00</t>
  </si>
  <si>
    <t>2016-06-10 16:40:57.517000+00:00</t>
  </si>
  <si>
    <t>javascript|node.js|sockets|tcp</t>
  </si>
  <si>
    <t>filter and store the result using spark</t>
  </si>
  <si>
    <t>&lt;p&gt;I am having file which contain data like below:&lt;/p&gt;
&lt;pre&gt;&lt;code&gt;100|hyd|xxx|32
101|chn|yyy|98
103|chn|abc|87
104|hyd|nbx|56
&lt;/code&gt;&lt;/pre&gt;
&lt;p&gt;Here I want to filter the data based on location(hyd,chn) and store it in a text file.
I tried the below code.&lt;/p&gt;
&lt;pre&gt;&lt;code&gt;val file=sc.textFile("/home/cloudera/abc.txt")
val file2=file.map(line=&amp;gt;line.split("\\|"))
val file3 = file2.filter(line=&amp;gt;line.apply(1).matches("hyd")).saveAsTextFile("/home/cloudera/hyd")
&lt;/code&gt;&lt;/pre&gt;
&lt;p&gt;When I check the /home/cloudera/hyd/part-00000 path data is stored in object format.
[Ljava.lang.String;@679e1175&lt;/p&gt;
&lt;p&gt;I want the data to be stored in plain text format.&lt;/p&gt;
&lt;pre&gt;&lt;code&gt;100|hyd|xxx|32
104|hyd|nbx|56
&lt;/code&gt;&lt;/pre&gt;
&lt;p&gt;Thank you.&lt;/p&gt;</t>
  </si>
  <si>
    <t>2017-01-08 07:36:49.360000+00:00</t>
  </si>
  <si>
    <t>2017-01-27 19:17:16.820000+00:00</t>
  </si>
  <si>
    <t>How to extract file location (that has a space) from command line argument in batch script</t>
  </si>
  <si>
    <t>&lt;p&gt;My batch file accepts 4 arguments:
mybatch.bat -name=path leading to a file -type=some predefined enum&lt;/p&gt;
&lt;p&gt;i then pass it to another batch file to check if both values are given.&lt;/p&gt;
&lt;p&gt;My question is when i receive path containing a space how do i extract the location of the file. It might or might not contain space.&lt;/p&gt;
&lt;p&gt;I know how to handle without space.&lt;/p&gt;
&lt;h2&gt;Contents of main bat file&lt;/h2&gt;
&lt;pre&gt;&lt;code&gt;set arg1=%~1
set arg2=%~2
set arg3=%~3
set arg4=%~4
set name=
set sType=
if "%*" == "" (
goto Help 
)
call parse.bat
if %errorlevel% equ 1 (
goto error
) else if %errorlevel% equ 2 (
goto Help 
)
set file=%name%
FOR %%i IN ("%file%") DO (
set filedrive=%%~di
set filepath=%%~pi
set filename=%%~ni
)
set fileLoc=%filedrive%%filepath%
set name=%filename%
&lt;/code&gt;&lt;/pre&gt;
&lt;h2&gt;Contents of parse.bat&lt;/h2&gt;
&lt;pre&gt;&lt;code&gt;if defined arg5 echo "invalid argument" &amp;amp; goto :error
if /I %arg1% equ -help (
exit /b 2
) else if /I %arg1% equ -h (
exit /b 2
)
if /I %arg1% equ -name (
    set name=!arg2!
) else if /I %arg1% equ -sType (
    set sType=%arg2%
) else (
    goto :error
)
if not defined arg3 goto :chkparam
if /I %arg3% equ -name (
    set name=%arg4%
) else if /I %arg3% equ -sType (
    set sType=%arg4%
) else (
    goto :error 
)
&lt;/code&gt;&lt;/pre&gt;
&lt;h2&gt;The moment i enter a path which has space in between it says :&lt;/h2&gt;
&lt;pre&gt;&lt;code&gt;main.bat -name="c:\tmp\New folder\file2.txt" -stype=other
folder\file2.txt" -stype=other" was unexpected at this time.
&lt;/code&gt;&lt;/pre&gt;</t>
  </si>
  <si>
    <t>2018-03-08 14:09:06.253000+00:0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1"/>
      <color theme="1"/>
      <name val="Calibri"/>
      <family val="2"/>
      <scheme val="minor"/>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57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 fillId="32" borderId="0" applyNumberFormat="0" applyBorder="0" applyAlignment="0" applyProtection="0"/>
  </cellStyleXfs>
  <cellXfs count="2">
    <xf numFmtId="0" fontId="0" fillId="0" borderId="0" xfId="0"/>
    <xf numFmtId="0" fontId="0" fillId="0" borderId="0" xfId="0" applyAlignment="1">
      <alignment wrapText="1"/>
    </xf>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0001"/>
  <sheetViews>
    <sheetView tabSelected="1" workbookViewId="0"/>
  </sheetViews>
  <sheetFormatPr defaultRowHeight="15" x14ac:dyDescent="0.25"/>
  <sheetData>
    <row r="1" spans="1:19" x14ac:dyDescent="0.25">
      <c r="A1" t="s">
        <v>0</v>
      </c>
      <c r="B1" t="s">
        <v>1</v>
      </c>
      <c r="C1" t="s">
        <v>2</v>
      </c>
      <c r="D1" t="s">
        <v>3</v>
      </c>
      <c r="E1" t="s">
        <v>4</v>
      </c>
      <c r="F1" t="s">
        <v>5</v>
      </c>
      <c r="G1" t="s">
        <v>6</v>
      </c>
      <c r="H1" t="s">
        <v>7</v>
      </c>
      <c r="I1" t="s">
        <v>8</v>
      </c>
      <c r="J1" t="s">
        <v>9</v>
      </c>
      <c r="K1" t="s">
        <v>10</v>
      </c>
      <c r="L1" t="s">
        <v>11</v>
      </c>
      <c r="M1" t="s">
        <v>12</v>
      </c>
      <c r="N1" t="s">
        <v>13</v>
      </c>
      <c r="O1" t="s">
        <v>14</v>
      </c>
      <c r="P1" t="s">
        <v>15</v>
      </c>
      <c r="Q1" t="s">
        <v>16</v>
      </c>
      <c r="R1" t="s">
        <v>17</v>
      </c>
      <c r="S1" t="s">
        <v>18</v>
      </c>
    </row>
    <row r="2" spans="1:19" x14ac:dyDescent="0.25">
      <c r="A2">
        <v>49109733</v>
      </c>
      <c r="B2" t="s">
        <v>19</v>
      </c>
      <c r="C2" s="1" t="s">
        <v>20</v>
      </c>
      <c r="E2">
        <v>0</v>
      </c>
      <c r="F2">
        <v>1</v>
      </c>
      <c r="H2" t="s">
        <v>21</v>
      </c>
      <c r="J2" t="s">
        <v>21</v>
      </c>
      <c r="O2">
        <v>2169274</v>
      </c>
      <c r="P2">
        <v>1</v>
      </c>
      <c r="Q2">
        <v>0</v>
      </c>
      <c r="R2" t="s">
        <v>22</v>
      </c>
      <c r="S2">
        <v>27</v>
      </c>
    </row>
    <row r="3" spans="1:19" x14ac:dyDescent="0.25">
      <c r="A3">
        <v>44662632</v>
      </c>
      <c r="B3" t="s">
        <v>23</v>
      </c>
      <c r="C3" s="1" t="s">
        <v>24</v>
      </c>
      <c r="E3">
        <v>0</v>
      </c>
      <c r="F3">
        <v>2</v>
      </c>
      <c r="H3" t="s">
        <v>25</v>
      </c>
      <c r="J3" t="s">
        <v>25</v>
      </c>
      <c r="N3" t="s">
        <v>26</v>
      </c>
      <c r="P3">
        <v>1</v>
      </c>
      <c r="Q3">
        <v>0</v>
      </c>
      <c r="R3" t="s">
        <v>27</v>
      </c>
      <c r="S3">
        <v>20</v>
      </c>
    </row>
    <row r="4" spans="1:19" x14ac:dyDescent="0.25">
      <c r="A4">
        <v>45338606</v>
      </c>
      <c r="B4" t="s">
        <v>28</v>
      </c>
      <c r="C4" s="1" t="s">
        <v>29</v>
      </c>
      <c r="D4">
        <v>45339322</v>
      </c>
      <c r="E4">
        <v>1</v>
      </c>
      <c r="F4">
        <v>2</v>
      </c>
      <c r="H4" t="s">
        <v>30</v>
      </c>
      <c r="J4" t="s">
        <v>31</v>
      </c>
      <c r="O4">
        <v>8100494</v>
      </c>
      <c r="P4">
        <v>1</v>
      </c>
      <c r="Q4">
        <v>2</v>
      </c>
      <c r="R4" t="s">
        <v>32</v>
      </c>
      <c r="S4">
        <v>56</v>
      </c>
    </row>
    <row r="5" spans="1:19" x14ac:dyDescent="0.25">
      <c r="A5">
        <v>50876533</v>
      </c>
      <c r="B5" t="s">
        <v>33</v>
      </c>
      <c r="C5" s="1" t="s">
        <v>34</v>
      </c>
      <c r="D5">
        <v>50880737</v>
      </c>
      <c r="E5">
        <v>1</v>
      </c>
      <c r="F5">
        <v>1</v>
      </c>
      <c r="H5" t="s">
        <v>35</v>
      </c>
      <c r="J5" t="s">
        <v>36</v>
      </c>
      <c r="O5">
        <v>684776</v>
      </c>
      <c r="P5">
        <v>1</v>
      </c>
      <c r="Q5">
        <v>0</v>
      </c>
      <c r="R5" t="s">
        <v>37</v>
      </c>
      <c r="S5">
        <v>66</v>
      </c>
    </row>
    <row r="6" spans="1:19" x14ac:dyDescent="0.25">
      <c r="A6">
        <v>13658739</v>
      </c>
      <c r="B6" t="s">
        <v>38</v>
      </c>
      <c r="C6" s="1" t="s">
        <v>39</v>
      </c>
      <c r="D6">
        <v>13659220</v>
      </c>
      <c r="E6">
        <v>2</v>
      </c>
      <c r="F6">
        <v>8</v>
      </c>
      <c r="H6" t="s">
        <v>40</v>
      </c>
      <c r="J6" t="s">
        <v>41</v>
      </c>
      <c r="K6" t="s">
        <v>42</v>
      </c>
      <c r="M6">
        <v>418556</v>
      </c>
      <c r="O6">
        <v>1184717</v>
      </c>
      <c r="P6">
        <v>1</v>
      </c>
      <c r="Q6">
        <v>0</v>
      </c>
      <c r="R6" t="s">
        <v>43</v>
      </c>
      <c r="S6">
        <v>2065</v>
      </c>
    </row>
    <row r="7" spans="1:19" x14ac:dyDescent="0.25">
      <c r="A7">
        <v>48378017</v>
      </c>
      <c r="B7" t="s">
        <v>44</v>
      </c>
      <c r="C7" s="1" t="s">
        <v>45</v>
      </c>
      <c r="E7">
        <v>1</v>
      </c>
      <c r="F7">
        <v>0</v>
      </c>
      <c r="H7" t="s">
        <v>46</v>
      </c>
      <c r="J7" t="s">
        <v>47</v>
      </c>
      <c r="K7" t="s">
        <v>48</v>
      </c>
      <c r="M7">
        <v>5620296</v>
      </c>
      <c r="O7">
        <v>5620296</v>
      </c>
      <c r="P7">
        <v>1</v>
      </c>
      <c r="Q7">
        <v>1</v>
      </c>
      <c r="R7" t="s">
        <v>49</v>
      </c>
      <c r="S7">
        <v>366</v>
      </c>
    </row>
    <row r="8" spans="1:19" x14ac:dyDescent="0.25">
      <c r="A8">
        <v>23340309</v>
      </c>
      <c r="B8" t="s">
        <v>50</v>
      </c>
      <c r="C8" s="1" t="s">
        <v>51</v>
      </c>
      <c r="D8">
        <v>23340436</v>
      </c>
      <c r="E8">
        <v>1</v>
      </c>
      <c r="F8">
        <v>3</v>
      </c>
      <c r="H8" t="s">
        <v>52</v>
      </c>
      <c r="J8" t="s">
        <v>53</v>
      </c>
      <c r="K8" t="s">
        <v>53</v>
      </c>
      <c r="M8">
        <v>3469002</v>
      </c>
      <c r="O8">
        <v>3469002</v>
      </c>
      <c r="P8">
        <v>1</v>
      </c>
      <c r="Q8">
        <v>0</v>
      </c>
      <c r="R8" t="s">
        <v>54</v>
      </c>
      <c r="S8">
        <v>2057</v>
      </c>
    </row>
    <row r="9" spans="1:19" x14ac:dyDescent="0.25">
      <c r="A9">
        <v>39245303</v>
      </c>
      <c r="B9" t="s">
        <v>55</v>
      </c>
      <c r="C9" s="1" t="s">
        <v>56</v>
      </c>
      <c r="D9">
        <v>39245361</v>
      </c>
      <c r="E9">
        <v>1</v>
      </c>
      <c r="F9">
        <v>1</v>
      </c>
      <c r="H9" t="s">
        <v>57</v>
      </c>
      <c r="J9" t="s">
        <v>58</v>
      </c>
      <c r="O9">
        <v>911930</v>
      </c>
      <c r="P9">
        <v>1</v>
      </c>
      <c r="Q9">
        <v>1</v>
      </c>
      <c r="R9" t="s">
        <v>59</v>
      </c>
      <c r="S9">
        <v>69</v>
      </c>
    </row>
    <row r="10" spans="1:19" x14ac:dyDescent="0.25">
      <c r="A10">
        <v>32142697</v>
      </c>
      <c r="B10" t="s">
        <v>60</v>
      </c>
      <c r="C10" t="s">
        <v>61</v>
      </c>
      <c r="E10">
        <v>1</v>
      </c>
      <c r="F10">
        <v>2</v>
      </c>
      <c r="H10" t="s">
        <v>62</v>
      </c>
      <c r="J10" t="s">
        <v>63</v>
      </c>
      <c r="K10" t="s">
        <v>63</v>
      </c>
      <c r="M10">
        <v>4102957</v>
      </c>
      <c r="O10">
        <v>5252293</v>
      </c>
      <c r="P10">
        <v>1</v>
      </c>
      <c r="Q10">
        <v>1</v>
      </c>
      <c r="R10" t="s">
        <v>64</v>
      </c>
      <c r="S10">
        <v>91</v>
      </c>
    </row>
    <row r="11" spans="1:19" x14ac:dyDescent="0.25">
      <c r="A11">
        <v>6479175</v>
      </c>
      <c r="B11" t="s">
        <v>65</v>
      </c>
      <c r="C11" s="1" t="s">
        <v>66</v>
      </c>
      <c r="E11">
        <v>2</v>
      </c>
      <c r="F11">
        <v>0</v>
      </c>
      <c r="H11" t="s">
        <v>67</v>
      </c>
      <c r="J11" t="s">
        <v>68</v>
      </c>
      <c r="K11" t="s">
        <v>69</v>
      </c>
      <c r="M11">
        <v>250728</v>
      </c>
      <c r="O11">
        <v>605957</v>
      </c>
      <c r="P11">
        <v>1</v>
      </c>
      <c r="Q11">
        <v>2</v>
      </c>
      <c r="R11" t="s">
        <v>70</v>
      </c>
      <c r="S11">
        <v>1543</v>
      </c>
    </row>
    <row r="12" spans="1:19" x14ac:dyDescent="0.25">
      <c r="A12">
        <v>10664086</v>
      </c>
      <c r="B12" t="s">
        <v>71</v>
      </c>
      <c r="C12" s="1" t="s">
        <v>72</v>
      </c>
      <c r="D12">
        <v>10664140</v>
      </c>
      <c r="E12">
        <v>1</v>
      </c>
      <c r="F12">
        <v>2</v>
      </c>
      <c r="H12" t="s">
        <v>73</v>
      </c>
      <c r="I12">
        <v>4</v>
      </c>
      <c r="J12" t="s">
        <v>74</v>
      </c>
      <c r="O12">
        <v>341571</v>
      </c>
      <c r="P12">
        <v>1</v>
      </c>
      <c r="Q12">
        <v>5</v>
      </c>
      <c r="R12" t="s">
        <v>75</v>
      </c>
      <c r="S12">
        <v>1231</v>
      </c>
    </row>
    <row r="13" spans="1:19" x14ac:dyDescent="0.25">
      <c r="A13">
        <v>1361307</v>
      </c>
      <c r="B13" t="s">
        <v>76</v>
      </c>
      <c r="C13" s="1" t="s">
        <v>77</v>
      </c>
      <c r="D13">
        <v>1364982</v>
      </c>
      <c r="E13">
        <v>3</v>
      </c>
      <c r="F13">
        <v>0</v>
      </c>
      <c r="H13" t="s">
        <v>78</v>
      </c>
      <c r="I13">
        <v>23</v>
      </c>
      <c r="J13" t="s">
        <v>79</v>
      </c>
      <c r="K13" t="s">
        <v>80</v>
      </c>
      <c r="M13">
        <v>83805</v>
      </c>
      <c r="O13">
        <v>25450</v>
      </c>
      <c r="P13">
        <v>1</v>
      </c>
      <c r="Q13">
        <v>60</v>
      </c>
      <c r="R13" t="s">
        <v>81</v>
      </c>
      <c r="S13">
        <v>10425</v>
      </c>
    </row>
    <row r="14" spans="1:19" x14ac:dyDescent="0.25">
      <c r="A14">
        <v>32197190</v>
      </c>
      <c r="B14" t="s">
        <v>82</v>
      </c>
      <c r="C14" s="1" t="s">
        <v>83</v>
      </c>
      <c r="E14">
        <v>1</v>
      </c>
      <c r="F14">
        <v>0</v>
      </c>
      <c r="H14" t="s">
        <v>84</v>
      </c>
      <c r="J14" t="s">
        <v>85</v>
      </c>
      <c r="K14" t="s">
        <v>86</v>
      </c>
      <c r="M14">
        <v>1423876</v>
      </c>
      <c r="O14">
        <v>293895</v>
      </c>
      <c r="P14">
        <v>1</v>
      </c>
      <c r="Q14">
        <v>1</v>
      </c>
      <c r="R14" t="s">
        <v>87</v>
      </c>
      <c r="S14">
        <v>512</v>
      </c>
    </row>
    <row r="15" spans="1:19" x14ac:dyDescent="0.25">
      <c r="A15">
        <v>33655666</v>
      </c>
      <c r="B15" t="s">
        <v>88</v>
      </c>
      <c r="C15" s="1" t="s">
        <v>89</v>
      </c>
      <c r="D15">
        <v>33657495</v>
      </c>
      <c r="E15">
        <v>2</v>
      </c>
      <c r="F15">
        <v>9</v>
      </c>
      <c r="H15" t="s">
        <v>90</v>
      </c>
      <c r="J15" t="s">
        <v>91</v>
      </c>
      <c r="K15" t="s">
        <v>92</v>
      </c>
      <c r="M15">
        <v>5071902</v>
      </c>
      <c r="O15">
        <v>2666378</v>
      </c>
      <c r="P15">
        <v>1</v>
      </c>
      <c r="Q15">
        <v>1</v>
      </c>
      <c r="R15" t="s">
        <v>93</v>
      </c>
      <c r="S15">
        <v>798</v>
      </c>
    </row>
    <row r="16" spans="1:19" x14ac:dyDescent="0.25">
      <c r="A16">
        <v>48237836</v>
      </c>
      <c r="B16" t="s">
        <v>94</v>
      </c>
      <c r="C16" s="1" t="s">
        <v>95</v>
      </c>
      <c r="E16">
        <v>2</v>
      </c>
      <c r="F16">
        <v>1</v>
      </c>
      <c r="H16" t="s">
        <v>96</v>
      </c>
      <c r="J16" t="s">
        <v>97</v>
      </c>
      <c r="K16" t="s">
        <v>98</v>
      </c>
      <c r="M16">
        <v>5697765</v>
      </c>
      <c r="O16">
        <v>5697765</v>
      </c>
      <c r="P16">
        <v>1</v>
      </c>
      <c r="Q16">
        <v>-1</v>
      </c>
      <c r="R16" t="s">
        <v>99</v>
      </c>
      <c r="S16">
        <v>381</v>
      </c>
    </row>
    <row r="17" spans="1:19" x14ac:dyDescent="0.25">
      <c r="A17">
        <v>44558215</v>
      </c>
      <c r="B17" t="s">
        <v>100</v>
      </c>
      <c r="C17" s="1" t="s">
        <v>101</v>
      </c>
      <c r="D17">
        <v>44559180</v>
      </c>
      <c r="E17">
        <v>2</v>
      </c>
      <c r="F17">
        <v>0</v>
      </c>
      <c r="H17" t="s">
        <v>102</v>
      </c>
      <c r="I17">
        <v>3</v>
      </c>
      <c r="J17" t="s">
        <v>103</v>
      </c>
      <c r="K17" t="s">
        <v>104</v>
      </c>
      <c r="M17">
        <v>8017356</v>
      </c>
      <c r="O17">
        <v>8017356</v>
      </c>
      <c r="P17">
        <v>1</v>
      </c>
      <c r="Q17">
        <v>4</v>
      </c>
      <c r="R17" t="s">
        <v>105</v>
      </c>
      <c r="S17">
        <v>387</v>
      </c>
    </row>
    <row r="18" spans="1:19" x14ac:dyDescent="0.25">
      <c r="A18">
        <v>46081269</v>
      </c>
      <c r="B18" t="s">
        <v>106</v>
      </c>
      <c r="C18" s="1" t="s">
        <v>107</v>
      </c>
      <c r="D18">
        <v>50454137</v>
      </c>
      <c r="E18">
        <v>2</v>
      </c>
      <c r="F18">
        <v>1</v>
      </c>
      <c r="H18" t="s">
        <v>108</v>
      </c>
      <c r="J18" t="s">
        <v>109</v>
      </c>
      <c r="K18" t="s">
        <v>109</v>
      </c>
      <c r="M18">
        <v>6225161</v>
      </c>
      <c r="O18">
        <v>6225161</v>
      </c>
      <c r="P18">
        <v>1</v>
      </c>
      <c r="Q18">
        <v>-1</v>
      </c>
      <c r="R18" t="s">
        <v>110</v>
      </c>
      <c r="S18">
        <v>42</v>
      </c>
    </row>
    <row r="19" spans="1:19" x14ac:dyDescent="0.25">
      <c r="A19">
        <v>51869869</v>
      </c>
      <c r="B19" t="s">
        <v>111</v>
      </c>
      <c r="C19" s="1" t="s">
        <v>112</v>
      </c>
      <c r="E19">
        <v>0</v>
      </c>
      <c r="F19">
        <v>1</v>
      </c>
      <c r="H19" t="s">
        <v>113</v>
      </c>
      <c r="J19" t="s">
        <v>113</v>
      </c>
      <c r="O19">
        <v>10232389</v>
      </c>
      <c r="P19">
        <v>1</v>
      </c>
      <c r="Q19">
        <v>0</v>
      </c>
      <c r="R19" t="s">
        <v>114</v>
      </c>
      <c r="S19">
        <v>21</v>
      </c>
    </row>
    <row r="20" spans="1:19" x14ac:dyDescent="0.25">
      <c r="A20">
        <v>45992028</v>
      </c>
      <c r="B20" t="s">
        <v>115</v>
      </c>
      <c r="C20" s="1" t="s">
        <v>116</v>
      </c>
      <c r="D20">
        <v>45994767</v>
      </c>
      <c r="E20">
        <v>1</v>
      </c>
      <c r="F20">
        <v>0</v>
      </c>
      <c r="H20" t="s">
        <v>117</v>
      </c>
      <c r="J20" t="s">
        <v>118</v>
      </c>
      <c r="O20">
        <v>2179367</v>
      </c>
      <c r="P20">
        <v>1</v>
      </c>
      <c r="Q20">
        <v>1</v>
      </c>
      <c r="R20" t="s">
        <v>119</v>
      </c>
      <c r="S20">
        <v>369</v>
      </c>
    </row>
    <row r="21" spans="1:19" x14ac:dyDescent="0.25">
      <c r="A21">
        <v>51493663</v>
      </c>
      <c r="B21" t="s">
        <v>120</v>
      </c>
      <c r="C21" s="1" t="s">
        <v>121</v>
      </c>
      <c r="D21">
        <v>51493972</v>
      </c>
      <c r="E21">
        <v>3</v>
      </c>
      <c r="F21">
        <v>0</v>
      </c>
      <c r="H21" t="s">
        <v>122</v>
      </c>
      <c r="J21" t="s">
        <v>123</v>
      </c>
      <c r="K21" t="s">
        <v>124</v>
      </c>
      <c r="M21">
        <v>4152976</v>
      </c>
      <c r="O21">
        <v>7656902</v>
      </c>
      <c r="P21">
        <v>1</v>
      </c>
      <c r="Q21">
        <v>0</v>
      </c>
      <c r="R21" t="s">
        <v>125</v>
      </c>
      <c r="S21">
        <v>30</v>
      </c>
    </row>
    <row r="22" spans="1:19" x14ac:dyDescent="0.25">
      <c r="A22">
        <v>37708119</v>
      </c>
      <c r="B22" t="s">
        <v>126</v>
      </c>
      <c r="C22" s="1" t="s">
        <v>127</v>
      </c>
      <c r="D22">
        <v>37733209</v>
      </c>
      <c r="E22">
        <v>1</v>
      </c>
      <c r="F22">
        <v>0</v>
      </c>
      <c r="H22" t="s">
        <v>128</v>
      </c>
      <c r="J22" t="s">
        <v>129</v>
      </c>
      <c r="O22">
        <v>2438084</v>
      </c>
      <c r="P22">
        <v>1</v>
      </c>
      <c r="Q22">
        <v>2</v>
      </c>
      <c r="R22" t="s">
        <v>130</v>
      </c>
      <c r="S22">
        <v>698</v>
      </c>
    </row>
    <row r="23" spans="1:19" x14ac:dyDescent="0.25">
      <c r="A23">
        <v>20931821</v>
      </c>
      <c r="B23" t="s">
        <v>131</v>
      </c>
      <c r="C23" s="1" t="s">
        <v>132</v>
      </c>
      <c r="E23">
        <v>1</v>
      </c>
      <c r="F23">
        <v>0</v>
      </c>
      <c r="H23" t="s">
        <v>133</v>
      </c>
      <c r="J23" t="s">
        <v>134</v>
      </c>
      <c r="K23" t="s">
        <v>134</v>
      </c>
      <c r="M23">
        <v>1235095</v>
      </c>
      <c r="O23">
        <v>1235095</v>
      </c>
      <c r="P23">
        <v>1</v>
      </c>
      <c r="Q23">
        <v>0</v>
      </c>
      <c r="R23" t="s">
        <v>135</v>
      </c>
      <c r="S23">
        <v>172</v>
      </c>
    </row>
    <row r="24" spans="1:19" x14ac:dyDescent="0.25">
      <c r="A24">
        <v>47269353</v>
      </c>
      <c r="B24" t="s">
        <v>136</v>
      </c>
      <c r="C24" s="1" t="s">
        <v>137</v>
      </c>
      <c r="D24">
        <v>47327492</v>
      </c>
      <c r="E24">
        <v>2</v>
      </c>
      <c r="F24">
        <v>0</v>
      </c>
      <c r="H24" t="s">
        <v>138</v>
      </c>
      <c r="J24" t="s">
        <v>139</v>
      </c>
      <c r="K24" t="s">
        <v>140</v>
      </c>
      <c r="M24">
        <v>8933762</v>
      </c>
      <c r="O24">
        <v>8933762</v>
      </c>
      <c r="P24">
        <v>1</v>
      </c>
      <c r="Q24">
        <v>1</v>
      </c>
      <c r="R24" t="s">
        <v>141</v>
      </c>
      <c r="S24">
        <v>82</v>
      </c>
    </row>
    <row r="25" spans="1:19" x14ac:dyDescent="0.25">
      <c r="A25">
        <v>6824391</v>
      </c>
      <c r="B25" t="s">
        <v>142</v>
      </c>
      <c r="C25" s="1" t="s">
        <v>143</v>
      </c>
      <c r="D25">
        <v>6824451</v>
      </c>
      <c r="E25">
        <v>5</v>
      </c>
      <c r="F25">
        <v>3</v>
      </c>
      <c r="H25" t="s">
        <v>144</v>
      </c>
      <c r="I25">
        <v>10</v>
      </c>
      <c r="J25" t="s">
        <v>145</v>
      </c>
      <c r="K25" t="s">
        <v>146</v>
      </c>
      <c r="M25">
        <v>24874</v>
      </c>
      <c r="O25">
        <v>379650</v>
      </c>
      <c r="P25">
        <v>1</v>
      </c>
      <c r="Q25">
        <v>18</v>
      </c>
      <c r="R25" t="s">
        <v>147</v>
      </c>
      <c r="S25">
        <v>24663</v>
      </c>
    </row>
    <row r="26" spans="1:19" x14ac:dyDescent="0.25">
      <c r="A26">
        <v>10375676</v>
      </c>
      <c r="B26" t="s">
        <v>148</v>
      </c>
      <c r="C26" s="1" t="s">
        <v>149</v>
      </c>
      <c r="E26">
        <v>1</v>
      </c>
      <c r="F26">
        <v>0</v>
      </c>
      <c r="H26" t="s">
        <v>150</v>
      </c>
      <c r="J26" t="s">
        <v>151</v>
      </c>
      <c r="K26" t="s">
        <v>152</v>
      </c>
      <c r="L26" t="s">
        <v>153</v>
      </c>
      <c r="O26">
        <v>1364636</v>
      </c>
      <c r="P26">
        <v>1</v>
      </c>
      <c r="Q26">
        <v>2</v>
      </c>
      <c r="R26" t="s">
        <v>154</v>
      </c>
      <c r="S26">
        <v>1237</v>
      </c>
    </row>
    <row r="27" spans="1:19" x14ac:dyDescent="0.25">
      <c r="A27">
        <v>11723123</v>
      </c>
      <c r="B27" t="s">
        <v>155</v>
      </c>
      <c r="C27" s="1" t="s">
        <v>156</v>
      </c>
      <c r="D27">
        <v>11723968</v>
      </c>
      <c r="E27">
        <v>2</v>
      </c>
      <c r="F27">
        <v>0</v>
      </c>
      <c r="H27" t="s">
        <v>157</v>
      </c>
      <c r="J27" t="s">
        <v>158</v>
      </c>
      <c r="O27">
        <v>314763</v>
      </c>
      <c r="P27">
        <v>1</v>
      </c>
      <c r="Q27">
        <v>0</v>
      </c>
      <c r="R27" t="s">
        <v>159</v>
      </c>
      <c r="S27">
        <v>1642</v>
      </c>
    </row>
    <row r="28" spans="1:19" x14ac:dyDescent="0.25">
      <c r="A28">
        <v>49009034</v>
      </c>
      <c r="B28" t="s">
        <v>160</v>
      </c>
      <c r="C28" t="s">
        <v>161</v>
      </c>
      <c r="D28">
        <v>49011724</v>
      </c>
      <c r="E28">
        <v>2</v>
      </c>
      <c r="F28">
        <v>0</v>
      </c>
      <c r="H28" t="s">
        <v>162</v>
      </c>
      <c r="I28">
        <v>0</v>
      </c>
      <c r="J28" t="s">
        <v>163</v>
      </c>
      <c r="K28" t="s">
        <v>164</v>
      </c>
      <c r="M28">
        <v>1789532</v>
      </c>
      <c r="O28">
        <v>1789532</v>
      </c>
      <c r="P28">
        <v>1</v>
      </c>
      <c r="Q28">
        <v>1</v>
      </c>
      <c r="R28" t="s">
        <v>165</v>
      </c>
      <c r="S28">
        <v>152</v>
      </c>
    </row>
    <row r="29" spans="1:19" x14ac:dyDescent="0.25">
      <c r="A29">
        <v>14474797</v>
      </c>
      <c r="B29" t="s">
        <v>166</v>
      </c>
      <c r="C29" s="1" t="s">
        <v>167</v>
      </c>
      <c r="D29">
        <v>14475397</v>
      </c>
      <c r="E29">
        <v>1</v>
      </c>
      <c r="F29">
        <v>5</v>
      </c>
      <c r="H29" t="s">
        <v>168</v>
      </c>
      <c r="I29">
        <v>0</v>
      </c>
      <c r="J29" t="s">
        <v>169</v>
      </c>
      <c r="O29">
        <v>1914791</v>
      </c>
      <c r="P29">
        <v>1</v>
      </c>
      <c r="Q29">
        <v>3</v>
      </c>
      <c r="R29" t="s">
        <v>170</v>
      </c>
      <c r="S29">
        <v>866</v>
      </c>
    </row>
    <row r="30" spans="1:19" x14ac:dyDescent="0.25">
      <c r="A30">
        <v>17984538</v>
      </c>
      <c r="B30" t="s">
        <v>171</v>
      </c>
      <c r="C30" s="1" t="s">
        <v>172</v>
      </c>
      <c r="D30">
        <v>17984578</v>
      </c>
      <c r="E30">
        <v>3</v>
      </c>
      <c r="F30">
        <v>1</v>
      </c>
      <c r="H30" t="s">
        <v>173</v>
      </c>
      <c r="J30" t="s">
        <v>174</v>
      </c>
      <c r="O30">
        <v>2620276</v>
      </c>
      <c r="P30">
        <v>1</v>
      </c>
      <c r="Q30">
        <v>-1</v>
      </c>
      <c r="R30" t="s">
        <v>175</v>
      </c>
      <c r="S30">
        <v>101</v>
      </c>
    </row>
    <row r="31" spans="1:19" x14ac:dyDescent="0.25">
      <c r="A31">
        <v>41227153</v>
      </c>
      <c r="B31" t="s">
        <v>176</v>
      </c>
      <c r="C31" s="1" t="s">
        <v>177</v>
      </c>
      <c r="D31">
        <v>41228729</v>
      </c>
      <c r="E31">
        <v>1</v>
      </c>
      <c r="F31">
        <v>1</v>
      </c>
      <c r="H31" t="s">
        <v>178</v>
      </c>
      <c r="I31">
        <v>1</v>
      </c>
      <c r="J31" t="s">
        <v>179</v>
      </c>
      <c r="O31">
        <v>4088188</v>
      </c>
      <c r="P31">
        <v>1</v>
      </c>
      <c r="Q31">
        <v>0</v>
      </c>
      <c r="R31" t="s">
        <v>180</v>
      </c>
      <c r="S31">
        <v>383</v>
      </c>
    </row>
    <row r="32" spans="1:19" x14ac:dyDescent="0.25">
      <c r="A32">
        <v>25659259</v>
      </c>
      <c r="B32" t="s">
        <v>181</v>
      </c>
      <c r="C32" s="1" t="s">
        <v>182</v>
      </c>
      <c r="D32">
        <v>25659632</v>
      </c>
      <c r="E32">
        <v>1</v>
      </c>
      <c r="F32">
        <v>2</v>
      </c>
      <c r="H32" t="s">
        <v>183</v>
      </c>
      <c r="J32" t="s">
        <v>184</v>
      </c>
      <c r="O32">
        <v>3962482</v>
      </c>
      <c r="P32">
        <v>1</v>
      </c>
      <c r="Q32">
        <v>0</v>
      </c>
      <c r="R32" t="s">
        <v>185</v>
      </c>
      <c r="S32">
        <v>749</v>
      </c>
    </row>
    <row r="33" spans="1:19" x14ac:dyDescent="0.25">
      <c r="A33">
        <v>45775185</v>
      </c>
      <c r="B33" t="s">
        <v>186</v>
      </c>
      <c r="C33" s="1" t="s">
        <v>187</v>
      </c>
      <c r="D33">
        <v>45775216</v>
      </c>
      <c r="E33">
        <v>1</v>
      </c>
      <c r="F33">
        <v>1</v>
      </c>
      <c r="H33" t="s">
        <v>188</v>
      </c>
      <c r="J33" t="s">
        <v>189</v>
      </c>
      <c r="K33" t="s">
        <v>190</v>
      </c>
      <c r="M33">
        <v>1137278</v>
      </c>
      <c r="O33">
        <v>1137278</v>
      </c>
      <c r="P33">
        <v>1</v>
      </c>
      <c r="Q33">
        <v>-2</v>
      </c>
      <c r="R33" t="s">
        <v>191</v>
      </c>
      <c r="S33">
        <v>88</v>
      </c>
    </row>
    <row r="34" spans="1:19" x14ac:dyDescent="0.25">
      <c r="A34">
        <v>17240502</v>
      </c>
      <c r="B34" t="s">
        <v>192</v>
      </c>
      <c r="C34" s="1" t="s">
        <v>193</v>
      </c>
      <c r="D34">
        <v>17240559</v>
      </c>
      <c r="E34">
        <v>2</v>
      </c>
      <c r="F34">
        <v>3</v>
      </c>
      <c r="H34" t="s">
        <v>194</v>
      </c>
      <c r="I34">
        <v>0</v>
      </c>
      <c r="J34" t="s">
        <v>195</v>
      </c>
      <c r="K34" t="s">
        <v>195</v>
      </c>
      <c r="L34" t="s">
        <v>196</v>
      </c>
      <c r="O34">
        <v>1033027</v>
      </c>
      <c r="P34">
        <v>1</v>
      </c>
      <c r="Q34">
        <v>0</v>
      </c>
      <c r="R34" t="s">
        <v>197</v>
      </c>
      <c r="S34">
        <v>2192</v>
      </c>
    </row>
    <row r="35" spans="1:19" x14ac:dyDescent="0.25">
      <c r="A35">
        <v>4438803</v>
      </c>
      <c r="B35" t="s">
        <v>198</v>
      </c>
      <c r="C35" s="1" t="s">
        <v>199</v>
      </c>
      <c r="D35">
        <v>4515583</v>
      </c>
      <c r="E35">
        <v>1</v>
      </c>
      <c r="F35">
        <v>0</v>
      </c>
      <c r="H35" t="s">
        <v>200</v>
      </c>
      <c r="J35" t="s">
        <v>201</v>
      </c>
      <c r="O35">
        <v>389271</v>
      </c>
      <c r="P35">
        <v>1</v>
      </c>
      <c r="Q35">
        <v>2</v>
      </c>
      <c r="R35" t="s">
        <v>202</v>
      </c>
      <c r="S35">
        <v>111</v>
      </c>
    </row>
    <row r="36" spans="1:19" x14ac:dyDescent="0.25">
      <c r="A36">
        <v>3643536</v>
      </c>
      <c r="B36" t="s">
        <v>203</v>
      </c>
      <c r="C36" s="1" t="s">
        <v>204</v>
      </c>
      <c r="E36">
        <v>2</v>
      </c>
      <c r="F36">
        <v>0</v>
      </c>
      <c r="H36" t="s">
        <v>205</v>
      </c>
      <c r="J36" t="s">
        <v>206</v>
      </c>
      <c r="N36" t="s">
        <v>207</v>
      </c>
      <c r="P36">
        <v>1</v>
      </c>
      <c r="Q36">
        <v>2</v>
      </c>
      <c r="R36" t="s">
        <v>208</v>
      </c>
      <c r="S36">
        <v>96</v>
      </c>
    </row>
    <row r="37" spans="1:19" x14ac:dyDescent="0.25">
      <c r="A37">
        <v>25913130</v>
      </c>
      <c r="B37" t="s">
        <v>209</v>
      </c>
      <c r="C37" s="1" t="s">
        <v>210</v>
      </c>
      <c r="D37">
        <v>25913189</v>
      </c>
      <c r="E37">
        <v>2</v>
      </c>
      <c r="F37">
        <v>0</v>
      </c>
      <c r="H37" t="s">
        <v>211</v>
      </c>
      <c r="J37" t="s">
        <v>212</v>
      </c>
      <c r="O37">
        <v>2179021</v>
      </c>
      <c r="P37">
        <v>1</v>
      </c>
      <c r="Q37">
        <v>0</v>
      </c>
      <c r="R37" t="s">
        <v>213</v>
      </c>
      <c r="S37">
        <v>73</v>
      </c>
    </row>
    <row r="38" spans="1:19" x14ac:dyDescent="0.25">
      <c r="A38">
        <v>37882683</v>
      </c>
      <c r="B38" t="s">
        <v>214</v>
      </c>
      <c r="C38" s="1" t="s">
        <v>215</v>
      </c>
      <c r="D38">
        <v>37884162</v>
      </c>
      <c r="E38">
        <v>1</v>
      </c>
      <c r="F38">
        <v>0</v>
      </c>
      <c r="H38" t="s">
        <v>216</v>
      </c>
      <c r="J38" t="s">
        <v>217</v>
      </c>
      <c r="K38" t="s">
        <v>218</v>
      </c>
      <c r="M38">
        <v>4671754</v>
      </c>
      <c r="O38">
        <v>6370309</v>
      </c>
      <c r="P38">
        <v>1</v>
      </c>
      <c r="Q38">
        <v>1</v>
      </c>
      <c r="R38" t="s">
        <v>219</v>
      </c>
      <c r="S38">
        <v>122</v>
      </c>
    </row>
    <row r="39" spans="1:19" x14ac:dyDescent="0.25">
      <c r="A39">
        <v>49487625</v>
      </c>
      <c r="B39" t="s">
        <v>220</v>
      </c>
      <c r="C39" s="1" t="s">
        <v>221</v>
      </c>
      <c r="E39">
        <v>0</v>
      </c>
      <c r="F39">
        <v>2</v>
      </c>
      <c r="H39" t="s">
        <v>222</v>
      </c>
      <c r="J39" t="s">
        <v>222</v>
      </c>
      <c r="O39">
        <v>919348</v>
      </c>
      <c r="P39">
        <v>1</v>
      </c>
      <c r="Q39">
        <v>0</v>
      </c>
      <c r="R39" t="s">
        <v>223</v>
      </c>
      <c r="S39">
        <v>35</v>
      </c>
    </row>
    <row r="40" spans="1:19" x14ac:dyDescent="0.25">
      <c r="A40">
        <v>45523870</v>
      </c>
      <c r="B40" t="s">
        <v>224</v>
      </c>
      <c r="C40" s="1" t="s">
        <v>225</v>
      </c>
      <c r="E40">
        <v>2</v>
      </c>
      <c r="F40">
        <v>0</v>
      </c>
      <c r="H40" t="s">
        <v>226</v>
      </c>
      <c r="J40" t="s">
        <v>227</v>
      </c>
      <c r="K40" t="s">
        <v>228</v>
      </c>
      <c r="M40">
        <v>6924096</v>
      </c>
      <c r="O40">
        <v>6924096</v>
      </c>
      <c r="P40">
        <v>1</v>
      </c>
      <c r="Q40">
        <v>1</v>
      </c>
      <c r="R40" t="s">
        <v>229</v>
      </c>
      <c r="S40">
        <v>50</v>
      </c>
    </row>
    <row r="41" spans="1:19" x14ac:dyDescent="0.25">
      <c r="A41">
        <v>5047485</v>
      </c>
      <c r="B41" t="s">
        <v>230</v>
      </c>
      <c r="C41" s="1" t="s">
        <v>231</v>
      </c>
      <c r="D41">
        <v>5047668</v>
      </c>
      <c r="E41">
        <v>4</v>
      </c>
      <c r="F41">
        <v>6</v>
      </c>
      <c r="H41" t="s">
        <v>232</v>
      </c>
      <c r="I41">
        <v>1</v>
      </c>
      <c r="J41" t="s">
        <v>233</v>
      </c>
      <c r="K41" t="s">
        <v>233</v>
      </c>
      <c r="M41">
        <v>1033581</v>
      </c>
      <c r="O41">
        <v>227522</v>
      </c>
      <c r="P41">
        <v>1</v>
      </c>
      <c r="Q41">
        <v>2</v>
      </c>
      <c r="R41" t="s">
        <v>234</v>
      </c>
      <c r="S41">
        <v>1654</v>
      </c>
    </row>
    <row r="42" spans="1:19" x14ac:dyDescent="0.25">
      <c r="A42">
        <v>8079910</v>
      </c>
      <c r="B42" t="s">
        <v>235</v>
      </c>
      <c r="C42" s="1" t="s">
        <v>236</v>
      </c>
      <c r="E42">
        <v>0</v>
      </c>
      <c r="F42">
        <v>0</v>
      </c>
      <c r="H42" t="s">
        <v>237</v>
      </c>
      <c r="I42">
        <v>1</v>
      </c>
      <c r="J42" t="s">
        <v>238</v>
      </c>
      <c r="K42" t="s">
        <v>238</v>
      </c>
      <c r="M42">
        <v>978675</v>
      </c>
      <c r="O42">
        <v>978675</v>
      </c>
      <c r="P42">
        <v>1</v>
      </c>
      <c r="Q42">
        <v>2</v>
      </c>
      <c r="R42" t="s">
        <v>239</v>
      </c>
      <c r="S42">
        <v>279</v>
      </c>
    </row>
    <row r="43" spans="1:19" x14ac:dyDescent="0.25">
      <c r="A43">
        <v>26995180</v>
      </c>
      <c r="B43" t="s">
        <v>240</v>
      </c>
      <c r="C43" s="1" t="s">
        <v>241</v>
      </c>
      <c r="D43">
        <v>26995748</v>
      </c>
      <c r="E43">
        <v>1</v>
      </c>
      <c r="F43">
        <v>0</v>
      </c>
      <c r="H43" t="s">
        <v>242</v>
      </c>
      <c r="J43" t="s">
        <v>243</v>
      </c>
      <c r="K43" t="s">
        <v>244</v>
      </c>
      <c r="M43">
        <v>-1</v>
      </c>
      <c r="O43">
        <v>1816114</v>
      </c>
      <c r="P43">
        <v>1</v>
      </c>
      <c r="Q43">
        <v>0</v>
      </c>
      <c r="R43" t="s">
        <v>245</v>
      </c>
      <c r="S43">
        <v>1895</v>
      </c>
    </row>
    <row r="44" spans="1:19" x14ac:dyDescent="0.25">
      <c r="A44">
        <v>28834081</v>
      </c>
      <c r="B44" t="s">
        <v>246</v>
      </c>
      <c r="C44" s="1" t="s">
        <v>247</v>
      </c>
      <c r="D44">
        <v>28834343</v>
      </c>
      <c r="E44">
        <v>1</v>
      </c>
      <c r="F44">
        <v>0</v>
      </c>
      <c r="H44" t="s">
        <v>248</v>
      </c>
      <c r="J44" t="s">
        <v>249</v>
      </c>
      <c r="K44" t="s">
        <v>249</v>
      </c>
      <c r="M44">
        <v>157833</v>
      </c>
      <c r="O44">
        <v>1007655</v>
      </c>
      <c r="P44">
        <v>1</v>
      </c>
      <c r="Q44">
        <v>1</v>
      </c>
      <c r="R44" t="s">
        <v>250</v>
      </c>
      <c r="S44">
        <v>63</v>
      </c>
    </row>
    <row r="45" spans="1:19" x14ac:dyDescent="0.25">
      <c r="A45">
        <v>19723415</v>
      </c>
      <c r="B45" t="s">
        <v>251</v>
      </c>
      <c r="C45" s="1" t="s">
        <v>252</v>
      </c>
      <c r="D45">
        <v>19723687</v>
      </c>
      <c r="E45">
        <v>3</v>
      </c>
      <c r="F45">
        <v>5</v>
      </c>
      <c r="H45" t="s">
        <v>253</v>
      </c>
      <c r="I45">
        <v>15</v>
      </c>
      <c r="J45" t="s">
        <v>254</v>
      </c>
      <c r="K45" t="s">
        <v>255</v>
      </c>
      <c r="M45">
        <v>-1</v>
      </c>
      <c r="O45">
        <v>2910360</v>
      </c>
      <c r="P45">
        <v>1</v>
      </c>
      <c r="Q45">
        <v>26</v>
      </c>
      <c r="R45" t="s">
        <v>256</v>
      </c>
      <c r="S45">
        <v>53354</v>
      </c>
    </row>
    <row r="46" spans="1:19" x14ac:dyDescent="0.25">
      <c r="A46">
        <v>41771145</v>
      </c>
      <c r="B46" t="s">
        <v>257</v>
      </c>
      <c r="C46" s="1" t="s">
        <v>258</v>
      </c>
      <c r="E46">
        <v>0</v>
      </c>
      <c r="F46">
        <v>5</v>
      </c>
      <c r="H46" t="s">
        <v>259</v>
      </c>
      <c r="J46" t="s">
        <v>259</v>
      </c>
      <c r="O46">
        <v>3569375</v>
      </c>
      <c r="P46">
        <v>1</v>
      </c>
      <c r="Q46">
        <v>0</v>
      </c>
      <c r="R46" t="s">
        <v>260</v>
      </c>
      <c r="S46">
        <v>187</v>
      </c>
    </row>
    <row r="47" spans="1:19" x14ac:dyDescent="0.25">
      <c r="A47">
        <v>32959323</v>
      </c>
      <c r="B47" t="s">
        <v>261</v>
      </c>
      <c r="C47" s="1" t="s">
        <v>262</v>
      </c>
      <c r="E47">
        <v>1</v>
      </c>
      <c r="F47">
        <v>0</v>
      </c>
      <c r="H47" t="s">
        <v>263</v>
      </c>
      <c r="I47">
        <v>2</v>
      </c>
      <c r="J47" t="s">
        <v>264</v>
      </c>
      <c r="K47" t="s">
        <v>264</v>
      </c>
      <c r="M47">
        <v>441757</v>
      </c>
      <c r="O47">
        <v>5411861</v>
      </c>
      <c r="P47">
        <v>1</v>
      </c>
      <c r="Q47">
        <v>10</v>
      </c>
      <c r="R47" t="s">
        <v>265</v>
      </c>
      <c r="S47">
        <v>3488</v>
      </c>
    </row>
    <row r="48" spans="1:19" x14ac:dyDescent="0.25">
      <c r="A48">
        <v>21918683</v>
      </c>
      <c r="B48" t="s">
        <v>266</v>
      </c>
      <c r="C48" t="s">
        <v>267</v>
      </c>
      <c r="D48">
        <v>21935394</v>
      </c>
      <c r="E48">
        <v>1</v>
      </c>
      <c r="F48">
        <v>0</v>
      </c>
      <c r="H48" t="s">
        <v>268</v>
      </c>
      <c r="J48" t="s">
        <v>269</v>
      </c>
      <c r="O48">
        <v>1413793</v>
      </c>
      <c r="P48">
        <v>1</v>
      </c>
      <c r="Q48">
        <v>1</v>
      </c>
      <c r="R48" t="s">
        <v>270</v>
      </c>
      <c r="S48">
        <v>1221</v>
      </c>
    </row>
    <row r="49" spans="1:19" x14ac:dyDescent="0.25">
      <c r="A49">
        <v>51444865</v>
      </c>
      <c r="B49" t="s">
        <v>271</v>
      </c>
      <c r="C49" s="1" t="s">
        <v>272</v>
      </c>
      <c r="E49">
        <v>0</v>
      </c>
      <c r="F49">
        <v>2</v>
      </c>
      <c r="H49" t="s">
        <v>273</v>
      </c>
      <c r="J49" t="s">
        <v>274</v>
      </c>
      <c r="K49" t="s">
        <v>274</v>
      </c>
      <c r="M49">
        <v>1226963</v>
      </c>
      <c r="O49">
        <v>7570761</v>
      </c>
      <c r="P49">
        <v>1</v>
      </c>
      <c r="Q49">
        <v>0</v>
      </c>
      <c r="R49" t="s">
        <v>275</v>
      </c>
      <c r="S49">
        <v>126</v>
      </c>
    </row>
    <row r="50" spans="1:19" x14ac:dyDescent="0.25">
      <c r="A50">
        <v>11283910</v>
      </c>
      <c r="B50" t="s">
        <v>276</v>
      </c>
      <c r="C50" s="1" t="s">
        <v>277</v>
      </c>
      <c r="D50">
        <v>18278997</v>
      </c>
      <c r="E50">
        <v>2</v>
      </c>
      <c r="F50">
        <v>0</v>
      </c>
      <c r="H50" t="s">
        <v>278</v>
      </c>
      <c r="J50" t="s">
        <v>279</v>
      </c>
      <c r="O50">
        <v>1363087</v>
      </c>
      <c r="P50">
        <v>1</v>
      </c>
      <c r="Q50">
        <v>0</v>
      </c>
      <c r="R50" t="s">
        <v>280</v>
      </c>
      <c r="S50">
        <v>1948</v>
      </c>
    </row>
    <row r="51" spans="1:19" x14ac:dyDescent="0.25">
      <c r="A51">
        <v>33703914</v>
      </c>
      <c r="B51" t="s">
        <v>281</v>
      </c>
      <c r="C51" s="1" t="s">
        <v>282</v>
      </c>
      <c r="E51">
        <v>1</v>
      </c>
      <c r="F51">
        <v>1</v>
      </c>
      <c r="H51" t="s">
        <v>283</v>
      </c>
      <c r="J51" t="s">
        <v>284</v>
      </c>
      <c r="O51">
        <v>4751734</v>
      </c>
      <c r="P51">
        <v>1</v>
      </c>
      <c r="Q51">
        <v>0</v>
      </c>
      <c r="R51" t="s">
        <v>285</v>
      </c>
      <c r="S51">
        <v>615</v>
      </c>
    </row>
    <row r="52" spans="1:19" x14ac:dyDescent="0.25">
      <c r="A52">
        <v>26032220</v>
      </c>
      <c r="B52" t="s">
        <v>286</v>
      </c>
      <c r="C52" s="1" t="s">
        <v>287</v>
      </c>
      <c r="D52">
        <v>26033142</v>
      </c>
      <c r="E52">
        <v>1</v>
      </c>
      <c r="F52">
        <v>10</v>
      </c>
      <c r="H52" t="s">
        <v>288</v>
      </c>
      <c r="J52" t="s">
        <v>289</v>
      </c>
      <c r="O52">
        <v>726720</v>
      </c>
      <c r="P52">
        <v>1</v>
      </c>
      <c r="Q52">
        <v>0</v>
      </c>
      <c r="R52" t="s">
        <v>290</v>
      </c>
      <c r="S52">
        <v>866</v>
      </c>
    </row>
    <row r="53" spans="1:19" x14ac:dyDescent="0.25">
      <c r="A53">
        <v>47783979</v>
      </c>
      <c r="B53" t="s">
        <v>291</v>
      </c>
      <c r="C53" s="1" t="s">
        <v>292</v>
      </c>
      <c r="D53">
        <v>47784093</v>
      </c>
      <c r="E53">
        <v>1</v>
      </c>
      <c r="F53">
        <v>1</v>
      </c>
      <c r="H53" t="s">
        <v>293</v>
      </c>
      <c r="J53" t="s">
        <v>294</v>
      </c>
      <c r="O53">
        <v>3064389</v>
      </c>
      <c r="P53">
        <v>1</v>
      </c>
      <c r="Q53">
        <v>-3</v>
      </c>
      <c r="R53" t="s">
        <v>295</v>
      </c>
      <c r="S53">
        <v>36</v>
      </c>
    </row>
    <row r="54" spans="1:19" x14ac:dyDescent="0.25">
      <c r="A54">
        <v>25341966</v>
      </c>
      <c r="B54" t="s">
        <v>296</v>
      </c>
      <c r="C54" s="1" t="s">
        <v>297</v>
      </c>
      <c r="E54">
        <v>1</v>
      </c>
      <c r="F54">
        <v>0</v>
      </c>
      <c r="H54" t="s">
        <v>298</v>
      </c>
      <c r="J54" t="s">
        <v>299</v>
      </c>
      <c r="O54">
        <v>3947438</v>
      </c>
      <c r="P54">
        <v>1</v>
      </c>
      <c r="Q54">
        <v>0</v>
      </c>
      <c r="R54" t="s">
        <v>300</v>
      </c>
      <c r="S54">
        <v>82</v>
      </c>
    </row>
    <row r="55" spans="1:19" x14ac:dyDescent="0.25">
      <c r="A55">
        <v>33311268</v>
      </c>
      <c r="B55" t="s">
        <v>301</v>
      </c>
      <c r="C55" s="1" t="s">
        <v>302</v>
      </c>
      <c r="D55">
        <v>33362329</v>
      </c>
      <c r="E55">
        <v>1</v>
      </c>
      <c r="F55">
        <v>0</v>
      </c>
      <c r="H55" t="s">
        <v>303</v>
      </c>
      <c r="J55" t="s">
        <v>304</v>
      </c>
      <c r="K55" t="s">
        <v>305</v>
      </c>
      <c r="M55">
        <v>588001</v>
      </c>
      <c r="O55">
        <v>588001</v>
      </c>
      <c r="P55">
        <v>1</v>
      </c>
      <c r="Q55">
        <v>1</v>
      </c>
      <c r="R55" t="s">
        <v>306</v>
      </c>
      <c r="S55">
        <v>307</v>
      </c>
    </row>
    <row r="56" spans="1:19" x14ac:dyDescent="0.25">
      <c r="A56">
        <v>52693034</v>
      </c>
      <c r="B56" t="s">
        <v>307</v>
      </c>
      <c r="C56" s="1" t="s">
        <v>308</v>
      </c>
      <c r="E56">
        <v>0</v>
      </c>
      <c r="F56">
        <v>0</v>
      </c>
      <c r="H56" t="s">
        <v>309</v>
      </c>
      <c r="J56" t="s">
        <v>310</v>
      </c>
      <c r="K56" t="s">
        <v>310</v>
      </c>
      <c r="M56">
        <v>344372</v>
      </c>
      <c r="O56">
        <v>344372</v>
      </c>
      <c r="P56">
        <v>1</v>
      </c>
      <c r="Q56">
        <v>0</v>
      </c>
      <c r="R56" t="s">
        <v>311</v>
      </c>
      <c r="S56">
        <v>19</v>
      </c>
    </row>
    <row r="57" spans="1:19" x14ac:dyDescent="0.25">
      <c r="A57">
        <v>419507</v>
      </c>
      <c r="B57" t="s">
        <v>312</v>
      </c>
      <c r="C57" s="1" t="s">
        <v>313</v>
      </c>
      <c r="D57">
        <v>419512</v>
      </c>
      <c r="E57">
        <v>7</v>
      </c>
      <c r="F57">
        <v>0</v>
      </c>
      <c r="H57" t="s">
        <v>314</v>
      </c>
      <c r="I57">
        <v>1</v>
      </c>
      <c r="J57" t="s">
        <v>315</v>
      </c>
      <c r="K57" t="s">
        <v>315</v>
      </c>
      <c r="L57" t="s">
        <v>316</v>
      </c>
      <c r="M57">
        <v>1657610</v>
      </c>
      <c r="O57">
        <v>42024</v>
      </c>
      <c r="P57">
        <v>1</v>
      </c>
      <c r="Q57">
        <v>6</v>
      </c>
      <c r="R57" t="s">
        <v>317</v>
      </c>
      <c r="S57">
        <v>3178</v>
      </c>
    </row>
    <row r="58" spans="1:19" x14ac:dyDescent="0.25">
      <c r="A58">
        <v>24775815</v>
      </c>
      <c r="B58" t="s">
        <v>318</v>
      </c>
      <c r="C58" s="1" t="s">
        <v>319</v>
      </c>
      <c r="E58">
        <v>2</v>
      </c>
      <c r="F58">
        <v>0</v>
      </c>
      <c r="H58" t="s">
        <v>320</v>
      </c>
      <c r="J58" t="s">
        <v>321</v>
      </c>
      <c r="K58" t="s">
        <v>322</v>
      </c>
      <c r="M58">
        <v>3836334</v>
      </c>
      <c r="O58">
        <v>3836334</v>
      </c>
      <c r="P58">
        <v>1</v>
      </c>
      <c r="Q58">
        <v>6</v>
      </c>
      <c r="R58" t="s">
        <v>323</v>
      </c>
      <c r="S58">
        <v>2894</v>
      </c>
    </row>
    <row r="59" spans="1:19" x14ac:dyDescent="0.25">
      <c r="A59">
        <v>11106536</v>
      </c>
      <c r="B59" t="s">
        <v>324</v>
      </c>
      <c r="C59" s="1" t="s">
        <v>325</v>
      </c>
      <c r="D59">
        <v>11124998</v>
      </c>
      <c r="E59">
        <v>5</v>
      </c>
      <c r="F59">
        <v>2</v>
      </c>
      <c r="H59" t="s">
        <v>326</v>
      </c>
      <c r="I59">
        <v>4</v>
      </c>
      <c r="J59" t="s">
        <v>327</v>
      </c>
      <c r="K59" t="s">
        <v>327</v>
      </c>
      <c r="M59">
        <v>8682794</v>
      </c>
      <c r="O59">
        <v>1415599</v>
      </c>
      <c r="P59">
        <v>1</v>
      </c>
      <c r="Q59">
        <v>18</v>
      </c>
      <c r="R59" t="s">
        <v>328</v>
      </c>
      <c r="S59">
        <v>41281</v>
      </c>
    </row>
    <row r="60" spans="1:19" x14ac:dyDescent="0.25">
      <c r="A60">
        <v>21909163</v>
      </c>
      <c r="B60" t="s">
        <v>329</v>
      </c>
      <c r="C60" s="1" t="s">
        <v>330</v>
      </c>
      <c r="E60">
        <v>3</v>
      </c>
      <c r="F60">
        <v>0</v>
      </c>
      <c r="H60" t="s">
        <v>331</v>
      </c>
      <c r="I60">
        <v>2</v>
      </c>
      <c r="J60" t="s">
        <v>332</v>
      </c>
      <c r="K60" t="s">
        <v>333</v>
      </c>
      <c r="M60">
        <v>2610707</v>
      </c>
      <c r="O60">
        <v>2610707</v>
      </c>
      <c r="P60">
        <v>1</v>
      </c>
      <c r="Q60">
        <v>5</v>
      </c>
      <c r="R60" t="s">
        <v>334</v>
      </c>
      <c r="S60">
        <v>15046</v>
      </c>
    </row>
    <row r="61" spans="1:19" x14ac:dyDescent="0.25">
      <c r="A61">
        <v>27682785</v>
      </c>
      <c r="B61" t="s">
        <v>335</v>
      </c>
      <c r="C61" s="1" t="s">
        <v>336</v>
      </c>
      <c r="D61">
        <v>27685128</v>
      </c>
      <c r="E61">
        <v>1</v>
      </c>
      <c r="F61">
        <v>0</v>
      </c>
      <c r="H61" t="s">
        <v>337</v>
      </c>
      <c r="I61">
        <v>2</v>
      </c>
      <c r="J61" t="s">
        <v>338</v>
      </c>
      <c r="O61">
        <v>612625</v>
      </c>
      <c r="P61">
        <v>1</v>
      </c>
      <c r="Q61">
        <v>5</v>
      </c>
      <c r="R61" t="s">
        <v>339</v>
      </c>
      <c r="S61">
        <v>5002</v>
      </c>
    </row>
    <row r="62" spans="1:19" x14ac:dyDescent="0.25">
      <c r="A62">
        <v>43666502</v>
      </c>
      <c r="B62" t="s">
        <v>340</v>
      </c>
      <c r="C62" s="1" t="s">
        <v>341</v>
      </c>
      <c r="D62">
        <v>43672827</v>
      </c>
      <c r="E62">
        <v>1</v>
      </c>
      <c r="F62">
        <v>6</v>
      </c>
      <c r="H62" t="s">
        <v>342</v>
      </c>
      <c r="J62" t="s">
        <v>343</v>
      </c>
      <c r="K62" t="s">
        <v>344</v>
      </c>
      <c r="M62">
        <v>1775513</v>
      </c>
      <c r="O62">
        <v>1775513</v>
      </c>
      <c r="P62">
        <v>1</v>
      </c>
      <c r="Q62">
        <v>0</v>
      </c>
      <c r="R62" t="s">
        <v>345</v>
      </c>
      <c r="S62">
        <v>166</v>
      </c>
    </row>
    <row r="63" spans="1:19" x14ac:dyDescent="0.25">
      <c r="A63">
        <v>22924235</v>
      </c>
      <c r="B63" t="s">
        <v>346</v>
      </c>
      <c r="C63" s="1" t="s">
        <v>347</v>
      </c>
      <c r="D63">
        <v>22924389</v>
      </c>
      <c r="E63">
        <v>1</v>
      </c>
      <c r="F63">
        <v>2</v>
      </c>
      <c r="H63" t="s">
        <v>348</v>
      </c>
      <c r="J63" t="s">
        <v>349</v>
      </c>
      <c r="K63" t="s">
        <v>350</v>
      </c>
      <c r="M63">
        <v>1391249</v>
      </c>
      <c r="O63">
        <v>2683781</v>
      </c>
      <c r="P63">
        <v>1</v>
      </c>
      <c r="Q63">
        <v>0</v>
      </c>
      <c r="R63" t="s">
        <v>351</v>
      </c>
      <c r="S63">
        <v>994</v>
      </c>
    </row>
    <row r="64" spans="1:19" x14ac:dyDescent="0.25">
      <c r="A64">
        <v>15938359</v>
      </c>
      <c r="B64" t="s">
        <v>352</v>
      </c>
      <c r="C64" s="1" t="s">
        <v>353</v>
      </c>
      <c r="D64">
        <v>16173998</v>
      </c>
      <c r="E64">
        <v>2</v>
      </c>
      <c r="F64">
        <v>22</v>
      </c>
      <c r="H64" t="s">
        <v>354</v>
      </c>
      <c r="J64" t="s">
        <v>355</v>
      </c>
      <c r="K64" t="s">
        <v>356</v>
      </c>
      <c r="M64">
        <v>163072</v>
      </c>
      <c r="O64">
        <v>163072</v>
      </c>
      <c r="P64">
        <v>1</v>
      </c>
      <c r="Q64">
        <v>2</v>
      </c>
      <c r="R64" t="s">
        <v>357</v>
      </c>
      <c r="S64">
        <v>1798</v>
      </c>
    </row>
    <row r="65" spans="1:19" x14ac:dyDescent="0.25">
      <c r="A65">
        <v>15589371</v>
      </c>
      <c r="B65" t="s">
        <v>358</v>
      </c>
      <c r="C65" s="1" t="s">
        <v>359</v>
      </c>
      <c r="D65">
        <v>15591012</v>
      </c>
      <c r="E65">
        <v>1</v>
      </c>
      <c r="F65">
        <v>4</v>
      </c>
      <c r="H65" t="s">
        <v>360</v>
      </c>
      <c r="I65">
        <v>1</v>
      </c>
      <c r="J65" t="s">
        <v>361</v>
      </c>
      <c r="O65">
        <v>609099</v>
      </c>
      <c r="P65">
        <v>1</v>
      </c>
      <c r="Q65">
        <v>0</v>
      </c>
      <c r="R65" t="s">
        <v>362</v>
      </c>
      <c r="S65">
        <v>446</v>
      </c>
    </row>
    <row r="66" spans="1:19" x14ac:dyDescent="0.25">
      <c r="A66">
        <v>52793430</v>
      </c>
      <c r="B66" t="s">
        <v>363</v>
      </c>
      <c r="C66" s="1" t="s">
        <v>364</v>
      </c>
      <c r="E66">
        <v>0</v>
      </c>
      <c r="F66">
        <v>2</v>
      </c>
      <c r="H66" t="s">
        <v>365</v>
      </c>
      <c r="J66" t="s">
        <v>365</v>
      </c>
      <c r="O66">
        <v>2361925</v>
      </c>
      <c r="P66">
        <v>1</v>
      </c>
      <c r="Q66">
        <v>0</v>
      </c>
      <c r="R66" t="s">
        <v>366</v>
      </c>
      <c r="S66">
        <v>28</v>
      </c>
    </row>
    <row r="67" spans="1:19" x14ac:dyDescent="0.25">
      <c r="A67">
        <v>35931732</v>
      </c>
      <c r="B67" t="s">
        <v>367</v>
      </c>
      <c r="C67" s="1" t="s">
        <v>368</v>
      </c>
      <c r="D67">
        <v>35931964</v>
      </c>
      <c r="E67">
        <v>1</v>
      </c>
      <c r="F67">
        <v>0</v>
      </c>
      <c r="H67" t="s">
        <v>369</v>
      </c>
      <c r="J67" t="s">
        <v>370</v>
      </c>
      <c r="O67">
        <v>706697</v>
      </c>
      <c r="P67">
        <v>1</v>
      </c>
      <c r="Q67">
        <v>0</v>
      </c>
      <c r="R67" t="s">
        <v>371</v>
      </c>
      <c r="S67">
        <v>54</v>
      </c>
    </row>
    <row r="68" spans="1:19" x14ac:dyDescent="0.25">
      <c r="A68">
        <v>17425174</v>
      </c>
      <c r="B68" t="s">
        <v>372</v>
      </c>
      <c r="C68" s="1" t="s">
        <v>373</v>
      </c>
      <c r="D68">
        <v>17425799</v>
      </c>
      <c r="E68">
        <v>2</v>
      </c>
      <c r="F68">
        <v>1</v>
      </c>
      <c r="H68" t="s">
        <v>374</v>
      </c>
      <c r="J68" t="s">
        <v>375</v>
      </c>
      <c r="O68">
        <v>1982989</v>
      </c>
      <c r="P68">
        <v>1</v>
      </c>
      <c r="Q68">
        <v>0</v>
      </c>
      <c r="R68" t="s">
        <v>376</v>
      </c>
      <c r="S68">
        <v>379</v>
      </c>
    </row>
    <row r="69" spans="1:19" x14ac:dyDescent="0.25">
      <c r="A69">
        <v>26400692</v>
      </c>
      <c r="B69" t="s">
        <v>377</v>
      </c>
      <c r="C69" s="1" t="s">
        <v>378</v>
      </c>
      <c r="E69">
        <v>0</v>
      </c>
      <c r="F69">
        <v>3</v>
      </c>
      <c r="H69" t="s">
        <v>379</v>
      </c>
      <c r="J69" t="s">
        <v>379</v>
      </c>
      <c r="O69">
        <v>3355024</v>
      </c>
      <c r="P69">
        <v>1</v>
      </c>
      <c r="Q69">
        <v>1</v>
      </c>
      <c r="R69" t="s">
        <v>380</v>
      </c>
      <c r="S69">
        <v>49</v>
      </c>
    </row>
    <row r="70" spans="1:19" x14ac:dyDescent="0.25">
      <c r="A70">
        <v>27006045</v>
      </c>
      <c r="B70" t="s">
        <v>381</v>
      </c>
      <c r="C70" s="1" t="s">
        <v>382</v>
      </c>
      <c r="E70">
        <v>2</v>
      </c>
      <c r="F70">
        <v>2</v>
      </c>
      <c r="H70" t="s">
        <v>383</v>
      </c>
      <c r="J70" t="s">
        <v>384</v>
      </c>
      <c r="K70" t="s">
        <v>384</v>
      </c>
      <c r="M70">
        <v>4224975</v>
      </c>
      <c r="O70">
        <v>4224975</v>
      </c>
      <c r="P70">
        <v>1</v>
      </c>
      <c r="Q70">
        <v>0</v>
      </c>
      <c r="R70" t="s">
        <v>385</v>
      </c>
      <c r="S70">
        <v>66</v>
      </c>
    </row>
    <row r="71" spans="1:19" x14ac:dyDescent="0.25">
      <c r="A71">
        <v>46497280</v>
      </c>
      <c r="B71" t="s">
        <v>386</v>
      </c>
      <c r="C71" s="1" t="s">
        <v>387</v>
      </c>
      <c r="E71">
        <v>2</v>
      </c>
      <c r="F71">
        <v>1</v>
      </c>
      <c r="H71" t="s">
        <v>388</v>
      </c>
      <c r="I71">
        <v>0</v>
      </c>
      <c r="J71" t="s">
        <v>389</v>
      </c>
      <c r="O71">
        <v>8396739</v>
      </c>
      <c r="P71">
        <v>1</v>
      </c>
      <c r="Q71">
        <v>0</v>
      </c>
      <c r="R71" t="s">
        <v>390</v>
      </c>
      <c r="S71">
        <v>524</v>
      </c>
    </row>
    <row r="72" spans="1:19" x14ac:dyDescent="0.25">
      <c r="A72">
        <v>41384296</v>
      </c>
      <c r="B72" t="s">
        <v>391</v>
      </c>
      <c r="C72" t="s">
        <v>392</v>
      </c>
      <c r="E72">
        <v>1</v>
      </c>
      <c r="F72">
        <v>3</v>
      </c>
      <c r="H72" t="s">
        <v>393</v>
      </c>
      <c r="J72" t="s">
        <v>394</v>
      </c>
      <c r="O72">
        <v>5370680</v>
      </c>
      <c r="P72">
        <v>1</v>
      </c>
      <c r="Q72">
        <v>0</v>
      </c>
      <c r="R72" t="s">
        <v>275</v>
      </c>
      <c r="S72">
        <v>359</v>
      </c>
    </row>
    <row r="73" spans="1:19" x14ac:dyDescent="0.25">
      <c r="A73">
        <v>44222783</v>
      </c>
      <c r="B73" t="s">
        <v>395</v>
      </c>
      <c r="C73" s="1" t="s">
        <v>396</v>
      </c>
      <c r="E73">
        <v>0</v>
      </c>
      <c r="F73">
        <v>3</v>
      </c>
      <c r="H73" t="s">
        <v>397</v>
      </c>
      <c r="J73" t="s">
        <v>398</v>
      </c>
      <c r="K73" t="s">
        <v>398</v>
      </c>
      <c r="M73">
        <v>2017206</v>
      </c>
      <c r="O73">
        <v>2017206</v>
      </c>
      <c r="P73">
        <v>1</v>
      </c>
      <c r="Q73">
        <v>0</v>
      </c>
      <c r="R73" t="s">
        <v>399</v>
      </c>
      <c r="S73">
        <v>39</v>
      </c>
    </row>
    <row r="74" spans="1:19" x14ac:dyDescent="0.25">
      <c r="A74">
        <v>45802072</v>
      </c>
      <c r="B74" t="s">
        <v>400</v>
      </c>
      <c r="C74" s="1" t="s">
        <v>401</v>
      </c>
      <c r="E74">
        <v>0</v>
      </c>
      <c r="F74">
        <v>0</v>
      </c>
      <c r="H74" t="s">
        <v>402</v>
      </c>
      <c r="I74">
        <v>3</v>
      </c>
      <c r="J74" t="s">
        <v>402</v>
      </c>
      <c r="O74">
        <v>8227258</v>
      </c>
      <c r="P74">
        <v>1</v>
      </c>
      <c r="Q74">
        <v>2</v>
      </c>
      <c r="R74" t="s">
        <v>403</v>
      </c>
      <c r="S74">
        <v>78</v>
      </c>
    </row>
    <row r="75" spans="1:19" x14ac:dyDescent="0.25">
      <c r="A75">
        <v>17517352</v>
      </c>
      <c r="B75" t="s">
        <v>404</v>
      </c>
      <c r="C75" s="1" t="s">
        <v>405</v>
      </c>
      <c r="D75">
        <v>17517460</v>
      </c>
      <c r="E75">
        <v>2</v>
      </c>
      <c r="F75">
        <v>6</v>
      </c>
      <c r="H75" t="s">
        <v>406</v>
      </c>
      <c r="I75">
        <v>1</v>
      </c>
      <c r="J75" t="s">
        <v>407</v>
      </c>
      <c r="O75">
        <v>102401</v>
      </c>
      <c r="P75">
        <v>1</v>
      </c>
      <c r="Q75">
        <v>0</v>
      </c>
      <c r="R75" t="s">
        <v>408</v>
      </c>
      <c r="S75">
        <v>1538</v>
      </c>
    </row>
    <row r="76" spans="1:19" x14ac:dyDescent="0.25">
      <c r="A76">
        <v>18788846</v>
      </c>
      <c r="B76" t="s">
        <v>409</v>
      </c>
      <c r="C76" s="1" t="s">
        <v>410</v>
      </c>
      <c r="D76">
        <v>18788959</v>
      </c>
      <c r="E76">
        <v>1</v>
      </c>
      <c r="F76">
        <v>2</v>
      </c>
      <c r="H76" t="s">
        <v>411</v>
      </c>
      <c r="J76" t="s">
        <v>412</v>
      </c>
      <c r="O76">
        <v>2715244</v>
      </c>
      <c r="P76">
        <v>1</v>
      </c>
      <c r="Q76">
        <v>0</v>
      </c>
      <c r="R76" t="s">
        <v>413</v>
      </c>
      <c r="S76">
        <v>1107</v>
      </c>
    </row>
    <row r="77" spans="1:19" x14ac:dyDescent="0.25">
      <c r="A77">
        <v>23992101</v>
      </c>
      <c r="B77" t="s">
        <v>414</v>
      </c>
      <c r="C77" s="1" t="s">
        <v>415</v>
      </c>
      <c r="E77">
        <v>1</v>
      </c>
      <c r="F77">
        <v>0</v>
      </c>
      <c r="H77" t="s">
        <v>416</v>
      </c>
      <c r="J77" t="s">
        <v>417</v>
      </c>
      <c r="K77" t="s">
        <v>418</v>
      </c>
      <c r="M77">
        <v>1025222</v>
      </c>
      <c r="O77">
        <v>3216493</v>
      </c>
      <c r="P77">
        <v>1</v>
      </c>
      <c r="Q77">
        <v>0</v>
      </c>
      <c r="R77" t="s">
        <v>419</v>
      </c>
      <c r="S77">
        <v>673</v>
      </c>
    </row>
    <row r="78" spans="1:19" x14ac:dyDescent="0.25">
      <c r="A78">
        <v>3256172</v>
      </c>
      <c r="B78" t="s">
        <v>420</v>
      </c>
      <c r="C78" s="1" t="s">
        <v>421</v>
      </c>
      <c r="D78">
        <v>3256202</v>
      </c>
      <c r="E78">
        <v>3</v>
      </c>
      <c r="F78">
        <v>6</v>
      </c>
      <c r="H78" t="s">
        <v>422</v>
      </c>
      <c r="J78" t="s">
        <v>423</v>
      </c>
      <c r="K78" t="s">
        <v>423</v>
      </c>
      <c r="M78">
        <v>426671</v>
      </c>
      <c r="O78">
        <v>175512</v>
      </c>
      <c r="P78">
        <v>1</v>
      </c>
      <c r="Q78">
        <v>2</v>
      </c>
      <c r="R78" t="s">
        <v>424</v>
      </c>
      <c r="S78">
        <v>587</v>
      </c>
    </row>
    <row r="79" spans="1:19" x14ac:dyDescent="0.25">
      <c r="A79">
        <v>18232580</v>
      </c>
      <c r="B79" t="s">
        <v>425</v>
      </c>
      <c r="C79" s="1" t="s">
        <v>426</v>
      </c>
      <c r="D79">
        <v>18605685</v>
      </c>
      <c r="E79">
        <v>7</v>
      </c>
      <c r="F79">
        <v>5</v>
      </c>
      <c r="H79" t="s">
        <v>427</v>
      </c>
      <c r="J79" t="s">
        <v>428</v>
      </c>
      <c r="K79" t="s">
        <v>429</v>
      </c>
      <c r="M79">
        <v>-1</v>
      </c>
      <c r="O79">
        <v>574353</v>
      </c>
      <c r="P79">
        <v>1</v>
      </c>
      <c r="Q79">
        <v>11</v>
      </c>
      <c r="R79" t="s">
        <v>430</v>
      </c>
      <c r="S79">
        <v>5620</v>
      </c>
    </row>
    <row r="80" spans="1:19" x14ac:dyDescent="0.25">
      <c r="A80">
        <v>10648904</v>
      </c>
      <c r="B80" t="s">
        <v>431</v>
      </c>
      <c r="C80" s="1" t="s">
        <v>432</v>
      </c>
      <c r="E80">
        <v>1</v>
      </c>
      <c r="F80">
        <v>0</v>
      </c>
      <c r="H80" t="s">
        <v>433</v>
      </c>
      <c r="I80">
        <v>1</v>
      </c>
      <c r="J80" t="s">
        <v>434</v>
      </c>
      <c r="O80">
        <v>478991</v>
      </c>
      <c r="P80">
        <v>1</v>
      </c>
      <c r="Q80">
        <v>0</v>
      </c>
      <c r="R80" t="s">
        <v>435</v>
      </c>
      <c r="S80">
        <v>1225</v>
      </c>
    </row>
    <row r="81" spans="1:19" x14ac:dyDescent="0.25">
      <c r="A81">
        <v>26871863</v>
      </c>
      <c r="B81" t="s">
        <v>436</v>
      </c>
      <c r="C81" s="1" t="s">
        <v>437</v>
      </c>
      <c r="E81">
        <v>1</v>
      </c>
      <c r="F81">
        <v>4</v>
      </c>
      <c r="H81" t="s">
        <v>438</v>
      </c>
      <c r="J81" t="s">
        <v>439</v>
      </c>
      <c r="O81">
        <v>2145735</v>
      </c>
      <c r="P81">
        <v>1</v>
      </c>
      <c r="Q81">
        <v>0</v>
      </c>
      <c r="R81" t="s">
        <v>440</v>
      </c>
      <c r="S81">
        <v>113</v>
      </c>
    </row>
    <row r="82" spans="1:19" x14ac:dyDescent="0.25">
      <c r="A82">
        <v>41682818</v>
      </c>
      <c r="B82" t="s">
        <v>441</v>
      </c>
      <c r="C82" s="1" t="s">
        <v>442</v>
      </c>
      <c r="D82">
        <v>41684660</v>
      </c>
      <c r="E82">
        <v>3</v>
      </c>
      <c r="F82">
        <v>5</v>
      </c>
      <c r="H82" t="s">
        <v>443</v>
      </c>
      <c r="J82" t="s">
        <v>444</v>
      </c>
      <c r="K82" t="s">
        <v>445</v>
      </c>
      <c r="M82">
        <v>472495</v>
      </c>
      <c r="O82">
        <v>5672109</v>
      </c>
      <c r="P82">
        <v>1</v>
      </c>
      <c r="Q82">
        <v>4</v>
      </c>
      <c r="R82" t="s">
        <v>446</v>
      </c>
      <c r="S82">
        <v>618</v>
      </c>
    </row>
    <row r="83" spans="1:19" x14ac:dyDescent="0.25">
      <c r="A83">
        <v>38708126</v>
      </c>
      <c r="B83" t="s">
        <v>447</v>
      </c>
      <c r="C83" s="1" t="s">
        <v>448</v>
      </c>
      <c r="E83">
        <v>2</v>
      </c>
      <c r="F83">
        <v>2</v>
      </c>
      <c r="H83" t="s">
        <v>449</v>
      </c>
      <c r="J83" t="s">
        <v>450</v>
      </c>
      <c r="O83">
        <v>6651946</v>
      </c>
      <c r="P83">
        <v>1</v>
      </c>
      <c r="Q83">
        <v>0</v>
      </c>
      <c r="R83" t="s">
        <v>451</v>
      </c>
      <c r="S83">
        <v>35</v>
      </c>
    </row>
    <row r="84" spans="1:19" x14ac:dyDescent="0.25">
      <c r="A84">
        <v>51484839</v>
      </c>
      <c r="B84" t="s">
        <v>452</v>
      </c>
      <c r="C84" s="1" t="s">
        <v>453</v>
      </c>
      <c r="E84">
        <v>0</v>
      </c>
      <c r="F84">
        <v>1</v>
      </c>
      <c r="H84" t="s">
        <v>454</v>
      </c>
      <c r="J84" t="s">
        <v>455</v>
      </c>
      <c r="K84" t="s">
        <v>455</v>
      </c>
      <c r="M84">
        <v>1128047</v>
      </c>
      <c r="O84">
        <v>2104795</v>
      </c>
      <c r="P84">
        <v>1</v>
      </c>
      <c r="Q84">
        <v>1</v>
      </c>
      <c r="R84" t="s">
        <v>300</v>
      </c>
      <c r="S84">
        <v>33</v>
      </c>
    </row>
    <row r="85" spans="1:19" x14ac:dyDescent="0.25">
      <c r="A85">
        <v>45443853</v>
      </c>
      <c r="B85" t="s">
        <v>456</v>
      </c>
      <c r="C85" s="1" t="s">
        <v>457</v>
      </c>
      <c r="E85">
        <v>2</v>
      </c>
      <c r="F85">
        <v>3</v>
      </c>
      <c r="H85" t="s">
        <v>458</v>
      </c>
      <c r="J85" t="s">
        <v>459</v>
      </c>
      <c r="O85">
        <v>6405985</v>
      </c>
      <c r="P85">
        <v>1</v>
      </c>
      <c r="Q85">
        <v>1</v>
      </c>
      <c r="R85" t="s">
        <v>460</v>
      </c>
      <c r="S85">
        <v>94</v>
      </c>
    </row>
    <row r="86" spans="1:19" x14ac:dyDescent="0.25">
      <c r="A86">
        <v>16227418</v>
      </c>
      <c r="B86" t="s">
        <v>461</v>
      </c>
      <c r="C86" s="1" t="s">
        <v>462</v>
      </c>
      <c r="D86">
        <v>16227630</v>
      </c>
      <c r="E86">
        <v>2</v>
      </c>
      <c r="F86">
        <v>6</v>
      </c>
      <c r="H86" t="s">
        <v>463</v>
      </c>
      <c r="J86" t="s">
        <v>464</v>
      </c>
      <c r="K86" t="s">
        <v>465</v>
      </c>
      <c r="M86">
        <v>2055998</v>
      </c>
      <c r="O86">
        <v>2322045</v>
      </c>
      <c r="P86">
        <v>1</v>
      </c>
      <c r="Q86">
        <v>0</v>
      </c>
      <c r="R86" t="s">
        <v>466</v>
      </c>
      <c r="S86">
        <v>120</v>
      </c>
    </row>
    <row r="87" spans="1:19" x14ac:dyDescent="0.25">
      <c r="A87">
        <v>43914692</v>
      </c>
      <c r="B87" t="s">
        <v>467</v>
      </c>
      <c r="C87" s="1" t="s">
        <v>468</v>
      </c>
      <c r="D87">
        <v>43916190</v>
      </c>
      <c r="E87">
        <v>3</v>
      </c>
      <c r="F87">
        <v>8</v>
      </c>
      <c r="H87" t="s">
        <v>469</v>
      </c>
      <c r="J87" t="s">
        <v>470</v>
      </c>
      <c r="K87" t="s">
        <v>471</v>
      </c>
      <c r="M87">
        <v>1451247</v>
      </c>
      <c r="O87">
        <v>1451247</v>
      </c>
      <c r="P87">
        <v>1</v>
      </c>
      <c r="Q87">
        <v>0</v>
      </c>
      <c r="R87" t="s">
        <v>472</v>
      </c>
      <c r="S87">
        <v>594</v>
      </c>
    </row>
    <row r="88" spans="1:19" x14ac:dyDescent="0.25">
      <c r="A88">
        <v>4663754</v>
      </c>
      <c r="B88" t="s">
        <v>473</v>
      </c>
      <c r="C88" s="1" t="s">
        <v>474</v>
      </c>
      <c r="D88">
        <v>4663787</v>
      </c>
      <c r="E88">
        <v>1</v>
      </c>
      <c r="F88">
        <v>0</v>
      </c>
      <c r="H88" t="s">
        <v>475</v>
      </c>
      <c r="J88" t="s">
        <v>476</v>
      </c>
      <c r="O88">
        <v>346332</v>
      </c>
      <c r="P88">
        <v>1</v>
      </c>
      <c r="Q88">
        <v>0</v>
      </c>
      <c r="R88" t="s">
        <v>477</v>
      </c>
      <c r="S88">
        <v>131</v>
      </c>
    </row>
    <row r="89" spans="1:19" x14ac:dyDescent="0.25">
      <c r="A89">
        <v>40493210</v>
      </c>
      <c r="B89" t="s">
        <v>478</v>
      </c>
      <c r="C89" s="1" t="s">
        <v>479</v>
      </c>
      <c r="E89">
        <v>4</v>
      </c>
      <c r="F89">
        <v>10</v>
      </c>
      <c r="H89" t="s">
        <v>480</v>
      </c>
      <c r="I89">
        <v>1</v>
      </c>
      <c r="J89" t="s">
        <v>481</v>
      </c>
      <c r="K89" t="s">
        <v>482</v>
      </c>
      <c r="M89">
        <v>1775336</v>
      </c>
      <c r="O89">
        <v>1775336</v>
      </c>
      <c r="P89">
        <v>1</v>
      </c>
      <c r="Q89">
        <v>5</v>
      </c>
      <c r="R89" t="s">
        <v>483</v>
      </c>
      <c r="S89">
        <v>3424</v>
      </c>
    </row>
    <row r="90" spans="1:19" x14ac:dyDescent="0.25">
      <c r="A90">
        <v>26268762</v>
      </c>
      <c r="B90" t="s">
        <v>484</v>
      </c>
      <c r="C90" s="1" t="s">
        <v>485</v>
      </c>
      <c r="E90">
        <v>1</v>
      </c>
      <c r="F90">
        <v>0</v>
      </c>
      <c r="H90" t="s">
        <v>486</v>
      </c>
      <c r="J90" t="s">
        <v>487</v>
      </c>
      <c r="K90" t="s">
        <v>488</v>
      </c>
      <c r="M90">
        <v>645511</v>
      </c>
      <c r="O90">
        <v>2372850</v>
      </c>
      <c r="P90">
        <v>1</v>
      </c>
      <c r="Q90">
        <v>0</v>
      </c>
      <c r="R90" t="s">
        <v>489</v>
      </c>
      <c r="S90">
        <v>81</v>
      </c>
    </row>
    <row r="91" spans="1:19" x14ac:dyDescent="0.25">
      <c r="A91">
        <v>16534946</v>
      </c>
      <c r="B91" t="s">
        <v>490</v>
      </c>
      <c r="C91" s="1" t="s">
        <v>491</v>
      </c>
      <c r="D91">
        <v>16544978</v>
      </c>
      <c r="E91">
        <v>1</v>
      </c>
      <c r="F91">
        <v>5</v>
      </c>
      <c r="H91" t="s">
        <v>492</v>
      </c>
      <c r="J91" t="s">
        <v>493</v>
      </c>
      <c r="O91">
        <v>1697249</v>
      </c>
      <c r="P91">
        <v>1</v>
      </c>
      <c r="Q91">
        <v>2</v>
      </c>
      <c r="R91" t="s">
        <v>494</v>
      </c>
      <c r="S91">
        <v>3019</v>
      </c>
    </row>
    <row r="92" spans="1:19" x14ac:dyDescent="0.25">
      <c r="A92">
        <v>47275880</v>
      </c>
      <c r="B92" t="s">
        <v>495</v>
      </c>
      <c r="C92" s="1" t="s">
        <v>496</v>
      </c>
      <c r="E92">
        <v>0</v>
      </c>
      <c r="F92">
        <v>6</v>
      </c>
      <c r="H92" t="s">
        <v>497</v>
      </c>
      <c r="I92">
        <v>1</v>
      </c>
      <c r="J92" t="s">
        <v>498</v>
      </c>
      <c r="K92" t="s">
        <v>498</v>
      </c>
      <c r="M92">
        <v>4584966</v>
      </c>
      <c r="O92">
        <v>4584966</v>
      </c>
      <c r="P92">
        <v>1</v>
      </c>
      <c r="Q92">
        <v>0</v>
      </c>
      <c r="R92" t="s">
        <v>499</v>
      </c>
      <c r="S92">
        <v>52</v>
      </c>
    </row>
    <row r="93" spans="1:19" x14ac:dyDescent="0.25">
      <c r="A93">
        <v>33966736</v>
      </c>
      <c r="B93" t="s">
        <v>500</v>
      </c>
      <c r="C93" s="1" t="s">
        <v>501</v>
      </c>
      <c r="E93">
        <v>3</v>
      </c>
      <c r="F93">
        <v>0</v>
      </c>
      <c r="H93" t="s">
        <v>502</v>
      </c>
      <c r="I93">
        <v>1</v>
      </c>
      <c r="J93" t="s">
        <v>503</v>
      </c>
      <c r="O93">
        <v>5222301</v>
      </c>
      <c r="P93">
        <v>1</v>
      </c>
      <c r="Q93">
        <v>0</v>
      </c>
      <c r="R93" t="s">
        <v>504</v>
      </c>
      <c r="S93">
        <v>869</v>
      </c>
    </row>
    <row r="94" spans="1:19" x14ac:dyDescent="0.25">
      <c r="A94">
        <v>17277290</v>
      </c>
      <c r="B94" t="s">
        <v>505</v>
      </c>
      <c r="C94" s="1" t="s">
        <v>506</v>
      </c>
      <c r="E94">
        <v>0</v>
      </c>
      <c r="F94">
        <v>2</v>
      </c>
      <c r="H94" t="s">
        <v>507</v>
      </c>
      <c r="J94" t="s">
        <v>508</v>
      </c>
      <c r="K94" t="s">
        <v>508</v>
      </c>
      <c r="M94">
        <v>1029116</v>
      </c>
      <c r="O94">
        <v>1029116</v>
      </c>
      <c r="P94">
        <v>1</v>
      </c>
      <c r="Q94">
        <v>1</v>
      </c>
      <c r="R94" t="s">
        <v>509</v>
      </c>
      <c r="S94">
        <v>686</v>
      </c>
    </row>
    <row r="95" spans="1:19" x14ac:dyDescent="0.25">
      <c r="A95">
        <v>11770074</v>
      </c>
      <c r="B95" t="s">
        <v>510</v>
      </c>
      <c r="C95" s="1" t="s">
        <v>511</v>
      </c>
      <c r="D95">
        <v>11770234</v>
      </c>
      <c r="E95">
        <v>6</v>
      </c>
      <c r="F95">
        <v>0</v>
      </c>
      <c r="H95" t="s">
        <v>512</v>
      </c>
      <c r="I95">
        <v>22</v>
      </c>
      <c r="J95" t="s">
        <v>513</v>
      </c>
      <c r="K95" t="s">
        <v>514</v>
      </c>
      <c r="M95">
        <v>1432614</v>
      </c>
      <c r="O95">
        <v>1489912</v>
      </c>
      <c r="P95">
        <v>1</v>
      </c>
      <c r="Q95">
        <v>120</v>
      </c>
      <c r="R95" t="s">
        <v>515</v>
      </c>
      <c r="S95">
        <v>181733</v>
      </c>
    </row>
    <row r="96" spans="1:19" x14ac:dyDescent="0.25">
      <c r="A96">
        <v>31454357</v>
      </c>
      <c r="B96" t="s">
        <v>516</v>
      </c>
      <c r="C96" s="1" t="s">
        <v>517</v>
      </c>
      <c r="E96">
        <v>2</v>
      </c>
      <c r="F96">
        <v>0</v>
      </c>
      <c r="H96" t="s">
        <v>518</v>
      </c>
      <c r="I96">
        <v>1</v>
      </c>
      <c r="J96" t="s">
        <v>519</v>
      </c>
      <c r="K96" t="s">
        <v>520</v>
      </c>
      <c r="M96">
        <v>4122891</v>
      </c>
      <c r="O96">
        <v>4122891</v>
      </c>
      <c r="P96">
        <v>1</v>
      </c>
      <c r="Q96">
        <v>4</v>
      </c>
      <c r="R96" t="s">
        <v>521</v>
      </c>
      <c r="S96">
        <v>7053</v>
      </c>
    </row>
    <row r="97" spans="1:19" x14ac:dyDescent="0.25">
      <c r="A97">
        <v>5979546</v>
      </c>
      <c r="B97" t="s">
        <v>522</v>
      </c>
      <c r="C97" s="1" t="s">
        <v>523</v>
      </c>
      <c r="D97">
        <v>5979587</v>
      </c>
      <c r="E97">
        <v>1</v>
      </c>
      <c r="F97">
        <v>2</v>
      </c>
      <c r="H97" t="s">
        <v>524</v>
      </c>
      <c r="J97" t="s">
        <v>525</v>
      </c>
      <c r="O97">
        <v>590790</v>
      </c>
      <c r="P97">
        <v>1</v>
      </c>
      <c r="Q97">
        <v>0</v>
      </c>
      <c r="R97" t="s">
        <v>526</v>
      </c>
      <c r="S97">
        <v>43</v>
      </c>
    </row>
    <row r="98" spans="1:19" x14ac:dyDescent="0.25">
      <c r="A98">
        <v>39370669</v>
      </c>
      <c r="B98" t="s">
        <v>527</v>
      </c>
      <c r="C98" s="1" t="s">
        <v>528</v>
      </c>
      <c r="D98">
        <v>40241735</v>
      </c>
      <c r="E98">
        <v>1</v>
      </c>
      <c r="F98">
        <v>6</v>
      </c>
      <c r="H98" t="s">
        <v>529</v>
      </c>
      <c r="J98" t="s">
        <v>530</v>
      </c>
      <c r="K98" t="s">
        <v>531</v>
      </c>
      <c r="M98">
        <v>4682387</v>
      </c>
      <c r="O98">
        <v>4682387</v>
      </c>
      <c r="P98">
        <v>1</v>
      </c>
      <c r="Q98">
        <v>0</v>
      </c>
      <c r="R98" t="s">
        <v>532</v>
      </c>
      <c r="S98">
        <v>238</v>
      </c>
    </row>
    <row r="99" spans="1:19" x14ac:dyDescent="0.25">
      <c r="A99">
        <v>47716705</v>
      </c>
      <c r="B99" t="s">
        <v>533</v>
      </c>
      <c r="C99" s="1" t="s">
        <v>534</v>
      </c>
      <c r="D99">
        <v>47785931</v>
      </c>
      <c r="E99">
        <v>2</v>
      </c>
      <c r="F99">
        <v>3</v>
      </c>
      <c r="H99" t="s">
        <v>535</v>
      </c>
      <c r="J99" t="s">
        <v>536</v>
      </c>
      <c r="K99" t="s">
        <v>537</v>
      </c>
      <c r="M99">
        <v>1054844</v>
      </c>
      <c r="O99">
        <v>1054844</v>
      </c>
      <c r="P99">
        <v>1</v>
      </c>
      <c r="Q99">
        <v>7</v>
      </c>
      <c r="R99" t="s">
        <v>538</v>
      </c>
      <c r="S99">
        <v>250</v>
      </c>
    </row>
    <row r="100" spans="1:19" x14ac:dyDescent="0.25">
      <c r="A100">
        <v>39618249</v>
      </c>
      <c r="B100" t="s">
        <v>539</v>
      </c>
      <c r="C100" s="1" t="s">
        <v>540</v>
      </c>
      <c r="E100">
        <v>1</v>
      </c>
      <c r="F100">
        <v>2</v>
      </c>
      <c r="H100" t="s">
        <v>541</v>
      </c>
      <c r="I100">
        <v>1</v>
      </c>
      <c r="J100" t="s">
        <v>542</v>
      </c>
      <c r="K100" t="s">
        <v>543</v>
      </c>
      <c r="M100">
        <v>-1</v>
      </c>
      <c r="O100">
        <v>6857892</v>
      </c>
      <c r="P100">
        <v>1</v>
      </c>
      <c r="Q100">
        <v>2</v>
      </c>
      <c r="R100" t="s">
        <v>544</v>
      </c>
      <c r="S100">
        <v>881</v>
      </c>
    </row>
    <row r="101" spans="1:19" x14ac:dyDescent="0.25">
      <c r="A101">
        <v>26872399</v>
      </c>
      <c r="B101" t="s">
        <v>545</v>
      </c>
      <c r="C101" s="1" t="s">
        <v>546</v>
      </c>
      <c r="E101">
        <v>1</v>
      </c>
      <c r="F101">
        <v>3</v>
      </c>
      <c r="H101" t="s">
        <v>547</v>
      </c>
      <c r="J101" t="s">
        <v>548</v>
      </c>
      <c r="K101" t="s">
        <v>548</v>
      </c>
      <c r="M101">
        <v>1699210</v>
      </c>
      <c r="O101">
        <v>137616</v>
      </c>
      <c r="P101">
        <v>1</v>
      </c>
      <c r="Q101">
        <v>-2</v>
      </c>
      <c r="R101" t="s">
        <v>549</v>
      </c>
      <c r="S101">
        <v>33</v>
      </c>
    </row>
    <row r="102" spans="1:19" x14ac:dyDescent="0.25">
      <c r="A102">
        <v>50044018</v>
      </c>
      <c r="B102" t="s">
        <v>550</v>
      </c>
      <c r="C102" s="1" t="s">
        <v>551</v>
      </c>
      <c r="D102">
        <v>50044050</v>
      </c>
      <c r="E102">
        <v>1</v>
      </c>
      <c r="F102">
        <v>3</v>
      </c>
      <c r="H102" t="s">
        <v>552</v>
      </c>
      <c r="J102" t="s">
        <v>553</v>
      </c>
      <c r="N102" t="s">
        <v>554</v>
      </c>
      <c r="P102">
        <v>1</v>
      </c>
      <c r="Q102">
        <v>-1</v>
      </c>
      <c r="R102" t="s">
        <v>555</v>
      </c>
      <c r="S102">
        <v>51</v>
      </c>
    </row>
    <row r="103" spans="1:19" x14ac:dyDescent="0.25">
      <c r="A103">
        <v>18960018</v>
      </c>
      <c r="B103" t="s">
        <v>556</v>
      </c>
      <c r="C103" s="1" t="s">
        <v>557</v>
      </c>
      <c r="E103">
        <v>2</v>
      </c>
      <c r="F103">
        <v>0</v>
      </c>
      <c r="H103" t="s">
        <v>558</v>
      </c>
      <c r="I103">
        <v>1</v>
      </c>
      <c r="J103" t="s">
        <v>559</v>
      </c>
      <c r="O103">
        <v>399145</v>
      </c>
      <c r="P103">
        <v>1</v>
      </c>
      <c r="Q103">
        <v>1</v>
      </c>
      <c r="R103" t="s">
        <v>560</v>
      </c>
      <c r="S103">
        <v>1515</v>
      </c>
    </row>
    <row r="104" spans="1:19" x14ac:dyDescent="0.25">
      <c r="A104">
        <v>31043773</v>
      </c>
      <c r="B104" t="s">
        <v>561</v>
      </c>
      <c r="C104" s="1" t="s">
        <v>562</v>
      </c>
      <c r="E104">
        <v>1</v>
      </c>
      <c r="F104">
        <v>0</v>
      </c>
      <c r="H104" t="s">
        <v>563</v>
      </c>
      <c r="J104" t="s">
        <v>564</v>
      </c>
      <c r="K104" t="s">
        <v>564</v>
      </c>
      <c r="M104">
        <v>4906669</v>
      </c>
      <c r="O104">
        <v>4906669</v>
      </c>
      <c r="P104">
        <v>1</v>
      </c>
      <c r="Q104">
        <v>2</v>
      </c>
      <c r="R104" t="s">
        <v>565</v>
      </c>
      <c r="S104">
        <v>41</v>
      </c>
    </row>
    <row r="105" spans="1:19" x14ac:dyDescent="0.25">
      <c r="A105">
        <v>48188365</v>
      </c>
      <c r="B105" t="s">
        <v>566</v>
      </c>
      <c r="C105" s="1" t="s">
        <v>567</v>
      </c>
      <c r="E105">
        <v>0</v>
      </c>
      <c r="F105">
        <v>2</v>
      </c>
      <c r="H105" t="s">
        <v>568</v>
      </c>
      <c r="J105" t="s">
        <v>568</v>
      </c>
      <c r="O105">
        <v>1279180</v>
      </c>
      <c r="P105">
        <v>1</v>
      </c>
      <c r="Q105">
        <v>1</v>
      </c>
      <c r="R105" t="s">
        <v>569</v>
      </c>
      <c r="S105">
        <v>126</v>
      </c>
    </row>
    <row r="106" spans="1:19" x14ac:dyDescent="0.25">
      <c r="A106">
        <v>16679893</v>
      </c>
      <c r="B106" t="s">
        <v>570</v>
      </c>
      <c r="C106" s="1" t="s">
        <v>571</v>
      </c>
      <c r="D106">
        <v>16681902</v>
      </c>
      <c r="E106">
        <v>1</v>
      </c>
      <c r="F106">
        <v>0</v>
      </c>
      <c r="H106" t="s">
        <v>572</v>
      </c>
      <c r="I106">
        <v>1</v>
      </c>
      <c r="J106" t="s">
        <v>573</v>
      </c>
      <c r="O106">
        <v>564092</v>
      </c>
      <c r="P106">
        <v>1</v>
      </c>
      <c r="Q106">
        <v>1</v>
      </c>
      <c r="R106" t="s">
        <v>574</v>
      </c>
      <c r="S106">
        <v>850</v>
      </c>
    </row>
    <row r="107" spans="1:19" x14ac:dyDescent="0.25">
      <c r="A107">
        <v>5759063</v>
      </c>
      <c r="B107" t="s">
        <v>575</v>
      </c>
      <c r="C107" s="1" t="s">
        <v>576</v>
      </c>
      <c r="D107">
        <v>5759184</v>
      </c>
      <c r="E107">
        <v>3</v>
      </c>
      <c r="F107">
        <v>0</v>
      </c>
      <c r="H107" t="s">
        <v>577</v>
      </c>
      <c r="I107">
        <v>2</v>
      </c>
      <c r="J107" t="s">
        <v>578</v>
      </c>
      <c r="O107">
        <v>687756</v>
      </c>
      <c r="P107">
        <v>1</v>
      </c>
      <c r="Q107">
        <v>5</v>
      </c>
      <c r="R107" t="s">
        <v>579</v>
      </c>
      <c r="S107">
        <v>2636</v>
      </c>
    </row>
    <row r="108" spans="1:19" x14ac:dyDescent="0.25">
      <c r="A108">
        <v>38267133</v>
      </c>
      <c r="B108" t="s">
        <v>580</v>
      </c>
      <c r="C108" s="1" t="s">
        <v>581</v>
      </c>
      <c r="E108">
        <v>2</v>
      </c>
      <c r="F108">
        <v>8</v>
      </c>
      <c r="H108" t="s">
        <v>582</v>
      </c>
      <c r="I108">
        <v>1</v>
      </c>
      <c r="J108" t="s">
        <v>583</v>
      </c>
      <c r="K108" t="s">
        <v>584</v>
      </c>
      <c r="M108">
        <v>6522072</v>
      </c>
      <c r="O108">
        <v>6522072</v>
      </c>
      <c r="P108">
        <v>1</v>
      </c>
      <c r="Q108">
        <v>2</v>
      </c>
      <c r="R108" t="s">
        <v>585</v>
      </c>
      <c r="S108">
        <v>130</v>
      </c>
    </row>
    <row r="109" spans="1:19" x14ac:dyDescent="0.25">
      <c r="A109">
        <v>43945246</v>
      </c>
      <c r="B109" t="s">
        <v>586</v>
      </c>
      <c r="C109" s="1" t="s">
        <v>587</v>
      </c>
      <c r="D109">
        <v>43945595</v>
      </c>
      <c r="E109">
        <v>1</v>
      </c>
      <c r="F109">
        <v>1</v>
      </c>
      <c r="H109" t="s">
        <v>588</v>
      </c>
      <c r="J109" t="s">
        <v>589</v>
      </c>
      <c r="K109" t="s">
        <v>590</v>
      </c>
      <c r="M109">
        <v>149097</v>
      </c>
      <c r="O109">
        <v>7525780</v>
      </c>
      <c r="P109">
        <v>1</v>
      </c>
      <c r="Q109">
        <v>2</v>
      </c>
      <c r="R109" t="s">
        <v>591</v>
      </c>
      <c r="S109">
        <v>63</v>
      </c>
    </row>
    <row r="110" spans="1:19" x14ac:dyDescent="0.25">
      <c r="A110">
        <v>20451875</v>
      </c>
      <c r="B110" t="s">
        <v>592</v>
      </c>
      <c r="C110" s="1" t="s">
        <v>593</v>
      </c>
      <c r="D110">
        <v>20452762</v>
      </c>
      <c r="E110">
        <v>2</v>
      </c>
      <c r="F110">
        <v>1</v>
      </c>
      <c r="H110" t="s">
        <v>594</v>
      </c>
      <c r="J110" t="s">
        <v>595</v>
      </c>
      <c r="K110" t="s">
        <v>595</v>
      </c>
      <c r="M110">
        <v>264822</v>
      </c>
      <c r="O110">
        <v>1595155</v>
      </c>
      <c r="P110">
        <v>1</v>
      </c>
      <c r="Q110">
        <v>0</v>
      </c>
      <c r="R110" t="s">
        <v>596</v>
      </c>
      <c r="S110">
        <v>926</v>
      </c>
    </row>
    <row r="111" spans="1:19" x14ac:dyDescent="0.25">
      <c r="A111">
        <v>47276592</v>
      </c>
      <c r="B111" t="s">
        <v>597</v>
      </c>
      <c r="C111" s="1" t="s">
        <v>598</v>
      </c>
      <c r="D111">
        <v>47277007</v>
      </c>
      <c r="E111">
        <v>1</v>
      </c>
      <c r="F111">
        <v>0</v>
      </c>
      <c r="H111" t="s">
        <v>599</v>
      </c>
      <c r="J111" t="s">
        <v>600</v>
      </c>
      <c r="K111" t="s">
        <v>601</v>
      </c>
      <c r="M111">
        <v>3003119</v>
      </c>
      <c r="O111">
        <v>3003119</v>
      </c>
      <c r="P111">
        <v>1</v>
      </c>
      <c r="Q111">
        <v>0</v>
      </c>
      <c r="R111" t="s">
        <v>602</v>
      </c>
      <c r="S111">
        <v>213</v>
      </c>
    </row>
    <row r="112" spans="1:19" x14ac:dyDescent="0.25">
      <c r="A112">
        <v>46292350</v>
      </c>
      <c r="B112" t="s">
        <v>603</v>
      </c>
      <c r="C112" s="1" t="s">
        <v>604</v>
      </c>
      <c r="D112">
        <v>46292394</v>
      </c>
      <c r="E112">
        <v>3</v>
      </c>
      <c r="F112">
        <v>0</v>
      </c>
      <c r="H112" t="s">
        <v>605</v>
      </c>
      <c r="J112" t="s">
        <v>606</v>
      </c>
      <c r="O112">
        <v>6040762</v>
      </c>
      <c r="P112">
        <v>1</v>
      </c>
      <c r="Q112">
        <v>1</v>
      </c>
      <c r="R112" t="s">
        <v>607</v>
      </c>
      <c r="S112">
        <v>820</v>
      </c>
    </row>
    <row r="113" spans="1:19" x14ac:dyDescent="0.25">
      <c r="A113">
        <v>46601737</v>
      </c>
      <c r="B113" t="s">
        <v>608</v>
      </c>
      <c r="C113" s="1" t="s">
        <v>609</v>
      </c>
      <c r="E113">
        <v>1</v>
      </c>
      <c r="F113">
        <v>0</v>
      </c>
      <c r="H113" t="s">
        <v>610</v>
      </c>
      <c r="J113" t="s">
        <v>611</v>
      </c>
      <c r="K113" t="s">
        <v>612</v>
      </c>
      <c r="M113">
        <v>2550964</v>
      </c>
      <c r="O113">
        <v>5497499</v>
      </c>
      <c r="P113">
        <v>1</v>
      </c>
      <c r="Q113">
        <v>1</v>
      </c>
      <c r="R113" t="s">
        <v>613</v>
      </c>
      <c r="S113">
        <v>125</v>
      </c>
    </row>
    <row r="114" spans="1:19" x14ac:dyDescent="0.25">
      <c r="A114">
        <v>30195670</v>
      </c>
      <c r="B114" t="s">
        <v>614</v>
      </c>
      <c r="C114" s="1" t="s">
        <v>615</v>
      </c>
      <c r="D114">
        <v>30195732</v>
      </c>
      <c r="E114">
        <v>1</v>
      </c>
      <c r="F114">
        <v>0</v>
      </c>
      <c r="H114" t="s">
        <v>616</v>
      </c>
      <c r="I114">
        <v>2</v>
      </c>
      <c r="J114" t="s">
        <v>617</v>
      </c>
      <c r="O114">
        <v>4009451</v>
      </c>
      <c r="P114">
        <v>1</v>
      </c>
      <c r="Q114">
        <v>7</v>
      </c>
      <c r="R114" t="s">
        <v>618</v>
      </c>
      <c r="S114">
        <v>5941</v>
      </c>
    </row>
    <row r="115" spans="1:19" x14ac:dyDescent="0.25">
      <c r="A115">
        <v>36888633</v>
      </c>
      <c r="B115" t="s">
        <v>619</v>
      </c>
      <c r="C115" s="1" t="s">
        <v>620</v>
      </c>
      <c r="D115">
        <v>36888967</v>
      </c>
      <c r="E115">
        <v>1</v>
      </c>
      <c r="F115">
        <v>4</v>
      </c>
      <c r="H115" t="s">
        <v>621</v>
      </c>
      <c r="J115" t="s">
        <v>622</v>
      </c>
      <c r="K115" t="s">
        <v>623</v>
      </c>
      <c r="M115">
        <v>253056</v>
      </c>
      <c r="O115">
        <v>619818</v>
      </c>
      <c r="P115">
        <v>1</v>
      </c>
      <c r="Q115">
        <v>-3</v>
      </c>
      <c r="R115" t="s">
        <v>624</v>
      </c>
      <c r="S115">
        <v>83</v>
      </c>
    </row>
    <row r="116" spans="1:19" x14ac:dyDescent="0.25">
      <c r="A116">
        <v>32997395</v>
      </c>
      <c r="B116" t="s">
        <v>625</v>
      </c>
      <c r="C116" t="s">
        <v>626</v>
      </c>
      <c r="D116">
        <v>32997764</v>
      </c>
      <c r="E116">
        <v>3</v>
      </c>
      <c r="F116">
        <v>0</v>
      </c>
      <c r="H116" t="s">
        <v>627</v>
      </c>
      <c r="J116" t="s">
        <v>628</v>
      </c>
      <c r="K116" t="s">
        <v>629</v>
      </c>
      <c r="M116">
        <v>2788298</v>
      </c>
      <c r="O116">
        <v>2788298</v>
      </c>
      <c r="P116">
        <v>1</v>
      </c>
      <c r="Q116">
        <v>2</v>
      </c>
      <c r="R116" t="s">
        <v>630</v>
      </c>
      <c r="S116">
        <v>1064</v>
      </c>
    </row>
    <row r="117" spans="1:19" x14ac:dyDescent="0.25">
      <c r="A117">
        <v>48723313</v>
      </c>
      <c r="B117" t="s">
        <v>631</v>
      </c>
      <c r="C117" s="1" t="s">
        <v>632</v>
      </c>
      <c r="E117">
        <v>0</v>
      </c>
      <c r="F117">
        <v>1</v>
      </c>
      <c r="H117" t="s">
        <v>633</v>
      </c>
      <c r="J117" t="s">
        <v>634</v>
      </c>
      <c r="K117" t="s">
        <v>634</v>
      </c>
      <c r="M117">
        <v>472495</v>
      </c>
      <c r="O117">
        <v>1447958</v>
      </c>
      <c r="P117">
        <v>1</v>
      </c>
      <c r="Q117">
        <v>0</v>
      </c>
      <c r="R117" t="s">
        <v>635</v>
      </c>
      <c r="S117">
        <v>68</v>
      </c>
    </row>
    <row r="118" spans="1:19" x14ac:dyDescent="0.25">
      <c r="A118">
        <v>47228072</v>
      </c>
      <c r="B118" t="s">
        <v>636</v>
      </c>
      <c r="C118" s="1" t="s">
        <v>637</v>
      </c>
      <c r="E118">
        <v>0</v>
      </c>
      <c r="F118">
        <v>1</v>
      </c>
      <c r="H118" t="s">
        <v>638</v>
      </c>
      <c r="J118" t="s">
        <v>638</v>
      </c>
      <c r="O118">
        <v>8784752</v>
      </c>
      <c r="P118">
        <v>1</v>
      </c>
      <c r="Q118">
        <v>1</v>
      </c>
      <c r="R118" t="s">
        <v>639</v>
      </c>
      <c r="S118">
        <v>29</v>
      </c>
    </row>
    <row r="119" spans="1:19" x14ac:dyDescent="0.25">
      <c r="A119">
        <v>33754719</v>
      </c>
      <c r="B119" t="s">
        <v>640</v>
      </c>
      <c r="C119" s="1" t="s">
        <v>641</v>
      </c>
      <c r="E119">
        <v>1</v>
      </c>
      <c r="F119">
        <v>1</v>
      </c>
      <c r="H119" t="s">
        <v>642</v>
      </c>
      <c r="J119" t="s">
        <v>643</v>
      </c>
      <c r="O119">
        <v>2663309</v>
      </c>
      <c r="P119">
        <v>1</v>
      </c>
      <c r="Q119">
        <v>0</v>
      </c>
      <c r="R119" t="s">
        <v>644</v>
      </c>
      <c r="S119">
        <v>526</v>
      </c>
    </row>
    <row r="120" spans="1:19" x14ac:dyDescent="0.25">
      <c r="A120">
        <v>49808033</v>
      </c>
      <c r="B120" t="s">
        <v>645</v>
      </c>
      <c r="C120" s="1" t="s">
        <v>646</v>
      </c>
      <c r="D120">
        <v>49808385</v>
      </c>
      <c r="E120">
        <v>1</v>
      </c>
      <c r="F120">
        <v>3</v>
      </c>
      <c r="H120" t="s">
        <v>647</v>
      </c>
      <c r="J120" t="s">
        <v>648</v>
      </c>
      <c r="K120" t="s">
        <v>648</v>
      </c>
      <c r="M120">
        <v>13302</v>
      </c>
      <c r="O120">
        <v>8007141</v>
      </c>
      <c r="P120">
        <v>1</v>
      </c>
      <c r="Q120">
        <v>0</v>
      </c>
      <c r="R120" t="s">
        <v>649</v>
      </c>
      <c r="S120">
        <v>47</v>
      </c>
    </row>
    <row r="121" spans="1:19" x14ac:dyDescent="0.25">
      <c r="A121">
        <v>39387197</v>
      </c>
      <c r="B121" t="s">
        <v>650</v>
      </c>
      <c r="C121" s="1" t="s">
        <v>651</v>
      </c>
      <c r="E121">
        <v>1</v>
      </c>
      <c r="F121">
        <v>1</v>
      </c>
      <c r="H121" t="s">
        <v>652</v>
      </c>
      <c r="J121" t="s">
        <v>653</v>
      </c>
      <c r="K121" t="s">
        <v>654</v>
      </c>
      <c r="M121">
        <v>872363</v>
      </c>
      <c r="O121">
        <v>4322942</v>
      </c>
      <c r="P121">
        <v>1</v>
      </c>
      <c r="Q121">
        <v>1</v>
      </c>
      <c r="R121" t="s">
        <v>655</v>
      </c>
      <c r="S121">
        <v>166</v>
      </c>
    </row>
    <row r="122" spans="1:19" x14ac:dyDescent="0.25">
      <c r="A122">
        <v>15634304</v>
      </c>
      <c r="B122" t="s">
        <v>656</v>
      </c>
      <c r="C122" s="1" t="s">
        <v>657</v>
      </c>
      <c r="E122">
        <v>0</v>
      </c>
      <c r="F122">
        <v>6</v>
      </c>
      <c r="H122" t="s">
        <v>658</v>
      </c>
      <c r="J122" t="s">
        <v>658</v>
      </c>
      <c r="O122">
        <v>1994795</v>
      </c>
      <c r="P122">
        <v>1</v>
      </c>
      <c r="Q122">
        <v>0</v>
      </c>
      <c r="R122" t="s">
        <v>659</v>
      </c>
      <c r="S122">
        <v>537</v>
      </c>
    </row>
    <row r="123" spans="1:19" x14ac:dyDescent="0.25">
      <c r="A123">
        <v>49663541</v>
      </c>
      <c r="B123" t="s">
        <v>660</v>
      </c>
      <c r="C123" s="1" t="s">
        <v>661</v>
      </c>
      <c r="E123">
        <v>1</v>
      </c>
      <c r="F123">
        <v>0</v>
      </c>
      <c r="H123" t="s">
        <v>662</v>
      </c>
      <c r="J123" t="s">
        <v>663</v>
      </c>
      <c r="O123">
        <v>2213153</v>
      </c>
      <c r="P123">
        <v>1</v>
      </c>
      <c r="Q123">
        <v>0</v>
      </c>
      <c r="R123" t="s">
        <v>664</v>
      </c>
      <c r="S123">
        <v>32</v>
      </c>
    </row>
    <row r="124" spans="1:19" x14ac:dyDescent="0.25">
      <c r="A124">
        <v>4953420</v>
      </c>
      <c r="B124" t="s">
        <v>665</v>
      </c>
      <c r="C124" t="s">
        <v>666</v>
      </c>
      <c r="D124">
        <v>4953492</v>
      </c>
      <c r="E124">
        <v>1</v>
      </c>
      <c r="F124">
        <v>1</v>
      </c>
      <c r="H124" t="s">
        <v>667</v>
      </c>
      <c r="I124">
        <v>0</v>
      </c>
      <c r="J124" t="s">
        <v>668</v>
      </c>
      <c r="K124" t="s">
        <v>668</v>
      </c>
      <c r="M124">
        <v>207391</v>
      </c>
      <c r="O124">
        <v>207391</v>
      </c>
      <c r="P124">
        <v>1</v>
      </c>
      <c r="Q124">
        <v>1</v>
      </c>
      <c r="R124" t="s">
        <v>669</v>
      </c>
      <c r="S124">
        <v>680</v>
      </c>
    </row>
    <row r="125" spans="1:19" x14ac:dyDescent="0.25">
      <c r="A125">
        <v>49456485</v>
      </c>
      <c r="B125" t="s">
        <v>670</v>
      </c>
      <c r="C125" s="1" t="s">
        <v>671</v>
      </c>
      <c r="D125">
        <v>49457258</v>
      </c>
      <c r="E125">
        <v>1</v>
      </c>
      <c r="F125">
        <v>11</v>
      </c>
      <c r="H125" t="s">
        <v>672</v>
      </c>
      <c r="I125">
        <v>3</v>
      </c>
      <c r="J125" t="s">
        <v>673</v>
      </c>
      <c r="K125" t="s">
        <v>674</v>
      </c>
      <c r="M125">
        <v>4892515</v>
      </c>
      <c r="O125">
        <v>4892515</v>
      </c>
      <c r="P125">
        <v>1</v>
      </c>
      <c r="Q125">
        <v>1</v>
      </c>
      <c r="R125" t="s">
        <v>675</v>
      </c>
      <c r="S125">
        <v>53</v>
      </c>
    </row>
    <row r="126" spans="1:19" x14ac:dyDescent="0.25">
      <c r="A126">
        <v>49656337</v>
      </c>
      <c r="B126" t="s">
        <v>676</v>
      </c>
      <c r="C126" s="1" t="s">
        <v>677</v>
      </c>
      <c r="E126">
        <v>0</v>
      </c>
      <c r="F126">
        <v>9</v>
      </c>
      <c r="H126" t="s">
        <v>678</v>
      </c>
      <c r="J126" t="s">
        <v>679</v>
      </c>
      <c r="K126" t="s">
        <v>679</v>
      </c>
      <c r="M126">
        <v>9597920</v>
      </c>
      <c r="O126">
        <v>9597920</v>
      </c>
      <c r="P126">
        <v>1</v>
      </c>
      <c r="Q126">
        <v>0</v>
      </c>
      <c r="R126" t="s">
        <v>680</v>
      </c>
      <c r="S126">
        <v>38</v>
      </c>
    </row>
    <row r="127" spans="1:19" x14ac:dyDescent="0.25">
      <c r="A127">
        <v>13119385</v>
      </c>
      <c r="B127" t="s">
        <v>681</v>
      </c>
      <c r="C127" s="1" t="s">
        <v>682</v>
      </c>
      <c r="E127">
        <v>2</v>
      </c>
      <c r="F127">
        <v>0</v>
      </c>
      <c r="H127" t="s">
        <v>683</v>
      </c>
      <c r="I127">
        <v>1</v>
      </c>
      <c r="J127" t="s">
        <v>684</v>
      </c>
      <c r="O127">
        <v>43337</v>
      </c>
      <c r="P127">
        <v>1</v>
      </c>
      <c r="Q127">
        <v>3</v>
      </c>
      <c r="R127" t="s">
        <v>685</v>
      </c>
      <c r="S127">
        <v>388</v>
      </c>
    </row>
    <row r="128" spans="1:19" x14ac:dyDescent="0.25">
      <c r="A128">
        <v>13392555</v>
      </c>
      <c r="B128" t="s">
        <v>686</v>
      </c>
      <c r="C128" s="1" t="s">
        <v>687</v>
      </c>
      <c r="D128">
        <v>13397267</v>
      </c>
      <c r="E128">
        <v>1</v>
      </c>
      <c r="F128">
        <v>1</v>
      </c>
      <c r="H128" t="s">
        <v>688</v>
      </c>
      <c r="J128" t="s">
        <v>689</v>
      </c>
      <c r="K128" t="s">
        <v>690</v>
      </c>
      <c r="M128">
        <v>779135</v>
      </c>
      <c r="O128">
        <v>779135</v>
      </c>
      <c r="P128">
        <v>1</v>
      </c>
      <c r="Q128">
        <v>2</v>
      </c>
      <c r="R128" t="s">
        <v>691</v>
      </c>
      <c r="S128">
        <v>955</v>
      </c>
    </row>
    <row r="129" spans="1:19" x14ac:dyDescent="0.25">
      <c r="A129">
        <v>35087977</v>
      </c>
      <c r="B129" t="s">
        <v>692</v>
      </c>
      <c r="C129" s="1" t="s">
        <v>693</v>
      </c>
      <c r="E129">
        <v>1</v>
      </c>
      <c r="F129">
        <v>3</v>
      </c>
      <c r="H129" t="s">
        <v>694</v>
      </c>
      <c r="J129" t="s">
        <v>695</v>
      </c>
      <c r="O129">
        <v>528130</v>
      </c>
      <c r="P129">
        <v>1</v>
      </c>
      <c r="Q129">
        <v>1</v>
      </c>
      <c r="R129" t="s">
        <v>472</v>
      </c>
      <c r="S129">
        <v>2005</v>
      </c>
    </row>
    <row r="130" spans="1:19" x14ac:dyDescent="0.25">
      <c r="A130">
        <v>696314</v>
      </c>
      <c r="B130" t="s">
        <v>696</v>
      </c>
      <c r="C130" s="1" t="s">
        <v>697</v>
      </c>
      <c r="E130">
        <v>1</v>
      </c>
      <c r="F130">
        <v>0</v>
      </c>
      <c r="H130" t="s">
        <v>698</v>
      </c>
      <c r="J130" t="s">
        <v>699</v>
      </c>
      <c r="N130" t="s">
        <v>700</v>
      </c>
      <c r="P130">
        <v>1</v>
      </c>
      <c r="Q130">
        <v>0</v>
      </c>
      <c r="R130" t="s">
        <v>701</v>
      </c>
      <c r="S130">
        <v>774</v>
      </c>
    </row>
    <row r="131" spans="1:19" x14ac:dyDescent="0.25">
      <c r="A131">
        <v>25456117</v>
      </c>
      <c r="B131" t="s">
        <v>702</v>
      </c>
      <c r="C131" t="s">
        <v>703</v>
      </c>
      <c r="E131">
        <v>1</v>
      </c>
      <c r="F131">
        <v>1</v>
      </c>
      <c r="H131" t="s">
        <v>704</v>
      </c>
      <c r="J131" t="s">
        <v>705</v>
      </c>
      <c r="O131">
        <v>3966564</v>
      </c>
      <c r="P131">
        <v>1</v>
      </c>
      <c r="Q131">
        <v>2</v>
      </c>
      <c r="R131" t="s">
        <v>706</v>
      </c>
      <c r="S131">
        <v>413</v>
      </c>
    </row>
    <row r="132" spans="1:19" x14ac:dyDescent="0.25">
      <c r="A132">
        <v>33383747</v>
      </c>
      <c r="B132" t="s">
        <v>707</v>
      </c>
      <c r="C132" s="1" t="s">
        <v>708</v>
      </c>
      <c r="E132">
        <v>1</v>
      </c>
      <c r="F132">
        <v>0</v>
      </c>
      <c r="H132" t="s">
        <v>709</v>
      </c>
      <c r="J132" t="s">
        <v>710</v>
      </c>
      <c r="O132">
        <v>5482842</v>
      </c>
      <c r="P132">
        <v>1</v>
      </c>
      <c r="Q132">
        <v>0</v>
      </c>
      <c r="R132" t="s">
        <v>711</v>
      </c>
      <c r="S132">
        <v>757</v>
      </c>
    </row>
    <row r="133" spans="1:19" x14ac:dyDescent="0.25">
      <c r="A133">
        <v>51630386</v>
      </c>
      <c r="B133" t="s">
        <v>712</v>
      </c>
      <c r="C133" s="1" t="s">
        <v>713</v>
      </c>
      <c r="E133">
        <v>1</v>
      </c>
      <c r="F133">
        <v>0</v>
      </c>
      <c r="H133" t="s">
        <v>714</v>
      </c>
      <c r="J133" t="s">
        <v>715</v>
      </c>
      <c r="O133">
        <v>4054974</v>
      </c>
      <c r="P133">
        <v>1</v>
      </c>
      <c r="Q133">
        <v>2</v>
      </c>
      <c r="R133" t="s">
        <v>716</v>
      </c>
      <c r="S133">
        <v>220</v>
      </c>
    </row>
    <row r="134" spans="1:19" x14ac:dyDescent="0.25">
      <c r="A134">
        <v>43677635</v>
      </c>
      <c r="B134" t="s">
        <v>717</v>
      </c>
      <c r="C134" s="1" t="s">
        <v>718</v>
      </c>
      <c r="E134">
        <v>1</v>
      </c>
      <c r="F134">
        <v>0</v>
      </c>
      <c r="H134" t="s">
        <v>719</v>
      </c>
      <c r="J134" t="s">
        <v>720</v>
      </c>
      <c r="O134">
        <v>4582924</v>
      </c>
      <c r="P134">
        <v>1</v>
      </c>
      <c r="Q134">
        <v>0</v>
      </c>
      <c r="R134" t="s">
        <v>721</v>
      </c>
      <c r="S134">
        <v>615</v>
      </c>
    </row>
    <row r="135" spans="1:19" x14ac:dyDescent="0.25">
      <c r="A135">
        <v>49968575</v>
      </c>
      <c r="B135" t="s">
        <v>722</v>
      </c>
      <c r="C135" s="1" t="s">
        <v>723</v>
      </c>
      <c r="E135">
        <v>0</v>
      </c>
      <c r="F135">
        <v>1</v>
      </c>
      <c r="H135" t="s">
        <v>724</v>
      </c>
      <c r="J135" t="s">
        <v>724</v>
      </c>
      <c r="O135">
        <v>9430363</v>
      </c>
      <c r="P135">
        <v>1</v>
      </c>
      <c r="Q135">
        <v>0</v>
      </c>
      <c r="R135" t="s">
        <v>725</v>
      </c>
      <c r="S135">
        <v>87</v>
      </c>
    </row>
    <row r="136" spans="1:19" x14ac:dyDescent="0.25">
      <c r="A136">
        <v>24089160</v>
      </c>
      <c r="B136" t="s">
        <v>726</v>
      </c>
      <c r="C136" s="1" t="s">
        <v>727</v>
      </c>
      <c r="E136">
        <v>2</v>
      </c>
      <c r="F136">
        <v>1</v>
      </c>
      <c r="H136" t="s">
        <v>728</v>
      </c>
      <c r="J136" t="s">
        <v>729</v>
      </c>
      <c r="K136" t="s">
        <v>730</v>
      </c>
      <c r="M136">
        <v>603977</v>
      </c>
      <c r="O136">
        <v>903643</v>
      </c>
      <c r="P136">
        <v>1</v>
      </c>
      <c r="Q136">
        <v>1</v>
      </c>
      <c r="R136" t="s">
        <v>731</v>
      </c>
      <c r="S136">
        <v>33</v>
      </c>
    </row>
    <row r="137" spans="1:19" x14ac:dyDescent="0.25">
      <c r="A137">
        <v>16309811</v>
      </c>
      <c r="B137" t="s">
        <v>732</v>
      </c>
      <c r="C137" s="1" t="s">
        <v>733</v>
      </c>
      <c r="D137">
        <v>16309949</v>
      </c>
      <c r="E137">
        <v>3</v>
      </c>
      <c r="F137">
        <v>3</v>
      </c>
      <c r="H137" t="s">
        <v>734</v>
      </c>
      <c r="J137" t="s">
        <v>735</v>
      </c>
      <c r="K137" t="s">
        <v>736</v>
      </c>
      <c r="M137">
        <v>1779136</v>
      </c>
      <c r="O137">
        <v>1779136</v>
      </c>
      <c r="P137">
        <v>1</v>
      </c>
      <c r="Q137">
        <v>1</v>
      </c>
      <c r="R137" t="s">
        <v>737</v>
      </c>
      <c r="S137">
        <v>262</v>
      </c>
    </row>
    <row r="138" spans="1:19" x14ac:dyDescent="0.25">
      <c r="A138">
        <v>3458115</v>
      </c>
      <c r="B138" t="s">
        <v>738</v>
      </c>
      <c r="C138" s="1" t="s">
        <v>739</v>
      </c>
      <c r="D138">
        <v>3458354</v>
      </c>
      <c r="E138">
        <v>2</v>
      </c>
      <c r="F138">
        <v>0</v>
      </c>
      <c r="H138" t="s">
        <v>740</v>
      </c>
      <c r="J138" t="s">
        <v>741</v>
      </c>
      <c r="K138" t="s">
        <v>742</v>
      </c>
      <c r="M138">
        <v>238639</v>
      </c>
      <c r="O138">
        <v>165309</v>
      </c>
      <c r="P138">
        <v>1</v>
      </c>
      <c r="Q138">
        <v>0</v>
      </c>
      <c r="R138" t="s">
        <v>743</v>
      </c>
      <c r="S138">
        <v>1678</v>
      </c>
    </row>
    <row r="139" spans="1:19" x14ac:dyDescent="0.25">
      <c r="A139">
        <v>43091863</v>
      </c>
      <c r="B139" t="s">
        <v>744</v>
      </c>
      <c r="C139" s="1" t="s">
        <v>745</v>
      </c>
      <c r="D139">
        <v>43093131</v>
      </c>
      <c r="E139">
        <v>1</v>
      </c>
      <c r="F139">
        <v>7</v>
      </c>
      <c r="H139" t="s">
        <v>746</v>
      </c>
      <c r="J139" t="s">
        <v>747</v>
      </c>
      <c r="O139">
        <v>6886285</v>
      </c>
      <c r="P139">
        <v>1</v>
      </c>
      <c r="Q139">
        <v>-2</v>
      </c>
      <c r="R139" t="s">
        <v>748</v>
      </c>
      <c r="S139">
        <v>87</v>
      </c>
    </row>
    <row r="140" spans="1:19" x14ac:dyDescent="0.25">
      <c r="A140">
        <v>12903834</v>
      </c>
      <c r="B140" t="s">
        <v>749</v>
      </c>
      <c r="C140" s="1" t="s">
        <v>750</v>
      </c>
      <c r="E140">
        <v>1</v>
      </c>
      <c r="F140">
        <v>0</v>
      </c>
      <c r="H140" t="s">
        <v>751</v>
      </c>
      <c r="J140" t="s">
        <v>752</v>
      </c>
      <c r="K140" t="s">
        <v>752</v>
      </c>
      <c r="M140">
        <v>1748254</v>
      </c>
      <c r="O140">
        <v>1748254</v>
      </c>
      <c r="P140">
        <v>1</v>
      </c>
      <c r="Q140">
        <v>3</v>
      </c>
      <c r="R140" t="s">
        <v>753</v>
      </c>
      <c r="S140">
        <v>960</v>
      </c>
    </row>
    <row r="141" spans="1:19" x14ac:dyDescent="0.25">
      <c r="A141">
        <v>6822697</v>
      </c>
      <c r="B141" t="s">
        <v>754</v>
      </c>
      <c r="C141" s="1" t="s">
        <v>755</v>
      </c>
      <c r="E141">
        <v>2</v>
      </c>
      <c r="F141">
        <v>0</v>
      </c>
      <c r="H141" t="s">
        <v>756</v>
      </c>
      <c r="J141" t="s">
        <v>757</v>
      </c>
      <c r="K141" t="s">
        <v>758</v>
      </c>
      <c r="M141">
        <v>193903</v>
      </c>
      <c r="O141">
        <v>345501</v>
      </c>
      <c r="P141">
        <v>1</v>
      </c>
      <c r="Q141">
        <v>0</v>
      </c>
      <c r="R141" t="s">
        <v>759</v>
      </c>
      <c r="S141">
        <v>83</v>
      </c>
    </row>
    <row r="142" spans="1:19" x14ac:dyDescent="0.25">
      <c r="A142">
        <v>28568540</v>
      </c>
      <c r="B142" t="s">
        <v>760</v>
      </c>
      <c r="C142" s="1" t="s">
        <v>761</v>
      </c>
      <c r="D142">
        <v>28568930</v>
      </c>
      <c r="E142">
        <v>1</v>
      </c>
      <c r="F142">
        <v>3</v>
      </c>
      <c r="H142" t="s">
        <v>762</v>
      </c>
      <c r="J142" t="s">
        <v>763</v>
      </c>
      <c r="O142">
        <v>4576648</v>
      </c>
      <c r="P142">
        <v>1</v>
      </c>
      <c r="Q142">
        <v>1</v>
      </c>
      <c r="R142" t="s">
        <v>764</v>
      </c>
      <c r="S142">
        <v>459</v>
      </c>
    </row>
    <row r="143" spans="1:19" x14ac:dyDescent="0.25">
      <c r="A143">
        <v>20706566</v>
      </c>
      <c r="B143" t="s">
        <v>765</v>
      </c>
      <c r="C143" s="1" t="s">
        <v>766</v>
      </c>
      <c r="D143">
        <v>20707120</v>
      </c>
      <c r="E143">
        <v>2</v>
      </c>
      <c r="F143">
        <v>0</v>
      </c>
      <c r="H143" t="s">
        <v>767</v>
      </c>
      <c r="J143" t="s">
        <v>768</v>
      </c>
      <c r="O143">
        <v>1728955</v>
      </c>
      <c r="P143">
        <v>1</v>
      </c>
      <c r="Q143">
        <v>0</v>
      </c>
      <c r="R143" t="s">
        <v>769</v>
      </c>
      <c r="S143">
        <v>689</v>
      </c>
    </row>
    <row r="144" spans="1:19" x14ac:dyDescent="0.25">
      <c r="A144">
        <v>24092414</v>
      </c>
      <c r="B144" t="s">
        <v>770</v>
      </c>
      <c r="C144" s="1" t="s">
        <v>771</v>
      </c>
      <c r="D144">
        <v>24107949</v>
      </c>
      <c r="E144">
        <v>4</v>
      </c>
      <c r="F144">
        <v>2</v>
      </c>
      <c r="H144" t="s">
        <v>772</v>
      </c>
      <c r="I144">
        <v>13</v>
      </c>
      <c r="J144" t="s">
        <v>773</v>
      </c>
      <c r="K144" t="s">
        <v>774</v>
      </c>
      <c r="M144">
        <v>584430</v>
      </c>
      <c r="O144">
        <v>584430</v>
      </c>
      <c r="P144">
        <v>1</v>
      </c>
      <c r="Q144">
        <v>10</v>
      </c>
      <c r="R144" t="s">
        <v>775</v>
      </c>
      <c r="S144">
        <v>9649</v>
      </c>
    </row>
    <row r="145" spans="1:19" x14ac:dyDescent="0.25">
      <c r="A145">
        <v>40082113</v>
      </c>
      <c r="B145" t="s">
        <v>776</v>
      </c>
      <c r="C145" s="1" t="s">
        <v>777</v>
      </c>
      <c r="D145">
        <v>40082218</v>
      </c>
      <c r="E145">
        <v>3</v>
      </c>
      <c r="F145">
        <v>6</v>
      </c>
      <c r="H145" t="s">
        <v>778</v>
      </c>
      <c r="J145" t="s">
        <v>779</v>
      </c>
      <c r="K145" t="s">
        <v>779</v>
      </c>
      <c r="M145">
        <v>7029984</v>
      </c>
      <c r="O145">
        <v>7029984</v>
      </c>
      <c r="P145">
        <v>1</v>
      </c>
      <c r="Q145">
        <v>0</v>
      </c>
      <c r="R145" t="s">
        <v>780</v>
      </c>
      <c r="S145">
        <v>88</v>
      </c>
    </row>
    <row r="146" spans="1:19" x14ac:dyDescent="0.25">
      <c r="A146">
        <v>43179467</v>
      </c>
      <c r="B146" t="s">
        <v>781</v>
      </c>
      <c r="C146" s="1" t="s">
        <v>782</v>
      </c>
      <c r="E146">
        <v>0</v>
      </c>
      <c r="F146">
        <v>3</v>
      </c>
      <c r="H146" t="s">
        <v>783</v>
      </c>
      <c r="J146" t="s">
        <v>784</v>
      </c>
      <c r="K146" t="s">
        <v>784</v>
      </c>
      <c r="M146">
        <v>1140529</v>
      </c>
      <c r="O146">
        <v>1140529</v>
      </c>
      <c r="P146">
        <v>1</v>
      </c>
      <c r="Q146">
        <v>0</v>
      </c>
      <c r="R146" t="s">
        <v>785</v>
      </c>
      <c r="S146">
        <v>239</v>
      </c>
    </row>
    <row r="147" spans="1:19" x14ac:dyDescent="0.25">
      <c r="A147">
        <v>13136354</v>
      </c>
      <c r="B147" t="s">
        <v>786</v>
      </c>
      <c r="C147" s="1" t="s">
        <v>787</v>
      </c>
      <c r="D147">
        <v>13137264</v>
      </c>
      <c r="E147">
        <v>1</v>
      </c>
      <c r="F147">
        <v>0</v>
      </c>
      <c r="H147" t="s">
        <v>788</v>
      </c>
      <c r="I147">
        <v>1</v>
      </c>
      <c r="J147" t="s">
        <v>789</v>
      </c>
      <c r="O147">
        <v>526560</v>
      </c>
      <c r="P147">
        <v>1</v>
      </c>
      <c r="Q147">
        <v>4</v>
      </c>
      <c r="R147" t="s">
        <v>790</v>
      </c>
      <c r="S147">
        <v>3531</v>
      </c>
    </row>
    <row r="148" spans="1:19" x14ac:dyDescent="0.25">
      <c r="A148">
        <v>7261315</v>
      </c>
      <c r="B148" t="s">
        <v>791</v>
      </c>
      <c r="C148" s="1" t="s">
        <v>792</v>
      </c>
      <c r="D148">
        <v>7262064</v>
      </c>
      <c r="E148">
        <v>1</v>
      </c>
      <c r="F148">
        <v>2</v>
      </c>
      <c r="H148" t="s">
        <v>793</v>
      </c>
      <c r="J148" t="s">
        <v>794</v>
      </c>
      <c r="K148" t="s">
        <v>794</v>
      </c>
      <c r="M148">
        <v>133</v>
      </c>
      <c r="O148">
        <v>809416</v>
      </c>
      <c r="P148">
        <v>1</v>
      </c>
      <c r="Q148">
        <v>0</v>
      </c>
      <c r="R148" t="s">
        <v>795</v>
      </c>
      <c r="S148">
        <v>528</v>
      </c>
    </row>
    <row r="149" spans="1:19" x14ac:dyDescent="0.25">
      <c r="A149">
        <v>53091854</v>
      </c>
      <c r="B149" t="s">
        <v>796</v>
      </c>
      <c r="C149" s="1" t="s">
        <v>797</v>
      </c>
      <c r="E149">
        <v>0</v>
      </c>
      <c r="F149">
        <v>5</v>
      </c>
      <c r="H149" t="s">
        <v>798</v>
      </c>
      <c r="J149" t="s">
        <v>799</v>
      </c>
      <c r="K149" t="s">
        <v>799</v>
      </c>
      <c r="M149">
        <v>239791</v>
      </c>
      <c r="O149">
        <v>239791</v>
      </c>
      <c r="P149">
        <v>1</v>
      </c>
      <c r="Q149">
        <v>1</v>
      </c>
      <c r="R149" t="s">
        <v>800</v>
      </c>
      <c r="S149">
        <v>93</v>
      </c>
    </row>
    <row r="150" spans="1:19" x14ac:dyDescent="0.25">
      <c r="A150">
        <v>44672893</v>
      </c>
      <c r="B150" t="s">
        <v>801</v>
      </c>
      <c r="C150" s="1" t="s">
        <v>802</v>
      </c>
      <c r="E150">
        <v>0</v>
      </c>
      <c r="F150">
        <v>3</v>
      </c>
      <c r="H150" t="s">
        <v>803</v>
      </c>
      <c r="J150" t="s">
        <v>803</v>
      </c>
      <c r="O150">
        <v>5851652</v>
      </c>
      <c r="P150">
        <v>1</v>
      </c>
      <c r="Q150">
        <v>4</v>
      </c>
      <c r="R150" t="s">
        <v>804</v>
      </c>
      <c r="S150">
        <v>852</v>
      </c>
    </row>
    <row r="151" spans="1:19" x14ac:dyDescent="0.25">
      <c r="A151">
        <v>10450639</v>
      </c>
      <c r="B151" t="s">
        <v>805</v>
      </c>
      <c r="C151" s="1" t="s">
        <v>806</v>
      </c>
      <c r="E151">
        <v>1</v>
      </c>
      <c r="F151">
        <v>1</v>
      </c>
      <c r="H151" t="s">
        <v>807</v>
      </c>
      <c r="J151" t="s">
        <v>808</v>
      </c>
      <c r="O151">
        <v>1166635</v>
      </c>
      <c r="P151">
        <v>1</v>
      </c>
      <c r="Q151">
        <v>1</v>
      </c>
      <c r="R151" t="s">
        <v>809</v>
      </c>
      <c r="S151">
        <v>320</v>
      </c>
    </row>
    <row r="152" spans="1:19" x14ac:dyDescent="0.25">
      <c r="A152">
        <v>53278220</v>
      </c>
      <c r="B152" t="s">
        <v>810</v>
      </c>
      <c r="C152" s="1" t="s">
        <v>811</v>
      </c>
      <c r="E152">
        <v>0</v>
      </c>
      <c r="F152">
        <v>5</v>
      </c>
      <c r="H152" t="s">
        <v>812</v>
      </c>
      <c r="J152" t="s">
        <v>813</v>
      </c>
      <c r="K152" t="s">
        <v>813</v>
      </c>
      <c r="M152">
        <v>979974</v>
      </c>
      <c r="O152">
        <v>979974</v>
      </c>
      <c r="P152">
        <v>1</v>
      </c>
      <c r="Q152">
        <v>0</v>
      </c>
      <c r="R152" t="s">
        <v>814</v>
      </c>
      <c r="S152">
        <v>22</v>
      </c>
    </row>
    <row r="153" spans="1:19" x14ac:dyDescent="0.25">
      <c r="A153">
        <v>44722305</v>
      </c>
      <c r="B153" t="s">
        <v>815</v>
      </c>
      <c r="C153" s="1" t="s">
        <v>816</v>
      </c>
      <c r="D153">
        <v>44722620</v>
      </c>
      <c r="E153">
        <v>1</v>
      </c>
      <c r="F153">
        <v>8</v>
      </c>
      <c r="H153" t="s">
        <v>817</v>
      </c>
      <c r="J153" t="s">
        <v>818</v>
      </c>
      <c r="O153">
        <v>753632</v>
      </c>
      <c r="P153">
        <v>1</v>
      </c>
      <c r="Q153">
        <v>1</v>
      </c>
      <c r="R153" t="s">
        <v>819</v>
      </c>
      <c r="S153">
        <v>159</v>
      </c>
    </row>
    <row r="154" spans="1:19" x14ac:dyDescent="0.25">
      <c r="A154">
        <v>37098902</v>
      </c>
      <c r="B154" t="s">
        <v>820</v>
      </c>
      <c r="C154" s="1" t="s">
        <v>821</v>
      </c>
      <c r="E154">
        <v>3</v>
      </c>
      <c r="F154">
        <v>1</v>
      </c>
      <c r="H154" t="s">
        <v>822</v>
      </c>
      <c r="J154" t="s">
        <v>823</v>
      </c>
      <c r="K154" t="s">
        <v>823</v>
      </c>
      <c r="M154">
        <v>2577852</v>
      </c>
      <c r="O154">
        <v>6284374</v>
      </c>
      <c r="P154">
        <v>1</v>
      </c>
      <c r="Q154">
        <v>1</v>
      </c>
      <c r="R154" t="s">
        <v>824</v>
      </c>
      <c r="S154">
        <v>438</v>
      </c>
    </row>
    <row r="155" spans="1:19" x14ac:dyDescent="0.25">
      <c r="A155">
        <v>24335787</v>
      </c>
      <c r="B155" t="s">
        <v>825</v>
      </c>
      <c r="C155" s="1" t="s">
        <v>826</v>
      </c>
      <c r="E155">
        <v>1</v>
      </c>
      <c r="F155">
        <v>6</v>
      </c>
      <c r="H155" t="s">
        <v>827</v>
      </c>
      <c r="I155">
        <v>2</v>
      </c>
      <c r="J155" t="s">
        <v>828</v>
      </c>
      <c r="K155" t="s">
        <v>829</v>
      </c>
      <c r="M155">
        <v>3204551</v>
      </c>
      <c r="O155">
        <v>3600403</v>
      </c>
      <c r="P155">
        <v>1</v>
      </c>
      <c r="Q155">
        <v>18</v>
      </c>
      <c r="R155" t="s">
        <v>830</v>
      </c>
      <c r="S155">
        <v>21508</v>
      </c>
    </row>
    <row r="156" spans="1:19" x14ac:dyDescent="0.25">
      <c r="A156">
        <v>36929568</v>
      </c>
      <c r="B156" t="s">
        <v>831</v>
      </c>
      <c r="C156" s="1" t="s">
        <v>832</v>
      </c>
      <c r="E156">
        <v>1</v>
      </c>
      <c r="F156">
        <v>0</v>
      </c>
      <c r="H156" t="s">
        <v>833</v>
      </c>
      <c r="J156" t="s">
        <v>834</v>
      </c>
      <c r="O156">
        <v>1516332</v>
      </c>
      <c r="P156">
        <v>1</v>
      </c>
      <c r="Q156">
        <v>0</v>
      </c>
      <c r="R156" t="s">
        <v>835</v>
      </c>
      <c r="S156">
        <v>35</v>
      </c>
    </row>
    <row r="157" spans="1:19" x14ac:dyDescent="0.25">
      <c r="A157">
        <v>31313204</v>
      </c>
      <c r="B157" t="s">
        <v>836</v>
      </c>
      <c r="C157" s="1" t="s">
        <v>837</v>
      </c>
      <c r="E157">
        <v>0</v>
      </c>
      <c r="F157">
        <v>0</v>
      </c>
      <c r="H157" t="s">
        <v>838</v>
      </c>
      <c r="J157" t="s">
        <v>838</v>
      </c>
      <c r="O157">
        <v>5097604</v>
      </c>
      <c r="P157">
        <v>1</v>
      </c>
      <c r="Q157">
        <v>1</v>
      </c>
      <c r="R157" t="s">
        <v>839</v>
      </c>
      <c r="S157">
        <v>57</v>
      </c>
    </row>
    <row r="158" spans="1:19" x14ac:dyDescent="0.25">
      <c r="A158">
        <v>36438841</v>
      </c>
      <c r="B158" t="s">
        <v>840</v>
      </c>
      <c r="C158" s="1" t="s">
        <v>841</v>
      </c>
      <c r="D158">
        <v>36443056</v>
      </c>
      <c r="E158">
        <v>1</v>
      </c>
      <c r="F158">
        <v>2</v>
      </c>
      <c r="H158" t="s">
        <v>842</v>
      </c>
      <c r="J158" t="s">
        <v>843</v>
      </c>
      <c r="O158">
        <v>6126730</v>
      </c>
      <c r="P158">
        <v>1</v>
      </c>
      <c r="Q158">
        <v>0</v>
      </c>
      <c r="R158" t="s">
        <v>844</v>
      </c>
      <c r="S158">
        <v>431</v>
      </c>
    </row>
    <row r="159" spans="1:19" x14ac:dyDescent="0.25">
      <c r="A159">
        <v>9099945</v>
      </c>
      <c r="B159" t="s">
        <v>845</v>
      </c>
      <c r="C159" s="1" t="s">
        <v>846</v>
      </c>
      <c r="D159">
        <v>9110431</v>
      </c>
      <c r="E159">
        <v>2</v>
      </c>
      <c r="F159">
        <v>0</v>
      </c>
      <c r="H159" t="s">
        <v>847</v>
      </c>
      <c r="J159" t="s">
        <v>848</v>
      </c>
      <c r="K159" t="s">
        <v>848</v>
      </c>
      <c r="M159">
        <v>172999</v>
      </c>
      <c r="O159">
        <v>506962</v>
      </c>
      <c r="P159">
        <v>1</v>
      </c>
      <c r="Q159">
        <v>2</v>
      </c>
      <c r="R159" t="s">
        <v>849</v>
      </c>
      <c r="S159">
        <v>188</v>
      </c>
    </row>
    <row r="160" spans="1:19" x14ac:dyDescent="0.25">
      <c r="A160">
        <v>26173404</v>
      </c>
      <c r="B160" t="s">
        <v>850</v>
      </c>
      <c r="C160" s="1" t="s">
        <v>851</v>
      </c>
      <c r="D160">
        <v>26173436</v>
      </c>
      <c r="E160">
        <v>1</v>
      </c>
      <c r="F160">
        <v>0</v>
      </c>
      <c r="H160" t="s">
        <v>852</v>
      </c>
      <c r="J160" t="s">
        <v>853</v>
      </c>
      <c r="K160" t="s">
        <v>854</v>
      </c>
      <c r="M160">
        <v>554807</v>
      </c>
      <c r="O160">
        <v>2801122</v>
      </c>
      <c r="P160">
        <v>1</v>
      </c>
      <c r="Q160">
        <v>-1</v>
      </c>
      <c r="R160" t="s">
        <v>855</v>
      </c>
      <c r="S160">
        <v>53</v>
      </c>
    </row>
    <row r="161" spans="1:19" x14ac:dyDescent="0.25">
      <c r="A161">
        <v>40709068</v>
      </c>
      <c r="B161" t="s">
        <v>856</v>
      </c>
      <c r="C161" s="1" t="s">
        <v>857</v>
      </c>
      <c r="D161">
        <v>40709087</v>
      </c>
      <c r="E161">
        <v>1</v>
      </c>
      <c r="F161">
        <v>2</v>
      </c>
      <c r="H161" t="s">
        <v>858</v>
      </c>
      <c r="J161" t="s">
        <v>859</v>
      </c>
      <c r="K161" t="s">
        <v>860</v>
      </c>
      <c r="M161">
        <v>5411606</v>
      </c>
      <c r="O161">
        <v>5411606</v>
      </c>
      <c r="P161">
        <v>1</v>
      </c>
      <c r="Q161">
        <v>1</v>
      </c>
      <c r="R161" t="s">
        <v>861</v>
      </c>
      <c r="S161">
        <v>32</v>
      </c>
    </row>
    <row r="162" spans="1:19" x14ac:dyDescent="0.25">
      <c r="A162">
        <v>46184496</v>
      </c>
      <c r="B162" t="s">
        <v>862</v>
      </c>
      <c r="C162" s="1" t="s">
        <v>863</v>
      </c>
      <c r="D162">
        <v>46190830</v>
      </c>
      <c r="E162">
        <v>1</v>
      </c>
      <c r="F162">
        <v>0</v>
      </c>
      <c r="H162" t="s">
        <v>864</v>
      </c>
      <c r="J162" t="s">
        <v>865</v>
      </c>
      <c r="O162">
        <v>5314329</v>
      </c>
      <c r="P162">
        <v>1</v>
      </c>
      <c r="Q162">
        <v>0</v>
      </c>
      <c r="R162" t="s">
        <v>866</v>
      </c>
      <c r="S162">
        <v>34</v>
      </c>
    </row>
    <row r="163" spans="1:19" x14ac:dyDescent="0.25">
      <c r="A163">
        <v>26453211</v>
      </c>
      <c r="B163" t="s">
        <v>867</v>
      </c>
      <c r="C163" s="1" t="s">
        <v>868</v>
      </c>
      <c r="D163">
        <v>26453485</v>
      </c>
      <c r="E163">
        <v>2</v>
      </c>
      <c r="F163">
        <v>0</v>
      </c>
      <c r="H163" t="s">
        <v>869</v>
      </c>
      <c r="I163">
        <v>1</v>
      </c>
      <c r="J163" t="s">
        <v>870</v>
      </c>
      <c r="O163">
        <v>4159337</v>
      </c>
      <c r="P163">
        <v>1</v>
      </c>
      <c r="Q163">
        <v>2</v>
      </c>
      <c r="R163" t="s">
        <v>871</v>
      </c>
      <c r="S163">
        <v>1453</v>
      </c>
    </row>
    <row r="164" spans="1:19" x14ac:dyDescent="0.25">
      <c r="A164">
        <v>50637495</v>
      </c>
      <c r="B164" t="s">
        <v>872</v>
      </c>
      <c r="C164" s="1" t="s">
        <v>873</v>
      </c>
      <c r="D164">
        <v>50637591</v>
      </c>
      <c r="E164">
        <v>1</v>
      </c>
      <c r="F164">
        <v>3</v>
      </c>
      <c r="H164" t="s">
        <v>874</v>
      </c>
      <c r="J164" t="s">
        <v>875</v>
      </c>
      <c r="O164">
        <v>9228479</v>
      </c>
      <c r="P164">
        <v>1</v>
      </c>
      <c r="Q164">
        <v>0</v>
      </c>
      <c r="R164" t="s">
        <v>876</v>
      </c>
      <c r="S164">
        <v>48</v>
      </c>
    </row>
    <row r="165" spans="1:19" x14ac:dyDescent="0.25">
      <c r="A165">
        <v>13892403</v>
      </c>
      <c r="B165" t="s">
        <v>877</v>
      </c>
      <c r="C165" t="s">
        <v>878</v>
      </c>
      <c r="E165">
        <v>3</v>
      </c>
      <c r="F165">
        <v>3</v>
      </c>
      <c r="H165" t="s">
        <v>879</v>
      </c>
      <c r="J165" t="s">
        <v>880</v>
      </c>
      <c r="O165">
        <v>1906275</v>
      </c>
      <c r="P165">
        <v>1</v>
      </c>
      <c r="Q165">
        <v>0</v>
      </c>
      <c r="R165" t="s">
        <v>881</v>
      </c>
      <c r="S165">
        <v>1352</v>
      </c>
    </row>
    <row r="166" spans="1:19" x14ac:dyDescent="0.25">
      <c r="A166">
        <v>7678271</v>
      </c>
      <c r="B166" t="s">
        <v>882</v>
      </c>
      <c r="C166" s="1" t="s">
        <v>883</v>
      </c>
      <c r="D166">
        <v>7678301</v>
      </c>
      <c r="E166">
        <v>4</v>
      </c>
      <c r="F166">
        <v>2</v>
      </c>
      <c r="H166" t="s">
        <v>884</v>
      </c>
      <c r="J166" t="s">
        <v>885</v>
      </c>
      <c r="K166" t="s">
        <v>886</v>
      </c>
      <c r="M166">
        <v>973877</v>
      </c>
      <c r="O166">
        <v>973877</v>
      </c>
      <c r="P166">
        <v>1</v>
      </c>
      <c r="Q166">
        <v>3</v>
      </c>
      <c r="R166" t="s">
        <v>887</v>
      </c>
      <c r="S166">
        <v>151</v>
      </c>
    </row>
    <row r="167" spans="1:19" x14ac:dyDescent="0.25">
      <c r="A167">
        <v>5332169</v>
      </c>
      <c r="B167" t="s">
        <v>888</v>
      </c>
      <c r="C167" s="1" t="s">
        <v>889</v>
      </c>
      <c r="D167">
        <v>5332258</v>
      </c>
      <c r="E167">
        <v>5</v>
      </c>
      <c r="F167">
        <v>4</v>
      </c>
      <c r="H167" t="s">
        <v>890</v>
      </c>
      <c r="J167" t="s">
        <v>891</v>
      </c>
      <c r="K167" t="s">
        <v>891</v>
      </c>
      <c r="M167">
        <v>185672</v>
      </c>
      <c r="O167">
        <v>185672</v>
      </c>
      <c r="P167">
        <v>1</v>
      </c>
      <c r="Q167">
        <v>2</v>
      </c>
      <c r="R167" t="s">
        <v>892</v>
      </c>
      <c r="S167">
        <v>10934</v>
      </c>
    </row>
    <row r="168" spans="1:19" x14ac:dyDescent="0.25">
      <c r="A168">
        <v>50859346</v>
      </c>
      <c r="B168" t="s">
        <v>893</v>
      </c>
      <c r="C168" s="1" t="s">
        <v>894</v>
      </c>
      <c r="E168">
        <v>2</v>
      </c>
      <c r="F168">
        <v>3</v>
      </c>
      <c r="H168" t="s">
        <v>895</v>
      </c>
      <c r="J168" t="s">
        <v>896</v>
      </c>
      <c r="K168" t="s">
        <v>897</v>
      </c>
      <c r="M168">
        <v>1033581</v>
      </c>
      <c r="O168">
        <v>9398785</v>
      </c>
      <c r="P168">
        <v>1</v>
      </c>
      <c r="Q168">
        <v>0</v>
      </c>
      <c r="R168" t="s">
        <v>898</v>
      </c>
      <c r="S168">
        <v>53</v>
      </c>
    </row>
    <row r="169" spans="1:19" x14ac:dyDescent="0.25">
      <c r="A169">
        <v>15160682</v>
      </c>
      <c r="B169" t="s">
        <v>899</v>
      </c>
      <c r="C169" s="1" t="s">
        <v>900</v>
      </c>
      <c r="D169">
        <v>15161340</v>
      </c>
      <c r="E169">
        <v>3</v>
      </c>
      <c r="F169">
        <v>1</v>
      </c>
      <c r="H169" t="s">
        <v>901</v>
      </c>
      <c r="I169">
        <v>3</v>
      </c>
      <c r="J169" t="s">
        <v>902</v>
      </c>
      <c r="K169" t="s">
        <v>903</v>
      </c>
      <c r="M169">
        <v>569101</v>
      </c>
      <c r="O169">
        <v>1305227</v>
      </c>
      <c r="P169">
        <v>1</v>
      </c>
      <c r="Q169">
        <v>5</v>
      </c>
      <c r="R169" t="s">
        <v>904</v>
      </c>
      <c r="S169">
        <v>17049</v>
      </c>
    </row>
    <row r="170" spans="1:19" x14ac:dyDescent="0.25">
      <c r="A170">
        <v>38793973</v>
      </c>
      <c r="B170" t="s">
        <v>905</v>
      </c>
      <c r="C170" s="1" t="s">
        <v>906</v>
      </c>
      <c r="E170">
        <v>0</v>
      </c>
      <c r="F170">
        <v>3</v>
      </c>
      <c r="H170" t="s">
        <v>907</v>
      </c>
      <c r="J170" t="s">
        <v>907</v>
      </c>
      <c r="O170">
        <v>2866189</v>
      </c>
      <c r="P170">
        <v>1</v>
      </c>
      <c r="Q170">
        <v>1</v>
      </c>
      <c r="R170" t="s">
        <v>908</v>
      </c>
      <c r="S170">
        <v>204</v>
      </c>
    </row>
    <row r="171" spans="1:19" x14ac:dyDescent="0.25">
      <c r="A171">
        <v>30599685</v>
      </c>
      <c r="B171" t="s">
        <v>909</v>
      </c>
      <c r="C171" s="1" t="s">
        <v>910</v>
      </c>
      <c r="E171">
        <v>0</v>
      </c>
      <c r="F171">
        <v>3</v>
      </c>
      <c r="H171" t="s">
        <v>911</v>
      </c>
      <c r="J171" t="s">
        <v>911</v>
      </c>
      <c r="K171" t="s">
        <v>912</v>
      </c>
      <c r="M171">
        <v>-1</v>
      </c>
      <c r="O171">
        <v>1076947</v>
      </c>
      <c r="P171">
        <v>1</v>
      </c>
      <c r="Q171">
        <v>1</v>
      </c>
      <c r="R171" t="s">
        <v>913</v>
      </c>
      <c r="S171">
        <v>244</v>
      </c>
    </row>
    <row r="172" spans="1:19" x14ac:dyDescent="0.25">
      <c r="A172">
        <v>2786943</v>
      </c>
      <c r="B172" t="s">
        <v>914</v>
      </c>
      <c r="C172" s="1" t="s">
        <v>915</v>
      </c>
      <c r="D172">
        <v>2787941</v>
      </c>
      <c r="E172">
        <v>1</v>
      </c>
      <c r="F172">
        <v>0</v>
      </c>
      <c r="H172" t="s">
        <v>916</v>
      </c>
      <c r="I172">
        <v>1</v>
      </c>
      <c r="J172" t="s">
        <v>917</v>
      </c>
      <c r="K172" t="s">
        <v>918</v>
      </c>
      <c r="M172">
        <v>122460</v>
      </c>
      <c r="O172">
        <v>247265</v>
      </c>
      <c r="P172">
        <v>1</v>
      </c>
      <c r="Q172">
        <v>3</v>
      </c>
      <c r="R172" t="s">
        <v>919</v>
      </c>
      <c r="S172">
        <v>152</v>
      </c>
    </row>
    <row r="173" spans="1:19" x14ac:dyDescent="0.25">
      <c r="A173">
        <v>50477476</v>
      </c>
      <c r="B173" t="s">
        <v>920</v>
      </c>
      <c r="C173" s="1" t="s">
        <v>921</v>
      </c>
      <c r="D173">
        <v>50479108</v>
      </c>
      <c r="E173">
        <v>1</v>
      </c>
      <c r="F173">
        <v>2</v>
      </c>
      <c r="H173" t="s">
        <v>922</v>
      </c>
      <c r="J173" t="s">
        <v>923</v>
      </c>
      <c r="K173" t="s">
        <v>923</v>
      </c>
      <c r="M173">
        <v>13302</v>
      </c>
      <c r="O173">
        <v>9347535</v>
      </c>
      <c r="P173">
        <v>1</v>
      </c>
      <c r="Q173">
        <v>0</v>
      </c>
      <c r="R173" t="s">
        <v>924</v>
      </c>
      <c r="S173">
        <v>37</v>
      </c>
    </row>
    <row r="174" spans="1:19" x14ac:dyDescent="0.25">
      <c r="A174">
        <v>36393940</v>
      </c>
      <c r="B174" t="s">
        <v>925</v>
      </c>
      <c r="C174" s="1" t="s">
        <v>926</v>
      </c>
      <c r="E174">
        <v>1</v>
      </c>
      <c r="F174">
        <v>2</v>
      </c>
      <c r="H174" t="s">
        <v>927</v>
      </c>
      <c r="J174" t="s">
        <v>928</v>
      </c>
      <c r="O174">
        <v>6153972</v>
      </c>
      <c r="P174">
        <v>1</v>
      </c>
      <c r="Q174">
        <v>0</v>
      </c>
      <c r="R174" t="s">
        <v>929</v>
      </c>
      <c r="S174">
        <v>43</v>
      </c>
    </row>
    <row r="175" spans="1:19" x14ac:dyDescent="0.25">
      <c r="A175">
        <v>19449942</v>
      </c>
      <c r="B175" t="s">
        <v>930</v>
      </c>
      <c r="C175" s="1" t="s">
        <v>931</v>
      </c>
      <c r="E175">
        <v>0</v>
      </c>
      <c r="F175">
        <v>3</v>
      </c>
      <c r="H175" t="s">
        <v>932</v>
      </c>
      <c r="J175" t="s">
        <v>933</v>
      </c>
      <c r="K175" t="s">
        <v>933</v>
      </c>
      <c r="M175">
        <v>759866</v>
      </c>
      <c r="O175">
        <v>2845495</v>
      </c>
      <c r="P175">
        <v>1</v>
      </c>
      <c r="Q175">
        <v>0</v>
      </c>
      <c r="R175" t="s">
        <v>934</v>
      </c>
      <c r="S175">
        <v>161</v>
      </c>
    </row>
    <row r="176" spans="1:19" x14ac:dyDescent="0.25">
      <c r="A176">
        <v>52747710</v>
      </c>
      <c r="B176" t="s">
        <v>935</v>
      </c>
      <c r="C176" s="1" t="s">
        <v>936</v>
      </c>
      <c r="E176">
        <v>1</v>
      </c>
      <c r="F176">
        <v>3</v>
      </c>
      <c r="H176" t="s">
        <v>937</v>
      </c>
      <c r="J176" t="s">
        <v>938</v>
      </c>
      <c r="O176">
        <v>5633518</v>
      </c>
      <c r="P176">
        <v>1</v>
      </c>
      <c r="Q176">
        <v>-2</v>
      </c>
      <c r="R176" t="s">
        <v>110</v>
      </c>
      <c r="S176">
        <v>30</v>
      </c>
    </row>
    <row r="177" spans="1:19" x14ac:dyDescent="0.25">
      <c r="A177">
        <v>9680065</v>
      </c>
      <c r="B177" t="s">
        <v>939</v>
      </c>
      <c r="C177" s="1" t="s">
        <v>940</v>
      </c>
      <c r="D177">
        <v>9680411</v>
      </c>
      <c r="E177">
        <v>1</v>
      </c>
      <c r="F177">
        <v>3</v>
      </c>
      <c r="H177" t="s">
        <v>941</v>
      </c>
      <c r="I177">
        <v>1</v>
      </c>
      <c r="J177" t="s">
        <v>942</v>
      </c>
      <c r="N177" t="s">
        <v>943</v>
      </c>
      <c r="O177">
        <v>653686</v>
      </c>
      <c r="P177">
        <v>1</v>
      </c>
      <c r="Q177">
        <v>8</v>
      </c>
      <c r="R177" t="s">
        <v>944</v>
      </c>
      <c r="S177">
        <v>13711</v>
      </c>
    </row>
    <row r="178" spans="1:19" x14ac:dyDescent="0.25">
      <c r="A178">
        <v>4414091</v>
      </c>
      <c r="B178" t="s">
        <v>945</v>
      </c>
      <c r="C178" s="1" t="s">
        <v>946</v>
      </c>
      <c r="D178">
        <v>4414237</v>
      </c>
      <c r="E178">
        <v>2</v>
      </c>
      <c r="F178">
        <v>0</v>
      </c>
      <c r="H178" t="s">
        <v>947</v>
      </c>
      <c r="I178">
        <v>1</v>
      </c>
      <c r="J178" t="s">
        <v>948</v>
      </c>
      <c r="K178" t="s">
        <v>949</v>
      </c>
      <c r="M178">
        <v>446591</v>
      </c>
      <c r="O178">
        <v>301816</v>
      </c>
      <c r="P178">
        <v>1</v>
      </c>
      <c r="Q178">
        <v>0</v>
      </c>
      <c r="R178" t="s">
        <v>950</v>
      </c>
      <c r="S178">
        <v>1610</v>
      </c>
    </row>
    <row r="179" spans="1:19" x14ac:dyDescent="0.25">
      <c r="A179">
        <v>9680645</v>
      </c>
      <c r="B179" t="s">
        <v>951</v>
      </c>
      <c r="C179" s="1" t="s">
        <v>952</v>
      </c>
      <c r="D179">
        <v>9680671</v>
      </c>
      <c r="E179">
        <v>3</v>
      </c>
      <c r="F179">
        <v>3</v>
      </c>
      <c r="H179" t="s">
        <v>953</v>
      </c>
      <c r="I179">
        <v>2</v>
      </c>
      <c r="J179" t="s">
        <v>954</v>
      </c>
      <c r="K179" t="s">
        <v>955</v>
      </c>
      <c r="M179">
        <v>815724</v>
      </c>
      <c r="O179">
        <v>384253</v>
      </c>
      <c r="P179">
        <v>1</v>
      </c>
      <c r="Q179">
        <v>2</v>
      </c>
      <c r="R179" t="s">
        <v>956</v>
      </c>
      <c r="S179">
        <v>8081</v>
      </c>
    </row>
    <row r="180" spans="1:19" x14ac:dyDescent="0.25">
      <c r="A180">
        <v>8128735</v>
      </c>
      <c r="B180" t="s">
        <v>957</v>
      </c>
      <c r="C180" s="1" t="s">
        <v>958</v>
      </c>
      <c r="E180">
        <v>1</v>
      </c>
      <c r="F180">
        <v>1</v>
      </c>
      <c r="H180" t="s">
        <v>959</v>
      </c>
      <c r="J180" t="s">
        <v>960</v>
      </c>
      <c r="O180">
        <v>326821</v>
      </c>
      <c r="P180">
        <v>1</v>
      </c>
      <c r="Q180">
        <v>2</v>
      </c>
      <c r="R180" t="s">
        <v>961</v>
      </c>
      <c r="S180">
        <v>2817</v>
      </c>
    </row>
    <row r="181" spans="1:19" x14ac:dyDescent="0.25">
      <c r="A181">
        <v>45298943</v>
      </c>
      <c r="B181" t="s">
        <v>962</v>
      </c>
      <c r="C181" t="s">
        <v>963</v>
      </c>
      <c r="E181">
        <v>1</v>
      </c>
      <c r="F181">
        <v>0</v>
      </c>
      <c r="H181" t="s">
        <v>964</v>
      </c>
      <c r="J181" t="s">
        <v>965</v>
      </c>
      <c r="K181" t="s">
        <v>966</v>
      </c>
      <c r="M181">
        <v>90081</v>
      </c>
      <c r="O181">
        <v>7231757</v>
      </c>
      <c r="P181">
        <v>1</v>
      </c>
      <c r="Q181">
        <v>0</v>
      </c>
      <c r="R181" t="s">
        <v>967</v>
      </c>
      <c r="S181">
        <v>50</v>
      </c>
    </row>
    <row r="182" spans="1:19" x14ac:dyDescent="0.25">
      <c r="A182">
        <v>14817187</v>
      </c>
      <c r="B182" t="s">
        <v>968</v>
      </c>
      <c r="C182" s="1" t="s">
        <v>969</v>
      </c>
      <c r="D182">
        <v>14818261</v>
      </c>
      <c r="E182">
        <v>1</v>
      </c>
      <c r="F182">
        <v>5</v>
      </c>
      <c r="H182" t="s">
        <v>970</v>
      </c>
      <c r="J182" t="s">
        <v>971</v>
      </c>
      <c r="K182" t="s">
        <v>972</v>
      </c>
      <c r="M182">
        <v>-1</v>
      </c>
      <c r="O182">
        <v>875317</v>
      </c>
      <c r="P182">
        <v>1</v>
      </c>
      <c r="Q182">
        <v>0</v>
      </c>
      <c r="R182" t="s">
        <v>973</v>
      </c>
      <c r="S182">
        <v>672</v>
      </c>
    </row>
    <row r="183" spans="1:19" x14ac:dyDescent="0.25">
      <c r="A183">
        <v>19443386</v>
      </c>
      <c r="B183" t="s">
        <v>974</v>
      </c>
      <c r="C183" s="1" t="s">
        <v>975</v>
      </c>
      <c r="D183">
        <v>19443630</v>
      </c>
      <c r="E183">
        <v>1</v>
      </c>
      <c r="F183">
        <v>0</v>
      </c>
      <c r="H183" t="s">
        <v>976</v>
      </c>
      <c r="I183">
        <v>1</v>
      </c>
      <c r="J183" t="s">
        <v>977</v>
      </c>
      <c r="O183">
        <v>215971</v>
      </c>
      <c r="P183">
        <v>1</v>
      </c>
      <c r="Q183">
        <v>1</v>
      </c>
      <c r="R183" t="s">
        <v>978</v>
      </c>
      <c r="S183">
        <v>822</v>
      </c>
    </row>
    <row r="184" spans="1:19" x14ac:dyDescent="0.25">
      <c r="A184">
        <v>44930211</v>
      </c>
      <c r="B184" t="s">
        <v>979</v>
      </c>
      <c r="C184" s="1" t="s">
        <v>980</v>
      </c>
      <c r="D184">
        <v>44930649</v>
      </c>
      <c r="E184">
        <v>1</v>
      </c>
      <c r="F184">
        <v>0</v>
      </c>
      <c r="H184" t="s">
        <v>981</v>
      </c>
      <c r="J184" t="s">
        <v>982</v>
      </c>
      <c r="O184">
        <v>4788638</v>
      </c>
      <c r="P184">
        <v>1</v>
      </c>
      <c r="Q184">
        <v>0</v>
      </c>
      <c r="R184" t="s">
        <v>983</v>
      </c>
      <c r="S184">
        <v>173</v>
      </c>
    </row>
    <row r="185" spans="1:19" x14ac:dyDescent="0.25">
      <c r="A185">
        <v>32628976</v>
      </c>
      <c r="B185" t="s">
        <v>984</v>
      </c>
      <c r="C185" s="1" t="s">
        <v>985</v>
      </c>
      <c r="D185">
        <v>32629009</v>
      </c>
      <c r="E185">
        <v>3</v>
      </c>
      <c r="F185">
        <v>2</v>
      </c>
      <c r="H185" t="s">
        <v>986</v>
      </c>
      <c r="J185" t="s">
        <v>987</v>
      </c>
      <c r="K185" t="s">
        <v>988</v>
      </c>
      <c r="M185">
        <v>1910046</v>
      </c>
      <c r="O185">
        <v>1910046</v>
      </c>
      <c r="P185">
        <v>1</v>
      </c>
      <c r="Q185">
        <v>0</v>
      </c>
      <c r="R185" t="s">
        <v>989</v>
      </c>
      <c r="S185">
        <v>45</v>
      </c>
    </row>
    <row r="186" spans="1:19" x14ac:dyDescent="0.25">
      <c r="A186">
        <v>49399369</v>
      </c>
      <c r="B186" t="s">
        <v>990</v>
      </c>
      <c r="C186" s="1" t="s">
        <v>991</v>
      </c>
      <c r="E186">
        <v>2</v>
      </c>
      <c r="F186">
        <v>4</v>
      </c>
      <c r="H186" t="s">
        <v>992</v>
      </c>
      <c r="J186" t="s">
        <v>993</v>
      </c>
      <c r="O186">
        <v>9526568</v>
      </c>
      <c r="P186">
        <v>1</v>
      </c>
      <c r="Q186">
        <v>0</v>
      </c>
      <c r="R186" t="s">
        <v>994</v>
      </c>
      <c r="S186">
        <v>95</v>
      </c>
    </row>
    <row r="187" spans="1:19" x14ac:dyDescent="0.25">
      <c r="A187">
        <v>20050659</v>
      </c>
      <c r="B187" t="s">
        <v>995</v>
      </c>
      <c r="C187" s="1" t="s">
        <v>996</v>
      </c>
      <c r="D187">
        <v>20050832</v>
      </c>
      <c r="E187">
        <v>2</v>
      </c>
      <c r="F187">
        <v>5</v>
      </c>
      <c r="H187" t="s">
        <v>997</v>
      </c>
      <c r="J187" t="s">
        <v>998</v>
      </c>
      <c r="K187" t="s">
        <v>999</v>
      </c>
      <c r="M187">
        <v>295783</v>
      </c>
      <c r="O187">
        <v>3005114</v>
      </c>
      <c r="P187">
        <v>1</v>
      </c>
      <c r="Q187">
        <v>0</v>
      </c>
      <c r="R187" t="s">
        <v>819</v>
      </c>
      <c r="S187">
        <v>68</v>
      </c>
    </row>
    <row r="188" spans="1:19" x14ac:dyDescent="0.25">
      <c r="A188">
        <v>46567323</v>
      </c>
      <c r="B188" t="s">
        <v>1000</v>
      </c>
      <c r="C188" s="1" t="s">
        <v>1001</v>
      </c>
      <c r="D188">
        <v>46567575</v>
      </c>
      <c r="E188">
        <v>1</v>
      </c>
      <c r="F188">
        <v>1</v>
      </c>
      <c r="H188" t="s">
        <v>1002</v>
      </c>
      <c r="I188">
        <v>1</v>
      </c>
      <c r="J188" t="s">
        <v>1003</v>
      </c>
      <c r="O188">
        <v>5481714</v>
      </c>
      <c r="P188">
        <v>1</v>
      </c>
      <c r="Q188">
        <v>2</v>
      </c>
      <c r="R188" t="s">
        <v>1004</v>
      </c>
      <c r="S188">
        <v>8067</v>
      </c>
    </row>
    <row r="189" spans="1:19" x14ac:dyDescent="0.25">
      <c r="A189">
        <v>8248045</v>
      </c>
      <c r="B189" t="s">
        <v>1005</v>
      </c>
      <c r="C189" s="1" t="s">
        <v>1006</v>
      </c>
      <c r="D189">
        <v>8248069</v>
      </c>
      <c r="E189">
        <v>3</v>
      </c>
      <c r="F189">
        <v>0</v>
      </c>
      <c r="H189" t="s">
        <v>1007</v>
      </c>
      <c r="I189">
        <v>0</v>
      </c>
      <c r="J189" t="s">
        <v>1008</v>
      </c>
      <c r="K189" t="s">
        <v>1009</v>
      </c>
      <c r="M189">
        <v>168056</v>
      </c>
      <c r="O189">
        <v>888425</v>
      </c>
      <c r="P189">
        <v>1</v>
      </c>
      <c r="Q189">
        <v>1</v>
      </c>
      <c r="R189" t="s">
        <v>1010</v>
      </c>
      <c r="S189">
        <v>6278</v>
      </c>
    </row>
    <row r="190" spans="1:19" x14ac:dyDescent="0.25">
      <c r="A190">
        <v>23916039</v>
      </c>
      <c r="B190" t="s">
        <v>1011</v>
      </c>
      <c r="C190" s="1" t="s">
        <v>1012</v>
      </c>
      <c r="D190">
        <v>23916156</v>
      </c>
      <c r="E190">
        <v>1</v>
      </c>
      <c r="F190">
        <v>0</v>
      </c>
      <c r="H190" t="s">
        <v>1013</v>
      </c>
      <c r="J190" t="s">
        <v>1014</v>
      </c>
      <c r="O190">
        <v>2726900</v>
      </c>
      <c r="P190">
        <v>1</v>
      </c>
      <c r="Q190">
        <v>0</v>
      </c>
      <c r="R190" t="s">
        <v>1015</v>
      </c>
      <c r="S190">
        <v>92</v>
      </c>
    </row>
    <row r="191" spans="1:19" x14ac:dyDescent="0.25">
      <c r="A191">
        <v>5366320</v>
      </c>
      <c r="B191" t="s">
        <v>1016</v>
      </c>
      <c r="C191" s="1" t="s">
        <v>1017</v>
      </c>
      <c r="D191">
        <v>5366372</v>
      </c>
      <c r="E191">
        <v>1</v>
      </c>
      <c r="F191">
        <v>4</v>
      </c>
      <c r="H191" t="s">
        <v>1018</v>
      </c>
      <c r="I191">
        <v>0</v>
      </c>
      <c r="J191" t="s">
        <v>1019</v>
      </c>
      <c r="O191">
        <v>390150</v>
      </c>
      <c r="P191">
        <v>1</v>
      </c>
      <c r="Q191">
        <v>0</v>
      </c>
      <c r="R191" t="s">
        <v>1020</v>
      </c>
      <c r="S191">
        <v>1815</v>
      </c>
    </row>
    <row r="192" spans="1:19" x14ac:dyDescent="0.25">
      <c r="A192">
        <v>8446374</v>
      </c>
      <c r="B192" t="s">
        <v>1021</v>
      </c>
      <c r="C192" s="1" t="s">
        <v>1022</v>
      </c>
      <c r="D192">
        <v>8446901</v>
      </c>
      <c r="E192">
        <v>2</v>
      </c>
      <c r="F192">
        <v>3</v>
      </c>
      <c r="H192" t="s">
        <v>1023</v>
      </c>
      <c r="I192">
        <v>2</v>
      </c>
      <c r="J192" t="s">
        <v>1024</v>
      </c>
      <c r="K192" t="s">
        <v>1025</v>
      </c>
      <c r="M192">
        <v>156771</v>
      </c>
      <c r="O192">
        <v>1089823</v>
      </c>
      <c r="P192">
        <v>1</v>
      </c>
      <c r="Q192">
        <v>9</v>
      </c>
      <c r="R192" t="s">
        <v>1026</v>
      </c>
      <c r="S192">
        <v>5356</v>
      </c>
    </row>
    <row r="193" spans="1:19" x14ac:dyDescent="0.25">
      <c r="A193">
        <v>47025777</v>
      </c>
      <c r="B193" t="s">
        <v>1027</v>
      </c>
      <c r="C193" s="1" t="s">
        <v>1028</v>
      </c>
      <c r="E193">
        <v>1</v>
      </c>
      <c r="F193">
        <v>1</v>
      </c>
      <c r="H193" t="s">
        <v>1029</v>
      </c>
      <c r="J193" t="s">
        <v>1030</v>
      </c>
      <c r="O193">
        <v>1224963</v>
      </c>
      <c r="P193">
        <v>1</v>
      </c>
      <c r="Q193">
        <v>0</v>
      </c>
      <c r="R193" t="s">
        <v>1031</v>
      </c>
      <c r="S193">
        <v>22</v>
      </c>
    </row>
    <row r="194" spans="1:19" x14ac:dyDescent="0.25">
      <c r="A194">
        <v>2314759</v>
      </c>
      <c r="B194" t="s">
        <v>1032</v>
      </c>
      <c r="C194" s="1" t="s">
        <v>1033</v>
      </c>
      <c r="E194">
        <v>2</v>
      </c>
      <c r="F194">
        <v>0</v>
      </c>
      <c r="H194" t="s">
        <v>1034</v>
      </c>
      <c r="J194" t="s">
        <v>1035</v>
      </c>
      <c r="O194">
        <v>2084701</v>
      </c>
      <c r="P194">
        <v>1</v>
      </c>
      <c r="Q194">
        <v>1</v>
      </c>
      <c r="R194" t="s">
        <v>1036</v>
      </c>
      <c r="S194">
        <v>3373</v>
      </c>
    </row>
    <row r="195" spans="1:19" x14ac:dyDescent="0.25">
      <c r="A195">
        <v>35701131</v>
      </c>
      <c r="B195" t="s">
        <v>1037</v>
      </c>
      <c r="C195" s="1" t="s">
        <v>1038</v>
      </c>
      <c r="D195">
        <v>35701299</v>
      </c>
      <c r="E195">
        <v>4</v>
      </c>
      <c r="F195">
        <v>2</v>
      </c>
      <c r="H195" t="s">
        <v>1039</v>
      </c>
      <c r="I195">
        <v>1</v>
      </c>
      <c r="J195" t="s">
        <v>1040</v>
      </c>
      <c r="O195">
        <v>96704</v>
      </c>
      <c r="P195">
        <v>1</v>
      </c>
      <c r="Q195">
        <v>5</v>
      </c>
      <c r="R195" t="s">
        <v>1041</v>
      </c>
      <c r="S195">
        <v>423</v>
      </c>
    </row>
    <row r="196" spans="1:19" x14ac:dyDescent="0.25">
      <c r="A196">
        <v>15933313</v>
      </c>
      <c r="B196" t="s">
        <v>1042</v>
      </c>
      <c r="C196" s="1" t="s">
        <v>1043</v>
      </c>
      <c r="D196">
        <v>15933346</v>
      </c>
      <c r="E196">
        <v>4</v>
      </c>
      <c r="F196">
        <v>0</v>
      </c>
      <c r="H196" t="s">
        <v>1044</v>
      </c>
      <c r="J196" t="s">
        <v>1045</v>
      </c>
      <c r="K196" t="s">
        <v>1046</v>
      </c>
      <c r="M196">
        <v>1578604</v>
      </c>
      <c r="O196">
        <v>392572</v>
      </c>
      <c r="P196">
        <v>1</v>
      </c>
      <c r="Q196">
        <v>1</v>
      </c>
      <c r="R196" t="s">
        <v>1047</v>
      </c>
      <c r="S196">
        <v>51</v>
      </c>
    </row>
    <row r="197" spans="1:19" x14ac:dyDescent="0.25">
      <c r="A197">
        <v>28816173</v>
      </c>
      <c r="B197" t="s">
        <v>1048</v>
      </c>
      <c r="C197" s="1" t="s">
        <v>1049</v>
      </c>
      <c r="D197">
        <v>28816247</v>
      </c>
      <c r="E197">
        <v>2</v>
      </c>
      <c r="F197">
        <v>0</v>
      </c>
      <c r="H197" t="s">
        <v>1050</v>
      </c>
      <c r="J197" t="s">
        <v>1051</v>
      </c>
      <c r="O197">
        <v>2192903</v>
      </c>
      <c r="P197">
        <v>1</v>
      </c>
      <c r="Q197">
        <v>0</v>
      </c>
      <c r="R197" t="s">
        <v>1052</v>
      </c>
      <c r="S197">
        <v>465</v>
      </c>
    </row>
    <row r="198" spans="1:19" x14ac:dyDescent="0.25">
      <c r="A198">
        <v>30852276</v>
      </c>
      <c r="B198" t="s">
        <v>1053</v>
      </c>
      <c r="C198" s="1" t="s">
        <v>1054</v>
      </c>
      <c r="E198">
        <v>4</v>
      </c>
      <c r="F198">
        <v>1</v>
      </c>
      <c r="H198" t="s">
        <v>1055</v>
      </c>
      <c r="J198" t="s">
        <v>1056</v>
      </c>
      <c r="O198">
        <v>59645</v>
      </c>
      <c r="P198">
        <v>1</v>
      </c>
      <c r="Q198">
        <v>1</v>
      </c>
      <c r="R198" t="s">
        <v>1057</v>
      </c>
      <c r="S198">
        <v>1591</v>
      </c>
    </row>
    <row r="199" spans="1:19" x14ac:dyDescent="0.25">
      <c r="A199">
        <v>28654335</v>
      </c>
      <c r="B199" t="s">
        <v>1058</v>
      </c>
      <c r="C199" s="1" t="s">
        <v>1059</v>
      </c>
      <c r="E199">
        <v>1</v>
      </c>
      <c r="F199">
        <v>0</v>
      </c>
      <c r="H199" t="s">
        <v>1060</v>
      </c>
      <c r="J199" t="s">
        <v>1061</v>
      </c>
      <c r="O199">
        <v>3207455</v>
      </c>
      <c r="P199">
        <v>1</v>
      </c>
      <c r="Q199">
        <v>0</v>
      </c>
      <c r="R199" t="s">
        <v>1062</v>
      </c>
      <c r="S199">
        <v>252</v>
      </c>
    </row>
    <row r="200" spans="1:19" x14ac:dyDescent="0.25">
      <c r="A200">
        <v>5815884</v>
      </c>
      <c r="B200" t="s">
        <v>1063</v>
      </c>
      <c r="C200" s="1" t="s">
        <v>1064</v>
      </c>
      <c r="D200">
        <v>5815958</v>
      </c>
      <c r="E200">
        <v>3</v>
      </c>
      <c r="F200">
        <v>0</v>
      </c>
      <c r="H200" t="s">
        <v>1065</v>
      </c>
      <c r="J200" t="s">
        <v>1066</v>
      </c>
      <c r="K200" t="s">
        <v>1066</v>
      </c>
      <c r="M200">
        <v>180529</v>
      </c>
      <c r="O200">
        <v>124675</v>
      </c>
      <c r="P200">
        <v>1</v>
      </c>
      <c r="Q200">
        <v>3</v>
      </c>
      <c r="R200" t="s">
        <v>549</v>
      </c>
      <c r="S200">
        <v>1416</v>
      </c>
    </row>
    <row r="201" spans="1:19" x14ac:dyDescent="0.25">
      <c r="A201">
        <v>43515000</v>
      </c>
      <c r="B201" t="s">
        <v>1067</v>
      </c>
      <c r="C201" s="1" t="s">
        <v>1068</v>
      </c>
      <c r="E201">
        <v>2</v>
      </c>
      <c r="F201">
        <v>1</v>
      </c>
      <c r="H201" t="s">
        <v>1069</v>
      </c>
      <c r="J201" t="s">
        <v>1070</v>
      </c>
      <c r="K201" t="s">
        <v>1071</v>
      </c>
      <c r="M201">
        <v>1340631</v>
      </c>
      <c r="O201">
        <v>3045882</v>
      </c>
      <c r="P201">
        <v>1</v>
      </c>
      <c r="Q201">
        <v>1</v>
      </c>
      <c r="R201" t="s">
        <v>1072</v>
      </c>
      <c r="S201">
        <v>153</v>
      </c>
    </row>
    <row r="202" spans="1:19" x14ac:dyDescent="0.25">
      <c r="A202">
        <v>15158061</v>
      </c>
      <c r="B202" t="s">
        <v>1073</v>
      </c>
      <c r="C202" s="1" t="s">
        <v>1074</v>
      </c>
      <c r="D202">
        <v>15158174</v>
      </c>
      <c r="E202">
        <v>4</v>
      </c>
      <c r="F202">
        <v>3</v>
      </c>
      <c r="H202" t="s">
        <v>1075</v>
      </c>
      <c r="I202">
        <v>1</v>
      </c>
      <c r="J202" t="s">
        <v>1076</v>
      </c>
      <c r="K202" t="s">
        <v>1077</v>
      </c>
      <c r="M202">
        <v>502381</v>
      </c>
      <c r="O202">
        <v>2123370</v>
      </c>
      <c r="P202">
        <v>1</v>
      </c>
      <c r="Q202">
        <v>3</v>
      </c>
      <c r="R202" t="s">
        <v>1078</v>
      </c>
      <c r="S202">
        <v>18601</v>
      </c>
    </row>
    <row r="203" spans="1:19" x14ac:dyDescent="0.25">
      <c r="A203">
        <v>19126940</v>
      </c>
      <c r="B203" t="s">
        <v>1079</v>
      </c>
      <c r="C203" s="1" t="s">
        <v>1080</v>
      </c>
      <c r="D203">
        <v>19128776</v>
      </c>
      <c r="E203">
        <v>1</v>
      </c>
      <c r="F203">
        <v>0</v>
      </c>
      <c r="H203" t="s">
        <v>1081</v>
      </c>
      <c r="J203" t="s">
        <v>1082</v>
      </c>
      <c r="K203" t="s">
        <v>1083</v>
      </c>
      <c r="M203">
        <v>-1</v>
      </c>
      <c r="O203">
        <v>1304458</v>
      </c>
      <c r="P203">
        <v>1</v>
      </c>
      <c r="Q203">
        <v>1</v>
      </c>
      <c r="R203" t="s">
        <v>1084</v>
      </c>
      <c r="S203">
        <v>150</v>
      </c>
    </row>
    <row r="204" spans="1:19" x14ac:dyDescent="0.25">
      <c r="A204">
        <v>8220077</v>
      </c>
      <c r="B204" t="s">
        <v>1085</v>
      </c>
      <c r="C204" t="s">
        <v>1086</v>
      </c>
      <c r="D204">
        <v>8220541</v>
      </c>
      <c r="E204">
        <v>1</v>
      </c>
      <c r="F204">
        <v>0</v>
      </c>
      <c r="H204" t="s">
        <v>1087</v>
      </c>
      <c r="J204" t="s">
        <v>1088</v>
      </c>
      <c r="K204" t="s">
        <v>1088</v>
      </c>
      <c r="M204">
        <v>3619</v>
      </c>
      <c r="O204">
        <v>545295</v>
      </c>
      <c r="P204">
        <v>1</v>
      </c>
      <c r="Q204">
        <v>2</v>
      </c>
      <c r="R204" t="s">
        <v>1089</v>
      </c>
      <c r="S204">
        <v>317</v>
      </c>
    </row>
    <row r="205" spans="1:19" x14ac:dyDescent="0.25">
      <c r="A205">
        <v>36950121</v>
      </c>
      <c r="B205" t="s">
        <v>1090</v>
      </c>
      <c r="C205" s="1" t="s">
        <v>1091</v>
      </c>
      <c r="D205">
        <v>36950147</v>
      </c>
      <c r="E205">
        <v>1</v>
      </c>
      <c r="F205">
        <v>2</v>
      </c>
      <c r="H205" t="s">
        <v>1092</v>
      </c>
      <c r="J205" t="s">
        <v>1093</v>
      </c>
      <c r="K205" t="s">
        <v>1093</v>
      </c>
      <c r="M205">
        <v>4808532</v>
      </c>
      <c r="O205">
        <v>4808532</v>
      </c>
      <c r="P205">
        <v>1</v>
      </c>
      <c r="Q205">
        <v>0</v>
      </c>
      <c r="R205" t="s">
        <v>213</v>
      </c>
      <c r="S205">
        <v>27</v>
      </c>
    </row>
    <row r="206" spans="1:19" x14ac:dyDescent="0.25">
      <c r="A206">
        <v>23036825</v>
      </c>
      <c r="B206" t="s">
        <v>1094</v>
      </c>
      <c r="C206" s="1" t="s">
        <v>1095</v>
      </c>
      <c r="E206">
        <v>1</v>
      </c>
      <c r="F206">
        <v>0</v>
      </c>
      <c r="H206" t="s">
        <v>1096</v>
      </c>
      <c r="J206" t="s">
        <v>1097</v>
      </c>
      <c r="K206" t="s">
        <v>1098</v>
      </c>
      <c r="M206">
        <v>3475929</v>
      </c>
      <c r="O206">
        <v>3049864</v>
      </c>
      <c r="P206">
        <v>1</v>
      </c>
      <c r="Q206">
        <v>0</v>
      </c>
      <c r="R206" t="s">
        <v>1099</v>
      </c>
      <c r="S206">
        <v>126</v>
      </c>
    </row>
    <row r="207" spans="1:19" x14ac:dyDescent="0.25">
      <c r="A207">
        <v>5433474</v>
      </c>
      <c r="B207" t="s">
        <v>1100</v>
      </c>
      <c r="C207" s="1" t="s">
        <v>1101</v>
      </c>
      <c r="D207">
        <v>5433562</v>
      </c>
      <c r="E207">
        <v>5</v>
      </c>
      <c r="F207">
        <v>2</v>
      </c>
      <c r="H207" t="s">
        <v>1102</v>
      </c>
      <c r="J207" t="s">
        <v>1103</v>
      </c>
      <c r="K207" t="s">
        <v>1103</v>
      </c>
      <c r="M207">
        <v>327466</v>
      </c>
      <c r="O207">
        <v>619683</v>
      </c>
      <c r="P207">
        <v>1</v>
      </c>
      <c r="Q207">
        <v>0</v>
      </c>
      <c r="R207" t="s">
        <v>1104</v>
      </c>
      <c r="S207">
        <v>2512</v>
      </c>
    </row>
    <row r="208" spans="1:19" x14ac:dyDescent="0.25">
      <c r="A208">
        <v>32554214</v>
      </c>
      <c r="B208" t="s">
        <v>1105</v>
      </c>
      <c r="C208" s="1" t="s">
        <v>1106</v>
      </c>
      <c r="E208">
        <v>1</v>
      </c>
      <c r="F208">
        <v>0</v>
      </c>
      <c r="H208" t="s">
        <v>1107</v>
      </c>
      <c r="I208">
        <v>1</v>
      </c>
      <c r="J208" t="s">
        <v>1108</v>
      </c>
      <c r="O208">
        <v>1563750</v>
      </c>
      <c r="P208">
        <v>1</v>
      </c>
      <c r="Q208">
        <v>2</v>
      </c>
      <c r="R208" t="s">
        <v>1109</v>
      </c>
      <c r="S208">
        <v>387</v>
      </c>
    </row>
    <row r="209" spans="1:19" x14ac:dyDescent="0.25">
      <c r="A209">
        <v>38122544</v>
      </c>
      <c r="B209" t="s">
        <v>1110</v>
      </c>
      <c r="C209" s="1" t="s">
        <v>1111</v>
      </c>
      <c r="E209">
        <v>1</v>
      </c>
      <c r="F209">
        <v>0</v>
      </c>
      <c r="H209" t="s">
        <v>1112</v>
      </c>
      <c r="I209">
        <v>2</v>
      </c>
      <c r="J209" t="s">
        <v>1113</v>
      </c>
      <c r="K209" t="s">
        <v>1114</v>
      </c>
      <c r="M209">
        <v>5106408</v>
      </c>
      <c r="O209">
        <v>5106408</v>
      </c>
      <c r="P209">
        <v>1</v>
      </c>
      <c r="Q209">
        <v>3</v>
      </c>
      <c r="R209" t="s">
        <v>1115</v>
      </c>
      <c r="S209">
        <v>185</v>
      </c>
    </row>
    <row r="210" spans="1:19" x14ac:dyDescent="0.25">
      <c r="A210">
        <v>45941645</v>
      </c>
      <c r="B210" t="s">
        <v>1116</v>
      </c>
      <c r="C210" s="1" t="s">
        <v>1117</v>
      </c>
      <c r="D210">
        <v>45941800</v>
      </c>
      <c r="E210">
        <v>1</v>
      </c>
      <c r="F210">
        <v>3</v>
      </c>
      <c r="H210" t="s">
        <v>1118</v>
      </c>
      <c r="J210" t="s">
        <v>1119</v>
      </c>
      <c r="O210">
        <v>5187157</v>
      </c>
      <c r="P210">
        <v>1</v>
      </c>
      <c r="Q210">
        <v>1</v>
      </c>
      <c r="R210" t="s">
        <v>1120</v>
      </c>
      <c r="S210">
        <v>1162</v>
      </c>
    </row>
    <row r="211" spans="1:19" x14ac:dyDescent="0.25">
      <c r="A211">
        <v>35918601</v>
      </c>
      <c r="B211" t="s">
        <v>1121</v>
      </c>
      <c r="C211" s="1" t="s">
        <v>1122</v>
      </c>
      <c r="E211">
        <v>0</v>
      </c>
      <c r="F211">
        <v>6</v>
      </c>
      <c r="H211" t="s">
        <v>1123</v>
      </c>
      <c r="I211">
        <v>1</v>
      </c>
      <c r="J211" t="s">
        <v>1124</v>
      </c>
      <c r="O211">
        <v>1598392</v>
      </c>
      <c r="P211">
        <v>1</v>
      </c>
      <c r="Q211">
        <v>3</v>
      </c>
      <c r="R211" t="s">
        <v>1125</v>
      </c>
      <c r="S211">
        <v>519</v>
      </c>
    </row>
    <row r="212" spans="1:19" x14ac:dyDescent="0.25">
      <c r="A212">
        <v>26230400</v>
      </c>
      <c r="B212" t="s">
        <v>1126</v>
      </c>
      <c r="C212" s="1" t="s">
        <v>1127</v>
      </c>
      <c r="D212">
        <v>26264452</v>
      </c>
      <c r="E212">
        <v>1</v>
      </c>
      <c r="F212">
        <v>4</v>
      </c>
      <c r="H212" t="s">
        <v>1128</v>
      </c>
      <c r="J212" t="s">
        <v>1129</v>
      </c>
      <c r="K212" t="s">
        <v>1130</v>
      </c>
      <c r="M212">
        <v>1937675</v>
      </c>
      <c r="O212">
        <v>1937675</v>
      </c>
      <c r="P212">
        <v>1</v>
      </c>
      <c r="Q212">
        <v>2</v>
      </c>
      <c r="R212" t="s">
        <v>1131</v>
      </c>
      <c r="S212">
        <v>673</v>
      </c>
    </row>
    <row r="213" spans="1:19" x14ac:dyDescent="0.25">
      <c r="A213">
        <v>39015023</v>
      </c>
      <c r="B213" t="s">
        <v>1132</v>
      </c>
      <c r="C213" s="1" t="s">
        <v>1133</v>
      </c>
      <c r="E213">
        <v>1</v>
      </c>
      <c r="F213">
        <v>0</v>
      </c>
      <c r="H213" t="s">
        <v>1134</v>
      </c>
      <c r="J213" t="s">
        <v>1135</v>
      </c>
      <c r="N213" t="s">
        <v>1136</v>
      </c>
      <c r="P213">
        <v>1</v>
      </c>
      <c r="Q213">
        <v>0</v>
      </c>
      <c r="R213" t="s">
        <v>1137</v>
      </c>
      <c r="S213">
        <v>379</v>
      </c>
    </row>
    <row r="214" spans="1:19" x14ac:dyDescent="0.25">
      <c r="A214">
        <v>22752773</v>
      </c>
      <c r="B214" t="s">
        <v>1138</v>
      </c>
      <c r="C214" s="1" t="s">
        <v>1139</v>
      </c>
      <c r="D214">
        <v>22752837</v>
      </c>
      <c r="E214">
        <v>1</v>
      </c>
      <c r="F214">
        <v>0</v>
      </c>
      <c r="H214" t="s">
        <v>1140</v>
      </c>
      <c r="J214" t="s">
        <v>1141</v>
      </c>
      <c r="N214" t="s">
        <v>1142</v>
      </c>
      <c r="P214">
        <v>1</v>
      </c>
      <c r="Q214">
        <v>0</v>
      </c>
      <c r="R214" t="s">
        <v>759</v>
      </c>
      <c r="S214">
        <v>61</v>
      </c>
    </row>
    <row r="215" spans="1:19" x14ac:dyDescent="0.25">
      <c r="A215">
        <v>40872545</v>
      </c>
      <c r="B215" t="s">
        <v>1143</v>
      </c>
      <c r="C215" s="1" t="s">
        <v>1144</v>
      </c>
      <c r="E215">
        <v>1</v>
      </c>
      <c r="F215">
        <v>2</v>
      </c>
      <c r="H215" t="s">
        <v>1145</v>
      </c>
      <c r="J215" t="s">
        <v>1146</v>
      </c>
      <c r="O215">
        <v>3267763</v>
      </c>
      <c r="P215">
        <v>1</v>
      </c>
      <c r="Q215">
        <v>1</v>
      </c>
      <c r="R215" t="s">
        <v>1147</v>
      </c>
      <c r="S215">
        <v>36</v>
      </c>
    </row>
    <row r="216" spans="1:19" x14ac:dyDescent="0.25">
      <c r="A216">
        <v>24780872</v>
      </c>
      <c r="B216" t="s">
        <v>1148</v>
      </c>
      <c r="C216" s="1" t="s">
        <v>1149</v>
      </c>
      <c r="D216">
        <v>24802711</v>
      </c>
      <c r="E216">
        <v>2</v>
      </c>
      <c r="F216">
        <v>4</v>
      </c>
      <c r="H216" t="s">
        <v>1150</v>
      </c>
      <c r="J216" t="s">
        <v>1151</v>
      </c>
      <c r="K216" t="s">
        <v>1152</v>
      </c>
      <c r="M216">
        <v>2587357</v>
      </c>
      <c r="O216">
        <v>2587357</v>
      </c>
      <c r="P216">
        <v>1</v>
      </c>
      <c r="Q216">
        <v>2</v>
      </c>
      <c r="R216" t="s">
        <v>1153</v>
      </c>
      <c r="S216">
        <v>1183</v>
      </c>
    </row>
    <row r="217" spans="1:19" x14ac:dyDescent="0.25">
      <c r="A217">
        <v>11837953</v>
      </c>
      <c r="B217" t="s">
        <v>1154</v>
      </c>
      <c r="C217" s="1" t="s">
        <v>1155</v>
      </c>
      <c r="E217">
        <v>1</v>
      </c>
      <c r="F217">
        <v>0</v>
      </c>
      <c r="H217" t="s">
        <v>1156</v>
      </c>
      <c r="J217" t="s">
        <v>1157</v>
      </c>
      <c r="K217" t="s">
        <v>1158</v>
      </c>
      <c r="M217">
        <v>1308790</v>
      </c>
      <c r="O217">
        <v>1308790</v>
      </c>
      <c r="P217">
        <v>1</v>
      </c>
      <c r="Q217">
        <v>0</v>
      </c>
      <c r="R217" t="s">
        <v>1159</v>
      </c>
      <c r="S217">
        <v>181</v>
      </c>
    </row>
    <row r="218" spans="1:19" x14ac:dyDescent="0.25">
      <c r="A218">
        <v>5848184</v>
      </c>
      <c r="B218" t="s">
        <v>1160</v>
      </c>
      <c r="C218" s="1" t="s">
        <v>1161</v>
      </c>
      <c r="D218">
        <v>10248740</v>
      </c>
      <c r="E218">
        <v>2</v>
      </c>
      <c r="F218">
        <v>5</v>
      </c>
      <c r="H218" t="s">
        <v>1162</v>
      </c>
      <c r="J218" t="s">
        <v>1163</v>
      </c>
      <c r="K218" t="s">
        <v>1163</v>
      </c>
      <c r="M218">
        <v>1033581</v>
      </c>
      <c r="O218">
        <v>200044</v>
      </c>
      <c r="P218">
        <v>1</v>
      </c>
      <c r="Q218">
        <v>1</v>
      </c>
      <c r="R218" t="s">
        <v>1164</v>
      </c>
      <c r="S218">
        <v>462</v>
      </c>
    </row>
    <row r="219" spans="1:19" x14ac:dyDescent="0.25">
      <c r="A219">
        <v>34053170</v>
      </c>
      <c r="B219" t="s">
        <v>1165</v>
      </c>
      <c r="C219" s="1" t="s">
        <v>1166</v>
      </c>
      <c r="E219">
        <v>2</v>
      </c>
      <c r="F219">
        <v>5</v>
      </c>
      <c r="H219" t="s">
        <v>1167</v>
      </c>
      <c r="I219">
        <v>2</v>
      </c>
      <c r="J219" t="s">
        <v>1168</v>
      </c>
      <c r="K219" t="s">
        <v>1169</v>
      </c>
      <c r="M219">
        <v>2696260</v>
      </c>
      <c r="O219">
        <v>3926930</v>
      </c>
      <c r="P219">
        <v>1</v>
      </c>
      <c r="Q219">
        <v>4</v>
      </c>
      <c r="R219" t="s">
        <v>1170</v>
      </c>
      <c r="S219">
        <v>6895</v>
      </c>
    </row>
    <row r="220" spans="1:19" x14ac:dyDescent="0.25">
      <c r="A220">
        <v>33496234</v>
      </c>
      <c r="B220" t="s">
        <v>1171</v>
      </c>
      <c r="C220" s="1" t="s">
        <v>1172</v>
      </c>
      <c r="D220">
        <v>33496360</v>
      </c>
      <c r="E220">
        <v>1</v>
      </c>
      <c r="F220">
        <v>6</v>
      </c>
      <c r="H220" t="s">
        <v>1173</v>
      </c>
      <c r="J220" t="s">
        <v>1174</v>
      </c>
      <c r="K220" t="s">
        <v>1174</v>
      </c>
      <c r="M220">
        <v>13302</v>
      </c>
      <c r="O220">
        <v>1974930</v>
      </c>
      <c r="P220">
        <v>1</v>
      </c>
      <c r="Q220">
        <v>1</v>
      </c>
      <c r="R220" t="s">
        <v>1175</v>
      </c>
      <c r="S220">
        <v>117</v>
      </c>
    </row>
    <row r="221" spans="1:19" x14ac:dyDescent="0.25">
      <c r="A221">
        <v>32903399</v>
      </c>
      <c r="B221" t="s">
        <v>1176</v>
      </c>
      <c r="C221" s="1" t="s">
        <v>1177</v>
      </c>
      <c r="E221">
        <v>1</v>
      </c>
      <c r="F221">
        <v>0</v>
      </c>
      <c r="H221" t="s">
        <v>1178</v>
      </c>
      <c r="J221" t="s">
        <v>1179</v>
      </c>
      <c r="O221">
        <v>590475</v>
      </c>
      <c r="P221">
        <v>1</v>
      </c>
      <c r="Q221">
        <v>1</v>
      </c>
      <c r="R221" t="s">
        <v>1180</v>
      </c>
      <c r="S221">
        <v>48</v>
      </c>
    </row>
    <row r="222" spans="1:19" x14ac:dyDescent="0.25">
      <c r="A222">
        <v>1062589</v>
      </c>
      <c r="B222" t="s">
        <v>1181</v>
      </c>
      <c r="C222" t="s">
        <v>1182</v>
      </c>
      <c r="E222">
        <v>2</v>
      </c>
      <c r="F222">
        <v>2</v>
      </c>
      <c r="H222" t="s">
        <v>1183</v>
      </c>
      <c r="J222" t="s">
        <v>1184</v>
      </c>
      <c r="K222" t="s">
        <v>1185</v>
      </c>
      <c r="M222">
        <v>61332</v>
      </c>
      <c r="N222" t="s">
        <v>1186</v>
      </c>
      <c r="P222">
        <v>1</v>
      </c>
      <c r="Q222">
        <v>6</v>
      </c>
      <c r="R222" t="s">
        <v>1187</v>
      </c>
      <c r="S222">
        <v>6334</v>
      </c>
    </row>
    <row r="223" spans="1:19" x14ac:dyDescent="0.25">
      <c r="A223">
        <v>40556048</v>
      </c>
      <c r="B223" t="s">
        <v>1188</v>
      </c>
      <c r="C223" s="1" t="s">
        <v>1189</v>
      </c>
      <c r="D223">
        <v>40556247</v>
      </c>
      <c r="E223">
        <v>1</v>
      </c>
      <c r="F223">
        <v>0</v>
      </c>
      <c r="H223" t="s">
        <v>1190</v>
      </c>
      <c r="J223" t="s">
        <v>1191</v>
      </c>
      <c r="O223">
        <v>3290799</v>
      </c>
      <c r="P223">
        <v>1</v>
      </c>
      <c r="Q223">
        <v>3</v>
      </c>
      <c r="R223" t="s">
        <v>1192</v>
      </c>
      <c r="S223">
        <v>77</v>
      </c>
    </row>
    <row r="224" spans="1:19" x14ac:dyDescent="0.25">
      <c r="A224">
        <v>38085578</v>
      </c>
      <c r="B224" t="s">
        <v>1193</v>
      </c>
      <c r="C224" s="1" t="s">
        <v>1194</v>
      </c>
      <c r="D224">
        <v>38087357</v>
      </c>
      <c r="E224">
        <v>1</v>
      </c>
      <c r="F224">
        <v>0</v>
      </c>
      <c r="H224" t="s">
        <v>1195</v>
      </c>
      <c r="J224" t="s">
        <v>1196</v>
      </c>
      <c r="O224">
        <v>6042879</v>
      </c>
      <c r="P224">
        <v>1</v>
      </c>
      <c r="Q224">
        <v>0</v>
      </c>
      <c r="R224" t="s">
        <v>1197</v>
      </c>
      <c r="S224">
        <v>388</v>
      </c>
    </row>
    <row r="225" spans="1:19" x14ac:dyDescent="0.25">
      <c r="A225">
        <v>50038264</v>
      </c>
      <c r="B225" t="s">
        <v>1198</v>
      </c>
      <c r="C225" s="1" t="s">
        <v>1199</v>
      </c>
      <c r="E225">
        <v>0</v>
      </c>
      <c r="F225">
        <v>0</v>
      </c>
      <c r="H225" t="s">
        <v>1200</v>
      </c>
      <c r="J225" t="s">
        <v>1200</v>
      </c>
      <c r="O225">
        <v>9019266</v>
      </c>
      <c r="P225">
        <v>1</v>
      </c>
      <c r="Q225">
        <v>0</v>
      </c>
      <c r="R225" t="s">
        <v>1201</v>
      </c>
      <c r="S225">
        <v>22</v>
      </c>
    </row>
    <row r="226" spans="1:19" x14ac:dyDescent="0.25">
      <c r="A226">
        <v>15533123</v>
      </c>
      <c r="B226" t="s">
        <v>1202</v>
      </c>
      <c r="C226" s="1" t="s">
        <v>1203</v>
      </c>
      <c r="E226">
        <v>1</v>
      </c>
      <c r="F226">
        <v>4</v>
      </c>
      <c r="H226" t="s">
        <v>1204</v>
      </c>
      <c r="J226" t="s">
        <v>1205</v>
      </c>
      <c r="K226" t="s">
        <v>1205</v>
      </c>
      <c r="M226">
        <v>569101</v>
      </c>
      <c r="O226">
        <v>309343</v>
      </c>
      <c r="P226">
        <v>1</v>
      </c>
      <c r="Q226">
        <v>2</v>
      </c>
      <c r="R226" t="s">
        <v>1206</v>
      </c>
      <c r="S226">
        <v>458</v>
      </c>
    </row>
    <row r="227" spans="1:19" x14ac:dyDescent="0.25">
      <c r="A227">
        <v>20625081</v>
      </c>
      <c r="B227" t="s">
        <v>1207</v>
      </c>
      <c r="C227" s="1" t="s">
        <v>1208</v>
      </c>
      <c r="E227">
        <v>5</v>
      </c>
      <c r="F227">
        <v>2</v>
      </c>
      <c r="H227" t="s">
        <v>1209</v>
      </c>
      <c r="J227" t="s">
        <v>1210</v>
      </c>
      <c r="K227" t="s">
        <v>1211</v>
      </c>
      <c r="L227" t="s">
        <v>1212</v>
      </c>
      <c r="M227">
        <v>2330678</v>
      </c>
      <c r="N227" t="s">
        <v>1212</v>
      </c>
      <c r="O227">
        <v>2330678</v>
      </c>
      <c r="P227">
        <v>1</v>
      </c>
      <c r="Q227">
        <v>19</v>
      </c>
      <c r="R227" t="s">
        <v>1213</v>
      </c>
      <c r="S227">
        <v>31924</v>
      </c>
    </row>
    <row r="228" spans="1:19" x14ac:dyDescent="0.25">
      <c r="A228">
        <v>36754005</v>
      </c>
      <c r="B228" t="s">
        <v>1214</v>
      </c>
      <c r="C228" s="1" t="s">
        <v>1215</v>
      </c>
      <c r="D228">
        <v>36956123</v>
      </c>
      <c r="E228">
        <v>1</v>
      </c>
      <c r="F228">
        <v>0</v>
      </c>
      <c r="H228" t="s">
        <v>1216</v>
      </c>
      <c r="J228" t="s">
        <v>1217</v>
      </c>
      <c r="O228">
        <v>5347091</v>
      </c>
      <c r="P228">
        <v>1</v>
      </c>
      <c r="Q228">
        <v>1</v>
      </c>
      <c r="R228" t="s">
        <v>1218</v>
      </c>
      <c r="S228">
        <v>246</v>
      </c>
    </row>
    <row r="229" spans="1:19" x14ac:dyDescent="0.25">
      <c r="A229">
        <v>40957977</v>
      </c>
      <c r="B229" t="s">
        <v>1219</v>
      </c>
      <c r="C229" s="1" t="s">
        <v>1220</v>
      </c>
      <c r="E229">
        <v>1</v>
      </c>
      <c r="F229">
        <v>1</v>
      </c>
      <c r="H229" t="s">
        <v>1221</v>
      </c>
      <c r="J229" t="s">
        <v>1222</v>
      </c>
      <c r="O229">
        <v>1982032</v>
      </c>
      <c r="P229">
        <v>1</v>
      </c>
      <c r="Q229">
        <v>-3</v>
      </c>
      <c r="R229" t="s">
        <v>1223</v>
      </c>
      <c r="S229">
        <v>48</v>
      </c>
    </row>
    <row r="230" spans="1:19" x14ac:dyDescent="0.25">
      <c r="A230">
        <v>32821079</v>
      </c>
      <c r="B230" t="s">
        <v>1224</v>
      </c>
      <c r="C230" s="1" t="s">
        <v>1225</v>
      </c>
      <c r="E230">
        <v>0</v>
      </c>
      <c r="F230">
        <v>3</v>
      </c>
      <c r="H230" t="s">
        <v>1226</v>
      </c>
      <c r="J230" t="s">
        <v>1227</v>
      </c>
      <c r="K230" t="s">
        <v>1227</v>
      </c>
      <c r="M230">
        <v>1033581</v>
      </c>
      <c r="O230">
        <v>4018645</v>
      </c>
      <c r="P230">
        <v>1</v>
      </c>
      <c r="Q230">
        <v>0</v>
      </c>
      <c r="R230" t="s">
        <v>1228</v>
      </c>
      <c r="S230">
        <v>33</v>
      </c>
    </row>
    <row r="231" spans="1:19" x14ac:dyDescent="0.25">
      <c r="A231">
        <v>8250090</v>
      </c>
      <c r="B231" t="s">
        <v>1229</v>
      </c>
      <c r="C231" s="1" t="s">
        <v>1230</v>
      </c>
      <c r="D231">
        <v>8250358</v>
      </c>
      <c r="E231">
        <v>2</v>
      </c>
      <c r="F231">
        <v>0</v>
      </c>
      <c r="H231" t="s">
        <v>1231</v>
      </c>
      <c r="I231">
        <v>1</v>
      </c>
      <c r="J231" t="s">
        <v>1232</v>
      </c>
      <c r="K231" t="s">
        <v>1233</v>
      </c>
      <c r="M231">
        <v>707111</v>
      </c>
      <c r="O231">
        <v>598511</v>
      </c>
      <c r="P231">
        <v>1</v>
      </c>
      <c r="Q231">
        <v>2</v>
      </c>
      <c r="R231" t="s">
        <v>1234</v>
      </c>
      <c r="S231">
        <v>110</v>
      </c>
    </row>
    <row r="232" spans="1:19" x14ac:dyDescent="0.25">
      <c r="A232">
        <v>4729328</v>
      </c>
      <c r="B232" t="s">
        <v>1235</v>
      </c>
      <c r="C232" t="s">
        <v>1236</v>
      </c>
      <c r="D232">
        <v>4729465</v>
      </c>
      <c r="E232">
        <v>1</v>
      </c>
      <c r="F232">
        <v>0</v>
      </c>
      <c r="H232" t="s">
        <v>1237</v>
      </c>
      <c r="J232" t="s">
        <v>1238</v>
      </c>
      <c r="O232">
        <v>348056</v>
      </c>
      <c r="P232">
        <v>1</v>
      </c>
      <c r="Q232">
        <v>1</v>
      </c>
      <c r="R232" t="s">
        <v>1239</v>
      </c>
      <c r="S232">
        <v>297</v>
      </c>
    </row>
    <row r="233" spans="1:19" x14ac:dyDescent="0.25">
      <c r="A233">
        <v>37990547</v>
      </c>
      <c r="B233" t="s">
        <v>1240</v>
      </c>
      <c r="C233" s="1" t="s">
        <v>1241</v>
      </c>
      <c r="E233">
        <v>1</v>
      </c>
      <c r="F233">
        <v>14</v>
      </c>
      <c r="H233" t="s">
        <v>1242</v>
      </c>
      <c r="I233">
        <v>3</v>
      </c>
      <c r="J233" t="s">
        <v>1243</v>
      </c>
      <c r="O233">
        <v>3863146</v>
      </c>
      <c r="P233">
        <v>1</v>
      </c>
      <c r="Q233">
        <v>-1</v>
      </c>
      <c r="R233" t="s">
        <v>1244</v>
      </c>
      <c r="S233">
        <v>181</v>
      </c>
    </row>
    <row r="234" spans="1:19" x14ac:dyDescent="0.25">
      <c r="A234">
        <v>3098633</v>
      </c>
      <c r="B234" t="s">
        <v>1245</v>
      </c>
      <c r="C234" s="1" t="s">
        <v>1246</v>
      </c>
      <c r="D234">
        <v>3098640</v>
      </c>
      <c r="E234">
        <v>1</v>
      </c>
      <c r="F234">
        <v>0</v>
      </c>
      <c r="H234" t="s">
        <v>1247</v>
      </c>
      <c r="J234" t="s">
        <v>1248</v>
      </c>
      <c r="O234">
        <v>4653</v>
      </c>
      <c r="P234">
        <v>1</v>
      </c>
      <c r="Q234">
        <v>6</v>
      </c>
      <c r="R234" t="s">
        <v>1249</v>
      </c>
      <c r="S234">
        <v>17510</v>
      </c>
    </row>
    <row r="235" spans="1:19" x14ac:dyDescent="0.25">
      <c r="A235">
        <v>46860133</v>
      </c>
      <c r="B235" t="s">
        <v>1250</v>
      </c>
      <c r="C235" s="1" t="s">
        <v>1251</v>
      </c>
      <c r="E235">
        <v>0</v>
      </c>
      <c r="F235">
        <v>6</v>
      </c>
      <c r="H235" t="s">
        <v>1252</v>
      </c>
      <c r="J235" t="s">
        <v>1252</v>
      </c>
      <c r="O235">
        <v>8809659</v>
      </c>
      <c r="P235">
        <v>1</v>
      </c>
      <c r="Q235">
        <v>0</v>
      </c>
      <c r="R235" t="s">
        <v>1253</v>
      </c>
      <c r="S235">
        <v>61</v>
      </c>
    </row>
    <row r="236" spans="1:19" x14ac:dyDescent="0.25">
      <c r="A236">
        <v>2841179</v>
      </c>
      <c r="B236" t="s">
        <v>1254</v>
      </c>
      <c r="C236" s="1" t="s">
        <v>1255</v>
      </c>
      <c r="E236">
        <v>1</v>
      </c>
      <c r="F236">
        <v>2</v>
      </c>
      <c r="H236" t="s">
        <v>1256</v>
      </c>
      <c r="J236" t="s">
        <v>1257</v>
      </c>
      <c r="K236" t="s">
        <v>1258</v>
      </c>
      <c r="M236">
        <v>52626</v>
      </c>
      <c r="O236">
        <v>308344</v>
      </c>
      <c r="P236">
        <v>1</v>
      </c>
      <c r="Q236">
        <v>0</v>
      </c>
      <c r="R236" t="s">
        <v>1259</v>
      </c>
      <c r="S236">
        <v>617</v>
      </c>
    </row>
    <row r="237" spans="1:19" x14ac:dyDescent="0.25">
      <c r="A237">
        <v>2793691</v>
      </c>
      <c r="B237" t="s">
        <v>1260</v>
      </c>
      <c r="C237" s="1" t="s">
        <v>1261</v>
      </c>
      <c r="E237">
        <v>2</v>
      </c>
      <c r="F237">
        <v>0</v>
      </c>
      <c r="H237" t="s">
        <v>1262</v>
      </c>
      <c r="J237" t="s">
        <v>1263</v>
      </c>
      <c r="K237" t="s">
        <v>1263</v>
      </c>
      <c r="M237">
        <v>2859614</v>
      </c>
      <c r="O237">
        <v>315157</v>
      </c>
      <c r="P237">
        <v>1</v>
      </c>
      <c r="Q237">
        <v>0</v>
      </c>
      <c r="R237" t="s">
        <v>1264</v>
      </c>
      <c r="S237">
        <v>1239</v>
      </c>
    </row>
    <row r="238" spans="1:19" x14ac:dyDescent="0.25">
      <c r="A238">
        <v>49324456</v>
      </c>
      <c r="B238" t="s">
        <v>1265</v>
      </c>
      <c r="C238" s="1" t="s">
        <v>1266</v>
      </c>
      <c r="E238">
        <v>0</v>
      </c>
      <c r="F238">
        <v>2</v>
      </c>
      <c r="H238" t="s">
        <v>1267</v>
      </c>
      <c r="J238" t="s">
        <v>1267</v>
      </c>
      <c r="O238">
        <v>7652544</v>
      </c>
      <c r="P238">
        <v>1</v>
      </c>
      <c r="Q238">
        <v>0</v>
      </c>
      <c r="R238" t="s">
        <v>1268</v>
      </c>
      <c r="S238">
        <v>27</v>
      </c>
    </row>
    <row r="239" spans="1:19" x14ac:dyDescent="0.25">
      <c r="A239">
        <v>33848411</v>
      </c>
      <c r="B239" t="s">
        <v>1269</v>
      </c>
      <c r="C239" s="1" t="s">
        <v>1270</v>
      </c>
      <c r="E239">
        <v>1</v>
      </c>
      <c r="F239">
        <v>0</v>
      </c>
      <c r="H239" t="s">
        <v>1271</v>
      </c>
      <c r="J239" t="s">
        <v>1272</v>
      </c>
      <c r="O239">
        <v>5402489</v>
      </c>
      <c r="P239">
        <v>1</v>
      </c>
      <c r="Q239">
        <v>0</v>
      </c>
      <c r="R239" t="s">
        <v>1273</v>
      </c>
      <c r="S239">
        <v>454</v>
      </c>
    </row>
    <row r="240" spans="1:19" x14ac:dyDescent="0.25">
      <c r="A240">
        <v>49832729</v>
      </c>
      <c r="B240" t="s">
        <v>1274</v>
      </c>
      <c r="C240" s="1" t="s">
        <v>1275</v>
      </c>
      <c r="E240">
        <v>0</v>
      </c>
      <c r="F240">
        <v>0</v>
      </c>
      <c r="H240" t="s">
        <v>1276</v>
      </c>
      <c r="J240" t="s">
        <v>1276</v>
      </c>
      <c r="O240">
        <v>5769672</v>
      </c>
      <c r="P240">
        <v>1</v>
      </c>
      <c r="Q240">
        <v>0</v>
      </c>
      <c r="R240" t="s">
        <v>1277</v>
      </c>
      <c r="S240">
        <v>19</v>
      </c>
    </row>
    <row r="241" spans="1:19" x14ac:dyDescent="0.25">
      <c r="A241">
        <v>43770130</v>
      </c>
      <c r="B241" t="s">
        <v>1278</v>
      </c>
      <c r="C241" s="1" t="s">
        <v>1279</v>
      </c>
      <c r="E241">
        <v>2</v>
      </c>
      <c r="F241">
        <v>0</v>
      </c>
      <c r="H241" t="s">
        <v>1280</v>
      </c>
      <c r="J241" t="s">
        <v>1281</v>
      </c>
      <c r="K241" t="s">
        <v>1282</v>
      </c>
      <c r="M241">
        <v>2449905</v>
      </c>
      <c r="O241">
        <v>7959882</v>
      </c>
      <c r="P241">
        <v>1</v>
      </c>
      <c r="Q241">
        <v>2</v>
      </c>
      <c r="R241" t="s">
        <v>1283</v>
      </c>
      <c r="S241">
        <v>166</v>
      </c>
    </row>
    <row r="242" spans="1:19" x14ac:dyDescent="0.25">
      <c r="A242">
        <v>14537614</v>
      </c>
      <c r="B242" t="s">
        <v>1284</v>
      </c>
      <c r="C242" s="1" t="s">
        <v>1285</v>
      </c>
      <c r="D242">
        <v>14537626</v>
      </c>
      <c r="E242">
        <v>1</v>
      </c>
      <c r="F242">
        <v>2</v>
      </c>
      <c r="H242" t="s">
        <v>1286</v>
      </c>
      <c r="J242" t="s">
        <v>1287</v>
      </c>
      <c r="O242">
        <v>1994457</v>
      </c>
      <c r="P242">
        <v>1</v>
      </c>
      <c r="Q242">
        <v>0</v>
      </c>
      <c r="R242" t="s">
        <v>1288</v>
      </c>
      <c r="S242">
        <v>394</v>
      </c>
    </row>
    <row r="243" spans="1:19" x14ac:dyDescent="0.25">
      <c r="A243">
        <v>51890417</v>
      </c>
      <c r="B243" t="s">
        <v>1289</v>
      </c>
      <c r="C243" s="1" t="s">
        <v>1290</v>
      </c>
      <c r="D243">
        <v>51890537</v>
      </c>
      <c r="E243">
        <v>2</v>
      </c>
      <c r="F243">
        <v>0</v>
      </c>
      <c r="H243" t="s">
        <v>1291</v>
      </c>
      <c r="I243">
        <v>1</v>
      </c>
      <c r="J243" t="s">
        <v>1292</v>
      </c>
      <c r="K243" t="s">
        <v>1293</v>
      </c>
      <c r="M243">
        <v>3202457</v>
      </c>
      <c r="O243">
        <v>3202457</v>
      </c>
      <c r="P243">
        <v>1</v>
      </c>
      <c r="Q243">
        <v>0</v>
      </c>
      <c r="R243" t="s">
        <v>1294</v>
      </c>
      <c r="S243">
        <v>49</v>
      </c>
    </row>
    <row r="244" spans="1:19" x14ac:dyDescent="0.25">
      <c r="A244">
        <v>11512822</v>
      </c>
      <c r="B244" t="s">
        <v>1295</v>
      </c>
      <c r="C244" s="1" t="s">
        <v>1296</v>
      </c>
      <c r="E244">
        <v>2</v>
      </c>
      <c r="F244">
        <v>2</v>
      </c>
      <c r="H244" t="s">
        <v>1297</v>
      </c>
      <c r="J244" t="s">
        <v>1298</v>
      </c>
      <c r="K244" t="s">
        <v>1299</v>
      </c>
      <c r="M244">
        <v>428757</v>
      </c>
      <c r="O244">
        <v>428757</v>
      </c>
      <c r="P244">
        <v>1</v>
      </c>
      <c r="Q244">
        <v>0</v>
      </c>
      <c r="R244" t="s">
        <v>1300</v>
      </c>
      <c r="S244">
        <v>1063</v>
      </c>
    </row>
    <row r="245" spans="1:19" x14ac:dyDescent="0.25">
      <c r="A245">
        <v>26268283</v>
      </c>
      <c r="B245" t="s">
        <v>1301</v>
      </c>
      <c r="C245" s="1" t="s">
        <v>1302</v>
      </c>
      <c r="E245">
        <v>1</v>
      </c>
      <c r="F245">
        <v>0</v>
      </c>
      <c r="H245" t="s">
        <v>1303</v>
      </c>
      <c r="J245" t="s">
        <v>1304</v>
      </c>
      <c r="O245">
        <v>675446</v>
      </c>
      <c r="P245">
        <v>1</v>
      </c>
      <c r="Q245">
        <v>0</v>
      </c>
      <c r="R245" t="s">
        <v>1305</v>
      </c>
      <c r="S245">
        <v>69</v>
      </c>
    </row>
    <row r="246" spans="1:19" x14ac:dyDescent="0.25">
      <c r="A246">
        <v>32564655</v>
      </c>
      <c r="B246" t="s">
        <v>1306</v>
      </c>
      <c r="C246" s="1" t="s">
        <v>1307</v>
      </c>
      <c r="E246">
        <v>2</v>
      </c>
      <c r="F246">
        <v>3</v>
      </c>
      <c r="H246" t="s">
        <v>1308</v>
      </c>
      <c r="J246" t="s">
        <v>1309</v>
      </c>
      <c r="K246" t="s">
        <v>1310</v>
      </c>
      <c r="M246">
        <v>4606734</v>
      </c>
      <c r="O246">
        <v>5332517</v>
      </c>
      <c r="P246">
        <v>1</v>
      </c>
      <c r="Q246">
        <v>0</v>
      </c>
      <c r="R246" t="s">
        <v>1311</v>
      </c>
      <c r="S246">
        <v>84</v>
      </c>
    </row>
    <row r="247" spans="1:19" x14ac:dyDescent="0.25">
      <c r="A247">
        <v>7802219</v>
      </c>
      <c r="B247" t="s">
        <v>1312</v>
      </c>
      <c r="C247" s="1" t="s">
        <v>1313</v>
      </c>
      <c r="D247">
        <v>7813110</v>
      </c>
      <c r="E247">
        <v>1</v>
      </c>
      <c r="F247">
        <v>0</v>
      </c>
      <c r="H247" t="s">
        <v>1314</v>
      </c>
      <c r="I247">
        <v>1</v>
      </c>
      <c r="J247" t="s">
        <v>1315</v>
      </c>
      <c r="O247">
        <v>350106</v>
      </c>
      <c r="P247">
        <v>1</v>
      </c>
      <c r="Q247">
        <v>0</v>
      </c>
      <c r="R247" t="s">
        <v>1316</v>
      </c>
      <c r="S247">
        <v>170</v>
      </c>
    </row>
    <row r="248" spans="1:19" x14ac:dyDescent="0.25">
      <c r="A248">
        <v>37028726</v>
      </c>
      <c r="B248" t="s">
        <v>1317</v>
      </c>
      <c r="C248" s="1" t="s">
        <v>1318</v>
      </c>
      <c r="D248">
        <v>37521168</v>
      </c>
      <c r="E248">
        <v>5</v>
      </c>
      <c r="F248">
        <v>1</v>
      </c>
      <c r="H248" t="s">
        <v>1319</v>
      </c>
      <c r="I248">
        <v>1</v>
      </c>
      <c r="J248" t="s">
        <v>1320</v>
      </c>
      <c r="K248" t="s">
        <v>1321</v>
      </c>
      <c r="M248">
        <v>1324</v>
      </c>
      <c r="O248">
        <v>518404</v>
      </c>
      <c r="P248">
        <v>1</v>
      </c>
      <c r="Q248">
        <v>1</v>
      </c>
      <c r="R248" t="s">
        <v>1322</v>
      </c>
      <c r="S248">
        <v>835</v>
      </c>
    </row>
    <row r="249" spans="1:19" x14ac:dyDescent="0.25">
      <c r="A249">
        <v>49438315</v>
      </c>
      <c r="B249" t="s">
        <v>1323</v>
      </c>
      <c r="C249" s="1" t="s">
        <v>1324</v>
      </c>
      <c r="D249">
        <v>49446519</v>
      </c>
      <c r="E249">
        <v>1</v>
      </c>
      <c r="F249">
        <v>0</v>
      </c>
      <c r="H249" t="s">
        <v>1325</v>
      </c>
      <c r="I249">
        <v>1</v>
      </c>
      <c r="J249" t="s">
        <v>1326</v>
      </c>
      <c r="O249">
        <v>6028269</v>
      </c>
      <c r="P249">
        <v>1</v>
      </c>
      <c r="Q249">
        <v>0</v>
      </c>
      <c r="R249" t="s">
        <v>1327</v>
      </c>
      <c r="S249">
        <v>35</v>
      </c>
    </row>
    <row r="250" spans="1:19" x14ac:dyDescent="0.25">
      <c r="A250">
        <v>35979703</v>
      </c>
      <c r="B250" t="s">
        <v>1328</v>
      </c>
      <c r="C250" s="1" t="s">
        <v>1329</v>
      </c>
      <c r="D250">
        <v>35989362</v>
      </c>
      <c r="E250">
        <v>2</v>
      </c>
      <c r="F250">
        <v>6</v>
      </c>
      <c r="H250" t="s">
        <v>1330</v>
      </c>
      <c r="J250" t="s">
        <v>1331</v>
      </c>
      <c r="K250" t="s">
        <v>1332</v>
      </c>
      <c r="M250">
        <v>2694940</v>
      </c>
      <c r="O250">
        <v>2694940</v>
      </c>
      <c r="P250">
        <v>1</v>
      </c>
      <c r="Q250">
        <v>2</v>
      </c>
      <c r="R250" t="s">
        <v>1333</v>
      </c>
      <c r="S250">
        <v>260</v>
      </c>
    </row>
    <row r="251" spans="1:19" x14ac:dyDescent="0.25">
      <c r="A251">
        <v>13765317</v>
      </c>
      <c r="B251" t="s">
        <v>1334</v>
      </c>
      <c r="C251" s="1" t="s">
        <v>1335</v>
      </c>
      <c r="E251">
        <v>2</v>
      </c>
      <c r="F251">
        <v>1</v>
      </c>
      <c r="H251" t="s">
        <v>1336</v>
      </c>
      <c r="J251" t="s">
        <v>1337</v>
      </c>
      <c r="K251" t="s">
        <v>1337</v>
      </c>
      <c r="M251">
        <v>369434</v>
      </c>
      <c r="O251">
        <v>1885714</v>
      </c>
      <c r="P251">
        <v>1</v>
      </c>
      <c r="Q251">
        <v>1</v>
      </c>
      <c r="R251" t="s">
        <v>1338</v>
      </c>
      <c r="S251">
        <v>1106</v>
      </c>
    </row>
    <row r="252" spans="1:19" x14ac:dyDescent="0.25">
      <c r="A252">
        <v>53516392</v>
      </c>
      <c r="B252" t="s">
        <v>1339</v>
      </c>
      <c r="C252" s="1" t="s">
        <v>1340</v>
      </c>
      <c r="D252">
        <v>53520768</v>
      </c>
      <c r="E252">
        <v>1</v>
      </c>
      <c r="F252">
        <v>0</v>
      </c>
      <c r="H252" t="s">
        <v>1341</v>
      </c>
      <c r="J252" t="s">
        <v>1342</v>
      </c>
      <c r="O252">
        <v>8939888</v>
      </c>
      <c r="P252">
        <v>1</v>
      </c>
      <c r="Q252">
        <v>0</v>
      </c>
      <c r="R252" t="s">
        <v>1343</v>
      </c>
      <c r="S252">
        <v>15</v>
      </c>
    </row>
    <row r="253" spans="1:19" x14ac:dyDescent="0.25">
      <c r="A253">
        <v>34722582</v>
      </c>
      <c r="B253" t="s">
        <v>1344</v>
      </c>
      <c r="C253" s="1" t="s">
        <v>1345</v>
      </c>
      <c r="E253">
        <v>0</v>
      </c>
      <c r="F253">
        <v>2</v>
      </c>
      <c r="H253" t="s">
        <v>1346</v>
      </c>
      <c r="J253" t="s">
        <v>1347</v>
      </c>
      <c r="K253" t="s">
        <v>1347</v>
      </c>
      <c r="M253">
        <v>229656</v>
      </c>
      <c r="O253">
        <v>229656</v>
      </c>
      <c r="P253">
        <v>1</v>
      </c>
      <c r="Q253">
        <v>0</v>
      </c>
      <c r="R253" t="s">
        <v>1348</v>
      </c>
      <c r="S253">
        <v>54</v>
      </c>
    </row>
    <row r="254" spans="1:19" x14ac:dyDescent="0.25">
      <c r="A254">
        <v>48176641</v>
      </c>
      <c r="B254" t="s">
        <v>1349</v>
      </c>
      <c r="C254" s="1" t="s">
        <v>1350</v>
      </c>
      <c r="D254">
        <v>48177101</v>
      </c>
      <c r="E254">
        <v>1</v>
      </c>
      <c r="F254">
        <v>0</v>
      </c>
      <c r="H254" t="s">
        <v>1351</v>
      </c>
      <c r="J254" t="s">
        <v>1352</v>
      </c>
      <c r="O254">
        <v>3162383</v>
      </c>
      <c r="P254">
        <v>1</v>
      </c>
      <c r="Q254">
        <v>1</v>
      </c>
      <c r="R254" t="s">
        <v>1353</v>
      </c>
      <c r="S254">
        <v>56</v>
      </c>
    </row>
    <row r="255" spans="1:19" x14ac:dyDescent="0.25">
      <c r="A255">
        <v>20513139</v>
      </c>
      <c r="B255" t="s">
        <v>1354</v>
      </c>
      <c r="C255" s="1" t="s">
        <v>1355</v>
      </c>
      <c r="E255">
        <v>1</v>
      </c>
      <c r="F255">
        <v>1</v>
      </c>
      <c r="H255" t="s">
        <v>1356</v>
      </c>
      <c r="I255">
        <v>0</v>
      </c>
      <c r="J255" t="s">
        <v>1357</v>
      </c>
      <c r="K255" t="s">
        <v>1358</v>
      </c>
      <c r="M255">
        <v>1977504</v>
      </c>
      <c r="O255">
        <v>719950</v>
      </c>
      <c r="P255">
        <v>1</v>
      </c>
      <c r="Q255">
        <v>2</v>
      </c>
      <c r="R255" t="s">
        <v>1359</v>
      </c>
      <c r="S255">
        <v>1400</v>
      </c>
    </row>
    <row r="256" spans="1:19" x14ac:dyDescent="0.25">
      <c r="A256">
        <v>24965776</v>
      </c>
      <c r="B256" t="s">
        <v>1360</v>
      </c>
      <c r="C256" s="1" t="s">
        <v>1361</v>
      </c>
      <c r="D256">
        <v>24966170</v>
      </c>
      <c r="E256">
        <v>1</v>
      </c>
      <c r="F256">
        <v>6</v>
      </c>
      <c r="H256" t="s">
        <v>1362</v>
      </c>
      <c r="J256" t="s">
        <v>1363</v>
      </c>
      <c r="O256">
        <v>54446</v>
      </c>
      <c r="P256">
        <v>1</v>
      </c>
      <c r="Q256">
        <v>0</v>
      </c>
      <c r="R256" t="s">
        <v>1364</v>
      </c>
      <c r="S256">
        <v>182</v>
      </c>
    </row>
    <row r="257" spans="1:19" x14ac:dyDescent="0.25">
      <c r="A257">
        <v>26516202</v>
      </c>
      <c r="B257" t="s">
        <v>1365</v>
      </c>
      <c r="C257" s="1" t="s">
        <v>1366</v>
      </c>
      <c r="D257">
        <v>26520839</v>
      </c>
      <c r="E257">
        <v>1</v>
      </c>
      <c r="F257">
        <v>0</v>
      </c>
      <c r="H257" t="s">
        <v>1367</v>
      </c>
      <c r="J257" t="s">
        <v>1368</v>
      </c>
      <c r="O257">
        <v>685547</v>
      </c>
      <c r="P257">
        <v>1</v>
      </c>
      <c r="Q257">
        <v>1</v>
      </c>
      <c r="R257" t="s">
        <v>1369</v>
      </c>
      <c r="S257">
        <v>121</v>
      </c>
    </row>
    <row r="258" spans="1:19" x14ac:dyDescent="0.25">
      <c r="A258">
        <v>13320481</v>
      </c>
      <c r="B258" t="s">
        <v>1370</v>
      </c>
      <c r="C258" s="1" t="s">
        <v>1371</v>
      </c>
      <c r="E258">
        <v>1</v>
      </c>
      <c r="F258">
        <v>0</v>
      </c>
      <c r="H258" t="s">
        <v>1372</v>
      </c>
      <c r="J258" t="s">
        <v>1373</v>
      </c>
      <c r="O258">
        <v>1405918</v>
      </c>
      <c r="P258">
        <v>1</v>
      </c>
      <c r="Q258">
        <v>0</v>
      </c>
      <c r="R258" t="s">
        <v>1374</v>
      </c>
      <c r="S258">
        <v>1247</v>
      </c>
    </row>
    <row r="259" spans="1:19" x14ac:dyDescent="0.25">
      <c r="A259">
        <v>15956632</v>
      </c>
      <c r="B259" t="s">
        <v>1375</v>
      </c>
      <c r="C259" s="1" t="s">
        <v>1376</v>
      </c>
      <c r="D259">
        <v>15956775</v>
      </c>
      <c r="E259">
        <v>6</v>
      </c>
      <c r="F259">
        <v>0</v>
      </c>
      <c r="H259" t="s">
        <v>1377</v>
      </c>
      <c r="I259">
        <v>2</v>
      </c>
      <c r="J259" t="s">
        <v>1378</v>
      </c>
      <c r="O259">
        <v>2265133</v>
      </c>
      <c r="P259">
        <v>1</v>
      </c>
      <c r="Q259">
        <v>5</v>
      </c>
      <c r="R259" t="s">
        <v>1379</v>
      </c>
      <c r="S259">
        <v>485</v>
      </c>
    </row>
    <row r="260" spans="1:19" x14ac:dyDescent="0.25">
      <c r="A260">
        <v>15588068</v>
      </c>
      <c r="B260" t="s">
        <v>1380</v>
      </c>
      <c r="C260" s="1" t="s">
        <v>1381</v>
      </c>
      <c r="D260">
        <v>15588530</v>
      </c>
      <c r="E260">
        <v>2</v>
      </c>
      <c r="F260">
        <v>2</v>
      </c>
      <c r="H260" t="s">
        <v>1382</v>
      </c>
      <c r="I260">
        <v>1</v>
      </c>
      <c r="J260" t="s">
        <v>1383</v>
      </c>
      <c r="K260" t="s">
        <v>1384</v>
      </c>
      <c r="M260">
        <v>387076</v>
      </c>
      <c r="O260">
        <v>1779053</v>
      </c>
      <c r="P260">
        <v>1</v>
      </c>
      <c r="Q260">
        <v>0</v>
      </c>
      <c r="R260" t="s">
        <v>1385</v>
      </c>
      <c r="S260">
        <v>1793</v>
      </c>
    </row>
    <row r="261" spans="1:19" x14ac:dyDescent="0.25">
      <c r="A261">
        <v>30779411</v>
      </c>
      <c r="B261" t="s">
        <v>1386</v>
      </c>
      <c r="C261" s="1" t="s">
        <v>1387</v>
      </c>
      <c r="E261">
        <v>5</v>
      </c>
      <c r="F261">
        <v>3</v>
      </c>
      <c r="H261" t="s">
        <v>1388</v>
      </c>
      <c r="J261" t="s">
        <v>1389</v>
      </c>
      <c r="K261" t="s">
        <v>1390</v>
      </c>
      <c r="M261">
        <v>462627</v>
      </c>
      <c r="O261">
        <v>1963937</v>
      </c>
      <c r="P261">
        <v>1</v>
      </c>
      <c r="Q261">
        <v>2</v>
      </c>
      <c r="R261" t="s">
        <v>1391</v>
      </c>
      <c r="S261">
        <v>3801</v>
      </c>
    </row>
    <row r="262" spans="1:19" x14ac:dyDescent="0.25">
      <c r="A262">
        <v>35805509</v>
      </c>
      <c r="B262" t="s">
        <v>1392</v>
      </c>
      <c r="C262" s="1" t="s">
        <v>1393</v>
      </c>
      <c r="E262">
        <v>0</v>
      </c>
      <c r="F262">
        <v>13</v>
      </c>
      <c r="H262" t="s">
        <v>1394</v>
      </c>
      <c r="J262" t="s">
        <v>1394</v>
      </c>
      <c r="O262">
        <v>1681419</v>
      </c>
      <c r="P262">
        <v>1</v>
      </c>
      <c r="Q262">
        <v>0</v>
      </c>
      <c r="R262" t="s">
        <v>1395</v>
      </c>
      <c r="S262">
        <v>90</v>
      </c>
    </row>
    <row r="263" spans="1:19" x14ac:dyDescent="0.25">
      <c r="A263">
        <v>14115001</v>
      </c>
      <c r="B263" t="s">
        <v>1396</v>
      </c>
      <c r="C263" s="1" t="s">
        <v>1397</v>
      </c>
      <c r="D263">
        <v>14115010</v>
      </c>
      <c r="E263">
        <v>1</v>
      </c>
      <c r="F263">
        <v>10</v>
      </c>
      <c r="H263" t="s">
        <v>1398</v>
      </c>
      <c r="J263" t="s">
        <v>1399</v>
      </c>
      <c r="O263">
        <v>1896797</v>
      </c>
      <c r="P263">
        <v>1</v>
      </c>
      <c r="Q263">
        <v>0</v>
      </c>
      <c r="R263" t="s">
        <v>1400</v>
      </c>
      <c r="S263">
        <v>198</v>
      </c>
    </row>
    <row r="264" spans="1:19" x14ac:dyDescent="0.25">
      <c r="A264">
        <v>20209015</v>
      </c>
      <c r="B264" t="s">
        <v>1401</v>
      </c>
      <c r="C264" s="1" t="s">
        <v>1402</v>
      </c>
      <c r="D264">
        <v>20209361</v>
      </c>
      <c r="E264">
        <v>2</v>
      </c>
      <c r="F264">
        <v>0</v>
      </c>
      <c r="H264" t="s">
        <v>1403</v>
      </c>
      <c r="I264">
        <v>3</v>
      </c>
      <c r="J264" t="s">
        <v>1404</v>
      </c>
      <c r="O264">
        <v>2386226</v>
      </c>
      <c r="P264">
        <v>1</v>
      </c>
      <c r="Q264">
        <v>12</v>
      </c>
      <c r="R264" t="s">
        <v>1405</v>
      </c>
      <c r="S264">
        <v>16836</v>
      </c>
    </row>
    <row r="265" spans="1:19" x14ac:dyDescent="0.25">
      <c r="A265">
        <v>11280881</v>
      </c>
      <c r="B265" t="s">
        <v>1406</v>
      </c>
      <c r="C265" s="1" t="s">
        <v>1407</v>
      </c>
      <c r="D265">
        <v>11281768</v>
      </c>
      <c r="E265">
        <v>1</v>
      </c>
      <c r="F265">
        <v>2</v>
      </c>
      <c r="H265" t="s">
        <v>1408</v>
      </c>
      <c r="J265" t="s">
        <v>1409</v>
      </c>
      <c r="K265" t="s">
        <v>1410</v>
      </c>
      <c r="M265">
        <v>817527</v>
      </c>
      <c r="O265">
        <v>817527</v>
      </c>
      <c r="P265">
        <v>1</v>
      </c>
      <c r="Q265">
        <v>2</v>
      </c>
      <c r="R265" t="s">
        <v>1411</v>
      </c>
      <c r="S265">
        <v>112</v>
      </c>
    </row>
    <row r="266" spans="1:19" x14ac:dyDescent="0.25">
      <c r="A266">
        <v>51539333</v>
      </c>
      <c r="B266" t="s">
        <v>1412</v>
      </c>
      <c r="C266" s="1" t="s">
        <v>1413</v>
      </c>
      <c r="E266">
        <v>0</v>
      </c>
      <c r="F266">
        <v>0</v>
      </c>
      <c r="H266" t="s">
        <v>1414</v>
      </c>
      <c r="J266" t="s">
        <v>1414</v>
      </c>
      <c r="O266">
        <v>2054993</v>
      </c>
      <c r="P266">
        <v>1</v>
      </c>
      <c r="Q266">
        <v>0</v>
      </c>
      <c r="R266" t="s">
        <v>1415</v>
      </c>
      <c r="S266">
        <v>23</v>
      </c>
    </row>
    <row r="267" spans="1:19" x14ac:dyDescent="0.25">
      <c r="A267">
        <v>30244864</v>
      </c>
      <c r="B267" t="s">
        <v>1416</v>
      </c>
      <c r="C267" s="1" t="s">
        <v>1417</v>
      </c>
      <c r="E267">
        <v>0</v>
      </c>
      <c r="F267">
        <v>5</v>
      </c>
      <c r="H267" t="s">
        <v>1418</v>
      </c>
      <c r="J267" t="s">
        <v>1418</v>
      </c>
      <c r="O267">
        <v>653686</v>
      </c>
      <c r="P267">
        <v>1</v>
      </c>
      <c r="Q267">
        <v>0</v>
      </c>
      <c r="R267" t="s">
        <v>1419</v>
      </c>
      <c r="S267">
        <v>295</v>
      </c>
    </row>
    <row r="268" spans="1:19" x14ac:dyDescent="0.25">
      <c r="A268">
        <v>53264692</v>
      </c>
      <c r="B268" t="s">
        <v>1420</v>
      </c>
      <c r="C268" s="1" t="s">
        <v>1421</v>
      </c>
      <c r="E268">
        <v>3</v>
      </c>
      <c r="F268">
        <v>4</v>
      </c>
      <c r="H268" t="s">
        <v>1422</v>
      </c>
      <c r="J268" t="s">
        <v>1423</v>
      </c>
      <c r="K268" t="s">
        <v>1424</v>
      </c>
      <c r="M268">
        <v>754328</v>
      </c>
      <c r="O268">
        <v>754328</v>
      </c>
      <c r="P268">
        <v>1</v>
      </c>
      <c r="Q268">
        <v>0</v>
      </c>
      <c r="R268" t="s">
        <v>1425</v>
      </c>
      <c r="S268">
        <v>76</v>
      </c>
    </row>
    <row r="269" spans="1:19" x14ac:dyDescent="0.25">
      <c r="A269">
        <v>33144601</v>
      </c>
      <c r="B269" t="s">
        <v>1426</v>
      </c>
      <c r="C269" s="1" t="s">
        <v>1427</v>
      </c>
      <c r="E269">
        <v>2</v>
      </c>
      <c r="F269">
        <v>0</v>
      </c>
      <c r="H269" t="s">
        <v>1428</v>
      </c>
      <c r="J269" t="s">
        <v>1429</v>
      </c>
      <c r="O269">
        <v>3415862</v>
      </c>
      <c r="P269">
        <v>1</v>
      </c>
      <c r="Q269">
        <v>0</v>
      </c>
      <c r="R269" t="s">
        <v>1430</v>
      </c>
      <c r="S269">
        <v>259</v>
      </c>
    </row>
    <row r="270" spans="1:19" x14ac:dyDescent="0.25">
      <c r="A270">
        <v>42532560</v>
      </c>
      <c r="B270" t="s">
        <v>1431</v>
      </c>
      <c r="C270" s="1" t="s">
        <v>1432</v>
      </c>
      <c r="E270">
        <v>1</v>
      </c>
      <c r="F270">
        <v>0</v>
      </c>
      <c r="H270" t="s">
        <v>1433</v>
      </c>
      <c r="J270" t="s">
        <v>1434</v>
      </c>
      <c r="K270" t="s">
        <v>1435</v>
      </c>
      <c r="M270">
        <v>7641191</v>
      </c>
      <c r="O270">
        <v>7641191</v>
      </c>
      <c r="P270">
        <v>1</v>
      </c>
      <c r="Q270">
        <v>3</v>
      </c>
      <c r="R270" t="s">
        <v>1436</v>
      </c>
      <c r="S270">
        <v>670</v>
      </c>
    </row>
    <row r="271" spans="1:19" x14ac:dyDescent="0.25">
      <c r="A271">
        <v>38411344</v>
      </c>
      <c r="B271" t="s">
        <v>1437</v>
      </c>
      <c r="C271" s="1" t="s">
        <v>1438</v>
      </c>
      <c r="D271">
        <v>38411962</v>
      </c>
      <c r="E271">
        <v>3</v>
      </c>
      <c r="F271">
        <v>0</v>
      </c>
      <c r="H271" t="s">
        <v>1439</v>
      </c>
      <c r="I271">
        <v>2</v>
      </c>
      <c r="J271" t="s">
        <v>1440</v>
      </c>
      <c r="K271" t="s">
        <v>1440</v>
      </c>
      <c r="M271">
        <v>1137382</v>
      </c>
      <c r="O271">
        <v>2202625</v>
      </c>
      <c r="P271">
        <v>1</v>
      </c>
      <c r="Q271">
        <v>4</v>
      </c>
      <c r="R271" t="s">
        <v>1441</v>
      </c>
      <c r="S271">
        <v>1069</v>
      </c>
    </row>
    <row r="272" spans="1:19" x14ac:dyDescent="0.25">
      <c r="A272">
        <v>41007703</v>
      </c>
      <c r="B272" t="s">
        <v>1442</v>
      </c>
      <c r="C272" s="1" t="s">
        <v>1443</v>
      </c>
      <c r="D272">
        <v>41007732</v>
      </c>
      <c r="E272">
        <v>4</v>
      </c>
      <c r="F272">
        <v>0</v>
      </c>
      <c r="H272" t="s">
        <v>1444</v>
      </c>
      <c r="J272" t="s">
        <v>1445</v>
      </c>
      <c r="O272">
        <v>2935569</v>
      </c>
      <c r="P272">
        <v>1</v>
      </c>
      <c r="Q272">
        <v>2</v>
      </c>
      <c r="R272" t="s">
        <v>1446</v>
      </c>
      <c r="S272">
        <v>42</v>
      </c>
    </row>
    <row r="273" spans="1:19" x14ac:dyDescent="0.25">
      <c r="A273">
        <v>4396075</v>
      </c>
      <c r="B273" t="s">
        <v>1447</v>
      </c>
      <c r="C273" s="1" t="s">
        <v>1448</v>
      </c>
      <c r="D273">
        <v>4396370</v>
      </c>
      <c r="E273">
        <v>3</v>
      </c>
      <c r="F273">
        <v>0</v>
      </c>
      <c r="H273" t="s">
        <v>1449</v>
      </c>
      <c r="I273">
        <v>2</v>
      </c>
      <c r="J273" t="s">
        <v>1450</v>
      </c>
      <c r="K273" t="s">
        <v>1450</v>
      </c>
      <c r="M273">
        <v>608639</v>
      </c>
      <c r="O273">
        <v>478060</v>
      </c>
      <c r="P273">
        <v>1</v>
      </c>
      <c r="Q273">
        <v>8</v>
      </c>
      <c r="R273" t="s">
        <v>1451</v>
      </c>
      <c r="S273">
        <v>13854</v>
      </c>
    </row>
    <row r="274" spans="1:19" x14ac:dyDescent="0.25">
      <c r="A274">
        <v>18176271</v>
      </c>
      <c r="B274" t="s">
        <v>1452</v>
      </c>
      <c r="C274" s="1" t="s">
        <v>1453</v>
      </c>
      <c r="D274">
        <v>18178067</v>
      </c>
      <c r="E274">
        <v>1</v>
      </c>
      <c r="F274">
        <v>8</v>
      </c>
      <c r="H274" t="s">
        <v>1454</v>
      </c>
      <c r="J274" t="s">
        <v>1455</v>
      </c>
      <c r="K274" t="s">
        <v>1455</v>
      </c>
      <c r="M274">
        <v>1288</v>
      </c>
      <c r="O274">
        <v>2462027</v>
      </c>
      <c r="P274">
        <v>1</v>
      </c>
      <c r="Q274">
        <v>-1</v>
      </c>
      <c r="R274" t="s">
        <v>1456</v>
      </c>
      <c r="S274">
        <v>791</v>
      </c>
    </row>
    <row r="275" spans="1:19" x14ac:dyDescent="0.25">
      <c r="A275">
        <v>41209671</v>
      </c>
      <c r="B275" t="s">
        <v>1457</v>
      </c>
      <c r="C275" s="1" t="s">
        <v>1458</v>
      </c>
      <c r="D275">
        <v>41211541</v>
      </c>
      <c r="E275">
        <v>1</v>
      </c>
      <c r="F275">
        <v>1</v>
      </c>
      <c r="H275" t="s">
        <v>1459</v>
      </c>
      <c r="J275" t="s">
        <v>1460</v>
      </c>
      <c r="O275">
        <v>4252135</v>
      </c>
      <c r="P275">
        <v>1</v>
      </c>
      <c r="Q275">
        <v>-1</v>
      </c>
      <c r="R275" t="s">
        <v>1461</v>
      </c>
      <c r="S275">
        <v>134</v>
      </c>
    </row>
    <row r="276" spans="1:19" x14ac:dyDescent="0.25">
      <c r="A276">
        <v>29309517</v>
      </c>
      <c r="B276" t="s">
        <v>1462</v>
      </c>
      <c r="C276" s="1" t="s">
        <v>1463</v>
      </c>
      <c r="D276">
        <v>29309610</v>
      </c>
      <c r="E276">
        <v>1</v>
      </c>
      <c r="F276">
        <v>4</v>
      </c>
      <c r="H276" t="s">
        <v>1464</v>
      </c>
      <c r="J276" t="s">
        <v>1465</v>
      </c>
      <c r="O276">
        <v>3504466</v>
      </c>
      <c r="P276">
        <v>1</v>
      </c>
      <c r="Q276">
        <v>-1</v>
      </c>
      <c r="R276" t="s">
        <v>1466</v>
      </c>
      <c r="S276">
        <v>1215</v>
      </c>
    </row>
    <row r="277" spans="1:19" x14ac:dyDescent="0.25">
      <c r="A277">
        <v>47161540</v>
      </c>
      <c r="B277" t="s">
        <v>1467</v>
      </c>
      <c r="C277" s="1" t="s">
        <v>1468</v>
      </c>
      <c r="E277">
        <v>0</v>
      </c>
      <c r="F277">
        <v>7</v>
      </c>
      <c r="H277" t="s">
        <v>1469</v>
      </c>
      <c r="J277" t="s">
        <v>1469</v>
      </c>
      <c r="O277">
        <v>1098361</v>
      </c>
      <c r="P277">
        <v>1</v>
      </c>
      <c r="Q277">
        <v>0</v>
      </c>
      <c r="R277" t="s">
        <v>1470</v>
      </c>
      <c r="S277">
        <v>96</v>
      </c>
    </row>
    <row r="278" spans="1:19" x14ac:dyDescent="0.25">
      <c r="A278">
        <v>19702994</v>
      </c>
      <c r="B278" t="s">
        <v>1471</v>
      </c>
      <c r="C278" s="1" t="s">
        <v>1472</v>
      </c>
      <c r="D278">
        <v>19703309</v>
      </c>
      <c r="E278">
        <v>1</v>
      </c>
      <c r="F278">
        <v>0</v>
      </c>
      <c r="H278" t="s">
        <v>1473</v>
      </c>
      <c r="J278" t="s">
        <v>1474</v>
      </c>
      <c r="K278" t="s">
        <v>1474</v>
      </c>
      <c r="M278">
        <v>1226963</v>
      </c>
      <c r="O278">
        <v>1997951</v>
      </c>
      <c r="P278">
        <v>1</v>
      </c>
      <c r="Q278">
        <v>0</v>
      </c>
      <c r="R278" t="s">
        <v>1475</v>
      </c>
      <c r="S278">
        <v>500</v>
      </c>
    </row>
    <row r="279" spans="1:19" x14ac:dyDescent="0.25">
      <c r="A279">
        <v>46713707</v>
      </c>
      <c r="B279" t="s">
        <v>1476</v>
      </c>
      <c r="C279" s="1" t="s">
        <v>1477</v>
      </c>
      <c r="E279">
        <v>1</v>
      </c>
      <c r="F279">
        <v>2</v>
      </c>
      <c r="H279" t="s">
        <v>1478</v>
      </c>
      <c r="J279" t="s">
        <v>1479</v>
      </c>
      <c r="O279">
        <v>6099005</v>
      </c>
      <c r="P279">
        <v>1</v>
      </c>
      <c r="Q279">
        <v>2</v>
      </c>
      <c r="R279" t="s">
        <v>1480</v>
      </c>
      <c r="S279">
        <v>241</v>
      </c>
    </row>
    <row r="280" spans="1:19" x14ac:dyDescent="0.25">
      <c r="A280">
        <v>50734727</v>
      </c>
      <c r="B280" t="s">
        <v>1481</v>
      </c>
      <c r="C280" s="1" t="s">
        <v>1482</v>
      </c>
      <c r="D280">
        <v>50747942</v>
      </c>
      <c r="E280">
        <v>2</v>
      </c>
      <c r="F280">
        <v>2</v>
      </c>
      <c r="H280" t="s">
        <v>1483</v>
      </c>
      <c r="I280">
        <v>2</v>
      </c>
      <c r="J280" t="s">
        <v>1484</v>
      </c>
      <c r="K280" t="s">
        <v>1485</v>
      </c>
      <c r="M280">
        <v>8292178</v>
      </c>
      <c r="O280">
        <v>5934971</v>
      </c>
      <c r="P280">
        <v>1</v>
      </c>
      <c r="Q280">
        <v>2</v>
      </c>
      <c r="R280" t="s">
        <v>1486</v>
      </c>
      <c r="S280">
        <v>1278</v>
      </c>
    </row>
    <row r="281" spans="1:19" x14ac:dyDescent="0.25">
      <c r="A281">
        <v>43681630</v>
      </c>
      <c r="B281" t="s">
        <v>1487</v>
      </c>
      <c r="C281" s="1" t="s">
        <v>1488</v>
      </c>
      <c r="E281">
        <v>1</v>
      </c>
      <c r="F281">
        <v>0</v>
      </c>
      <c r="H281" t="s">
        <v>1489</v>
      </c>
      <c r="J281" t="s">
        <v>1490</v>
      </c>
      <c r="K281" t="s">
        <v>1490</v>
      </c>
      <c r="M281">
        <v>13302</v>
      </c>
      <c r="O281">
        <v>7723747</v>
      </c>
      <c r="P281">
        <v>1</v>
      </c>
      <c r="Q281">
        <v>0</v>
      </c>
      <c r="R281" t="s">
        <v>1491</v>
      </c>
      <c r="S281">
        <v>24</v>
      </c>
    </row>
    <row r="282" spans="1:19" x14ac:dyDescent="0.25">
      <c r="A282">
        <v>47578239</v>
      </c>
      <c r="B282" t="s">
        <v>1492</v>
      </c>
      <c r="C282" s="1" t="s">
        <v>1493</v>
      </c>
      <c r="D282">
        <v>47578282</v>
      </c>
      <c r="E282">
        <v>2</v>
      </c>
      <c r="F282">
        <v>0</v>
      </c>
      <c r="H282" t="s">
        <v>1494</v>
      </c>
      <c r="J282" t="s">
        <v>1495</v>
      </c>
      <c r="O282">
        <v>6237912</v>
      </c>
      <c r="P282">
        <v>1</v>
      </c>
      <c r="Q282">
        <v>0</v>
      </c>
      <c r="R282" t="s">
        <v>1496</v>
      </c>
      <c r="S282">
        <v>83</v>
      </c>
    </row>
    <row r="283" spans="1:19" x14ac:dyDescent="0.25">
      <c r="A283">
        <v>34378127</v>
      </c>
      <c r="B283" t="s">
        <v>1497</v>
      </c>
      <c r="C283" s="1" t="s">
        <v>1498</v>
      </c>
      <c r="D283">
        <v>34478661</v>
      </c>
      <c r="E283">
        <v>2</v>
      </c>
      <c r="F283">
        <v>3</v>
      </c>
      <c r="H283" t="s">
        <v>1499</v>
      </c>
      <c r="J283" t="s">
        <v>1500</v>
      </c>
      <c r="K283" t="s">
        <v>1501</v>
      </c>
      <c r="M283">
        <v>4033886</v>
      </c>
      <c r="O283">
        <v>4033886</v>
      </c>
      <c r="P283">
        <v>1</v>
      </c>
      <c r="Q283">
        <v>1</v>
      </c>
      <c r="R283" t="s">
        <v>1502</v>
      </c>
      <c r="S283">
        <v>687</v>
      </c>
    </row>
    <row r="284" spans="1:19" x14ac:dyDescent="0.25">
      <c r="A284">
        <v>18024904</v>
      </c>
      <c r="B284" t="s">
        <v>1503</v>
      </c>
      <c r="C284" s="1" t="s">
        <v>1504</v>
      </c>
      <c r="D284">
        <v>18030372</v>
      </c>
      <c r="E284">
        <v>1</v>
      </c>
      <c r="F284">
        <v>0</v>
      </c>
      <c r="H284" t="s">
        <v>1505</v>
      </c>
      <c r="J284" t="s">
        <v>1506</v>
      </c>
      <c r="O284">
        <v>821705</v>
      </c>
      <c r="P284">
        <v>1</v>
      </c>
      <c r="Q284">
        <v>1</v>
      </c>
      <c r="R284" t="s">
        <v>1507</v>
      </c>
      <c r="S284">
        <v>126</v>
      </c>
    </row>
    <row r="285" spans="1:19" x14ac:dyDescent="0.25">
      <c r="A285">
        <v>53304528</v>
      </c>
      <c r="B285" t="s">
        <v>1508</v>
      </c>
      <c r="C285" s="1" t="s">
        <v>1509</v>
      </c>
      <c r="D285">
        <v>53306915</v>
      </c>
      <c r="E285">
        <v>3</v>
      </c>
      <c r="F285">
        <v>0</v>
      </c>
      <c r="H285" t="s">
        <v>1510</v>
      </c>
      <c r="J285" t="s">
        <v>1511</v>
      </c>
      <c r="K285" t="s">
        <v>1512</v>
      </c>
      <c r="M285">
        <v>1695329</v>
      </c>
      <c r="O285">
        <v>1695329</v>
      </c>
      <c r="P285">
        <v>1</v>
      </c>
      <c r="Q285">
        <v>1</v>
      </c>
      <c r="R285" t="s">
        <v>1513</v>
      </c>
      <c r="S285">
        <v>57</v>
      </c>
    </row>
    <row r="286" spans="1:19" x14ac:dyDescent="0.25">
      <c r="A286">
        <v>39549605</v>
      </c>
      <c r="B286" t="s">
        <v>1514</v>
      </c>
      <c r="C286" t="s">
        <v>1515</v>
      </c>
      <c r="E286">
        <v>0</v>
      </c>
      <c r="F286">
        <v>1</v>
      </c>
      <c r="H286" t="s">
        <v>1516</v>
      </c>
      <c r="J286" t="s">
        <v>1517</v>
      </c>
      <c r="O286">
        <v>6843338</v>
      </c>
      <c r="P286">
        <v>1</v>
      </c>
      <c r="Q286">
        <v>1</v>
      </c>
      <c r="R286" t="s">
        <v>1518</v>
      </c>
      <c r="S286">
        <v>76</v>
      </c>
    </row>
    <row r="287" spans="1:19" x14ac:dyDescent="0.25">
      <c r="A287">
        <v>40672258</v>
      </c>
      <c r="B287" t="s">
        <v>1519</v>
      </c>
      <c r="C287" s="1" t="s">
        <v>1520</v>
      </c>
      <c r="D287">
        <v>40673028</v>
      </c>
      <c r="E287">
        <v>1</v>
      </c>
      <c r="F287">
        <v>3</v>
      </c>
      <c r="H287" t="s">
        <v>1521</v>
      </c>
      <c r="J287" t="s">
        <v>1522</v>
      </c>
      <c r="K287" t="s">
        <v>1523</v>
      </c>
      <c r="M287">
        <v>4929646</v>
      </c>
      <c r="O287">
        <v>6200690</v>
      </c>
      <c r="P287">
        <v>1</v>
      </c>
      <c r="Q287">
        <v>-2</v>
      </c>
      <c r="R287" t="s">
        <v>1524</v>
      </c>
      <c r="S287">
        <v>148</v>
      </c>
    </row>
    <row r="288" spans="1:19" x14ac:dyDescent="0.25">
      <c r="A288">
        <v>43400557</v>
      </c>
      <c r="B288" t="s">
        <v>1525</v>
      </c>
      <c r="C288" s="1" t="s">
        <v>1526</v>
      </c>
      <c r="E288">
        <v>1</v>
      </c>
      <c r="F288">
        <v>5</v>
      </c>
      <c r="H288" t="s">
        <v>1527</v>
      </c>
      <c r="J288" t="s">
        <v>1528</v>
      </c>
      <c r="O288">
        <v>691</v>
      </c>
      <c r="P288">
        <v>1</v>
      </c>
      <c r="Q288">
        <v>3</v>
      </c>
      <c r="R288" t="s">
        <v>1529</v>
      </c>
      <c r="S288">
        <v>542</v>
      </c>
    </row>
    <row r="289" spans="1:19" x14ac:dyDescent="0.25">
      <c r="A289">
        <v>30062</v>
      </c>
      <c r="B289" t="s">
        <v>1530</v>
      </c>
      <c r="C289" s="1" t="s">
        <v>1531</v>
      </c>
      <c r="D289">
        <v>30072</v>
      </c>
      <c r="E289">
        <v>8</v>
      </c>
      <c r="F289">
        <v>1</v>
      </c>
      <c r="H289" t="s">
        <v>1532</v>
      </c>
      <c r="I289">
        <v>33</v>
      </c>
      <c r="J289" t="s">
        <v>1533</v>
      </c>
      <c r="K289" t="s">
        <v>1534</v>
      </c>
      <c r="M289">
        <v>3989608</v>
      </c>
      <c r="N289" t="s">
        <v>1535</v>
      </c>
      <c r="O289">
        <v>1694</v>
      </c>
      <c r="P289">
        <v>1</v>
      </c>
      <c r="Q289">
        <v>142</v>
      </c>
      <c r="R289" t="s">
        <v>1536</v>
      </c>
      <c r="S289">
        <v>193804</v>
      </c>
    </row>
    <row r="290" spans="1:19" x14ac:dyDescent="0.25">
      <c r="A290">
        <v>29942347</v>
      </c>
      <c r="B290" t="s">
        <v>1537</v>
      </c>
      <c r="C290" s="1" t="s">
        <v>1538</v>
      </c>
      <c r="E290">
        <v>1</v>
      </c>
      <c r="F290">
        <v>1</v>
      </c>
      <c r="H290" t="s">
        <v>1539</v>
      </c>
      <c r="J290" t="s">
        <v>1540</v>
      </c>
      <c r="K290" t="s">
        <v>1541</v>
      </c>
      <c r="M290">
        <v>4783772</v>
      </c>
      <c r="O290">
        <v>4783772</v>
      </c>
      <c r="P290">
        <v>1</v>
      </c>
      <c r="Q290">
        <v>0</v>
      </c>
      <c r="R290" t="s">
        <v>1542</v>
      </c>
      <c r="S290">
        <v>205</v>
      </c>
    </row>
    <row r="291" spans="1:19" x14ac:dyDescent="0.25">
      <c r="A291">
        <v>26812863</v>
      </c>
      <c r="B291" t="s">
        <v>1543</v>
      </c>
      <c r="C291" s="1" t="s">
        <v>1544</v>
      </c>
      <c r="D291">
        <v>27899826</v>
      </c>
      <c r="E291">
        <v>5</v>
      </c>
      <c r="F291">
        <v>4</v>
      </c>
      <c r="H291" t="s">
        <v>1545</v>
      </c>
      <c r="I291">
        <v>2</v>
      </c>
      <c r="J291" t="s">
        <v>1546</v>
      </c>
      <c r="O291">
        <v>2464556</v>
      </c>
      <c r="P291">
        <v>1</v>
      </c>
      <c r="Q291">
        <v>19</v>
      </c>
      <c r="R291" t="s">
        <v>1547</v>
      </c>
      <c r="S291">
        <v>8421</v>
      </c>
    </row>
    <row r="292" spans="1:19" x14ac:dyDescent="0.25">
      <c r="A292">
        <v>10267373</v>
      </c>
      <c r="B292" t="s">
        <v>1548</v>
      </c>
      <c r="C292" s="1" t="s">
        <v>1549</v>
      </c>
      <c r="D292">
        <v>10267410</v>
      </c>
      <c r="E292">
        <v>1</v>
      </c>
      <c r="F292">
        <v>0</v>
      </c>
      <c r="H292" t="s">
        <v>1550</v>
      </c>
      <c r="J292" t="s">
        <v>1551</v>
      </c>
      <c r="O292">
        <v>1110365</v>
      </c>
      <c r="P292">
        <v>1</v>
      </c>
      <c r="Q292">
        <v>0</v>
      </c>
      <c r="R292" t="s">
        <v>1552</v>
      </c>
      <c r="S292">
        <v>100</v>
      </c>
    </row>
    <row r="293" spans="1:19" x14ac:dyDescent="0.25">
      <c r="A293">
        <v>23203519</v>
      </c>
      <c r="B293" t="s">
        <v>1553</v>
      </c>
      <c r="C293" s="1" t="s">
        <v>1554</v>
      </c>
      <c r="E293">
        <v>0</v>
      </c>
      <c r="F293">
        <v>2</v>
      </c>
      <c r="H293" t="s">
        <v>1555</v>
      </c>
      <c r="J293" t="s">
        <v>1556</v>
      </c>
      <c r="K293" t="s">
        <v>1556</v>
      </c>
      <c r="M293">
        <v>3366290</v>
      </c>
      <c r="O293">
        <v>3366290</v>
      </c>
      <c r="P293">
        <v>1</v>
      </c>
      <c r="Q293">
        <v>0</v>
      </c>
      <c r="R293" t="s">
        <v>1557</v>
      </c>
      <c r="S293">
        <v>80</v>
      </c>
    </row>
    <row r="294" spans="1:19" x14ac:dyDescent="0.25">
      <c r="A294">
        <v>26474826</v>
      </c>
      <c r="B294" t="s">
        <v>1558</v>
      </c>
      <c r="C294" s="1" t="s">
        <v>1559</v>
      </c>
      <c r="E294">
        <v>1</v>
      </c>
      <c r="F294">
        <v>0</v>
      </c>
      <c r="H294" t="s">
        <v>1560</v>
      </c>
      <c r="J294" t="s">
        <v>1561</v>
      </c>
      <c r="K294" t="s">
        <v>1561</v>
      </c>
      <c r="M294">
        <v>1276306</v>
      </c>
      <c r="O294">
        <v>1276306</v>
      </c>
      <c r="P294">
        <v>1</v>
      </c>
      <c r="Q294">
        <v>1</v>
      </c>
      <c r="R294" t="s">
        <v>1562</v>
      </c>
      <c r="S294">
        <v>59</v>
      </c>
    </row>
    <row r="295" spans="1:19" x14ac:dyDescent="0.25">
      <c r="A295">
        <v>41970686</v>
      </c>
      <c r="B295" t="s">
        <v>1563</v>
      </c>
      <c r="C295" s="1" t="s">
        <v>1564</v>
      </c>
      <c r="E295">
        <v>1</v>
      </c>
      <c r="F295">
        <v>3</v>
      </c>
      <c r="H295" t="s">
        <v>1565</v>
      </c>
      <c r="J295" t="s">
        <v>1566</v>
      </c>
      <c r="K295" t="s">
        <v>1567</v>
      </c>
      <c r="M295">
        <v>3857024</v>
      </c>
      <c r="O295">
        <v>3857024</v>
      </c>
      <c r="P295">
        <v>1</v>
      </c>
      <c r="Q295">
        <v>0</v>
      </c>
      <c r="R295" t="s">
        <v>1568</v>
      </c>
      <c r="S295">
        <v>88</v>
      </c>
    </row>
    <row r="296" spans="1:19" x14ac:dyDescent="0.25">
      <c r="A296">
        <v>2214584</v>
      </c>
      <c r="B296" t="s">
        <v>1569</v>
      </c>
      <c r="C296" s="1" t="s">
        <v>1570</v>
      </c>
      <c r="D296">
        <v>2217291</v>
      </c>
      <c r="E296">
        <v>1</v>
      </c>
      <c r="F296">
        <v>0</v>
      </c>
      <c r="H296" t="s">
        <v>1571</v>
      </c>
      <c r="J296" t="s">
        <v>1572</v>
      </c>
      <c r="O296">
        <v>221406</v>
      </c>
      <c r="P296">
        <v>1</v>
      </c>
      <c r="Q296">
        <v>0</v>
      </c>
      <c r="R296" t="s">
        <v>1573</v>
      </c>
      <c r="S296">
        <v>338</v>
      </c>
    </row>
    <row r="297" spans="1:19" x14ac:dyDescent="0.25">
      <c r="A297">
        <v>3912051</v>
      </c>
      <c r="B297" t="s">
        <v>1574</v>
      </c>
      <c r="C297" s="1" t="s">
        <v>1575</v>
      </c>
      <c r="D297">
        <v>4048921</v>
      </c>
      <c r="E297">
        <v>1</v>
      </c>
      <c r="F297">
        <v>0</v>
      </c>
      <c r="H297" t="s">
        <v>1576</v>
      </c>
      <c r="J297" t="s">
        <v>1577</v>
      </c>
      <c r="K297" t="s">
        <v>1577</v>
      </c>
      <c r="M297">
        <v>597607</v>
      </c>
      <c r="O297">
        <v>385900</v>
      </c>
      <c r="P297">
        <v>1</v>
      </c>
      <c r="Q297">
        <v>-1</v>
      </c>
      <c r="R297" t="s">
        <v>1578</v>
      </c>
      <c r="S297">
        <v>632</v>
      </c>
    </row>
    <row r="298" spans="1:19" x14ac:dyDescent="0.25">
      <c r="A298">
        <v>34759113</v>
      </c>
      <c r="B298" t="s">
        <v>1579</v>
      </c>
      <c r="C298" s="1" t="s">
        <v>1580</v>
      </c>
      <c r="D298">
        <v>34761091</v>
      </c>
      <c r="E298">
        <v>2</v>
      </c>
      <c r="F298">
        <v>13</v>
      </c>
      <c r="H298" t="s">
        <v>1581</v>
      </c>
      <c r="J298" t="s">
        <v>1582</v>
      </c>
      <c r="O298">
        <v>4524443</v>
      </c>
      <c r="P298">
        <v>1</v>
      </c>
      <c r="Q298">
        <v>0</v>
      </c>
      <c r="R298" t="s">
        <v>1583</v>
      </c>
      <c r="S298">
        <v>64</v>
      </c>
    </row>
    <row r="299" spans="1:19" x14ac:dyDescent="0.25">
      <c r="A299">
        <v>29294789</v>
      </c>
      <c r="B299" t="s">
        <v>1584</v>
      </c>
      <c r="C299" s="1" t="s">
        <v>1585</v>
      </c>
      <c r="D299">
        <v>29295451</v>
      </c>
      <c r="E299">
        <v>1</v>
      </c>
      <c r="F299">
        <v>3</v>
      </c>
      <c r="H299" t="s">
        <v>1586</v>
      </c>
      <c r="J299" t="s">
        <v>1587</v>
      </c>
      <c r="O299">
        <v>3627369</v>
      </c>
      <c r="P299">
        <v>1</v>
      </c>
      <c r="Q299">
        <v>0</v>
      </c>
      <c r="R299" t="s">
        <v>1588</v>
      </c>
      <c r="S299">
        <v>165</v>
      </c>
    </row>
    <row r="300" spans="1:19" x14ac:dyDescent="0.25">
      <c r="A300">
        <v>52782186</v>
      </c>
      <c r="B300" t="s">
        <v>1589</v>
      </c>
      <c r="C300" s="1" t="s">
        <v>1590</v>
      </c>
      <c r="E300">
        <v>1</v>
      </c>
      <c r="F300">
        <v>1</v>
      </c>
      <c r="H300" t="s">
        <v>1591</v>
      </c>
      <c r="J300" t="s">
        <v>1592</v>
      </c>
      <c r="K300" t="s">
        <v>1592</v>
      </c>
      <c r="M300">
        <v>4700863</v>
      </c>
      <c r="O300">
        <v>8156331</v>
      </c>
      <c r="P300">
        <v>1</v>
      </c>
      <c r="Q300">
        <v>-1</v>
      </c>
      <c r="R300" t="s">
        <v>1593</v>
      </c>
      <c r="S300">
        <v>44</v>
      </c>
    </row>
    <row r="301" spans="1:19" x14ac:dyDescent="0.25">
      <c r="A301">
        <v>52834100</v>
      </c>
      <c r="B301" t="s">
        <v>1594</v>
      </c>
      <c r="C301" t="s">
        <v>1595</v>
      </c>
      <c r="E301">
        <v>1</v>
      </c>
      <c r="F301">
        <v>0</v>
      </c>
      <c r="H301" t="s">
        <v>1596</v>
      </c>
      <c r="J301" t="s">
        <v>1597</v>
      </c>
      <c r="O301">
        <v>9020635</v>
      </c>
      <c r="P301">
        <v>1</v>
      </c>
      <c r="Q301">
        <v>0</v>
      </c>
      <c r="R301" t="s">
        <v>1598</v>
      </c>
      <c r="S301">
        <v>36</v>
      </c>
    </row>
    <row r="302" spans="1:19" x14ac:dyDescent="0.25">
      <c r="A302">
        <v>11090767</v>
      </c>
      <c r="B302" t="s">
        <v>1599</v>
      </c>
      <c r="C302" s="1" t="s">
        <v>1600</v>
      </c>
      <c r="D302">
        <v>11091686</v>
      </c>
      <c r="E302">
        <v>2</v>
      </c>
      <c r="F302">
        <v>2</v>
      </c>
      <c r="H302" t="s">
        <v>1601</v>
      </c>
      <c r="J302" t="s">
        <v>1602</v>
      </c>
      <c r="K302" t="s">
        <v>1603</v>
      </c>
      <c r="M302">
        <v>-1</v>
      </c>
      <c r="O302">
        <v>324516</v>
      </c>
      <c r="P302">
        <v>1</v>
      </c>
      <c r="Q302">
        <v>4</v>
      </c>
      <c r="R302" t="s">
        <v>1604</v>
      </c>
      <c r="S302">
        <v>2681</v>
      </c>
    </row>
    <row r="303" spans="1:19" x14ac:dyDescent="0.25">
      <c r="A303">
        <v>49530254</v>
      </c>
      <c r="B303" t="s">
        <v>1605</v>
      </c>
      <c r="C303" s="1" t="s">
        <v>1606</v>
      </c>
      <c r="E303">
        <v>1</v>
      </c>
      <c r="F303">
        <v>1</v>
      </c>
      <c r="H303" t="s">
        <v>1607</v>
      </c>
      <c r="J303" t="s">
        <v>1608</v>
      </c>
      <c r="O303">
        <v>5948260</v>
      </c>
      <c r="P303">
        <v>1</v>
      </c>
      <c r="Q303">
        <v>0</v>
      </c>
      <c r="R303" t="s">
        <v>1609</v>
      </c>
      <c r="S303">
        <v>68</v>
      </c>
    </row>
    <row r="304" spans="1:19" x14ac:dyDescent="0.25">
      <c r="A304">
        <v>50272480</v>
      </c>
      <c r="B304" t="s">
        <v>1610</v>
      </c>
      <c r="C304" s="1" t="s">
        <v>1611</v>
      </c>
      <c r="E304">
        <v>1</v>
      </c>
      <c r="F304">
        <v>0</v>
      </c>
      <c r="H304" t="s">
        <v>1612</v>
      </c>
      <c r="J304" t="s">
        <v>1613</v>
      </c>
      <c r="O304">
        <v>4772947</v>
      </c>
      <c r="P304">
        <v>1</v>
      </c>
      <c r="Q304">
        <v>1</v>
      </c>
      <c r="R304" t="s">
        <v>1614</v>
      </c>
      <c r="S304">
        <v>22</v>
      </c>
    </row>
    <row r="305" spans="1:19" x14ac:dyDescent="0.25">
      <c r="A305">
        <v>19892744</v>
      </c>
      <c r="B305" t="s">
        <v>1615</v>
      </c>
      <c r="C305" s="1" t="s">
        <v>1616</v>
      </c>
      <c r="E305">
        <v>0</v>
      </c>
      <c r="F305">
        <v>6</v>
      </c>
      <c r="H305" t="s">
        <v>1617</v>
      </c>
      <c r="J305" t="s">
        <v>1618</v>
      </c>
      <c r="K305" t="s">
        <v>1618</v>
      </c>
      <c r="M305">
        <v>63743</v>
      </c>
      <c r="O305">
        <v>2976674</v>
      </c>
      <c r="P305">
        <v>1</v>
      </c>
      <c r="Q305">
        <v>1</v>
      </c>
      <c r="R305" t="s">
        <v>1619</v>
      </c>
      <c r="S305">
        <v>298</v>
      </c>
    </row>
    <row r="306" spans="1:19" x14ac:dyDescent="0.25">
      <c r="A306">
        <v>21987529</v>
      </c>
      <c r="B306" t="s">
        <v>1620</v>
      </c>
      <c r="C306" s="1" t="s">
        <v>1621</v>
      </c>
      <c r="D306">
        <v>21987546</v>
      </c>
      <c r="E306">
        <v>2</v>
      </c>
      <c r="F306">
        <v>2</v>
      </c>
      <c r="H306" t="s">
        <v>1622</v>
      </c>
      <c r="J306" t="s">
        <v>1623</v>
      </c>
      <c r="K306" t="s">
        <v>1624</v>
      </c>
      <c r="M306">
        <v>575527</v>
      </c>
      <c r="O306">
        <v>1773265</v>
      </c>
      <c r="P306">
        <v>1</v>
      </c>
      <c r="Q306">
        <v>0</v>
      </c>
      <c r="R306" t="s">
        <v>989</v>
      </c>
      <c r="S306">
        <v>78</v>
      </c>
    </row>
    <row r="307" spans="1:19" x14ac:dyDescent="0.25">
      <c r="A307">
        <v>8864315</v>
      </c>
      <c r="B307" t="s">
        <v>1625</v>
      </c>
      <c r="C307" s="1" t="s">
        <v>1626</v>
      </c>
      <c r="E307">
        <v>3</v>
      </c>
      <c r="F307">
        <v>7</v>
      </c>
      <c r="H307" t="s">
        <v>1627</v>
      </c>
      <c r="I307">
        <v>2</v>
      </c>
      <c r="J307" t="s">
        <v>1628</v>
      </c>
      <c r="K307" t="s">
        <v>1629</v>
      </c>
      <c r="M307">
        <v>336158</v>
      </c>
      <c r="O307">
        <v>336158</v>
      </c>
      <c r="P307">
        <v>1</v>
      </c>
      <c r="Q307">
        <v>6</v>
      </c>
      <c r="R307" t="s">
        <v>1630</v>
      </c>
      <c r="S307">
        <v>1958</v>
      </c>
    </row>
    <row r="308" spans="1:19" x14ac:dyDescent="0.25">
      <c r="A308">
        <v>26165855</v>
      </c>
      <c r="B308" t="s">
        <v>1631</v>
      </c>
      <c r="C308" s="1" t="s">
        <v>1632</v>
      </c>
      <c r="D308">
        <v>26167460</v>
      </c>
      <c r="E308">
        <v>2</v>
      </c>
      <c r="F308">
        <v>2</v>
      </c>
      <c r="H308" t="s">
        <v>1633</v>
      </c>
      <c r="J308" t="s">
        <v>1634</v>
      </c>
      <c r="K308" t="s">
        <v>1634</v>
      </c>
      <c r="M308">
        <v>3356612</v>
      </c>
      <c r="O308">
        <v>1831811</v>
      </c>
      <c r="P308">
        <v>1</v>
      </c>
      <c r="Q308">
        <v>1</v>
      </c>
      <c r="R308" t="s">
        <v>1635</v>
      </c>
      <c r="S308">
        <v>376</v>
      </c>
    </row>
    <row r="309" spans="1:19" x14ac:dyDescent="0.25">
      <c r="A309">
        <v>13163309</v>
      </c>
      <c r="B309" t="s">
        <v>1636</v>
      </c>
      <c r="C309" s="1" t="s">
        <v>1637</v>
      </c>
      <c r="D309">
        <v>13163804</v>
      </c>
      <c r="E309">
        <v>1</v>
      </c>
      <c r="F309">
        <v>0</v>
      </c>
      <c r="H309" t="s">
        <v>1638</v>
      </c>
      <c r="J309" t="s">
        <v>1639</v>
      </c>
      <c r="O309">
        <v>1709539</v>
      </c>
      <c r="P309">
        <v>1</v>
      </c>
      <c r="Q309">
        <v>0</v>
      </c>
      <c r="R309" t="s">
        <v>1640</v>
      </c>
      <c r="S309">
        <v>272</v>
      </c>
    </row>
    <row r="310" spans="1:19" x14ac:dyDescent="0.25">
      <c r="A310">
        <v>2208885</v>
      </c>
      <c r="B310" t="s">
        <v>1641</v>
      </c>
      <c r="C310" s="1" t="s">
        <v>1642</v>
      </c>
      <c r="D310">
        <v>2209090</v>
      </c>
      <c r="E310">
        <v>1</v>
      </c>
      <c r="F310">
        <v>0</v>
      </c>
      <c r="H310" t="s">
        <v>1643</v>
      </c>
      <c r="J310" t="s">
        <v>1644</v>
      </c>
      <c r="O310">
        <v>57883</v>
      </c>
      <c r="P310">
        <v>1</v>
      </c>
      <c r="Q310">
        <v>2</v>
      </c>
      <c r="R310" t="s">
        <v>1645</v>
      </c>
      <c r="S310">
        <v>419</v>
      </c>
    </row>
    <row r="311" spans="1:19" x14ac:dyDescent="0.25">
      <c r="A311">
        <v>35479471</v>
      </c>
      <c r="B311" t="s">
        <v>1646</v>
      </c>
      <c r="C311" s="1" t="s">
        <v>1647</v>
      </c>
      <c r="D311">
        <v>35479510</v>
      </c>
      <c r="E311">
        <v>2</v>
      </c>
      <c r="F311">
        <v>0</v>
      </c>
      <c r="H311" t="s">
        <v>1648</v>
      </c>
      <c r="J311" t="s">
        <v>1649</v>
      </c>
      <c r="O311">
        <v>1939961</v>
      </c>
      <c r="P311">
        <v>1</v>
      </c>
      <c r="Q311">
        <v>1</v>
      </c>
      <c r="R311" t="s">
        <v>1650</v>
      </c>
      <c r="S311">
        <v>581</v>
      </c>
    </row>
    <row r="312" spans="1:19" x14ac:dyDescent="0.25">
      <c r="A312">
        <v>49536243</v>
      </c>
      <c r="B312" t="s">
        <v>1651</v>
      </c>
      <c r="C312" s="1" t="s">
        <v>1652</v>
      </c>
      <c r="E312">
        <v>1</v>
      </c>
      <c r="F312">
        <v>0</v>
      </c>
      <c r="H312" t="s">
        <v>1653</v>
      </c>
      <c r="J312" t="s">
        <v>1654</v>
      </c>
      <c r="O312">
        <v>4911747</v>
      </c>
      <c r="P312">
        <v>1</v>
      </c>
      <c r="Q312">
        <v>0</v>
      </c>
      <c r="R312" t="s">
        <v>1655</v>
      </c>
      <c r="S312">
        <v>29</v>
      </c>
    </row>
    <row r="313" spans="1:19" x14ac:dyDescent="0.25">
      <c r="A313">
        <v>36661117</v>
      </c>
      <c r="B313" t="s">
        <v>1656</v>
      </c>
      <c r="C313" s="1" t="s">
        <v>1657</v>
      </c>
      <c r="D313">
        <v>36690026</v>
      </c>
      <c r="E313">
        <v>2</v>
      </c>
      <c r="F313">
        <v>2</v>
      </c>
      <c r="H313" t="s">
        <v>1658</v>
      </c>
      <c r="J313" t="s">
        <v>1659</v>
      </c>
      <c r="O313">
        <v>1717735</v>
      </c>
      <c r="P313">
        <v>1</v>
      </c>
      <c r="Q313">
        <v>1</v>
      </c>
      <c r="R313" t="s">
        <v>1660</v>
      </c>
      <c r="S313">
        <v>1111</v>
      </c>
    </row>
    <row r="314" spans="1:19" x14ac:dyDescent="0.25">
      <c r="A314">
        <v>19443247</v>
      </c>
      <c r="B314" t="s">
        <v>1661</v>
      </c>
      <c r="C314" s="1" t="s">
        <v>1662</v>
      </c>
      <c r="E314">
        <v>3</v>
      </c>
      <c r="F314">
        <v>1</v>
      </c>
      <c r="H314" t="s">
        <v>1663</v>
      </c>
      <c r="J314" t="s">
        <v>1664</v>
      </c>
      <c r="O314">
        <v>2772174</v>
      </c>
      <c r="P314">
        <v>1</v>
      </c>
      <c r="Q314">
        <v>-1</v>
      </c>
      <c r="R314" t="s">
        <v>1665</v>
      </c>
      <c r="S314">
        <v>1116</v>
      </c>
    </row>
    <row r="315" spans="1:19" x14ac:dyDescent="0.25">
      <c r="A315">
        <v>4567227</v>
      </c>
      <c r="B315" t="s">
        <v>1666</v>
      </c>
      <c r="C315" s="1" t="s">
        <v>1667</v>
      </c>
      <c r="E315">
        <v>2</v>
      </c>
      <c r="F315">
        <v>1</v>
      </c>
      <c r="H315" t="s">
        <v>1668</v>
      </c>
      <c r="J315" t="s">
        <v>1669</v>
      </c>
      <c r="K315" t="s">
        <v>1669</v>
      </c>
      <c r="M315">
        <v>25847</v>
      </c>
      <c r="O315">
        <v>25847</v>
      </c>
      <c r="P315">
        <v>1</v>
      </c>
      <c r="Q315">
        <v>0</v>
      </c>
      <c r="R315" t="s">
        <v>1670</v>
      </c>
      <c r="S315">
        <v>1332</v>
      </c>
    </row>
    <row r="316" spans="1:19" x14ac:dyDescent="0.25">
      <c r="A316">
        <v>33448333</v>
      </c>
      <c r="B316" t="s">
        <v>1671</v>
      </c>
      <c r="C316" s="1" t="s">
        <v>1672</v>
      </c>
      <c r="D316">
        <v>33448365</v>
      </c>
      <c r="E316">
        <v>1</v>
      </c>
      <c r="F316">
        <v>0</v>
      </c>
      <c r="H316" t="s">
        <v>1673</v>
      </c>
      <c r="J316" t="s">
        <v>1674</v>
      </c>
      <c r="O316">
        <v>2775042</v>
      </c>
      <c r="P316">
        <v>1</v>
      </c>
      <c r="Q316">
        <v>0</v>
      </c>
      <c r="R316" t="s">
        <v>1675</v>
      </c>
      <c r="S316">
        <v>27</v>
      </c>
    </row>
    <row r="317" spans="1:19" x14ac:dyDescent="0.25">
      <c r="A317">
        <v>24045924</v>
      </c>
      <c r="B317" t="s">
        <v>1676</v>
      </c>
      <c r="C317" s="1" t="s">
        <v>1677</v>
      </c>
      <c r="D317">
        <v>24046169</v>
      </c>
      <c r="E317">
        <v>2</v>
      </c>
      <c r="F317">
        <v>2</v>
      </c>
      <c r="H317" t="s">
        <v>1678</v>
      </c>
      <c r="J317" t="s">
        <v>1679</v>
      </c>
      <c r="K317" t="s">
        <v>1680</v>
      </c>
      <c r="M317">
        <v>201863</v>
      </c>
      <c r="O317">
        <v>3316946</v>
      </c>
      <c r="P317">
        <v>1</v>
      </c>
      <c r="Q317">
        <v>2</v>
      </c>
      <c r="R317" t="s">
        <v>1681</v>
      </c>
      <c r="S317">
        <v>1395</v>
      </c>
    </row>
    <row r="318" spans="1:19" x14ac:dyDescent="0.25">
      <c r="A318">
        <v>46925711</v>
      </c>
      <c r="B318" t="s">
        <v>1682</v>
      </c>
      <c r="C318" s="1" t="s">
        <v>1683</v>
      </c>
      <c r="E318">
        <v>1</v>
      </c>
      <c r="F318">
        <v>1</v>
      </c>
      <c r="H318" t="s">
        <v>1684</v>
      </c>
      <c r="J318" t="s">
        <v>1685</v>
      </c>
      <c r="K318" t="s">
        <v>1685</v>
      </c>
      <c r="M318">
        <v>1630171</v>
      </c>
      <c r="O318">
        <v>8199403</v>
      </c>
      <c r="P318">
        <v>1</v>
      </c>
      <c r="Q318">
        <v>-2</v>
      </c>
      <c r="R318" t="s">
        <v>1686</v>
      </c>
      <c r="S318">
        <v>130</v>
      </c>
    </row>
    <row r="319" spans="1:19" x14ac:dyDescent="0.25">
      <c r="A319">
        <v>6972557</v>
      </c>
      <c r="B319" t="s">
        <v>1687</v>
      </c>
      <c r="C319" s="1" t="s">
        <v>1688</v>
      </c>
      <c r="D319">
        <v>6972646</v>
      </c>
      <c r="E319">
        <v>2</v>
      </c>
      <c r="F319">
        <v>5</v>
      </c>
      <c r="H319" t="s">
        <v>1689</v>
      </c>
      <c r="J319" t="s">
        <v>1690</v>
      </c>
      <c r="K319" t="s">
        <v>1691</v>
      </c>
      <c r="M319">
        <v>538551</v>
      </c>
      <c r="O319">
        <v>864509</v>
      </c>
      <c r="P319">
        <v>1</v>
      </c>
      <c r="Q319">
        <v>0</v>
      </c>
      <c r="R319" t="s">
        <v>1692</v>
      </c>
      <c r="S319">
        <v>2804</v>
      </c>
    </row>
    <row r="320" spans="1:19" x14ac:dyDescent="0.25">
      <c r="A320">
        <v>52936214</v>
      </c>
      <c r="B320" t="s">
        <v>1693</v>
      </c>
      <c r="C320" s="1" t="s">
        <v>1694</v>
      </c>
      <c r="E320">
        <v>1</v>
      </c>
      <c r="F320">
        <v>4</v>
      </c>
      <c r="H320" t="s">
        <v>1695</v>
      </c>
      <c r="J320" t="s">
        <v>1696</v>
      </c>
      <c r="O320">
        <v>10530321</v>
      </c>
      <c r="P320">
        <v>1</v>
      </c>
      <c r="Q320">
        <v>0</v>
      </c>
      <c r="R320" t="s">
        <v>1697</v>
      </c>
      <c r="S320">
        <v>12</v>
      </c>
    </row>
    <row r="321" spans="1:19" x14ac:dyDescent="0.25">
      <c r="A321">
        <v>46331333</v>
      </c>
      <c r="B321" t="s">
        <v>1698</v>
      </c>
      <c r="C321" s="1" t="s">
        <v>1699</v>
      </c>
      <c r="D321">
        <v>46332782</v>
      </c>
      <c r="E321">
        <v>1</v>
      </c>
      <c r="F321">
        <v>7</v>
      </c>
      <c r="H321" t="s">
        <v>1700</v>
      </c>
      <c r="J321" t="s">
        <v>1701</v>
      </c>
      <c r="K321" t="s">
        <v>1702</v>
      </c>
      <c r="M321">
        <v>1007939</v>
      </c>
      <c r="O321">
        <v>8217236</v>
      </c>
      <c r="P321">
        <v>1</v>
      </c>
      <c r="Q321">
        <v>-1</v>
      </c>
      <c r="R321" t="s">
        <v>1703</v>
      </c>
      <c r="S321">
        <v>46</v>
      </c>
    </row>
    <row r="322" spans="1:19" x14ac:dyDescent="0.25">
      <c r="A322">
        <v>42100168</v>
      </c>
      <c r="B322" t="s">
        <v>1704</v>
      </c>
      <c r="C322" t="s">
        <v>1705</v>
      </c>
      <c r="D322">
        <v>42100400</v>
      </c>
      <c r="E322">
        <v>1</v>
      </c>
      <c r="F322">
        <v>3</v>
      </c>
      <c r="H322" t="s">
        <v>1706</v>
      </c>
      <c r="J322" t="s">
        <v>1707</v>
      </c>
      <c r="K322" t="s">
        <v>1708</v>
      </c>
      <c r="M322">
        <v>-1</v>
      </c>
      <c r="O322">
        <v>1300214</v>
      </c>
      <c r="P322">
        <v>1</v>
      </c>
      <c r="Q322">
        <v>0</v>
      </c>
      <c r="R322" t="s">
        <v>1709</v>
      </c>
      <c r="S322">
        <v>57</v>
      </c>
    </row>
    <row r="323" spans="1:19" x14ac:dyDescent="0.25">
      <c r="A323">
        <v>20202831</v>
      </c>
      <c r="B323" t="s">
        <v>1710</v>
      </c>
      <c r="C323" s="1" t="s">
        <v>1711</v>
      </c>
      <c r="E323">
        <v>1</v>
      </c>
      <c r="F323">
        <v>0</v>
      </c>
      <c r="H323" t="s">
        <v>1712</v>
      </c>
      <c r="J323" t="s">
        <v>1713</v>
      </c>
      <c r="O323">
        <v>2953884</v>
      </c>
      <c r="P323">
        <v>1</v>
      </c>
      <c r="Q323">
        <v>0</v>
      </c>
      <c r="R323" t="s">
        <v>1714</v>
      </c>
      <c r="S323">
        <v>92</v>
      </c>
    </row>
    <row r="324" spans="1:19" x14ac:dyDescent="0.25">
      <c r="A324">
        <v>49751443</v>
      </c>
      <c r="B324" t="s">
        <v>1715</v>
      </c>
      <c r="C324" s="1" t="s">
        <v>1716</v>
      </c>
      <c r="E324">
        <v>1</v>
      </c>
      <c r="F324">
        <v>0</v>
      </c>
      <c r="H324" t="s">
        <v>1717</v>
      </c>
      <c r="J324" t="s">
        <v>1718</v>
      </c>
      <c r="O324">
        <v>1622319</v>
      </c>
      <c r="P324">
        <v>1</v>
      </c>
      <c r="Q324">
        <v>0</v>
      </c>
      <c r="R324" t="s">
        <v>1719</v>
      </c>
      <c r="S324">
        <v>43</v>
      </c>
    </row>
    <row r="325" spans="1:19" x14ac:dyDescent="0.25">
      <c r="A325">
        <v>51520036</v>
      </c>
      <c r="B325" t="s">
        <v>1720</v>
      </c>
      <c r="C325" s="1" t="s">
        <v>1721</v>
      </c>
      <c r="D325">
        <v>51528782</v>
      </c>
      <c r="E325">
        <v>1</v>
      </c>
      <c r="F325">
        <v>0</v>
      </c>
      <c r="H325" t="s">
        <v>1722</v>
      </c>
      <c r="J325" t="s">
        <v>1723</v>
      </c>
      <c r="O325">
        <v>10133415</v>
      </c>
      <c r="P325">
        <v>1</v>
      </c>
      <c r="Q325">
        <v>0</v>
      </c>
      <c r="R325" t="s">
        <v>1724</v>
      </c>
      <c r="S325">
        <v>16</v>
      </c>
    </row>
    <row r="326" spans="1:19" x14ac:dyDescent="0.25">
      <c r="A326">
        <v>25890887</v>
      </c>
      <c r="B326" t="s">
        <v>1725</v>
      </c>
      <c r="C326" s="1" t="s">
        <v>1726</v>
      </c>
      <c r="D326">
        <v>25891079</v>
      </c>
      <c r="E326">
        <v>2</v>
      </c>
      <c r="F326">
        <v>12</v>
      </c>
      <c r="H326" t="s">
        <v>1727</v>
      </c>
      <c r="J326" t="s">
        <v>1728</v>
      </c>
      <c r="K326" t="s">
        <v>1728</v>
      </c>
      <c r="M326">
        <v>2705052</v>
      </c>
      <c r="O326">
        <v>2705052</v>
      </c>
      <c r="P326">
        <v>1</v>
      </c>
      <c r="Q326">
        <v>0</v>
      </c>
      <c r="R326" t="s">
        <v>1729</v>
      </c>
      <c r="S326">
        <v>180</v>
      </c>
    </row>
    <row r="327" spans="1:19" x14ac:dyDescent="0.25">
      <c r="A327">
        <v>2671331</v>
      </c>
      <c r="B327" t="s">
        <v>1730</v>
      </c>
      <c r="C327" s="1" t="s">
        <v>1731</v>
      </c>
      <c r="E327">
        <v>2</v>
      </c>
      <c r="F327">
        <v>0</v>
      </c>
      <c r="H327" t="s">
        <v>1732</v>
      </c>
      <c r="J327" t="s">
        <v>1733</v>
      </c>
      <c r="K327" t="s">
        <v>1734</v>
      </c>
      <c r="M327">
        <v>449987</v>
      </c>
      <c r="O327">
        <v>449987</v>
      </c>
      <c r="P327">
        <v>1</v>
      </c>
      <c r="Q327">
        <v>0</v>
      </c>
      <c r="R327" t="s">
        <v>1735</v>
      </c>
      <c r="S327">
        <v>713</v>
      </c>
    </row>
    <row r="328" spans="1:19" x14ac:dyDescent="0.25">
      <c r="A328">
        <v>37816358</v>
      </c>
      <c r="B328" t="s">
        <v>1736</v>
      </c>
      <c r="C328" s="1" t="s">
        <v>1737</v>
      </c>
      <c r="D328">
        <v>37870790</v>
      </c>
      <c r="E328">
        <v>1</v>
      </c>
      <c r="F328">
        <v>0</v>
      </c>
      <c r="H328" t="s">
        <v>1738</v>
      </c>
      <c r="J328" t="s">
        <v>1739</v>
      </c>
      <c r="O328">
        <v>2233919</v>
      </c>
      <c r="P328">
        <v>1</v>
      </c>
      <c r="Q328">
        <v>0</v>
      </c>
      <c r="R328" t="s">
        <v>1740</v>
      </c>
      <c r="S328">
        <v>30</v>
      </c>
    </row>
    <row r="329" spans="1:19" x14ac:dyDescent="0.25">
      <c r="A329">
        <v>2697423</v>
      </c>
      <c r="B329" t="s">
        <v>1741</v>
      </c>
      <c r="C329" s="1" t="s">
        <v>1742</v>
      </c>
      <c r="D329">
        <v>2713137</v>
      </c>
      <c r="E329">
        <v>1</v>
      </c>
      <c r="F329">
        <v>0</v>
      </c>
      <c r="H329" t="s">
        <v>1743</v>
      </c>
      <c r="J329" t="s">
        <v>1744</v>
      </c>
      <c r="O329">
        <v>204626</v>
      </c>
      <c r="P329">
        <v>1</v>
      </c>
      <c r="Q329">
        <v>0</v>
      </c>
      <c r="R329" t="s">
        <v>1745</v>
      </c>
      <c r="S329">
        <v>1401</v>
      </c>
    </row>
    <row r="330" spans="1:19" x14ac:dyDescent="0.25">
      <c r="A330">
        <v>25316255</v>
      </c>
      <c r="B330" t="s">
        <v>1746</v>
      </c>
      <c r="C330" s="1" t="s">
        <v>1747</v>
      </c>
      <c r="E330">
        <v>1</v>
      </c>
      <c r="F330">
        <v>0</v>
      </c>
      <c r="H330" t="s">
        <v>1748</v>
      </c>
      <c r="J330" t="s">
        <v>1749</v>
      </c>
      <c r="O330">
        <v>1471980</v>
      </c>
      <c r="P330">
        <v>1</v>
      </c>
      <c r="Q330">
        <v>0</v>
      </c>
      <c r="R330" t="s">
        <v>871</v>
      </c>
      <c r="S330">
        <v>32</v>
      </c>
    </row>
    <row r="331" spans="1:19" x14ac:dyDescent="0.25">
      <c r="A331">
        <v>26160732</v>
      </c>
      <c r="B331" t="s">
        <v>1750</v>
      </c>
      <c r="C331" s="1" t="s">
        <v>1751</v>
      </c>
      <c r="D331">
        <v>26161184</v>
      </c>
      <c r="E331">
        <v>1</v>
      </c>
      <c r="F331">
        <v>0</v>
      </c>
      <c r="H331" t="s">
        <v>1752</v>
      </c>
      <c r="J331" t="s">
        <v>1753</v>
      </c>
      <c r="O331">
        <v>3270567</v>
      </c>
      <c r="P331">
        <v>1</v>
      </c>
      <c r="Q331">
        <v>2</v>
      </c>
      <c r="R331" t="s">
        <v>1754</v>
      </c>
      <c r="S331">
        <v>125</v>
      </c>
    </row>
    <row r="332" spans="1:19" x14ac:dyDescent="0.25">
      <c r="A332">
        <v>50907005</v>
      </c>
      <c r="B332" t="s">
        <v>1755</v>
      </c>
      <c r="C332" s="1" t="s">
        <v>1756</v>
      </c>
      <c r="D332">
        <v>50936852</v>
      </c>
      <c r="E332">
        <v>1</v>
      </c>
      <c r="F332">
        <v>1</v>
      </c>
      <c r="H332" t="s">
        <v>1757</v>
      </c>
      <c r="I332">
        <v>1</v>
      </c>
      <c r="J332" t="s">
        <v>1758</v>
      </c>
      <c r="O332">
        <v>2700809</v>
      </c>
      <c r="P332">
        <v>1</v>
      </c>
      <c r="Q332">
        <v>2</v>
      </c>
      <c r="R332" t="s">
        <v>1759</v>
      </c>
      <c r="S332">
        <v>127</v>
      </c>
    </row>
    <row r="333" spans="1:19" x14ac:dyDescent="0.25">
      <c r="A333">
        <v>38787828</v>
      </c>
      <c r="B333" t="s">
        <v>1760</v>
      </c>
      <c r="C333" s="1" t="s">
        <v>1761</v>
      </c>
      <c r="E333">
        <v>0</v>
      </c>
      <c r="F333">
        <v>0</v>
      </c>
      <c r="H333" t="s">
        <v>1762</v>
      </c>
      <c r="I333">
        <v>1</v>
      </c>
      <c r="J333" t="s">
        <v>1762</v>
      </c>
      <c r="O333">
        <v>5352144</v>
      </c>
      <c r="P333">
        <v>1</v>
      </c>
      <c r="Q333">
        <v>2</v>
      </c>
      <c r="R333" t="s">
        <v>1763</v>
      </c>
      <c r="S333">
        <v>98</v>
      </c>
    </row>
    <row r="334" spans="1:19" x14ac:dyDescent="0.25">
      <c r="A334">
        <v>24315194</v>
      </c>
      <c r="B334" t="s">
        <v>1764</v>
      </c>
      <c r="C334" s="1" t="s">
        <v>1765</v>
      </c>
      <c r="E334">
        <v>0</v>
      </c>
      <c r="F334">
        <v>2</v>
      </c>
      <c r="H334" t="s">
        <v>1766</v>
      </c>
      <c r="J334" t="s">
        <v>1766</v>
      </c>
      <c r="O334">
        <v>3757911</v>
      </c>
      <c r="P334">
        <v>1</v>
      </c>
      <c r="Q334">
        <v>0</v>
      </c>
      <c r="R334" t="s">
        <v>1767</v>
      </c>
      <c r="S334">
        <v>24</v>
      </c>
    </row>
    <row r="335" spans="1:19" x14ac:dyDescent="0.25">
      <c r="A335">
        <v>24569874</v>
      </c>
      <c r="B335" t="s">
        <v>1768</v>
      </c>
      <c r="C335" s="1" t="s">
        <v>1769</v>
      </c>
      <c r="E335">
        <v>0</v>
      </c>
      <c r="F335">
        <v>6</v>
      </c>
      <c r="H335" t="s">
        <v>1770</v>
      </c>
      <c r="J335" t="s">
        <v>1771</v>
      </c>
      <c r="K335" t="s">
        <v>1771</v>
      </c>
      <c r="M335">
        <v>2641562</v>
      </c>
      <c r="O335">
        <v>2641562</v>
      </c>
      <c r="P335">
        <v>1</v>
      </c>
      <c r="Q335">
        <v>0</v>
      </c>
      <c r="R335" t="s">
        <v>1772</v>
      </c>
      <c r="S335">
        <v>278</v>
      </c>
    </row>
    <row r="336" spans="1:19" x14ac:dyDescent="0.25">
      <c r="A336">
        <v>16429106</v>
      </c>
      <c r="B336" t="s">
        <v>1773</v>
      </c>
      <c r="C336" t="s">
        <v>1774</v>
      </c>
      <c r="D336">
        <v>16429564</v>
      </c>
      <c r="E336">
        <v>1</v>
      </c>
      <c r="F336">
        <v>0</v>
      </c>
      <c r="H336" t="s">
        <v>1775</v>
      </c>
      <c r="J336" t="s">
        <v>1776</v>
      </c>
      <c r="O336">
        <v>1380285</v>
      </c>
      <c r="P336">
        <v>1</v>
      </c>
      <c r="Q336">
        <v>0</v>
      </c>
      <c r="R336" t="s">
        <v>1777</v>
      </c>
      <c r="S336">
        <v>318</v>
      </c>
    </row>
    <row r="337" spans="1:19" x14ac:dyDescent="0.25">
      <c r="A337">
        <v>36309154</v>
      </c>
      <c r="B337" t="s">
        <v>1778</v>
      </c>
      <c r="C337" s="1" t="s">
        <v>1779</v>
      </c>
      <c r="D337">
        <v>36620920</v>
      </c>
      <c r="E337">
        <v>1</v>
      </c>
      <c r="F337">
        <v>3</v>
      </c>
      <c r="H337" t="s">
        <v>1780</v>
      </c>
      <c r="J337" t="s">
        <v>1781</v>
      </c>
      <c r="K337" t="s">
        <v>1782</v>
      </c>
      <c r="M337">
        <v>6134826</v>
      </c>
      <c r="N337" t="s">
        <v>1783</v>
      </c>
      <c r="O337">
        <v>6134826</v>
      </c>
      <c r="P337">
        <v>1</v>
      </c>
      <c r="Q337">
        <v>0</v>
      </c>
      <c r="R337" t="s">
        <v>1784</v>
      </c>
      <c r="S337">
        <v>185</v>
      </c>
    </row>
    <row r="338" spans="1:19" x14ac:dyDescent="0.25">
      <c r="A338">
        <v>14736227</v>
      </c>
      <c r="B338" t="s">
        <v>1785</v>
      </c>
      <c r="C338" s="1" t="s">
        <v>1786</v>
      </c>
      <c r="D338">
        <v>14760781</v>
      </c>
      <c r="E338">
        <v>3</v>
      </c>
      <c r="F338">
        <v>10</v>
      </c>
      <c r="H338" t="s">
        <v>1787</v>
      </c>
      <c r="J338" t="s">
        <v>1788</v>
      </c>
      <c r="K338" t="s">
        <v>1788</v>
      </c>
      <c r="M338">
        <v>897326</v>
      </c>
      <c r="O338">
        <v>1867633</v>
      </c>
      <c r="P338">
        <v>1</v>
      </c>
      <c r="Q338">
        <v>0</v>
      </c>
      <c r="R338" t="s">
        <v>1789</v>
      </c>
      <c r="S338">
        <v>1454</v>
      </c>
    </row>
    <row r="339" spans="1:19" x14ac:dyDescent="0.25">
      <c r="A339">
        <v>42050002</v>
      </c>
      <c r="B339" t="s">
        <v>1790</v>
      </c>
      <c r="C339" t="s">
        <v>1791</v>
      </c>
      <c r="D339">
        <v>42067779</v>
      </c>
      <c r="E339">
        <v>1</v>
      </c>
      <c r="F339">
        <v>1</v>
      </c>
      <c r="H339" t="s">
        <v>1792</v>
      </c>
      <c r="J339" t="s">
        <v>1793</v>
      </c>
      <c r="K339" t="s">
        <v>1794</v>
      </c>
      <c r="M339">
        <v>472495</v>
      </c>
      <c r="O339">
        <v>7310431</v>
      </c>
      <c r="P339">
        <v>1</v>
      </c>
      <c r="Q339">
        <v>0</v>
      </c>
      <c r="R339" t="s">
        <v>1795</v>
      </c>
      <c r="S339">
        <v>387</v>
      </c>
    </row>
    <row r="340" spans="1:19" x14ac:dyDescent="0.25">
      <c r="A340">
        <v>19420028</v>
      </c>
      <c r="B340" t="s">
        <v>1796</v>
      </c>
      <c r="C340" s="1" t="s">
        <v>1797</v>
      </c>
      <c r="E340">
        <v>1</v>
      </c>
      <c r="F340">
        <v>0</v>
      </c>
      <c r="H340" t="s">
        <v>1798</v>
      </c>
      <c r="J340" t="s">
        <v>1799</v>
      </c>
      <c r="O340">
        <v>2413025</v>
      </c>
      <c r="P340">
        <v>1</v>
      </c>
      <c r="Q340">
        <v>0</v>
      </c>
      <c r="R340" t="s">
        <v>1800</v>
      </c>
      <c r="S340">
        <v>94</v>
      </c>
    </row>
    <row r="341" spans="1:19" x14ac:dyDescent="0.25">
      <c r="A341">
        <v>50452749</v>
      </c>
      <c r="B341" t="s">
        <v>1801</v>
      </c>
      <c r="C341" s="1" t="s">
        <v>1802</v>
      </c>
      <c r="E341">
        <v>1</v>
      </c>
      <c r="F341">
        <v>0</v>
      </c>
      <c r="H341" t="s">
        <v>1803</v>
      </c>
      <c r="I341">
        <v>2</v>
      </c>
      <c r="J341" t="s">
        <v>1804</v>
      </c>
      <c r="K341" t="s">
        <v>1804</v>
      </c>
      <c r="M341">
        <v>9795482</v>
      </c>
      <c r="O341">
        <v>9795482</v>
      </c>
      <c r="P341">
        <v>1</v>
      </c>
      <c r="Q341">
        <v>1</v>
      </c>
      <c r="R341" t="s">
        <v>1805</v>
      </c>
      <c r="S341">
        <v>75</v>
      </c>
    </row>
    <row r="342" spans="1:19" x14ac:dyDescent="0.25">
      <c r="A342">
        <v>12279220</v>
      </c>
      <c r="B342" t="s">
        <v>1806</v>
      </c>
      <c r="C342" t="s">
        <v>1807</v>
      </c>
      <c r="E342">
        <v>0</v>
      </c>
      <c r="F342">
        <v>5</v>
      </c>
      <c r="H342" t="s">
        <v>1808</v>
      </c>
      <c r="J342" t="s">
        <v>1809</v>
      </c>
      <c r="K342" t="s">
        <v>1809</v>
      </c>
      <c r="M342">
        <v>1340801</v>
      </c>
      <c r="O342">
        <v>1340801</v>
      </c>
      <c r="P342">
        <v>1</v>
      </c>
      <c r="Q342">
        <v>0</v>
      </c>
      <c r="R342" t="s">
        <v>1810</v>
      </c>
      <c r="S342">
        <v>202</v>
      </c>
    </row>
    <row r="343" spans="1:19" x14ac:dyDescent="0.25">
      <c r="A343">
        <v>10794915</v>
      </c>
      <c r="B343" t="s">
        <v>1811</v>
      </c>
      <c r="C343" s="1" t="s">
        <v>1812</v>
      </c>
      <c r="D343">
        <v>10839811</v>
      </c>
      <c r="E343">
        <v>1</v>
      </c>
      <c r="F343">
        <v>3</v>
      </c>
      <c r="H343" t="s">
        <v>1813</v>
      </c>
      <c r="J343" t="s">
        <v>1814</v>
      </c>
      <c r="K343" t="s">
        <v>1815</v>
      </c>
      <c r="M343">
        <v>104223</v>
      </c>
      <c r="O343">
        <v>640513</v>
      </c>
      <c r="P343">
        <v>1</v>
      </c>
      <c r="Q343">
        <v>1</v>
      </c>
      <c r="R343" t="s">
        <v>1816</v>
      </c>
      <c r="S343">
        <v>1170</v>
      </c>
    </row>
    <row r="344" spans="1:19" x14ac:dyDescent="0.25">
      <c r="A344">
        <v>2036392</v>
      </c>
      <c r="B344" t="s">
        <v>1817</v>
      </c>
      <c r="C344" s="1" t="s">
        <v>1818</v>
      </c>
      <c r="D344">
        <v>2036575</v>
      </c>
      <c r="E344">
        <v>2</v>
      </c>
      <c r="F344">
        <v>1</v>
      </c>
      <c r="H344" t="s">
        <v>1819</v>
      </c>
      <c r="J344" t="s">
        <v>1820</v>
      </c>
      <c r="K344" t="s">
        <v>1821</v>
      </c>
      <c r="M344">
        <v>-1</v>
      </c>
      <c r="O344">
        <v>234322</v>
      </c>
      <c r="P344">
        <v>1</v>
      </c>
      <c r="Q344">
        <v>0</v>
      </c>
      <c r="R344" t="s">
        <v>1822</v>
      </c>
      <c r="S344">
        <v>255</v>
      </c>
    </row>
    <row r="345" spans="1:19" x14ac:dyDescent="0.25">
      <c r="A345">
        <v>13059505</v>
      </c>
      <c r="B345" t="s">
        <v>1823</v>
      </c>
      <c r="C345" s="1" t="s">
        <v>1824</v>
      </c>
      <c r="E345">
        <v>1</v>
      </c>
      <c r="F345">
        <v>0</v>
      </c>
      <c r="H345" t="s">
        <v>1825</v>
      </c>
      <c r="J345" t="s">
        <v>1826</v>
      </c>
      <c r="O345">
        <v>1772738</v>
      </c>
      <c r="P345">
        <v>1</v>
      </c>
      <c r="Q345">
        <v>1</v>
      </c>
      <c r="R345" t="s">
        <v>1827</v>
      </c>
      <c r="S345">
        <v>347</v>
      </c>
    </row>
    <row r="346" spans="1:19" x14ac:dyDescent="0.25">
      <c r="A346">
        <v>40298117</v>
      </c>
      <c r="B346" t="s">
        <v>1828</v>
      </c>
      <c r="C346" s="1" t="s">
        <v>1829</v>
      </c>
      <c r="D346">
        <v>40316980</v>
      </c>
      <c r="E346">
        <v>1</v>
      </c>
      <c r="F346">
        <v>2</v>
      </c>
      <c r="H346" t="s">
        <v>1830</v>
      </c>
      <c r="J346" t="s">
        <v>1831</v>
      </c>
      <c r="K346" t="s">
        <v>1832</v>
      </c>
      <c r="M346">
        <v>7083555</v>
      </c>
      <c r="O346">
        <v>7083555</v>
      </c>
      <c r="P346">
        <v>1</v>
      </c>
      <c r="Q346">
        <v>0</v>
      </c>
      <c r="R346" t="s">
        <v>1833</v>
      </c>
      <c r="S346">
        <v>78</v>
      </c>
    </row>
    <row r="347" spans="1:19" x14ac:dyDescent="0.25">
      <c r="A347">
        <v>28048825</v>
      </c>
      <c r="B347" t="s">
        <v>1834</v>
      </c>
      <c r="C347" s="1" t="s">
        <v>1835</v>
      </c>
      <c r="D347">
        <v>28049046</v>
      </c>
      <c r="E347">
        <v>1</v>
      </c>
      <c r="F347">
        <v>2</v>
      </c>
      <c r="H347" t="s">
        <v>1836</v>
      </c>
      <c r="J347" t="s">
        <v>1837</v>
      </c>
      <c r="O347">
        <v>73070</v>
      </c>
      <c r="P347">
        <v>1</v>
      </c>
      <c r="Q347">
        <v>1</v>
      </c>
      <c r="R347" t="s">
        <v>1838</v>
      </c>
      <c r="S347">
        <v>275</v>
      </c>
    </row>
    <row r="348" spans="1:19" x14ac:dyDescent="0.25">
      <c r="A348">
        <v>51175890</v>
      </c>
      <c r="B348" t="s">
        <v>1839</v>
      </c>
      <c r="C348" s="1" t="s">
        <v>1840</v>
      </c>
      <c r="E348">
        <v>0</v>
      </c>
      <c r="F348">
        <v>4</v>
      </c>
      <c r="H348" t="s">
        <v>1841</v>
      </c>
      <c r="J348" t="s">
        <v>1842</v>
      </c>
      <c r="K348" t="s">
        <v>1842</v>
      </c>
      <c r="M348">
        <v>4184842</v>
      </c>
      <c r="O348">
        <v>7194063</v>
      </c>
      <c r="P348">
        <v>1</v>
      </c>
      <c r="Q348">
        <v>0</v>
      </c>
      <c r="R348" t="s">
        <v>1843</v>
      </c>
      <c r="S348">
        <v>74</v>
      </c>
    </row>
    <row r="349" spans="1:19" x14ac:dyDescent="0.25">
      <c r="A349">
        <v>53079456</v>
      </c>
      <c r="B349" t="s">
        <v>1844</v>
      </c>
      <c r="C349" t="s">
        <v>1845</v>
      </c>
      <c r="E349">
        <v>1</v>
      </c>
      <c r="F349">
        <v>0</v>
      </c>
      <c r="H349" t="s">
        <v>1846</v>
      </c>
      <c r="J349" t="s">
        <v>1847</v>
      </c>
      <c r="O349">
        <v>3747585</v>
      </c>
      <c r="P349">
        <v>1</v>
      </c>
      <c r="Q349">
        <v>0</v>
      </c>
      <c r="R349" t="s">
        <v>1848</v>
      </c>
      <c r="S349">
        <v>31</v>
      </c>
    </row>
    <row r="350" spans="1:19" x14ac:dyDescent="0.25">
      <c r="A350">
        <v>16128769</v>
      </c>
      <c r="B350" t="s">
        <v>1849</v>
      </c>
      <c r="C350" s="1" t="s">
        <v>1850</v>
      </c>
      <c r="E350">
        <v>1</v>
      </c>
      <c r="F350">
        <v>3</v>
      </c>
      <c r="H350" t="s">
        <v>1851</v>
      </c>
      <c r="J350" t="s">
        <v>1852</v>
      </c>
      <c r="O350">
        <v>894209</v>
      </c>
      <c r="P350">
        <v>1</v>
      </c>
      <c r="Q350">
        <v>1</v>
      </c>
      <c r="R350" t="s">
        <v>1853</v>
      </c>
      <c r="S350">
        <v>762</v>
      </c>
    </row>
    <row r="351" spans="1:19" x14ac:dyDescent="0.25">
      <c r="A351">
        <v>39646441</v>
      </c>
      <c r="B351" t="s">
        <v>1854</v>
      </c>
      <c r="C351" s="1" t="s">
        <v>1855</v>
      </c>
      <c r="E351">
        <v>2</v>
      </c>
      <c r="F351">
        <v>3</v>
      </c>
      <c r="H351" t="s">
        <v>1856</v>
      </c>
      <c r="J351" t="s">
        <v>1857</v>
      </c>
      <c r="K351" t="s">
        <v>1858</v>
      </c>
      <c r="M351">
        <v>3820025</v>
      </c>
      <c r="O351">
        <v>1844347</v>
      </c>
      <c r="P351">
        <v>1</v>
      </c>
      <c r="Q351">
        <v>3</v>
      </c>
      <c r="R351" t="s">
        <v>1859</v>
      </c>
      <c r="S351">
        <v>5420</v>
      </c>
    </row>
    <row r="352" spans="1:19" x14ac:dyDescent="0.25">
      <c r="A352">
        <v>7543207</v>
      </c>
      <c r="B352" t="s">
        <v>1860</v>
      </c>
      <c r="C352" s="1" t="s">
        <v>1861</v>
      </c>
      <c r="E352">
        <v>3</v>
      </c>
      <c r="F352">
        <v>1</v>
      </c>
      <c r="H352" t="s">
        <v>1862</v>
      </c>
      <c r="I352">
        <v>2</v>
      </c>
      <c r="J352" t="s">
        <v>1863</v>
      </c>
      <c r="O352">
        <v>489149</v>
      </c>
      <c r="P352">
        <v>1</v>
      </c>
      <c r="Q352">
        <v>2</v>
      </c>
      <c r="R352" t="s">
        <v>1864</v>
      </c>
      <c r="S352">
        <v>1543</v>
      </c>
    </row>
    <row r="353" spans="1:19" x14ac:dyDescent="0.25">
      <c r="A353">
        <v>9832135</v>
      </c>
      <c r="B353" t="s">
        <v>1865</v>
      </c>
      <c r="C353" s="1" t="s">
        <v>1866</v>
      </c>
      <c r="E353">
        <v>2</v>
      </c>
      <c r="F353">
        <v>4</v>
      </c>
      <c r="H353" t="s">
        <v>1867</v>
      </c>
      <c r="J353" t="s">
        <v>1868</v>
      </c>
      <c r="O353">
        <v>190857</v>
      </c>
      <c r="P353">
        <v>1</v>
      </c>
      <c r="Q353">
        <v>2</v>
      </c>
      <c r="R353" t="s">
        <v>1869</v>
      </c>
      <c r="S353">
        <v>473</v>
      </c>
    </row>
    <row r="354" spans="1:19" x14ac:dyDescent="0.25">
      <c r="A354">
        <v>11951691</v>
      </c>
      <c r="B354" t="s">
        <v>1870</v>
      </c>
      <c r="C354" s="1" t="s">
        <v>1871</v>
      </c>
      <c r="E354">
        <v>0</v>
      </c>
      <c r="F354">
        <v>4</v>
      </c>
      <c r="H354" t="s">
        <v>1872</v>
      </c>
      <c r="J354" t="s">
        <v>1873</v>
      </c>
      <c r="K354" t="s">
        <v>1873</v>
      </c>
      <c r="M354">
        <v>1569347</v>
      </c>
      <c r="O354">
        <v>1569347</v>
      </c>
      <c r="P354">
        <v>1</v>
      </c>
      <c r="Q354">
        <v>0</v>
      </c>
      <c r="R354" t="s">
        <v>1874</v>
      </c>
      <c r="S354">
        <v>390</v>
      </c>
    </row>
    <row r="355" spans="1:19" x14ac:dyDescent="0.25">
      <c r="A355">
        <v>42101868</v>
      </c>
      <c r="B355" t="s">
        <v>1875</v>
      </c>
      <c r="C355" s="1" t="s">
        <v>1876</v>
      </c>
      <c r="E355">
        <v>2</v>
      </c>
      <c r="F355">
        <v>0</v>
      </c>
      <c r="H355" t="s">
        <v>1877</v>
      </c>
      <c r="J355" t="s">
        <v>1878</v>
      </c>
      <c r="O355">
        <v>5508500</v>
      </c>
      <c r="P355">
        <v>1</v>
      </c>
      <c r="Q355">
        <v>0</v>
      </c>
      <c r="R355" t="s">
        <v>1879</v>
      </c>
      <c r="S355">
        <v>563</v>
      </c>
    </row>
    <row r="356" spans="1:19" x14ac:dyDescent="0.25">
      <c r="A356">
        <v>32319088</v>
      </c>
      <c r="B356" t="s">
        <v>1880</v>
      </c>
      <c r="C356" s="1" t="s">
        <v>1881</v>
      </c>
      <c r="D356">
        <v>32319587</v>
      </c>
      <c r="E356">
        <v>3</v>
      </c>
      <c r="F356">
        <v>6</v>
      </c>
      <c r="H356" t="s">
        <v>1882</v>
      </c>
      <c r="J356" t="s">
        <v>1883</v>
      </c>
      <c r="K356" t="s">
        <v>1884</v>
      </c>
      <c r="M356">
        <v>2281389</v>
      </c>
      <c r="O356">
        <v>2281389</v>
      </c>
      <c r="P356">
        <v>1</v>
      </c>
      <c r="Q356">
        <v>0</v>
      </c>
      <c r="R356" t="s">
        <v>1885</v>
      </c>
      <c r="S356">
        <v>826</v>
      </c>
    </row>
    <row r="357" spans="1:19" x14ac:dyDescent="0.25">
      <c r="A357">
        <v>47477724</v>
      </c>
      <c r="B357" t="s">
        <v>1886</v>
      </c>
      <c r="C357" s="1" t="s">
        <v>1887</v>
      </c>
      <c r="E357">
        <v>1</v>
      </c>
      <c r="F357">
        <v>0</v>
      </c>
      <c r="H357" t="s">
        <v>1888</v>
      </c>
      <c r="J357" t="s">
        <v>1889</v>
      </c>
      <c r="O357">
        <v>2814025</v>
      </c>
      <c r="P357">
        <v>1</v>
      </c>
      <c r="Q357">
        <v>0</v>
      </c>
      <c r="R357" t="s">
        <v>1890</v>
      </c>
      <c r="S357">
        <v>81</v>
      </c>
    </row>
    <row r="358" spans="1:19" x14ac:dyDescent="0.25">
      <c r="A358">
        <v>21639018</v>
      </c>
      <c r="B358" t="s">
        <v>1891</v>
      </c>
      <c r="C358" s="1" t="s">
        <v>1892</v>
      </c>
      <c r="E358">
        <v>2</v>
      </c>
      <c r="F358">
        <v>2</v>
      </c>
      <c r="H358" t="s">
        <v>1893</v>
      </c>
      <c r="J358" t="s">
        <v>1894</v>
      </c>
      <c r="K358" t="s">
        <v>1895</v>
      </c>
      <c r="M358">
        <v>102937</v>
      </c>
      <c r="O358">
        <v>174349</v>
      </c>
      <c r="P358">
        <v>1</v>
      </c>
      <c r="Q358">
        <v>0</v>
      </c>
      <c r="R358" t="s">
        <v>1896</v>
      </c>
      <c r="S358">
        <v>106</v>
      </c>
    </row>
    <row r="359" spans="1:19" x14ac:dyDescent="0.25">
      <c r="A359">
        <v>13907160</v>
      </c>
      <c r="B359" t="s">
        <v>1897</v>
      </c>
      <c r="C359" s="1" t="s">
        <v>1898</v>
      </c>
      <c r="E359">
        <v>0</v>
      </c>
      <c r="F359">
        <v>4</v>
      </c>
      <c r="H359" t="s">
        <v>1899</v>
      </c>
      <c r="J359" t="s">
        <v>1900</v>
      </c>
      <c r="K359" t="s">
        <v>1900</v>
      </c>
      <c r="M359">
        <v>1043380</v>
      </c>
      <c r="O359">
        <v>1452359</v>
      </c>
      <c r="P359">
        <v>1</v>
      </c>
      <c r="Q359">
        <v>0</v>
      </c>
      <c r="R359" t="s">
        <v>1901</v>
      </c>
      <c r="S359">
        <v>391</v>
      </c>
    </row>
    <row r="360" spans="1:19" x14ac:dyDescent="0.25">
      <c r="A360">
        <v>29095998</v>
      </c>
      <c r="B360" t="s">
        <v>1902</v>
      </c>
      <c r="C360" s="1" t="s">
        <v>1903</v>
      </c>
      <c r="E360">
        <v>3</v>
      </c>
      <c r="F360">
        <v>0</v>
      </c>
      <c r="H360" t="s">
        <v>1904</v>
      </c>
      <c r="J360" t="s">
        <v>1905</v>
      </c>
      <c r="O360">
        <v>4670212</v>
      </c>
      <c r="P360">
        <v>1</v>
      </c>
      <c r="Q360">
        <v>1</v>
      </c>
      <c r="R360" t="s">
        <v>1906</v>
      </c>
      <c r="S360">
        <v>1236</v>
      </c>
    </row>
    <row r="361" spans="1:19" x14ac:dyDescent="0.25">
      <c r="A361">
        <v>41630503</v>
      </c>
      <c r="B361" t="s">
        <v>1907</v>
      </c>
      <c r="C361" s="1" t="s">
        <v>1908</v>
      </c>
      <c r="E361">
        <v>0</v>
      </c>
      <c r="F361">
        <v>2</v>
      </c>
      <c r="H361" t="s">
        <v>1909</v>
      </c>
      <c r="I361">
        <v>1</v>
      </c>
      <c r="J361" t="s">
        <v>1910</v>
      </c>
      <c r="K361" t="s">
        <v>1910</v>
      </c>
      <c r="M361">
        <v>48869</v>
      </c>
      <c r="O361">
        <v>1536383</v>
      </c>
      <c r="P361">
        <v>1</v>
      </c>
      <c r="Q361">
        <v>2</v>
      </c>
      <c r="R361" t="s">
        <v>1911</v>
      </c>
      <c r="S361">
        <v>701</v>
      </c>
    </row>
    <row r="362" spans="1:19" x14ac:dyDescent="0.25">
      <c r="A362">
        <v>13870684</v>
      </c>
      <c r="B362" t="s">
        <v>1912</v>
      </c>
      <c r="C362" s="1" t="s">
        <v>1913</v>
      </c>
      <c r="D362">
        <v>13875510</v>
      </c>
      <c r="E362">
        <v>2</v>
      </c>
      <c r="F362">
        <v>5</v>
      </c>
      <c r="H362" t="s">
        <v>1914</v>
      </c>
      <c r="J362" t="s">
        <v>1915</v>
      </c>
      <c r="O362">
        <v>1562588</v>
      </c>
      <c r="P362">
        <v>1</v>
      </c>
      <c r="Q362">
        <v>1</v>
      </c>
      <c r="R362" t="s">
        <v>1916</v>
      </c>
      <c r="S362">
        <v>81</v>
      </c>
    </row>
    <row r="363" spans="1:19" x14ac:dyDescent="0.25">
      <c r="A363">
        <v>1717002</v>
      </c>
      <c r="B363" t="s">
        <v>1917</v>
      </c>
      <c r="C363" s="1" t="s">
        <v>1918</v>
      </c>
      <c r="D363">
        <v>1717060</v>
      </c>
      <c r="E363">
        <v>2</v>
      </c>
      <c r="F363">
        <v>2</v>
      </c>
      <c r="H363" t="s">
        <v>1919</v>
      </c>
      <c r="J363" t="s">
        <v>1920</v>
      </c>
      <c r="O363">
        <v>208780</v>
      </c>
      <c r="P363">
        <v>1</v>
      </c>
      <c r="Q363">
        <v>0</v>
      </c>
      <c r="R363" t="s">
        <v>1921</v>
      </c>
      <c r="S363">
        <v>1843</v>
      </c>
    </row>
    <row r="364" spans="1:19" x14ac:dyDescent="0.25">
      <c r="A364">
        <v>53210486</v>
      </c>
      <c r="B364" t="s">
        <v>1922</v>
      </c>
      <c r="C364" s="1" t="s">
        <v>1923</v>
      </c>
      <c r="D364">
        <v>53213453</v>
      </c>
      <c r="E364">
        <v>2</v>
      </c>
      <c r="F364">
        <v>0</v>
      </c>
      <c r="H364" t="s">
        <v>1924</v>
      </c>
      <c r="J364" t="s">
        <v>1925</v>
      </c>
      <c r="K364" t="s">
        <v>1926</v>
      </c>
      <c r="M364">
        <v>5768908</v>
      </c>
      <c r="O364">
        <v>9085483</v>
      </c>
      <c r="P364">
        <v>1</v>
      </c>
      <c r="Q364">
        <v>-1</v>
      </c>
      <c r="R364" t="s">
        <v>1927</v>
      </c>
      <c r="S364">
        <v>67</v>
      </c>
    </row>
    <row r="365" spans="1:19" x14ac:dyDescent="0.25">
      <c r="A365">
        <v>2781363</v>
      </c>
      <c r="B365" t="s">
        <v>1928</v>
      </c>
      <c r="C365" s="1" t="s">
        <v>1929</v>
      </c>
      <c r="E365">
        <v>1</v>
      </c>
      <c r="F365">
        <v>0</v>
      </c>
      <c r="H365" t="s">
        <v>1930</v>
      </c>
      <c r="J365" t="s">
        <v>1931</v>
      </c>
      <c r="K365" t="s">
        <v>1931</v>
      </c>
      <c r="M365">
        <v>2684</v>
      </c>
      <c r="O365">
        <v>2684</v>
      </c>
      <c r="P365">
        <v>1</v>
      </c>
      <c r="Q365">
        <v>0</v>
      </c>
      <c r="R365" t="s">
        <v>1932</v>
      </c>
      <c r="S365">
        <v>730</v>
      </c>
    </row>
    <row r="366" spans="1:19" x14ac:dyDescent="0.25">
      <c r="A366">
        <v>40107457</v>
      </c>
      <c r="B366" t="s">
        <v>1933</v>
      </c>
      <c r="C366" s="1" t="s">
        <v>1934</v>
      </c>
      <c r="E366">
        <v>3</v>
      </c>
      <c r="F366">
        <v>0</v>
      </c>
      <c r="H366" t="s">
        <v>1935</v>
      </c>
      <c r="J366" t="s">
        <v>1936</v>
      </c>
      <c r="O366">
        <v>6700082</v>
      </c>
      <c r="P366">
        <v>1</v>
      </c>
      <c r="Q366">
        <v>0</v>
      </c>
      <c r="R366" t="s">
        <v>1937</v>
      </c>
      <c r="S366">
        <v>1083</v>
      </c>
    </row>
    <row r="367" spans="1:19" x14ac:dyDescent="0.25">
      <c r="A367">
        <v>25904235</v>
      </c>
      <c r="B367" t="s">
        <v>1938</v>
      </c>
      <c r="C367" s="1" t="s">
        <v>1939</v>
      </c>
      <c r="D367">
        <v>25904378</v>
      </c>
      <c r="E367">
        <v>2</v>
      </c>
      <c r="F367">
        <v>1</v>
      </c>
      <c r="H367" t="s">
        <v>1940</v>
      </c>
      <c r="J367" t="s">
        <v>1941</v>
      </c>
      <c r="O367">
        <v>2730725</v>
      </c>
      <c r="P367">
        <v>1</v>
      </c>
      <c r="Q367">
        <v>0</v>
      </c>
      <c r="R367" t="s">
        <v>1942</v>
      </c>
      <c r="S367">
        <v>30</v>
      </c>
    </row>
    <row r="368" spans="1:19" x14ac:dyDescent="0.25">
      <c r="A368">
        <v>11092199</v>
      </c>
      <c r="B368" t="s">
        <v>1943</v>
      </c>
      <c r="C368" s="1" t="s">
        <v>1944</v>
      </c>
      <c r="E368">
        <v>1</v>
      </c>
      <c r="F368">
        <v>8</v>
      </c>
      <c r="H368" t="s">
        <v>1945</v>
      </c>
      <c r="I368">
        <v>1</v>
      </c>
      <c r="J368" t="s">
        <v>1946</v>
      </c>
      <c r="K368" t="s">
        <v>1946</v>
      </c>
      <c r="M368">
        <v>881229</v>
      </c>
      <c r="O368">
        <v>656702</v>
      </c>
      <c r="P368">
        <v>1</v>
      </c>
      <c r="Q368">
        <v>3</v>
      </c>
      <c r="R368" t="s">
        <v>1446</v>
      </c>
      <c r="S368">
        <v>101</v>
      </c>
    </row>
    <row r="369" spans="1:19" x14ac:dyDescent="0.25">
      <c r="A369">
        <v>14411563</v>
      </c>
      <c r="B369" t="s">
        <v>1947</v>
      </c>
      <c r="C369" s="1" t="s">
        <v>1948</v>
      </c>
      <c r="E369">
        <v>1</v>
      </c>
      <c r="F369">
        <v>3</v>
      </c>
      <c r="H369" t="s">
        <v>1949</v>
      </c>
      <c r="J369" t="s">
        <v>1950</v>
      </c>
      <c r="K369" t="s">
        <v>1950</v>
      </c>
      <c r="M369">
        <v>1331430</v>
      </c>
      <c r="O369">
        <v>1258226</v>
      </c>
      <c r="P369">
        <v>1</v>
      </c>
      <c r="Q369">
        <v>-3</v>
      </c>
      <c r="R369" t="s">
        <v>351</v>
      </c>
      <c r="S369">
        <v>250</v>
      </c>
    </row>
    <row r="370" spans="1:19" x14ac:dyDescent="0.25">
      <c r="A370">
        <v>49947348</v>
      </c>
      <c r="B370" t="s">
        <v>1951</v>
      </c>
      <c r="C370" s="1" t="s">
        <v>1952</v>
      </c>
      <c r="D370">
        <v>49950860</v>
      </c>
      <c r="E370">
        <v>1</v>
      </c>
      <c r="F370">
        <v>0</v>
      </c>
      <c r="H370" t="s">
        <v>1953</v>
      </c>
      <c r="J370" t="s">
        <v>1954</v>
      </c>
      <c r="K370" t="s">
        <v>1955</v>
      </c>
      <c r="M370">
        <v>9660179</v>
      </c>
      <c r="O370">
        <v>9660179</v>
      </c>
      <c r="P370">
        <v>1</v>
      </c>
      <c r="Q370">
        <v>0</v>
      </c>
      <c r="R370" t="s">
        <v>1956</v>
      </c>
      <c r="S370">
        <v>29</v>
      </c>
    </row>
    <row r="371" spans="1:19" x14ac:dyDescent="0.25">
      <c r="A371">
        <v>47460381</v>
      </c>
      <c r="B371" t="s">
        <v>1957</v>
      </c>
      <c r="C371" s="1" t="s">
        <v>1958</v>
      </c>
      <c r="E371">
        <v>0</v>
      </c>
      <c r="F371">
        <v>3</v>
      </c>
      <c r="H371" t="s">
        <v>1959</v>
      </c>
      <c r="J371" t="s">
        <v>1960</v>
      </c>
      <c r="K371" t="s">
        <v>1960</v>
      </c>
      <c r="M371">
        <v>1008296</v>
      </c>
      <c r="O371">
        <v>8997489</v>
      </c>
      <c r="P371">
        <v>1</v>
      </c>
      <c r="Q371">
        <v>0</v>
      </c>
      <c r="R371" t="s">
        <v>1961</v>
      </c>
      <c r="S371">
        <v>210</v>
      </c>
    </row>
    <row r="372" spans="1:19" x14ac:dyDescent="0.25">
      <c r="A372">
        <v>36425112</v>
      </c>
      <c r="B372" t="s">
        <v>1962</v>
      </c>
      <c r="C372" s="1" t="s">
        <v>1963</v>
      </c>
      <c r="D372">
        <v>36514103</v>
      </c>
      <c r="E372">
        <v>1</v>
      </c>
      <c r="F372">
        <v>0</v>
      </c>
      <c r="H372" t="s">
        <v>1964</v>
      </c>
      <c r="J372" t="s">
        <v>1965</v>
      </c>
      <c r="O372">
        <v>1226705</v>
      </c>
      <c r="P372">
        <v>1</v>
      </c>
      <c r="Q372">
        <v>1</v>
      </c>
      <c r="R372" t="s">
        <v>1966</v>
      </c>
      <c r="S372">
        <v>1046</v>
      </c>
    </row>
    <row r="373" spans="1:19" x14ac:dyDescent="0.25">
      <c r="A373">
        <v>19733940</v>
      </c>
      <c r="B373" t="s">
        <v>1967</v>
      </c>
      <c r="C373" s="1" t="s">
        <v>1968</v>
      </c>
      <c r="E373">
        <v>1</v>
      </c>
      <c r="F373">
        <v>0</v>
      </c>
      <c r="H373" t="s">
        <v>1969</v>
      </c>
      <c r="J373" t="s">
        <v>1970</v>
      </c>
      <c r="K373" t="s">
        <v>1970</v>
      </c>
      <c r="M373">
        <v>1505120</v>
      </c>
      <c r="O373">
        <v>2427476</v>
      </c>
      <c r="P373">
        <v>1</v>
      </c>
      <c r="Q373">
        <v>0</v>
      </c>
      <c r="R373" t="s">
        <v>1971</v>
      </c>
      <c r="S373">
        <v>208</v>
      </c>
    </row>
    <row r="374" spans="1:19" x14ac:dyDescent="0.25">
      <c r="A374">
        <v>3314565</v>
      </c>
      <c r="B374" t="s">
        <v>1972</v>
      </c>
      <c r="C374" s="1" t="s">
        <v>1973</v>
      </c>
      <c r="D374">
        <v>3314574</v>
      </c>
      <c r="E374">
        <v>2</v>
      </c>
      <c r="F374">
        <v>0</v>
      </c>
      <c r="H374" t="s">
        <v>1974</v>
      </c>
      <c r="J374" t="s">
        <v>1975</v>
      </c>
      <c r="O374">
        <v>398505</v>
      </c>
      <c r="P374">
        <v>1</v>
      </c>
      <c r="Q374">
        <v>0</v>
      </c>
      <c r="R374" t="s">
        <v>1976</v>
      </c>
      <c r="S374">
        <v>1909</v>
      </c>
    </row>
    <row r="375" spans="1:19" x14ac:dyDescent="0.25">
      <c r="A375">
        <v>28374129</v>
      </c>
      <c r="B375" t="s">
        <v>1977</v>
      </c>
      <c r="C375" s="1" t="s">
        <v>1978</v>
      </c>
      <c r="D375">
        <v>28377946</v>
      </c>
      <c r="E375">
        <v>1</v>
      </c>
      <c r="F375">
        <v>0</v>
      </c>
      <c r="H375" t="s">
        <v>1979</v>
      </c>
      <c r="J375" t="s">
        <v>1980</v>
      </c>
      <c r="O375">
        <v>1165587</v>
      </c>
      <c r="P375">
        <v>1</v>
      </c>
      <c r="Q375">
        <v>2</v>
      </c>
      <c r="R375" t="s">
        <v>1981</v>
      </c>
      <c r="S375">
        <v>993</v>
      </c>
    </row>
    <row r="376" spans="1:19" x14ac:dyDescent="0.25">
      <c r="A376">
        <v>3804178</v>
      </c>
      <c r="B376" t="s">
        <v>1982</v>
      </c>
      <c r="C376" s="1" t="s">
        <v>1983</v>
      </c>
      <c r="E376">
        <v>1</v>
      </c>
      <c r="F376">
        <v>0</v>
      </c>
      <c r="H376" t="s">
        <v>1984</v>
      </c>
      <c r="J376" t="s">
        <v>1985</v>
      </c>
      <c r="O376">
        <v>442928</v>
      </c>
      <c r="P376">
        <v>1</v>
      </c>
      <c r="Q376">
        <v>0</v>
      </c>
      <c r="R376" t="s">
        <v>1986</v>
      </c>
      <c r="S376">
        <v>298</v>
      </c>
    </row>
    <row r="377" spans="1:19" x14ac:dyDescent="0.25">
      <c r="A377">
        <v>2294606</v>
      </c>
      <c r="B377" t="s">
        <v>1987</v>
      </c>
      <c r="C377" s="1" t="s">
        <v>1988</v>
      </c>
      <c r="E377">
        <v>1</v>
      </c>
      <c r="F377">
        <v>1</v>
      </c>
      <c r="H377" t="s">
        <v>1989</v>
      </c>
      <c r="I377">
        <v>0</v>
      </c>
      <c r="J377" t="s">
        <v>1990</v>
      </c>
      <c r="K377" t="s">
        <v>1991</v>
      </c>
      <c r="M377">
        <v>12712</v>
      </c>
      <c r="O377">
        <v>276752</v>
      </c>
      <c r="P377">
        <v>1</v>
      </c>
      <c r="Q377">
        <v>0</v>
      </c>
      <c r="R377" t="s">
        <v>1992</v>
      </c>
      <c r="S377">
        <v>561</v>
      </c>
    </row>
    <row r="378" spans="1:19" x14ac:dyDescent="0.25">
      <c r="A378">
        <v>24415669</v>
      </c>
      <c r="B378" t="s">
        <v>1993</v>
      </c>
      <c r="C378" s="1" t="s">
        <v>1994</v>
      </c>
      <c r="E378">
        <v>1</v>
      </c>
      <c r="F378">
        <v>0</v>
      </c>
      <c r="H378" t="s">
        <v>1995</v>
      </c>
      <c r="J378" t="s">
        <v>1996</v>
      </c>
      <c r="K378" t="s">
        <v>1997</v>
      </c>
      <c r="M378">
        <v>590783</v>
      </c>
      <c r="O378">
        <v>3776303</v>
      </c>
      <c r="P378">
        <v>1</v>
      </c>
      <c r="Q378">
        <v>0</v>
      </c>
      <c r="R378" t="s">
        <v>1998</v>
      </c>
      <c r="S378">
        <v>757</v>
      </c>
    </row>
    <row r="379" spans="1:19" x14ac:dyDescent="0.25">
      <c r="A379">
        <v>26678433</v>
      </c>
      <c r="B379" t="s">
        <v>1999</v>
      </c>
      <c r="C379" s="1" t="s">
        <v>2000</v>
      </c>
      <c r="E379">
        <v>2</v>
      </c>
      <c r="F379">
        <v>0</v>
      </c>
      <c r="H379" t="s">
        <v>2001</v>
      </c>
      <c r="J379" t="s">
        <v>2002</v>
      </c>
      <c r="K379" t="s">
        <v>2003</v>
      </c>
      <c r="M379">
        <v>524632</v>
      </c>
      <c r="O379">
        <v>524632</v>
      </c>
      <c r="P379">
        <v>1</v>
      </c>
      <c r="Q379">
        <v>0</v>
      </c>
      <c r="R379" t="s">
        <v>2004</v>
      </c>
      <c r="S379">
        <v>92</v>
      </c>
    </row>
    <row r="380" spans="1:19" x14ac:dyDescent="0.25">
      <c r="A380">
        <v>45293456</v>
      </c>
      <c r="B380" t="s">
        <v>2005</v>
      </c>
      <c r="C380" s="1" t="s">
        <v>2006</v>
      </c>
      <c r="E380">
        <v>0</v>
      </c>
      <c r="F380">
        <v>0</v>
      </c>
      <c r="H380" t="s">
        <v>2007</v>
      </c>
      <c r="J380" t="s">
        <v>2007</v>
      </c>
      <c r="O380">
        <v>2500177</v>
      </c>
      <c r="P380">
        <v>1</v>
      </c>
      <c r="Q380">
        <v>1</v>
      </c>
      <c r="R380" t="s">
        <v>2008</v>
      </c>
      <c r="S380">
        <v>171</v>
      </c>
    </row>
    <row r="381" spans="1:19" x14ac:dyDescent="0.25">
      <c r="A381">
        <v>45043863</v>
      </c>
      <c r="B381" t="s">
        <v>2009</v>
      </c>
      <c r="C381" s="1" t="s">
        <v>2010</v>
      </c>
      <c r="D381">
        <v>50799526</v>
      </c>
      <c r="E381">
        <v>5</v>
      </c>
      <c r="F381">
        <v>1</v>
      </c>
      <c r="H381" t="s">
        <v>2011</v>
      </c>
      <c r="J381" t="s">
        <v>2012</v>
      </c>
      <c r="O381">
        <v>8291902</v>
      </c>
      <c r="P381">
        <v>1</v>
      </c>
      <c r="Q381">
        <v>0</v>
      </c>
      <c r="R381" t="s">
        <v>2013</v>
      </c>
      <c r="S381">
        <v>352</v>
      </c>
    </row>
    <row r="382" spans="1:19" x14ac:dyDescent="0.25">
      <c r="A382">
        <v>1546789</v>
      </c>
      <c r="B382" t="s">
        <v>2014</v>
      </c>
      <c r="C382" s="1" t="s">
        <v>2015</v>
      </c>
      <c r="D382">
        <v>1669254</v>
      </c>
      <c r="E382">
        <v>8</v>
      </c>
      <c r="F382">
        <v>6</v>
      </c>
      <c r="H382" t="s">
        <v>2016</v>
      </c>
      <c r="I382">
        <v>20</v>
      </c>
      <c r="J382" t="s">
        <v>2017</v>
      </c>
      <c r="K382" t="s">
        <v>2018</v>
      </c>
      <c r="M382">
        <v>61394</v>
      </c>
      <c r="O382">
        <v>61394</v>
      </c>
      <c r="P382">
        <v>1</v>
      </c>
      <c r="Q382">
        <v>93</v>
      </c>
      <c r="R382" t="s">
        <v>2019</v>
      </c>
      <c r="S382">
        <v>67317</v>
      </c>
    </row>
    <row r="383" spans="1:19" x14ac:dyDescent="0.25">
      <c r="A383">
        <v>4256259</v>
      </c>
      <c r="B383" t="s">
        <v>2020</v>
      </c>
      <c r="C383" s="1" t="s">
        <v>2021</v>
      </c>
      <c r="E383">
        <v>4</v>
      </c>
      <c r="F383">
        <v>0</v>
      </c>
      <c r="H383" t="s">
        <v>2022</v>
      </c>
      <c r="J383" t="s">
        <v>2023</v>
      </c>
      <c r="O383">
        <v>2186261</v>
      </c>
      <c r="P383">
        <v>1</v>
      </c>
      <c r="Q383">
        <v>0</v>
      </c>
      <c r="R383" t="s">
        <v>2024</v>
      </c>
      <c r="S383">
        <v>1628</v>
      </c>
    </row>
    <row r="384" spans="1:19" x14ac:dyDescent="0.25">
      <c r="A384">
        <v>14451007</v>
      </c>
      <c r="B384" t="s">
        <v>2025</v>
      </c>
      <c r="C384" s="1" t="s">
        <v>2026</v>
      </c>
      <c r="D384">
        <v>14451039</v>
      </c>
      <c r="E384">
        <v>1</v>
      </c>
      <c r="F384">
        <v>0</v>
      </c>
      <c r="H384" t="s">
        <v>2027</v>
      </c>
      <c r="J384" t="s">
        <v>2028</v>
      </c>
      <c r="K384" t="s">
        <v>2028</v>
      </c>
      <c r="M384">
        <v>491243</v>
      </c>
      <c r="O384">
        <v>841090</v>
      </c>
      <c r="P384">
        <v>1</v>
      </c>
      <c r="Q384">
        <v>1</v>
      </c>
      <c r="R384" t="s">
        <v>2029</v>
      </c>
      <c r="S384">
        <v>62</v>
      </c>
    </row>
    <row r="385" spans="1:19" x14ac:dyDescent="0.25">
      <c r="A385">
        <v>50510254</v>
      </c>
      <c r="B385" t="s">
        <v>2030</v>
      </c>
      <c r="C385" s="1" t="s">
        <v>2031</v>
      </c>
      <c r="E385">
        <v>0</v>
      </c>
      <c r="F385">
        <v>2</v>
      </c>
      <c r="H385" t="s">
        <v>2032</v>
      </c>
      <c r="J385" t="s">
        <v>2033</v>
      </c>
      <c r="K385" t="s">
        <v>2033</v>
      </c>
      <c r="M385">
        <v>5448626</v>
      </c>
      <c r="O385">
        <v>8356403</v>
      </c>
      <c r="P385">
        <v>1</v>
      </c>
      <c r="Q385">
        <v>0</v>
      </c>
      <c r="R385" t="s">
        <v>2034</v>
      </c>
      <c r="S385">
        <v>101</v>
      </c>
    </row>
    <row r="386" spans="1:19" x14ac:dyDescent="0.25">
      <c r="A386">
        <v>14594364</v>
      </c>
      <c r="B386" t="s">
        <v>2035</v>
      </c>
      <c r="C386" s="1" t="s">
        <v>2036</v>
      </c>
      <c r="D386">
        <v>14594464</v>
      </c>
      <c r="E386">
        <v>2</v>
      </c>
      <c r="F386">
        <v>3</v>
      </c>
      <c r="H386" t="s">
        <v>2037</v>
      </c>
      <c r="J386" t="s">
        <v>2038</v>
      </c>
      <c r="O386">
        <v>2023525</v>
      </c>
      <c r="P386">
        <v>1</v>
      </c>
      <c r="Q386">
        <v>2</v>
      </c>
      <c r="R386" t="s">
        <v>2039</v>
      </c>
      <c r="S386">
        <v>2224</v>
      </c>
    </row>
    <row r="387" spans="1:19" x14ac:dyDescent="0.25">
      <c r="A387">
        <v>52842492</v>
      </c>
      <c r="B387" t="s">
        <v>2040</v>
      </c>
      <c r="C387" t="s">
        <v>2041</v>
      </c>
      <c r="D387">
        <v>52842860</v>
      </c>
      <c r="E387">
        <v>1</v>
      </c>
      <c r="F387">
        <v>1</v>
      </c>
      <c r="H387" t="s">
        <v>2042</v>
      </c>
      <c r="J387" t="s">
        <v>2043</v>
      </c>
      <c r="O387">
        <v>8369515</v>
      </c>
      <c r="P387">
        <v>1</v>
      </c>
      <c r="Q387">
        <v>-2</v>
      </c>
      <c r="R387" t="s">
        <v>2044</v>
      </c>
      <c r="S387">
        <v>26</v>
      </c>
    </row>
    <row r="388" spans="1:19" x14ac:dyDescent="0.25">
      <c r="A388">
        <v>33663686</v>
      </c>
      <c r="B388" t="s">
        <v>2045</v>
      </c>
      <c r="C388" s="1" t="s">
        <v>2046</v>
      </c>
      <c r="D388">
        <v>33663928</v>
      </c>
      <c r="E388">
        <v>3</v>
      </c>
      <c r="F388">
        <v>3</v>
      </c>
      <c r="H388" t="s">
        <v>2047</v>
      </c>
      <c r="J388" t="s">
        <v>2048</v>
      </c>
      <c r="O388">
        <v>5513510</v>
      </c>
      <c r="P388">
        <v>1</v>
      </c>
      <c r="Q388">
        <v>1</v>
      </c>
      <c r="R388" t="s">
        <v>229</v>
      </c>
      <c r="S388">
        <v>293</v>
      </c>
    </row>
    <row r="389" spans="1:19" x14ac:dyDescent="0.25">
      <c r="A389">
        <v>25671179</v>
      </c>
      <c r="B389" t="s">
        <v>2049</v>
      </c>
      <c r="C389" s="1" t="s">
        <v>2050</v>
      </c>
      <c r="D389">
        <v>25753896</v>
      </c>
      <c r="E389">
        <v>1</v>
      </c>
      <c r="F389">
        <v>0</v>
      </c>
      <c r="H389" t="s">
        <v>2051</v>
      </c>
      <c r="J389" t="s">
        <v>2052</v>
      </c>
      <c r="O389">
        <v>3325419</v>
      </c>
      <c r="P389">
        <v>1</v>
      </c>
      <c r="Q389">
        <v>0</v>
      </c>
      <c r="R389" t="s">
        <v>2053</v>
      </c>
      <c r="S389">
        <v>153</v>
      </c>
    </row>
    <row r="390" spans="1:19" x14ac:dyDescent="0.25">
      <c r="A390">
        <v>34980173</v>
      </c>
      <c r="B390" t="s">
        <v>2054</v>
      </c>
      <c r="C390" s="1" t="s">
        <v>2055</v>
      </c>
      <c r="D390">
        <v>34980723</v>
      </c>
      <c r="E390">
        <v>1</v>
      </c>
      <c r="F390">
        <v>7</v>
      </c>
      <c r="H390" t="s">
        <v>2056</v>
      </c>
      <c r="J390" t="s">
        <v>2057</v>
      </c>
      <c r="K390" t="s">
        <v>2058</v>
      </c>
      <c r="M390">
        <v>5833701</v>
      </c>
      <c r="O390">
        <v>5833701</v>
      </c>
      <c r="P390">
        <v>1</v>
      </c>
      <c r="Q390">
        <v>1</v>
      </c>
      <c r="R390" t="s">
        <v>413</v>
      </c>
      <c r="S390">
        <v>35</v>
      </c>
    </row>
    <row r="391" spans="1:19" x14ac:dyDescent="0.25">
      <c r="A391">
        <v>11208280</v>
      </c>
      <c r="B391" t="s">
        <v>2059</v>
      </c>
      <c r="C391" t="s">
        <v>2060</v>
      </c>
      <c r="D391">
        <v>11208338</v>
      </c>
      <c r="E391">
        <v>1</v>
      </c>
      <c r="F391">
        <v>2</v>
      </c>
      <c r="H391" t="s">
        <v>2061</v>
      </c>
      <c r="I391">
        <v>1</v>
      </c>
      <c r="J391" t="s">
        <v>2062</v>
      </c>
      <c r="O391">
        <v>1235655</v>
      </c>
      <c r="P391">
        <v>1</v>
      </c>
      <c r="Q391">
        <v>3</v>
      </c>
      <c r="R391" t="s">
        <v>2063</v>
      </c>
      <c r="S391">
        <v>2648</v>
      </c>
    </row>
    <row r="392" spans="1:19" x14ac:dyDescent="0.25">
      <c r="A392">
        <v>42494307</v>
      </c>
      <c r="B392" t="s">
        <v>2064</v>
      </c>
      <c r="C392" s="1" t="s">
        <v>2065</v>
      </c>
      <c r="E392">
        <v>1</v>
      </c>
      <c r="F392">
        <v>3</v>
      </c>
      <c r="H392" t="s">
        <v>2066</v>
      </c>
      <c r="J392" t="s">
        <v>2067</v>
      </c>
      <c r="K392" t="s">
        <v>2067</v>
      </c>
      <c r="M392">
        <v>7599755</v>
      </c>
      <c r="O392">
        <v>7599755</v>
      </c>
      <c r="P392">
        <v>1</v>
      </c>
      <c r="Q392">
        <v>1</v>
      </c>
      <c r="R392" t="s">
        <v>2068</v>
      </c>
      <c r="S392">
        <v>268</v>
      </c>
    </row>
    <row r="393" spans="1:19" x14ac:dyDescent="0.25">
      <c r="A393">
        <v>52848292</v>
      </c>
      <c r="B393" t="s">
        <v>2069</v>
      </c>
      <c r="C393" s="1" t="s">
        <v>2070</v>
      </c>
      <c r="E393">
        <v>0</v>
      </c>
      <c r="F393">
        <v>0</v>
      </c>
      <c r="H393" t="s">
        <v>2071</v>
      </c>
      <c r="J393" t="s">
        <v>2071</v>
      </c>
      <c r="O393">
        <v>10167429</v>
      </c>
      <c r="P393">
        <v>1</v>
      </c>
      <c r="Q393">
        <v>0</v>
      </c>
      <c r="R393" t="s">
        <v>2072</v>
      </c>
      <c r="S393">
        <v>37</v>
      </c>
    </row>
    <row r="394" spans="1:19" x14ac:dyDescent="0.25">
      <c r="A394">
        <v>51713247</v>
      </c>
      <c r="B394" t="s">
        <v>2073</v>
      </c>
      <c r="C394" t="s">
        <v>2074</v>
      </c>
      <c r="E394">
        <v>0</v>
      </c>
      <c r="F394">
        <v>0</v>
      </c>
      <c r="H394" t="s">
        <v>2075</v>
      </c>
      <c r="J394" t="s">
        <v>2076</v>
      </c>
      <c r="K394" t="s">
        <v>2076</v>
      </c>
      <c r="M394">
        <v>6368697</v>
      </c>
      <c r="O394">
        <v>10188142</v>
      </c>
      <c r="P394">
        <v>1</v>
      </c>
      <c r="Q394">
        <v>0</v>
      </c>
      <c r="R394" t="s">
        <v>2077</v>
      </c>
      <c r="S394">
        <v>14</v>
      </c>
    </row>
    <row r="395" spans="1:19" x14ac:dyDescent="0.25">
      <c r="A395">
        <v>26753048</v>
      </c>
      <c r="B395" t="s">
        <v>2078</v>
      </c>
      <c r="C395" s="1" t="s">
        <v>2079</v>
      </c>
      <c r="D395">
        <v>26753413</v>
      </c>
      <c r="E395">
        <v>4</v>
      </c>
      <c r="F395">
        <v>1</v>
      </c>
      <c r="H395" t="s">
        <v>2080</v>
      </c>
      <c r="J395" t="s">
        <v>2081</v>
      </c>
      <c r="O395">
        <v>2197837</v>
      </c>
      <c r="P395">
        <v>1</v>
      </c>
      <c r="Q395">
        <v>1</v>
      </c>
      <c r="R395" t="s">
        <v>2082</v>
      </c>
      <c r="S395">
        <v>282</v>
      </c>
    </row>
    <row r="396" spans="1:19" x14ac:dyDescent="0.25">
      <c r="A396">
        <v>51570131</v>
      </c>
      <c r="B396" t="s">
        <v>2083</v>
      </c>
      <c r="C396" s="1" t="s">
        <v>2084</v>
      </c>
      <c r="E396">
        <v>0</v>
      </c>
      <c r="F396">
        <v>4</v>
      </c>
      <c r="H396" t="s">
        <v>2085</v>
      </c>
      <c r="J396" t="s">
        <v>2086</v>
      </c>
      <c r="K396" t="s">
        <v>2086</v>
      </c>
      <c r="M396">
        <v>1503606</v>
      </c>
      <c r="O396">
        <v>1503606</v>
      </c>
      <c r="P396">
        <v>1</v>
      </c>
      <c r="Q396">
        <v>0</v>
      </c>
      <c r="R396" t="s">
        <v>413</v>
      </c>
      <c r="S396">
        <v>39</v>
      </c>
    </row>
    <row r="397" spans="1:19" x14ac:dyDescent="0.25">
      <c r="A397">
        <v>39347601</v>
      </c>
      <c r="B397" t="s">
        <v>2087</v>
      </c>
      <c r="C397" s="1" t="s">
        <v>2088</v>
      </c>
      <c r="D397">
        <v>39392590</v>
      </c>
      <c r="E397">
        <v>1</v>
      </c>
      <c r="F397">
        <v>1</v>
      </c>
      <c r="H397" t="s">
        <v>2089</v>
      </c>
      <c r="J397" t="s">
        <v>2090</v>
      </c>
      <c r="O397">
        <v>4842131</v>
      </c>
      <c r="P397">
        <v>1</v>
      </c>
      <c r="Q397">
        <v>0</v>
      </c>
      <c r="R397" t="s">
        <v>2091</v>
      </c>
      <c r="S397">
        <v>1132</v>
      </c>
    </row>
    <row r="398" spans="1:19" x14ac:dyDescent="0.25">
      <c r="A398">
        <v>25227901</v>
      </c>
      <c r="B398" t="s">
        <v>2092</v>
      </c>
      <c r="C398" s="1" t="s">
        <v>2093</v>
      </c>
      <c r="D398">
        <v>25228005</v>
      </c>
      <c r="E398">
        <v>4</v>
      </c>
      <c r="F398">
        <v>0</v>
      </c>
      <c r="H398" t="s">
        <v>2094</v>
      </c>
      <c r="J398" t="s">
        <v>2095</v>
      </c>
      <c r="O398">
        <v>903790</v>
      </c>
      <c r="P398">
        <v>1</v>
      </c>
      <c r="Q398">
        <v>0</v>
      </c>
      <c r="R398" t="s">
        <v>2096</v>
      </c>
      <c r="S398">
        <v>864</v>
      </c>
    </row>
    <row r="399" spans="1:19" x14ac:dyDescent="0.25">
      <c r="A399">
        <v>43315156</v>
      </c>
      <c r="B399" t="s">
        <v>2097</v>
      </c>
      <c r="C399" s="1" t="s">
        <v>2098</v>
      </c>
      <c r="D399">
        <v>43316136</v>
      </c>
      <c r="E399">
        <v>4</v>
      </c>
      <c r="F399">
        <v>3</v>
      </c>
      <c r="H399" t="s">
        <v>2099</v>
      </c>
      <c r="J399" t="s">
        <v>2100</v>
      </c>
      <c r="K399" t="s">
        <v>2101</v>
      </c>
      <c r="M399">
        <v>6060168</v>
      </c>
      <c r="O399">
        <v>5118248</v>
      </c>
      <c r="P399">
        <v>1</v>
      </c>
      <c r="Q399">
        <v>0</v>
      </c>
      <c r="R399" t="s">
        <v>2102</v>
      </c>
      <c r="S399">
        <v>1019</v>
      </c>
    </row>
    <row r="400" spans="1:19" x14ac:dyDescent="0.25">
      <c r="A400">
        <v>20603766</v>
      </c>
      <c r="B400" t="s">
        <v>2103</v>
      </c>
      <c r="C400" s="1" t="s">
        <v>2104</v>
      </c>
      <c r="D400">
        <v>20605879</v>
      </c>
      <c r="E400">
        <v>1</v>
      </c>
      <c r="F400">
        <v>8</v>
      </c>
      <c r="H400" t="s">
        <v>2105</v>
      </c>
      <c r="J400" t="s">
        <v>2106</v>
      </c>
      <c r="K400" t="s">
        <v>2107</v>
      </c>
      <c r="M400">
        <v>1548523</v>
      </c>
      <c r="O400">
        <v>1548523</v>
      </c>
      <c r="P400">
        <v>1</v>
      </c>
      <c r="Q400">
        <v>0</v>
      </c>
      <c r="R400" t="s">
        <v>2108</v>
      </c>
      <c r="S400">
        <v>307</v>
      </c>
    </row>
    <row r="401" spans="1:19" x14ac:dyDescent="0.25">
      <c r="A401">
        <v>4600066</v>
      </c>
      <c r="B401" t="s">
        <v>2109</v>
      </c>
      <c r="C401" s="1" t="s">
        <v>2110</v>
      </c>
      <c r="E401">
        <v>2</v>
      </c>
      <c r="F401">
        <v>0</v>
      </c>
      <c r="H401" t="s">
        <v>2111</v>
      </c>
      <c r="J401" t="s">
        <v>2112</v>
      </c>
      <c r="K401" t="s">
        <v>2113</v>
      </c>
      <c r="M401">
        <v>200936</v>
      </c>
      <c r="O401">
        <v>551962</v>
      </c>
      <c r="P401">
        <v>1</v>
      </c>
      <c r="Q401">
        <v>0</v>
      </c>
      <c r="R401" t="s">
        <v>2114</v>
      </c>
      <c r="S401">
        <v>763</v>
      </c>
    </row>
    <row r="402" spans="1:19" x14ac:dyDescent="0.25">
      <c r="A402">
        <v>693193</v>
      </c>
      <c r="B402" t="s">
        <v>2115</v>
      </c>
      <c r="C402" s="1" t="s">
        <v>2116</v>
      </c>
      <c r="D402">
        <v>693197</v>
      </c>
      <c r="E402">
        <v>1</v>
      </c>
      <c r="F402">
        <v>0</v>
      </c>
      <c r="H402" t="s">
        <v>2117</v>
      </c>
      <c r="J402" t="s">
        <v>2118</v>
      </c>
      <c r="K402" t="s">
        <v>2119</v>
      </c>
      <c r="L402" t="s">
        <v>2120</v>
      </c>
      <c r="M402">
        <v>2025</v>
      </c>
      <c r="N402" t="s">
        <v>2121</v>
      </c>
      <c r="O402">
        <v>83905</v>
      </c>
      <c r="P402">
        <v>1</v>
      </c>
      <c r="Q402">
        <v>1</v>
      </c>
      <c r="R402" t="s">
        <v>2122</v>
      </c>
      <c r="S402">
        <v>4428</v>
      </c>
    </row>
    <row r="403" spans="1:19" x14ac:dyDescent="0.25">
      <c r="A403">
        <v>46298790</v>
      </c>
      <c r="B403" t="s">
        <v>2123</v>
      </c>
      <c r="C403" s="1" t="s">
        <v>2124</v>
      </c>
      <c r="D403">
        <v>46306361</v>
      </c>
      <c r="E403">
        <v>3</v>
      </c>
      <c r="F403">
        <v>3</v>
      </c>
      <c r="H403" t="s">
        <v>2125</v>
      </c>
      <c r="J403" t="s">
        <v>2126</v>
      </c>
      <c r="K403" t="s">
        <v>2126</v>
      </c>
      <c r="M403">
        <v>7735532</v>
      </c>
      <c r="O403">
        <v>7735532</v>
      </c>
      <c r="P403">
        <v>1</v>
      </c>
      <c r="Q403">
        <v>0</v>
      </c>
      <c r="R403" t="s">
        <v>1754</v>
      </c>
      <c r="S403">
        <v>618</v>
      </c>
    </row>
    <row r="404" spans="1:19" x14ac:dyDescent="0.25">
      <c r="A404">
        <v>6710350</v>
      </c>
      <c r="B404" t="s">
        <v>2127</v>
      </c>
      <c r="C404" t="s">
        <v>2128</v>
      </c>
      <c r="D404">
        <v>6713290</v>
      </c>
      <c r="E404">
        <v>4</v>
      </c>
      <c r="F404">
        <v>0</v>
      </c>
      <c r="H404" t="s">
        <v>2129</v>
      </c>
      <c r="I404">
        <v>31</v>
      </c>
      <c r="J404" t="s">
        <v>2130</v>
      </c>
      <c r="K404" t="s">
        <v>2131</v>
      </c>
      <c r="M404">
        <v>63550</v>
      </c>
      <c r="O404">
        <v>765134</v>
      </c>
      <c r="P404">
        <v>1</v>
      </c>
      <c r="Q404">
        <v>107</v>
      </c>
      <c r="R404" t="s">
        <v>2132</v>
      </c>
      <c r="S404">
        <v>79107</v>
      </c>
    </row>
    <row r="405" spans="1:19" x14ac:dyDescent="0.25">
      <c r="A405">
        <v>19679349</v>
      </c>
      <c r="B405" t="s">
        <v>2133</v>
      </c>
      <c r="C405" s="1" t="s">
        <v>2134</v>
      </c>
      <c r="D405">
        <v>19692450</v>
      </c>
      <c r="E405">
        <v>1</v>
      </c>
      <c r="F405">
        <v>2</v>
      </c>
      <c r="H405" t="s">
        <v>2135</v>
      </c>
      <c r="J405" t="s">
        <v>2136</v>
      </c>
      <c r="O405">
        <v>2884988</v>
      </c>
      <c r="P405">
        <v>1</v>
      </c>
      <c r="Q405">
        <v>1</v>
      </c>
      <c r="R405" t="s">
        <v>2137</v>
      </c>
      <c r="S405">
        <v>142</v>
      </c>
    </row>
    <row r="406" spans="1:19" x14ac:dyDescent="0.25">
      <c r="A406">
        <v>4327629</v>
      </c>
      <c r="B406" t="s">
        <v>2138</v>
      </c>
      <c r="C406" s="1" t="s">
        <v>2139</v>
      </c>
      <c r="E406">
        <v>13</v>
      </c>
      <c r="F406">
        <v>1</v>
      </c>
      <c r="H406" t="s">
        <v>2140</v>
      </c>
      <c r="I406">
        <v>30</v>
      </c>
      <c r="J406" t="s">
        <v>2141</v>
      </c>
      <c r="K406" t="s">
        <v>2142</v>
      </c>
      <c r="M406">
        <v>67097</v>
      </c>
      <c r="O406">
        <v>486578</v>
      </c>
      <c r="P406">
        <v>1</v>
      </c>
      <c r="Q406">
        <v>62</v>
      </c>
      <c r="R406" t="s">
        <v>1288</v>
      </c>
      <c r="S406">
        <v>113478</v>
      </c>
    </row>
    <row r="407" spans="1:19" x14ac:dyDescent="0.25">
      <c r="A407">
        <v>17814543</v>
      </c>
      <c r="B407" t="s">
        <v>2143</v>
      </c>
      <c r="C407" s="1" t="s">
        <v>2144</v>
      </c>
      <c r="D407">
        <v>17814897</v>
      </c>
      <c r="E407">
        <v>1</v>
      </c>
      <c r="F407">
        <v>0</v>
      </c>
      <c r="H407" t="s">
        <v>2145</v>
      </c>
      <c r="J407" t="s">
        <v>2146</v>
      </c>
      <c r="N407" t="s">
        <v>2147</v>
      </c>
      <c r="P407">
        <v>1</v>
      </c>
      <c r="Q407">
        <v>0</v>
      </c>
      <c r="R407" t="s">
        <v>2148</v>
      </c>
      <c r="S407">
        <v>38</v>
      </c>
    </row>
    <row r="408" spans="1:19" x14ac:dyDescent="0.25">
      <c r="A408">
        <v>52853280</v>
      </c>
      <c r="B408" t="s">
        <v>2149</v>
      </c>
      <c r="C408" s="1" t="s">
        <v>2150</v>
      </c>
      <c r="E408">
        <v>2</v>
      </c>
      <c r="F408">
        <v>0</v>
      </c>
      <c r="H408" t="s">
        <v>2151</v>
      </c>
      <c r="J408" t="s">
        <v>2152</v>
      </c>
      <c r="O408">
        <v>10518046</v>
      </c>
      <c r="P408">
        <v>1</v>
      </c>
      <c r="Q408">
        <v>0</v>
      </c>
      <c r="R408" t="s">
        <v>2153</v>
      </c>
      <c r="S408">
        <v>37</v>
      </c>
    </row>
    <row r="409" spans="1:19" x14ac:dyDescent="0.25">
      <c r="A409">
        <v>44117793</v>
      </c>
      <c r="B409" t="s">
        <v>2154</v>
      </c>
      <c r="C409" s="1" t="s">
        <v>2155</v>
      </c>
      <c r="E409">
        <v>1</v>
      </c>
      <c r="F409">
        <v>0</v>
      </c>
      <c r="H409" t="s">
        <v>2156</v>
      </c>
      <c r="J409" t="s">
        <v>2157</v>
      </c>
      <c r="K409" t="s">
        <v>2158</v>
      </c>
      <c r="M409">
        <v>3584881</v>
      </c>
      <c r="O409">
        <v>6120722</v>
      </c>
      <c r="P409">
        <v>1</v>
      </c>
      <c r="Q409">
        <v>0</v>
      </c>
      <c r="R409" t="s">
        <v>2159</v>
      </c>
      <c r="S409">
        <v>62</v>
      </c>
    </row>
    <row r="410" spans="1:19" x14ac:dyDescent="0.25">
      <c r="A410">
        <v>29982864</v>
      </c>
      <c r="B410" t="s">
        <v>2160</v>
      </c>
      <c r="C410" s="1" t="s">
        <v>2161</v>
      </c>
      <c r="E410">
        <v>1</v>
      </c>
      <c r="F410">
        <v>3</v>
      </c>
      <c r="H410" t="s">
        <v>2162</v>
      </c>
      <c r="J410" t="s">
        <v>2163</v>
      </c>
      <c r="K410" t="s">
        <v>2164</v>
      </c>
      <c r="M410">
        <v>4519943</v>
      </c>
      <c r="O410">
        <v>4519943</v>
      </c>
      <c r="P410">
        <v>1</v>
      </c>
      <c r="Q410">
        <v>1</v>
      </c>
      <c r="R410" t="s">
        <v>2165</v>
      </c>
      <c r="S410">
        <v>393</v>
      </c>
    </row>
    <row r="411" spans="1:19" x14ac:dyDescent="0.25">
      <c r="A411">
        <v>32090921</v>
      </c>
      <c r="B411" t="s">
        <v>2166</v>
      </c>
      <c r="C411" s="1" t="s">
        <v>2167</v>
      </c>
      <c r="D411">
        <v>47320971</v>
      </c>
      <c r="E411">
        <v>17</v>
      </c>
      <c r="F411">
        <v>3</v>
      </c>
      <c r="H411" t="s">
        <v>2168</v>
      </c>
      <c r="I411">
        <v>43</v>
      </c>
      <c r="J411" t="s">
        <v>2169</v>
      </c>
      <c r="K411" t="s">
        <v>2169</v>
      </c>
      <c r="M411">
        <v>2368238</v>
      </c>
      <c r="O411">
        <v>2995424</v>
      </c>
      <c r="P411">
        <v>1</v>
      </c>
      <c r="Q411">
        <v>131</v>
      </c>
      <c r="R411" t="s">
        <v>2170</v>
      </c>
      <c r="S411">
        <v>189465</v>
      </c>
    </row>
    <row r="412" spans="1:19" x14ac:dyDescent="0.25">
      <c r="A412">
        <v>1383714</v>
      </c>
      <c r="B412" t="s">
        <v>2171</v>
      </c>
      <c r="C412" s="1" t="s">
        <v>2172</v>
      </c>
      <c r="E412">
        <v>1</v>
      </c>
      <c r="F412">
        <v>2</v>
      </c>
      <c r="H412" t="s">
        <v>2173</v>
      </c>
      <c r="J412" t="s">
        <v>2174</v>
      </c>
      <c r="K412" t="s">
        <v>2175</v>
      </c>
      <c r="M412">
        <v>125857</v>
      </c>
      <c r="O412">
        <v>125857</v>
      </c>
      <c r="P412">
        <v>1</v>
      </c>
      <c r="Q412">
        <v>0</v>
      </c>
      <c r="R412" t="s">
        <v>2176</v>
      </c>
      <c r="S412">
        <v>57</v>
      </c>
    </row>
    <row r="413" spans="1:19" x14ac:dyDescent="0.25">
      <c r="A413">
        <v>24649728</v>
      </c>
      <c r="B413" t="s">
        <v>2177</v>
      </c>
      <c r="C413" s="1" t="s">
        <v>2178</v>
      </c>
      <c r="D413">
        <v>24650666</v>
      </c>
      <c r="E413">
        <v>4</v>
      </c>
      <c r="F413">
        <v>3</v>
      </c>
      <c r="H413" t="s">
        <v>2179</v>
      </c>
      <c r="J413" t="s">
        <v>2180</v>
      </c>
      <c r="K413" t="s">
        <v>2181</v>
      </c>
      <c r="M413">
        <v>2594742</v>
      </c>
      <c r="O413">
        <v>2765289</v>
      </c>
      <c r="P413">
        <v>1</v>
      </c>
      <c r="Q413">
        <v>1</v>
      </c>
      <c r="R413" t="s">
        <v>2182</v>
      </c>
      <c r="S413">
        <v>4518</v>
      </c>
    </row>
    <row r="414" spans="1:19" x14ac:dyDescent="0.25">
      <c r="A414">
        <v>36371500</v>
      </c>
      <c r="B414" t="s">
        <v>2183</v>
      </c>
      <c r="C414" s="1" t="s">
        <v>2184</v>
      </c>
      <c r="E414">
        <v>0</v>
      </c>
      <c r="F414">
        <v>2</v>
      </c>
      <c r="H414" t="s">
        <v>2185</v>
      </c>
      <c r="J414" t="s">
        <v>2185</v>
      </c>
      <c r="O414">
        <v>3890273</v>
      </c>
      <c r="P414">
        <v>1</v>
      </c>
      <c r="Q414">
        <v>1</v>
      </c>
      <c r="R414" t="s">
        <v>2186</v>
      </c>
      <c r="S414">
        <v>47</v>
      </c>
    </row>
    <row r="415" spans="1:19" x14ac:dyDescent="0.25">
      <c r="A415">
        <v>27503953</v>
      </c>
      <c r="B415" t="s">
        <v>2187</v>
      </c>
      <c r="C415" s="1" t="s">
        <v>2188</v>
      </c>
      <c r="E415">
        <v>3</v>
      </c>
      <c r="F415">
        <v>0</v>
      </c>
      <c r="H415" t="s">
        <v>2189</v>
      </c>
      <c r="J415" t="s">
        <v>2190</v>
      </c>
      <c r="K415" t="s">
        <v>2191</v>
      </c>
      <c r="M415">
        <v>2144559</v>
      </c>
      <c r="O415">
        <v>2144559</v>
      </c>
      <c r="P415">
        <v>1</v>
      </c>
      <c r="Q415">
        <v>1</v>
      </c>
      <c r="R415" t="s">
        <v>2192</v>
      </c>
      <c r="S415">
        <v>1330</v>
      </c>
    </row>
    <row r="416" spans="1:19" x14ac:dyDescent="0.25">
      <c r="A416">
        <v>49642056</v>
      </c>
      <c r="B416" t="s">
        <v>2193</v>
      </c>
      <c r="C416" t="s">
        <v>2194</v>
      </c>
      <c r="E416">
        <v>1</v>
      </c>
      <c r="F416">
        <v>2</v>
      </c>
      <c r="H416" t="s">
        <v>2195</v>
      </c>
      <c r="I416">
        <v>1</v>
      </c>
      <c r="J416" t="s">
        <v>2196</v>
      </c>
      <c r="O416">
        <v>9571594</v>
      </c>
      <c r="P416">
        <v>1</v>
      </c>
      <c r="Q416">
        <v>0</v>
      </c>
      <c r="R416" t="s">
        <v>2197</v>
      </c>
      <c r="S416">
        <v>658</v>
      </c>
    </row>
    <row r="417" spans="1:19" x14ac:dyDescent="0.25">
      <c r="A417">
        <v>18346446</v>
      </c>
      <c r="B417" t="s">
        <v>2198</v>
      </c>
      <c r="C417" s="1" t="s">
        <v>2199</v>
      </c>
      <c r="D417">
        <v>18347603</v>
      </c>
      <c r="E417">
        <v>1</v>
      </c>
      <c r="F417">
        <v>2</v>
      </c>
      <c r="H417" t="s">
        <v>2200</v>
      </c>
      <c r="J417" t="s">
        <v>2201</v>
      </c>
      <c r="O417">
        <v>626442</v>
      </c>
      <c r="P417">
        <v>1</v>
      </c>
      <c r="Q417">
        <v>1</v>
      </c>
      <c r="R417" t="s">
        <v>2202</v>
      </c>
      <c r="S417">
        <v>51</v>
      </c>
    </row>
    <row r="418" spans="1:19" x14ac:dyDescent="0.25">
      <c r="A418">
        <v>48033241</v>
      </c>
      <c r="B418" t="s">
        <v>2203</v>
      </c>
      <c r="C418" s="1" t="s">
        <v>2204</v>
      </c>
      <c r="D418">
        <v>48033362</v>
      </c>
      <c r="E418">
        <v>1</v>
      </c>
      <c r="F418">
        <v>0</v>
      </c>
      <c r="H418" t="s">
        <v>2205</v>
      </c>
      <c r="J418" t="s">
        <v>2206</v>
      </c>
      <c r="O418">
        <v>9123717</v>
      </c>
      <c r="P418">
        <v>1</v>
      </c>
      <c r="Q418">
        <v>2</v>
      </c>
      <c r="R418" t="s">
        <v>2207</v>
      </c>
      <c r="S418">
        <v>57</v>
      </c>
    </row>
    <row r="419" spans="1:19" x14ac:dyDescent="0.25">
      <c r="A419">
        <v>49956762</v>
      </c>
      <c r="B419" t="s">
        <v>2208</v>
      </c>
      <c r="C419" s="1" t="s">
        <v>2209</v>
      </c>
      <c r="D419">
        <v>49956895</v>
      </c>
      <c r="E419">
        <v>1</v>
      </c>
      <c r="F419">
        <v>0</v>
      </c>
      <c r="H419" t="s">
        <v>2210</v>
      </c>
      <c r="J419" t="s">
        <v>2211</v>
      </c>
      <c r="K419" t="s">
        <v>2211</v>
      </c>
      <c r="M419">
        <v>1995738</v>
      </c>
      <c r="O419">
        <v>2172547</v>
      </c>
      <c r="P419">
        <v>1</v>
      </c>
      <c r="Q419">
        <v>1</v>
      </c>
      <c r="R419" t="s">
        <v>2212</v>
      </c>
      <c r="S419">
        <v>476</v>
      </c>
    </row>
    <row r="420" spans="1:19" x14ac:dyDescent="0.25">
      <c r="A420">
        <v>2391213</v>
      </c>
      <c r="B420" t="s">
        <v>2213</v>
      </c>
      <c r="C420" s="1" t="s">
        <v>2214</v>
      </c>
      <c r="D420">
        <v>2391346</v>
      </c>
      <c r="E420">
        <v>1</v>
      </c>
      <c r="F420">
        <v>1</v>
      </c>
      <c r="H420" t="s">
        <v>2215</v>
      </c>
      <c r="J420" t="s">
        <v>2216</v>
      </c>
      <c r="K420" t="s">
        <v>2216</v>
      </c>
      <c r="M420">
        <v>938089</v>
      </c>
      <c r="O420">
        <v>271843</v>
      </c>
      <c r="P420">
        <v>1</v>
      </c>
      <c r="Q420">
        <v>1</v>
      </c>
      <c r="R420" t="s">
        <v>2217</v>
      </c>
      <c r="S420">
        <v>1717</v>
      </c>
    </row>
    <row r="421" spans="1:19" x14ac:dyDescent="0.25">
      <c r="A421">
        <v>40007391</v>
      </c>
      <c r="B421" t="s">
        <v>2218</v>
      </c>
      <c r="C421" s="1" t="s">
        <v>2219</v>
      </c>
      <c r="D421">
        <v>40007929</v>
      </c>
      <c r="E421">
        <v>1</v>
      </c>
      <c r="F421">
        <v>0</v>
      </c>
      <c r="H421" t="s">
        <v>2220</v>
      </c>
      <c r="I421">
        <v>1</v>
      </c>
      <c r="J421" t="s">
        <v>2221</v>
      </c>
      <c r="O421">
        <v>6014098</v>
      </c>
      <c r="P421">
        <v>1</v>
      </c>
      <c r="Q421">
        <v>1</v>
      </c>
      <c r="R421" t="s">
        <v>2222</v>
      </c>
      <c r="S421">
        <v>944</v>
      </c>
    </row>
    <row r="422" spans="1:19" x14ac:dyDescent="0.25">
      <c r="A422">
        <v>28844868</v>
      </c>
      <c r="B422" t="s">
        <v>2223</v>
      </c>
      <c r="C422" s="1" t="s">
        <v>2224</v>
      </c>
      <c r="E422">
        <v>0</v>
      </c>
      <c r="F422">
        <v>4</v>
      </c>
      <c r="H422" t="s">
        <v>2225</v>
      </c>
      <c r="J422" t="s">
        <v>2225</v>
      </c>
      <c r="O422">
        <v>2402023</v>
      </c>
      <c r="P422">
        <v>1</v>
      </c>
      <c r="Q422">
        <v>1</v>
      </c>
      <c r="R422" t="s">
        <v>2226</v>
      </c>
      <c r="S422">
        <v>130</v>
      </c>
    </row>
    <row r="423" spans="1:19" x14ac:dyDescent="0.25">
      <c r="A423">
        <v>423515</v>
      </c>
      <c r="B423" t="s">
        <v>2227</v>
      </c>
      <c r="C423" s="1" t="s">
        <v>2228</v>
      </c>
      <c r="E423">
        <v>3</v>
      </c>
      <c r="F423">
        <v>2</v>
      </c>
      <c r="H423" t="s">
        <v>2229</v>
      </c>
      <c r="I423">
        <v>0</v>
      </c>
      <c r="J423" t="s">
        <v>2230</v>
      </c>
      <c r="K423" t="s">
        <v>2230</v>
      </c>
      <c r="M423">
        <v>97160</v>
      </c>
      <c r="N423" t="s">
        <v>2231</v>
      </c>
      <c r="O423">
        <v>51162</v>
      </c>
      <c r="P423">
        <v>1</v>
      </c>
      <c r="Q423">
        <v>2</v>
      </c>
      <c r="R423" t="s">
        <v>2232</v>
      </c>
      <c r="S423">
        <v>3019</v>
      </c>
    </row>
    <row r="424" spans="1:19" x14ac:dyDescent="0.25">
      <c r="A424">
        <v>30879607</v>
      </c>
      <c r="B424" t="s">
        <v>2233</v>
      </c>
      <c r="C424" s="1" t="s">
        <v>2234</v>
      </c>
      <c r="E424">
        <v>1</v>
      </c>
      <c r="F424">
        <v>5</v>
      </c>
      <c r="H424" t="s">
        <v>2235</v>
      </c>
      <c r="J424" t="s">
        <v>2236</v>
      </c>
      <c r="K424" t="s">
        <v>2237</v>
      </c>
      <c r="M424">
        <v>4404108</v>
      </c>
      <c r="O424">
        <v>4404108</v>
      </c>
      <c r="P424">
        <v>1</v>
      </c>
      <c r="Q424">
        <v>0</v>
      </c>
      <c r="R424" t="s">
        <v>191</v>
      </c>
      <c r="S424">
        <v>70</v>
      </c>
    </row>
    <row r="425" spans="1:19" x14ac:dyDescent="0.25">
      <c r="A425">
        <v>49108612</v>
      </c>
      <c r="B425" t="s">
        <v>2238</v>
      </c>
      <c r="C425" s="1" t="s">
        <v>2239</v>
      </c>
      <c r="E425">
        <v>0</v>
      </c>
      <c r="F425">
        <v>2</v>
      </c>
      <c r="H425" t="s">
        <v>2240</v>
      </c>
      <c r="I425">
        <v>1</v>
      </c>
      <c r="J425" t="s">
        <v>2241</v>
      </c>
      <c r="K425" t="s">
        <v>2241</v>
      </c>
      <c r="M425">
        <v>1129564</v>
      </c>
      <c r="O425">
        <v>9325683</v>
      </c>
      <c r="P425">
        <v>1</v>
      </c>
      <c r="Q425">
        <v>0</v>
      </c>
      <c r="R425" t="s">
        <v>2242</v>
      </c>
      <c r="S425">
        <v>77</v>
      </c>
    </row>
    <row r="426" spans="1:19" x14ac:dyDescent="0.25">
      <c r="A426">
        <v>260338</v>
      </c>
      <c r="B426" t="s">
        <v>2243</v>
      </c>
      <c r="C426" t="s">
        <v>2244</v>
      </c>
      <c r="D426">
        <v>260350</v>
      </c>
      <c r="E426">
        <v>4</v>
      </c>
      <c r="F426">
        <v>0</v>
      </c>
      <c r="H426" t="s">
        <v>2245</v>
      </c>
      <c r="I426">
        <v>4</v>
      </c>
      <c r="J426" t="s">
        <v>2246</v>
      </c>
      <c r="N426" t="s">
        <v>2247</v>
      </c>
      <c r="O426">
        <v>15474</v>
      </c>
      <c r="P426">
        <v>1</v>
      </c>
      <c r="Q426">
        <v>9</v>
      </c>
      <c r="R426" t="s">
        <v>2248</v>
      </c>
      <c r="S426">
        <v>9096</v>
      </c>
    </row>
    <row r="427" spans="1:19" x14ac:dyDescent="0.25">
      <c r="A427">
        <v>18006877</v>
      </c>
      <c r="B427" t="s">
        <v>2249</v>
      </c>
      <c r="C427" s="1" t="s">
        <v>2250</v>
      </c>
      <c r="E427">
        <v>1</v>
      </c>
      <c r="F427">
        <v>11</v>
      </c>
      <c r="H427" t="s">
        <v>2251</v>
      </c>
      <c r="J427" t="s">
        <v>2252</v>
      </c>
      <c r="K427" t="s">
        <v>2253</v>
      </c>
      <c r="M427">
        <v>1415724</v>
      </c>
      <c r="O427">
        <v>1702099</v>
      </c>
      <c r="P427">
        <v>1</v>
      </c>
      <c r="Q427">
        <v>0</v>
      </c>
      <c r="R427" t="s">
        <v>2122</v>
      </c>
      <c r="S427">
        <v>219</v>
      </c>
    </row>
    <row r="428" spans="1:19" x14ac:dyDescent="0.25">
      <c r="A428">
        <v>49801720</v>
      </c>
      <c r="B428" t="s">
        <v>2254</v>
      </c>
      <c r="C428" s="1" t="s">
        <v>2255</v>
      </c>
      <c r="E428">
        <v>1</v>
      </c>
      <c r="F428">
        <v>8</v>
      </c>
      <c r="H428" t="s">
        <v>2256</v>
      </c>
      <c r="J428" t="s">
        <v>2257</v>
      </c>
      <c r="K428" t="s">
        <v>2257</v>
      </c>
      <c r="M428">
        <v>9553148</v>
      </c>
      <c r="O428">
        <v>9553148</v>
      </c>
      <c r="P428">
        <v>1</v>
      </c>
      <c r="Q428">
        <v>1</v>
      </c>
      <c r="R428" t="s">
        <v>2258</v>
      </c>
      <c r="S428">
        <v>156</v>
      </c>
    </row>
    <row r="429" spans="1:19" x14ac:dyDescent="0.25">
      <c r="A429">
        <v>18293812</v>
      </c>
      <c r="B429" t="s">
        <v>2259</v>
      </c>
      <c r="C429" s="1" t="s">
        <v>2260</v>
      </c>
      <c r="D429">
        <v>18293831</v>
      </c>
      <c r="E429">
        <v>1</v>
      </c>
      <c r="F429">
        <v>0</v>
      </c>
      <c r="H429" t="s">
        <v>2261</v>
      </c>
      <c r="J429" t="s">
        <v>2262</v>
      </c>
      <c r="O429">
        <v>2388904</v>
      </c>
      <c r="P429">
        <v>1</v>
      </c>
      <c r="Q429">
        <v>0</v>
      </c>
      <c r="R429" t="s">
        <v>2263</v>
      </c>
      <c r="S429">
        <v>885</v>
      </c>
    </row>
    <row r="430" spans="1:19" x14ac:dyDescent="0.25">
      <c r="A430">
        <v>39002595</v>
      </c>
      <c r="B430" t="s">
        <v>2264</v>
      </c>
      <c r="C430" t="s">
        <v>2265</v>
      </c>
      <c r="E430">
        <v>4</v>
      </c>
      <c r="F430">
        <v>2</v>
      </c>
      <c r="H430" t="s">
        <v>2266</v>
      </c>
      <c r="I430">
        <v>3</v>
      </c>
      <c r="J430" t="s">
        <v>2267</v>
      </c>
      <c r="O430">
        <v>6236729</v>
      </c>
      <c r="P430">
        <v>1</v>
      </c>
      <c r="Q430">
        <v>10</v>
      </c>
      <c r="R430" t="s">
        <v>2268</v>
      </c>
      <c r="S430">
        <v>5096</v>
      </c>
    </row>
    <row r="431" spans="1:19" x14ac:dyDescent="0.25">
      <c r="A431">
        <v>25551358</v>
      </c>
      <c r="B431" t="s">
        <v>2269</v>
      </c>
      <c r="C431" s="1" t="s">
        <v>2270</v>
      </c>
      <c r="D431">
        <v>25586903</v>
      </c>
      <c r="E431">
        <v>2</v>
      </c>
      <c r="F431">
        <v>0</v>
      </c>
      <c r="H431" t="s">
        <v>2271</v>
      </c>
      <c r="J431" t="s">
        <v>2272</v>
      </c>
      <c r="K431" t="s">
        <v>2272</v>
      </c>
      <c r="M431">
        <v>299080</v>
      </c>
      <c r="O431">
        <v>299080</v>
      </c>
      <c r="P431">
        <v>1</v>
      </c>
      <c r="Q431">
        <v>0</v>
      </c>
      <c r="R431" t="s">
        <v>2273</v>
      </c>
      <c r="S431">
        <v>78</v>
      </c>
    </row>
    <row r="432" spans="1:19" x14ac:dyDescent="0.25">
      <c r="A432">
        <v>13763476</v>
      </c>
      <c r="B432" t="s">
        <v>2274</v>
      </c>
      <c r="C432" s="1" t="s">
        <v>2275</v>
      </c>
      <c r="E432">
        <v>2</v>
      </c>
      <c r="F432">
        <v>0</v>
      </c>
      <c r="H432" t="s">
        <v>2276</v>
      </c>
      <c r="J432" t="s">
        <v>2277</v>
      </c>
      <c r="O432">
        <v>741156</v>
      </c>
      <c r="P432">
        <v>1</v>
      </c>
      <c r="Q432">
        <v>0</v>
      </c>
      <c r="R432" t="s">
        <v>2278</v>
      </c>
      <c r="S432">
        <v>1063</v>
      </c>
    </row>
    <row r="433" spans="1:19" x14ac:dyDescent="0.25">
      <c r="A433">
        <v>11253159</v>
      </c>
      <c r="B433" t="s">
        <v>2279</v>
      </c>
      <c r="C433" t="s">
        <v>2280</v>
      </c>
      <c r="E433">
        <v>1</v>
      </c>
      <c r="F433">
        <v>0</v>
      </c>
      <c r="H433" t="s">
        <v>2281</v>
      </c>
      <c r="J433" t="s">
        <v>2282</v>
      </c>
      <c r="O433">
        <v>845128</v>
      </c>
      <c r="P433">
        <v>1</v>
      </c>
      <c r="Q433">
        <v>0</v>
      </c>
      <c r="R433" t="s">
        <v>2283</v>
      </c>
      <c r="S433">
        <v>200</v>
      </c>
    </row>
    <row r="434" spans="1:19" x14ac:dyDescent="0.25">
      <c r="A434">
        <v>24396414</v>
      </c>
      <c r="B434" t="s">
        <v>2284</v>
      </c>
      <c r="C434" s="1" t="s">
        <v>2285</v>
      </c>
      <c r="E434">
        <v>1</v>
      </c>
      <c r="F434">
        <v>0</v>
      </c>
      <c r="H434" t="s">
        <v>2286</v>
      </c>
      <c r="J434" t="s">
        <v>2287</v>
      </c>
      <c r="K434" t="s">
        <v>2288</v>
      </c>
      <c r="L434" t="s">
        <v>2289</v>
      </c>
      <c r="O434">
        <v>3772852</v>
      </c>
      <c r="P434">
        <v>1</v>
      </c>
      <c r="Q434">
        <v>-2</v>
      </c>
      <c r="R434" t="s">
        <v>2290</v>
      </c>
      <c r="S434">
        <v>352</v>
      </c>
    </row>
    <row r="435" spans="1:19" x14ac:dyDescent="0.25">
      <c r="A435">
        <v>52841632</v>
      </c>
      <c r="B435" t="s">
        <v>2291</v>
      </c>
      <c r="C435" s="1" t="s">
        <v>2292</v>
      </c>
      <c r="D435">
        <v>52848387</v>
      </c>
      <c r="E435">
        <v>2</v>
      </c>
      <c r="F435">
        <v>2</v>
      </c>
      <c r="H435" t="s">
        <v>2293</v>
      </c>
      <c r="J435" t="s">
        <v>2294</v>
      </c>
      <c r="O435">
        <v>280772</v>
      </c>
      <c r="P435">
        <v>1</v>
      </c>
      <c r="Q435">
        <v>0</v>
      </c>
      <c r="R435" t="s">
        <v>2295</v>
      </c>
      <c r="S435">
        <v>38</v>
      </c>
    </row>
    <row r="436" spans="1:19" x14ac:dyDescent="0.25">
      <c r="A436">
        <v>25025944</v>
      </c>
      <c r="B436" t="s">
        <v>2296</v>
      </c>
      <c r="C436" s="1" t="s">
        <v>2297</v>
      </c>
      <c r="E436">
        <v>1</v>
      </c>
      <c r="F436">
        <v>13</v>
      </c>
      <c r="H436" t="s">
        <v>2298</v>
      </c>
      <c r="J436" t="s">
        <v>2299</v>
      </c>
      <c r="K436" t="s">
        <v>2300</v>
      </c>
      <c r="M436">
        <v>855977</v>
      </c>
      <c r="O436">
        <v>3045351</v>
      </c>
      <c r="P436">
        <v>1</v>
      </c>
      <c r="Q436">
        <v>0</v>
      </c>
      <c r="R436" t="s">
        <v>2301</v>
      </c>
      <c r="S436">
        <v>327</v>
      </c>
    </row>
    <row r="437" spans="1:19" x14ac:dyDescent="0.25">
      <c r="A437">
        <v>34343609</v>
      </c>
      <c r="B437" t="s">
        <v>2302</v>
      </c>
      <c r="C437" s="1" t="s">
        <v>2303</v>
      </c>
      <c r="D437">
        <v>34343918</v>
      </c>
      <c r="E437">
        <v>2</v>
      </c>
      <c r="F437">
        <v>3</v>
      </c>
      <c r="H437" t="s">
        <v>2304</v>
      </c>
      <c r="J437" t="s">
        <v>2305</v>
      </c>
      <c r="K437" t="s">
        <v>2306</v>
      </c>
      <c r="M437">
        <v>420123</v>
      </c>
      <c r="O437">
        <v>5692566</v>
      </c>
      <c r="P437">
        <v>1</v>
      </c>
      <c r="Q437">
        <v>0</v>
      </c>
      <c r="R437" t="s">
        <v>2122</v>
      </c>
      <c r="S437">
        <v>34</v>
      </c>
    </row>
    <row r="438" spans="1:19" x14ac:dyDescent="0.25">
      <c r="A438">
        <v>30151045</v>
      </c>
      <c r="B438" t="s">
        <v>2307</v>
      </c>
      <c r="C438" s="1" t="s">
        <v>2308</v>
      </c>
      <c r="E438">
        <v>0</v>
      </c>
      <c r="F438">
        <v>8</v>
      </c>
      <c r="H438" t="s">
        <v>2309</v>
      </c>
      <c r="J438" t="s">
        <v>2309</v>
      </c>
      <c r="O438">
        <v>3292108</v>
      </c>
      <c r="P438">
        <v>1</v>
      </c>
      <c r="Q438">
        <v>1</v>
      </c>
      <c r="R438" t="s">
        <v>2310</v>
      </c>
      <c r="S438">
        <v>61</v>
      </c>
    </row>
    <row r="439" spans="1:19" x14ac:dyDescent="0.25">
      <c r="A439">
        <v>52168334</v>
      </c>
      <c r="B439" t="s">
        <v>2311</v>
      </c>
      <c r="C439" s="1" t="s">
        <v>2312</v>
      </c>
      <c r="E439">
        <v>2</v>
      </c>
      <c r="F439">
        <v>8</v>
      </c>
      <c r="H439" t="s">
        <v>2313</v>
      </c>
      <c r="I439">
        <v>1</v>
      </c>
      <c r="J439" t="s">
        <v>2314</v>
      </c>
      <c r="K439" t="s">
        <v>2315</v>
      </c>
      <c r="M439">
        <v>10270798</v>
      </c>
      <c r="O439">
        <v>4330585</v>
      </c>
      <c r="P439">
        <v>1</v>
      </c>
      <c r="Q439">
        <v>0</v>
      </c>
      <c r="R439" t="s">
        <v>2316</v>
      </c>
      <c r="S439">
        <v>69</v>
      </c>
    </row>
    <row r="440" spans="1:19" x14ac:dyDescent="0.25">
      <c r="A440">
        <v>48994637</v>
      </c>
      <c r="B440" t="s">
        <v>2317</v>
      </c>
      <c r="C440" s="1" t="s">
        <v>2318</v>
      </c>
      <c r="E440">
        <v>0</v>
      </c>
      <c r="F440">
        <v>10</v>
      </c>
      <c r="H440" t="s">
        <v>2319</v>
      </c>
      <c r="J440" t="s">
        <v>2320</v>
      </c>
      <c r="K440" t="s">
        <v>2320</v>
      </c>
      <c r="M440">
        <v>2888239</v>
      </c>
      <c r="O440">
        <v>2888239</v>
      </c>
      <c r="P440">
        <v>1</v>
      </c>
      <c r="Q440">
        <v>0</v>
      </c>
      <c r="R440" t="s">
        <v>2321</v>
      </c>
      <c r="S440">
        <v>40</v>
      </c>
    </row>
    <row r="441" spans="1:19" x14ac:dyDescent="0.25">
      <c r="A441">
        <v>10563426</v>
      </c>
      <c r="B441" t="s">
        <v>2322</v>
      </c>
      <c r="C441" s="1" t="s">
        <v>2323</v>
      </c>
      <c r="D441">
        <v>10563466</v>
      </c>
      <c r="E441">
        <v>1</v>
      </c>
      <c r="F441">
        <v>0</v>
      </c>
      <c r="H441" t="s">
        <v>2324</v>
      </c>
      <c r="I441">
        <v>1</v>
      </c>
      <c r="J441" t="s">
        <v>2325</v>
      </c>
      <c r="K441" t="s">
        <v>2325</v>
      </c>
      <c r="M441">
        <v>231684</v>
      </c>
      <c r="O441">
        <v>980271</v>
      </c>
      <c r="P441">
        <v>1</v>
      </c>
      <c r="Q441">
        <v>13</v>
      </c>
      <c r="R441" t="s">
        <v>2326</v>
      </c>
      <c r="S441">
        <v>5916</v>
      </c>
    </row>
    <row r="442" spans="1:19" x14ac:dyDescent="0.25">
      <c r="A442">
        <v>27551904</v>
      </c>
      <c r="B442" t="s">
        <v>2327</v>
      </c>
      <c r="C442" s="1" t="s">
        <v>2328</v>
      </c>
      <c r="D442">
        <v>27552503</v>
      </c>
      <c r="E442">
        <v>3</v>
      </c>
      <c r="F442">
        <v>12</v>
      </c>
      <c r="H442" t="s">
        <v>2329</v>
      </c>
      <c r="J442" t="s">
        <v>2330</v>
      </c>
      <c r="K442" t="s">
        <v>2331</v>
      </c>
      <c r="M442">
        <v>1889720</v>
      </c>
      <c r="O442">
        <v>1889720</v>
      </c>
      <c r="P442">
        <v>1</v>
      </c>
      <c r="Q442">
        <v>0</v>
      </c>
      <c r="R442" t="s">
        <v>2332</v>
      </c>
      <c r="S442">
        <v>58</v>
      </c>
    </row>
    <row r="443" spans="1:19" x14ac:dyDescent="0.25">
      <c r="A443">
        <v>34481091</v>
      </c>
      <c r="B443" t="s">
        <v>2333</v>
      </c>
      <c r="C443" s="1" t="s">
        <v>2334</v>
      </c>
      <c r="D443">
        <v>34481155</v>
      </c>
      <c r="E443">
        <v>2</v>
      </c>
      <c r="F443">
        <v>0</v>
      </c>
      <c r="H443" t="s">
        <v>2335</v>
      </c>
      <c r="J443" t="s">
        <v>2336</v>
      </c>
      <c r="K443" t="s">
        <v>2336</v>
      </c>
      <c r="M443">
        <v>1942413</v>
      </c>
      <c r="O443">
        <v>1942413</v>
      </c>
      <c r="P443">
        <v>1</v>
      </c>
      <c r="Q443">
        <v>4</v>
      </c>
      <c r="R443" t="s">
        <v>2337</v>
      </c>
      <c r="S443">
        <v>966</v>
      </c>
    </row>
    <row r="444" spans="1:19" x14ac:dyDescent="0.25">
      <c r="A444">
        <v>5052141</v>
      </c>
      <c r="B444" t="s">
        <v>2338</v>
      </c>
      <c r="C444" s="1" t="s">
        <v>2339</v>
      </c>
      <c r="D444">
        <v>5052370</v>
      </c>
      <c r="E444">
        <v>2</v>
      </c>
      <c r="F444">
        <v>0</v>
      </c>
      <c r="H444" t="s">
        <v>2340</v>
      </c>
      <c r="I444">
        <v>1</v>
      </c>
      <c r="J444" t="s">
        <v>2341</v>
      </c>
      <c r="O444">
        <v>297776</v>
      </c>
      <c r="P444">
        <v>1</v>
      </c>
      <c r="Q444">
        <v>6</v>
      </c>
      <c r="R444" t="s">
        <v>2342</v>
      </c>
      <c r="S444">
        <v>5205</v>
      </c>
    </row>
    <row r="445" spans="1:19" x14ac:dyDescent="0.25">
      <c r="A445">
        <v>9014382</v>
      </c>
      <c r="B445" t="s">
        <v>2343</v>
      </c>
      <c r="C445" s="1" t="s">
        <v>2344</v>
      </c>
      <c r="D445">
        <v>9014412</v>
      </c>
      <c r="E445">
        <v>1</v>
      </c>
      <c r="F445">
        <v>0</v>
      </c>
      <c r="H445" t="s">
        <v>2345</v>
      </c>
      <c r="J445" t="s">
        <v>2346</v>
      </c>
      <c r="O445">
        <v>183527</v>
      </c>
      <c r="P445">
        <v>1</v>
      </c>
      <c r="Q445">
        <v>0</v>
      </c>
      <c r="R445" t="s">
        <v>2347</v>
      </c>
      <c r="S445">
        <v>108</v>
      </c>
    </row>
    <row r="446" spans="1:19" x14ac:dyDescent="0.25">
      <c r="A446">
        <v>11284870</v>
      </c>
      <c r="B446" t="s">
        <v>2348</v>
      </c>
      <c r="C446" t="s">
        <v>2349</v>
      </c>
      <c r="E446">
        <v>0</v>
      </c>
      <c r="F446">
        <v>2</v>
      </c>
      <c r="H446" t="s">
        <v>2350</v>
      </c>
      <c r="J446" t="s">
        <v>2351</v>
      </c>
      <c r="K446" t="s">
        <v>2351</v>
      </c>
      <c r="M446">
        <v>603977</v>
      </c>
      <c r="O446">
        <v>1295998</v>
      </c>
      <c r="P446">
        <v>1</v>
      </c>
      <c r="Q446">
        <v>0</v>
      </c>
      <c r="R446" t="s">
        <v>2352</v>
      </c>
      <c r="S446">
        <v>99</v>
      </c>
    </row>
    <row r="447" spans="1:19" x14ac:dyDescent="0.25">
      <c r="A447">
        <v>25155330</v>
      </c>
      <c r="B447" t="s">
        <v>2353</v>
      </c>
      <c r="C447" s="1" t="s">
        <v>2354</v>
      </c>
      <c r="D447">
        <v>25172151</v>
      </c>
      <c r="E447">
        <v>1</v>
      </c>
      <c r="F447">
        <v>3</v>
      </c>
      <c r="H447" t="s">
        <v>2355</v>
      </c>
      <c r="I447">
        <v>0</v>
      </c>
      <c r="J447" t="s">
        <v>2356</v>
      </c>
      <c r="K447" t="s">
        <v>2356</v>
      </c>
      <c r="M447">
        <v>27385</v>
      </c>
      <c r="O447">
        <v>3636359</v>
      </c>
      <c r="P447">
        <v>1</v>
      </c>
      <c r="Q447">
        <v>0</v>
      </c>
      <c r="R447" t="s">
        <v>2357</v>
      </c>
      <c r="S447">
        <v>3336</v>
      </c>
    </row>
    <row r="448" spans="1:19" x14ac:dyDescent="0.25">
      <c r="A448">
        <v>33819673</v>
      </c>
      <c r="B448" t="s">
        <v>2358</v>
      </c>
      <c r="C448" t="s">
        <v>2359</v>
      </c>
      <c r="E448">
        <v>1</v>
      </c>
      <c r="F448">
        <v>4</v>
      </c>
      <c r="H448" t="s">
        <v>2360</v>
      </c>
      <c r="I448">
        <v>0</v>
      </c>
      <c r="J448" t="s">
        <v>2361</v>
      </c>
      <c r="O448">
        <v>5401140</v>
      </c>
      <c r="P448">
        <v>1</v>
      </c>
      <c r="Q448">
        <v>-1</v>
      </c>
      <c r="R448" t="s">
        <v>2362</v>
      </c>
      <c r="S448">
        <v>484</v>
      </c>
    </row>
    <row r="449" spans="1:19" x14ac:dyDescent="0.25">
      <c r="A449">
        <v>15763511</v>
      </c>
      <c r="B449" t="s">
        <v>2363</v>
      </c>
      <c r="C449" s="1" t="s">
        <v>2364</v>
      </c>
      <c r="D449">
        <v>15763587</v>
      </c>
      <c r="E449">
        <v>4</v>
      </c>
      <c r="F449">
        <v>0</v>
      </c>
      <c r="H449" t="s">
        <v>2365</v>
      </c>
      <c r="I449">
        <v>0</v>
      </c>
      <c r="J449" t="s">
        <v>2366</v>
      </c>
      <c r="O449">
        <v>859154</v>
      </c>
      <c r="P449">
        <v>1</v>
      </c>
      <c r="Q449">
        <v>3</v>
      </c>
      <c r="R449" t="s">
        <v>989</v>
      </c>
      <c r="S449">
        <v>163</v>
      </c>
    </row>
    <row r="450" spans="1:19" x14ac:dyDescent="0.25">
      <c r="A450">
        <v>16466325</v>
      </c>
      <c r="B450" t="s">
        <v>2367</v>
      </c>
      <c r="C450" s="1" t="s">
        <v>2368</v>
      </c>
      <c r="D450">
        <v>16467823</v>
      </c>
      <c r="E450">
        <v>1</v>
      </c>
      <c r="F450">
        <v>2</v>
      </c>
      <c r="H450" t="s">
        <v>2369</v>
      </c>
      <c r="I450">
        <v>0</v>
      </c>
      <c r="J450" t="s">
        <v>2370</v>
      </c>
      <c r="K450" t="s">
        <v>2371</v>
      </c>
      <c r="M450">
        <v>1849664</v>
      </c>
      <c r="O450">
        <v>1058055</v>
      </c>
      <c r="P450">
        <v>1</v>
      </c>
      <c r="Q450">
        <v>-1</v>
      </c>
      <c r="R450" t="s">
        <v>2372</v>
      </c>
      <c r="S450">
        <v>64</v>
      </c>
    </row>
    <row r="451" spans="1:19" x14ac:dyDescent="0.25">
      <c r="A451">
        <v>35440614</v>
      </c>
      <c r="B451" t="s">
        <v>2373</v>
      </c>
      <c r="C451" s="1" t="s">
        <v>2374</v>
      </c>
      <c r="E451">
        <v>1</v>
      </c>
      <c r="F451">
        <v>0</v>
      </c>
      <c r="H451" t="s">
        <v>2375</v>
      </c>
      <c r="J451" t="s">
        <v>2376</v>
      </c>
      <c r="O451">
        <v>5472301</v>
      </c>
      <c r="P451">
        <v>1</v>
      </c>
      <c r="Q451">
        <v>0</v>
      </c>
      <c r="R451" t="s">
        <v>2377</v>
      </c>
      <c r="S451">
        <v>27</v>
      </c>
    </row>
    <row r="452" spans="1:19" x14ac:dyDescent="0.25">
      <c r="A452">
        <v>33168884</v>
      </c>
      <c r="B452" t="s">
        <v>2378</v>
      </c>
      <c r="C452" s="1" t="s">
        <v>2379</v>
      </c>
      <c r="E452">
        <v>0</v>
      </c>
      <c r="F452">
        <v>2</v>
      </c>
      <c r="H452" t="s">
        <v>2380</v>
      </c>
      <c r="J452" t="s">
        <v>2380</v>
      </c>
      <c r="O452">
        <v>3122885</v>
      </c>
      <c r="P452">
        <v>1</v>
      </c>
      <c r="Q452">
        <v>1</v>
      </c>
      <c r="R452" t="s">
        <v>2381</v>
      </c>
      <c r="S452">
        <v>298</v>
      </c>
    </row>
    <row r="453" spans="1:19" x14ac:dyDescent="0.25">
      <c r="A453">
        <v>19900669</v>
      </c>
      <c r="B453" t="s">
        <v>2382</v>
      </c>
      <c r="C453" s="1" t="s">
        <v>2383</v>
      </c>
      <c r="D453">
        <v>19900726</v>
      </c>
      <c r="E453">
        <v>1</v>
      </c>
      <c r="F453">
        <v>2</v>
      </c>
      <c r="H453" t="s">
        <v>2384</v>
      </c>
      <c r="J453" t="s">
        <v>2385</v>
      </c>
      <c r="K453" t="s">
        <v>2386</v>
      </c>
      <c r="M453">
        <v>395910</v>
      </c>
      <c r="O453">
        <v>2972137</v>
      </c>
      <c r="P453">
        <v>1</v>
      </c>
      <c r="Q453">
        <v>2</v>
      </c>
      <c r="R453" t="s">
        <v>1446</v>
      </c>
      <c r="S453">
        <v>261</v>
      </c>
    </row>
    <row r="454" spans="1:19" x14ac:dyDescent="0.25">
      <c r="A454">
        <v>49021055</v>
      </c>
      <c r="B454" t="s">
        <v>2387</v>
      </c>
      <c r="C454" s="1" t="s">
        <v>2388</v>
      </c>
      <c r="E454">
        <v>2</v>
      </c>
      <c r="F454">
        <v>5</v>
      </c>
      <c r="H454" t="s">
        <v>2389</v>
      </c>
      <c r="I454">
        <v>8</v>
      </c>
      <c r="J454" t="s">
        <v>2390</v>
      </c>
      <c r="K454" t="s">
        <v>2391</v>
      </c>
      <c r="M454">
        <v>901983</v>
      </c>
      <c r="O454">
        <v>901983</v>
      </c>
      <c r="P454">
        <v>1</v>
      </c>
      <c r="Q454">
        <v>15</v>
      </c>
      <c r="R454" t="s">
        <v>2392</v>
      </c>
      <c r="S454">
        <v>7256</v>
      </c>
    </row>
    <row r="455" spans="1:19" x14ac:dyDescent="0.25">
      <c r="A455">
        <v>17803239</v>
      </c>
      <c r="B455" t="s">
        <v>2393</v>
      </c>
      <c r="C455" s="1" t="s">
        <v>2394</v>
      </c>
      <c r="D455">
        <v>17803483</v>
      </c>
      <c r="E455">
        <v>1</v>
      </c>
      <c r="F455">
        <v>5</v>
      </c>
      <c r="H455" t="s">
        <v>2395</v>
      </c>
      <c r="J455" t="s">
        <v>2396</v>
      </c>
      <c r="K455" t="s">
        <v>2396</v>
      </c>
      <c r="M455">
        <v>759866</v>
      </c>
      <c r="O455">
        <v>300118</v>
      </c>
      <c r="P455">
        <v>1</v>
      </c>
      <c r="Q455">
        <v>2</v>
      </c>
      <c r="R455" t="s">
        <v>2397</v>
      </c>
      <c r="S455">
        <v>164</v>
      </c>
    </row>
    <row r="456" spans="1:19" x14ac:dyDescent="0.25">
      <c r="A456">
        <v>5249110</v>
      </c>
      <c r="B456" t="s">
        <v>2398</v>
      </c>
      <c r="C456" t="s">
        <v>2399</v>
      </c>
      <c r="D456">
        <v>5249166</v>
      </c>
      <c r="E456">
        <v>3</v>
      </c>
      <c r="F456">
        <v>0</v>
      </c>
      <c r="H456" t="s">
        <v>2400</v>
      </c>
      <c r="I456">
        <v>0</v>
      </c>
      <c r="J456" t="s">
        <v>2401</v>
      </c>
      <c r="K456" t="s">
        <v>2402</v>
      </c>
      <c r="M456">
        <v>148208</v>
      </c>
      <c r="O456">
        <v>148208</v>
      </c>
      <c r="P456">
        <v>1</v>
      </c>
      <c r="Q456">
        <v>2</v>
      </c>
      <c r="R456" t="s">
        <v>2403</v>
      </c>
      <c r="S456">
        <v>123</v>
      </c>
    </row>
    <row r="457" spans="1:19" x14ac:dyDescent="0.25">
      <c r="A457">
        <v>10513340</v>
      </c>
      <c r="B457" t="s">
        <v>2404</v>
      </c>
      <c r="C457" s="1" t="s">
        <v>2405</v>
      </c>
      <c r="D457">
        <v>10513411</v>
      </c>
      <c r="E457">
        <v>3</v>
      </c>
      <c r="F457">
        <v>1</v>
      </c>
      <c r="H457" t="s">
        <v>2406</v>
      </c>
      <c r="J457" t="s">
        <v>2407</v>
      </c>
      <c r="O457">
        <v>1001076</v>
      </c>
      <c r="P457">
        <v>1</v>
      </c>
      <c r="Q457">
        <v>3</v>
      </c>
      <c r="R457" t="s">
        <v>2408</v>
      </c>
      <c r="S457">
        <v>2259</v>
      </c>
    </row>
    <row r="458" spans="1:19" x14ac:dyDescent="0.25">
      <c r="A458">
        <v>5382946</v>
      </c>
      <c r="B458" t="s">
        <v>2409</v>
      </c>
      <c r="C458" s="1" t="s">
        <v>2410</v>
      </c>
      <c r="D458">
        <v>8645879</v>
      </c>
      <c r="E458">
        <v>2</v>
      </c>
      <c r="F458">
        <v>0</v>
      </c>
      <c r="H458" t="s">
        <v>2411</v>
      </c>
      <c r="I458">
        <v>7</v>
      </c>
      <c r="J458" t="s">
        <v>2412</v>
      </c>
      <c r="O458">
        <v>129750</v>
      </c>
      <c r="P458">
        <v>1</v>
      </c>
      <c r="Q458">
        <v>6</v>
      </c>
      <c r="R458" t="s">
        <v>2413</v>
      </c>
      <c r="S458">
        <v>405</v>
      </c>
    </row>
    <row r="459" spans="1:19" x14ac:dyDescent="0.25">
      <c r="A459">
        <v>44539575</v>
      </c>
      <c r="B459" t="s">
        <v>2414</v>
      </c>
      <c r="C459" s="1" t="s">
        <v>2415</v>
      </c>
      <c r="E459">
        <v>2</v>
      </c>
      <c r="F459">
        <v>2</v>
      </c>
      <c r="H459" t="s">
        <v>2416</v>
      </c>
      <c r="I459">
        <v>0</v>
      </c>
      <c r="J459" t="s">
        <v>2417</v>
      </c>
      <c r="K459" t="s">
        <v>2418</v>
      </c>
      <c r="M459">
        <v>7445374</v>
      </c>
      <c r="O459">
        <v>7445374</v>
      </c>
      <c r="P459">
        <v>1</v>
      </c>
      <c r="Q459">
        <v>3</v>
      </c>
      <c r="R459" t="s">
        <v>2419</v>
      </c>
      <c r="S459">
        <v>1215</v>
      </c>
    </row>
    <row r="460" spans="1:19" x14ac:dyDescent="0.25">
      <c r="A460">
        <v>14334678</v>
      </c>
      <c r="B460" t="s">
        <v>2420</v>
      </c>
      <c r="C460" s="1" t="s">
        <v>2421</v>
      </c>
      <c r="E460">
        <v>2</v>
      </c>
      <c r="F460">
        <v>3</v>
      </c>
      <c r="H460" t="s">
        <v>2422</v>
      </c>
      <c r="J460" t="s">
        <v>2423</v>
      </c>
      <c r="K460" t="s">
        <v>2424</v>
      </c>
      <c r="M460">
        <v>896397</v>
      </c>
      <c r="O460">
        <v>896397</v>
      </c>
      <c r="P460">
        <v>1</v>
      </c>
      <c r="Q460">
        <v>0</v>
      </c>
      <c r="R460" t="s">
        <v>2425</v>
      </c>
      <c r="S460">
        <v>271</v>
      </c>
    </row>
    <row r="461" spans="1:19" x14ac:dyDescent="0.25">
      <c r="A461">
        <v>49821672</v>
      </c>
      <c r="B461" t="s">
        <v>2426</v>
      </c>
      <c r="C461" s="1" t="s">
        <v>2427</v>
      </c>
      <c r="D461">
        <v>49821721</v>
      </c>
      <c r="E461">
        <v>5</v>
      </c>
      <c r="F461">
        <v>0</v>
      </c>
      <c r="H461" t="s">
        <v>2428</v>
      </c>
      <c r="J461" t="s">
        <v>2429</v>
      </c>
      <c r="K461" t="s">
        <v>2430</v>
      </c>
      <c r="M461">
        <v>4443323</v>
      </c>
      <c r="O461">
        <v>9457227</v>
      </c>
      <c r="P461">
        <v>1</v>
      </c>
      <c r="Q461">
        <v>2</v>
      </c>
      <c r="R461" t="s">
        <v>2431</v>
      </c>
      <c r="S461">
        <v>635</v>
      </c>
    </row>
    <row r="462" spans="1:19" x14ac:dyDescent="0.25">
      <c r="A462">
        <v>50529316</v>
      </c>
      <c r="B462" t="s">
        <v>2432</v>
      </c>
      <c r="C462" t="s">
        <v>2433</v>
      </c>
      <c r="E462">
        <v>0</v>
      </c>
      <c r="F462">
        <v>1</v>
      </c>
      <c r="H462" t="s">
        <v>2434</v>
      </c>
      <c r="J462" t="s">
        <v>2434</v>
      </c>
      <c r="O462">
        <v>7762172</v>
      </c>
      <c r="P462">
        <v>1</v>
      </c>
      <c r="Q462">
        <v>0</v>
      </c>
      <c r="R462" t="s">
        <v>2435</v>
      </c>
      <c r="S462">
        <v>64</v>
      </c>
    </row>
    <row r="463" spans="1:19" x14ac:dyDescent="0.25">
      <c r="A463">
        <v>21978290</v>
      </c>
      <c r="B463" t="s">
        <v>2436</v>
      </c>
      <c r="C463" s="1" t="s">
        <v>2437</v>
      </c>
      <c r="D463">
        <v>21978523</v>
      </c>
      <c r="E463">
        <v>2</v>
      </c>
      <c r="F463">
        <v>3</v>
      </c>
      <c r="H463" t="s">
        <v>2438</v>
      </c>
      <c r="J463" t="s">
        <v>2439</v>
      </c>
      <c r="K463" t="s">
        <v>2440</v>
      </c>
      <c r="M463">
        <v>702638</v>
      </c>
      <c r="O463">
        <v>3344993</v>
      </c>
      <c r="P463">
        <v>1</v>
      </c>
      <c r="Q463">
        <v>-1</v>
      </c>
      <c r="R463" t="s">
        <v>2441</v>
      </c>
      <c r="S463">
        <v>87</v>
      </c>
    </row>
    <row r="464" spans="1:19" x14ac:dyDescent="0.25">
      <c r="A464">
        <v>21067851</v>
      </c>
      <c r="B464" t="s">
        <v>2442</v>
      </c>
      <c r="C464" s="1" t="s">
        <v>2443</v>
      </c>
      <c r="E464">
        <v>1</v>
      </c>
      <c r="F464">
        <v>1</v>
      </c>
      <c r="H464" t="s">
        <v>2444</v>
      </c>
      <c r="J464" t="s">
        <v>2445</v>
      </c>
      <c r="O464">
        <v>2551549</v>
      </c>
      <c r="P464">
        <v>1</v>
      </c>
      <c r="Q464">
        <v>0</v>
      </c>
      <c r="R464" t="s">
        <v>2446</v>
      </c>
      <c r="S464">
        <v>944</v>
      </c>
    </row>
    <row r="465" spans="1:19" x14ac:dyDescent="0.25">
      <c r="A465">
        <v>37360224</v>
      </c>
      <c r="B465" t="s">
        <v>2447</v>
      </c>
      <c r="C465" s="1" t="s">
        <v>2448</v>
      </c>
      <c r="D465">
        <v>37364899</v>
      </c>
      <c r="E465">
        <v>2</v>
      </c>
      <c r="F465">
        <v>1</v>
      </c>
      <c r="H465" t="s">
        <v>2449</v>
      </c>
      <c r="J465" t="s">
        <v>2450</v>
      </c>
      <c r="O465">
        <v>5912571</v>
      </c>
      <c r="P465">
        <v>1</v>
      </c>
      <c r="Q465">
        <v>3</v>
      </c>
      <c r="R465" t="s">
        <v>2451</v>
      </c>
      <c r="S465">
        <v>684</v>
      </c>
    </row>
    <row r="466" spans="1:19" x14ac:dyDescent="0.25">
      <c r="A466">
        <v>4948663</v>
      </c>
      <c r="B466" t="s">
        <v>2452</v>
      </c>
      <c r="C466" s="1" t="s">
        <v>2453</v>
      </c>
      <c r="D466">
        <v>4948685</v>
      </c>
      <c r="E466">
        <v>13</v>
      </c>
      <c r="F466">
        <v>3</v>
      </c>
      <c r="H466" t="s">
        <v>2454</v>
      </c>
      <c r="I466">
        <v>29</v>
      </c>
      <c r="J466" t="s">
        <v>2455</v>
      </c>
      <c r="K466" t="s">
        <v>2456</v>
      </c>
      <c r="M466">
        <v>443044</v>
      </c>
      <c r="O466">
        <v>443044</v>
      </c>
      <c r="P466">
        <v>1</v>
      </c>
      <c r="Q466">
        <v>129</v>
      </c>
      <c r="R466" t="s">
        <v>2457</v>
      </c>
      <c r="S466">
        <v>118471</v>
      </c>
    </row>
    <row r="467" spans="1:19" x14ac:dyDescent="0.25">
      <c r="A467">
        <v>28629683</v>
      </c>
      <c r="B467" t="s">
        <v>2458</v>
      </c>
      <c r="C467" s="1" t="s">
        <v>2459</v>
      </c>
      <c r="E467">
        <v>1</v>
      </c>
      <c r="F467">
        <v>0</v>
      </c>
      <c r="H467" t="s">
        <v>2460</v>
      </c>
      <c r="J467" t="s">
        <v>2461</v>
      </c>
      <c r="O467">
        <v>1339620</v>
      </c>
      <c r="P467">
        <v>1</v>
      </c>
      <c r="Q467">
        <v>3</v>
      </c>
      <c r="R467" t="s">
        <v>2462</v>
      </c>
      <c r="S467">
        <v>127</v>
      </c>
    </row>
    <row r="468" spans="1:19" x14ac:dyDescent="0.25">
      <c r="A468">
        <v>51416216</v>
      </c>
      <c r="B468" t="s">
        <v>2463</v>
      </c>
      <c r="C468" s="1" t="s">
        <v>2464</v>
      </c>
      <c r="E468">
        <v>0</v>
      </c>
      <c r="F468">
        <v>1</v>
      </c>
      <c r="H468" t="s">
        <v>2465</v>
      </c>
      <c r="J468" t="s">
        <v>2465</v>
      </c>
      <c r="O468">
        <v>6024249</v>
      </c>
      <c r="P468">
        <v>1</v>
      </c>
      <c r="Q468">
        <v>0</v>
      </c>
      <c r="R468" t="s">
        <v>2466</v>
      </c>
      <c r="S468">
        <v>36</v>
      </c>
    </row>
    <row r="469" spans="1:19" x14ac:dyDescent="0.25">
      <c r="A469">
        <v>27077103</v>
      </c>
      <c r="B469" t="s">
        <v>2467</v>
      </c>
      <c r="C469" s="1" t="s">
        <v>2468</v>
      </c>
      <c r="D469">
        <v>27077221</v>
      </c>
      <c r="E469">
        <v>1</v>
      </c>
      <c r="F469">
        <v>1</v>
      </c>
      <c r="H469" t="s">
        <v>2469</v>
      </c>
      <c r="J469" t="s">
        <v>2470</v>
      </c>
      <c r="K469" t="s">
        <v>2471</v>
      </c>
      <c r="M469">
        <v>1901857</v>
      </c>
      <c r="O469">
        <v>3453181</v>
      </c>
      <c r="P469">
        <v>1</v>
      </c>
      <c r="Q469">
        <v>0</v>
      </c>
      <c r="R469" t="s">
        <v>2472</v>
      </c>
      <c r="S469">
        <v>73</v>
      </c>
    </row>
    <row r="470" spans="1:19" x14ac:dyDescent="0.25">
      <c r="A470">
        <v>23797271</v>
      </c>
      <c r="B470" t="s">
        <v>2473</v>
      </c>
      <c r="C470" s="1" t="s">
        <v>2474</v>
      </c>
      <c r="E470">
        <v>1</v>
      </c>
      <c r="F470">
        <v>0</v>
      </c>
      <c r="H470" t="s">
        <v>2475</v>
      </c>
      <c r="J470" t="s">
        <v>2476</v>
      </c>
      <c r="K470" t="s">
        <v>2477</v>
      </c>
      <c r="M470">
        <v>2696165</v>
      </c>
      <c r="O470">
        <v>2232698</v>
      </c>
      <c r="P470">
        <v>1</v>
      </c>
      <c r="Q470">
        <v>7</v>
      </c>
      <c r="R470" t="s">
        <v>2478</v>
      </c>
      <c r="S470">
        <v>674</v>
      </c>
    </row>
    <row r="471" spans="1:19" x14ac:dyDescent="0.25">
      <c r="A471">
        <v>39945606</v>
      </c>
      <c r="B471" t="s">
        <v>2479</v>
      </c>
      <c r="C471" s="1" t="s">
        <v>2480</v>
      </c>
      <c r="E471">
        <v>1</v>
      </c>
      <c r="F471">
        <v>7</v>
      </c>
      <c r="H471" t="s">
        <v>2481</v>
      </c>
      <c r="J471" t="s">
        <v>2482</v>
      </c>
      <c r="O471">
        <v>6758970</v>
      </c>
      <c r="P471">
        <v>1</v>
      </c>
      <c r="Q471">
        <v>1</v>
      </c>
      <c r="R471" t="s">
        <v>2483</v>
      </c>
      <c r="S471">
        <v>56</v>
      </c>
    </row>
    <row r="472" spans="1:19" x14ac:dyDescent="0.25">
      <c r="A472">
        <v>19292800</v>
      </c>
      <c r="B472" t="s">
        <v>2484</v>
      </c>
      <c r="C472" s="1" t="s">
        <v>2485</v>
      </c>
      <c r="E472">
        <v>1</v>
      </c>
      <c r="F472">
        <v>0</v>
      </c>
      <c r="H472" t="s">
        <v>2486</v>
      </c>
      <c r="J472" t="s">
        <v>2487</v>
      </c>
      <c r="K472" t="s">
        <v>2488</v>
      </c>
      <c r="M472">
        <v>907927</v>
      </c>
      <c r="O472">
        <v>907927</v>
      </c>
      <c r="P472">
        <v>1</v>
      </c>
      <c r="Q472">
        <v>1</v>
      </c>
      <c r="R472" t="s">
        <v>2489</v>
      </c>
      <c r="S472">
        <v>547</v>
      </c>
    </row>
    <row r="473" spans="1:19" x14ac:dyDescent="0.25">
      <c r="A473">
        <v>22145805</v>
      </c>
      <c r="B473" t="s">
        <v>2490</v>
      </c>
      <c r="C473" s="1" t="s">
        <v>2491</v>
      </c>
      <c r="D473">
        <v>22145854</v>
      </c>
      <c r="E473">
        <v>3</v>
      </c>
      <c r="F473">
        <v>1</v>
      </c>
      <c r="H473" t="s">
        <v>2492</v>
      </c>
      <c r="J473" t="s">
        <v>2493</v>
      </c>
      <c r="O473">
        <v>1035147</v>
      </c>
      <c r="P473">
        <v>1</v>
      </c>
      <c r="Q473">
        <v>0</v>
      </c>
      <c r="R473" t="s">
        <v>2494</v>
      </c>
      <c r="S473">
        <v>50</v>
      </c>
    </row>
    <row r="474" spans="1:19" x14ac:dyDescent="0.25">
      <c r="A474">
        <v>25830085</v>
      </c>
      <c r="B474" t="s">
        <v>2495</v>
      </c>
      <c r="C474" s="1" t="s">
        <v>2496</v>
      </c>
      <c r="D474">
        <v>25830135</v>
      </c>
      <c r="E474">
        <v>2</v>
      </c>
      <c r="F474">
        <v>2</v>
      </c>
      <c r="H474" t="s">
        <v>2497</v>
      </c>
      <c r="I474">
        <v>1</v>
      </c>
      <c r="J474" t="s">
        <v>2498</v>
      </c>
      <c r="O474">
        <v>3960528</v>
      </c>
      <c r="P474">
        <v>1</v>
      </c>
      <c r="Q474">
        <v>0</v>
      </c>
      <c r="R474" t="s">
        <v>2499</v>
      </c>
      <c r="S474">
        <v>381</v>
      </c>
    </row>
    <row r="475" spans="1:19" x14ac:dyDescent="0.25">
      <c r="A475">
        <v>39421493</v>
      </c>
      <c r="B475" t="s">
        <v>2500</v>
      </c>
      <c r="C475" s="1" t="s">
        <v>2501</v>
      </c>
      <c r="E475">
        <v>2</v>
      </c>
      <c r="F475">
        <v>5</v>
      </c>
      <c r="H475" t="s">
        <v>2502</v>
      </c>
      <c r="I475">
        <v>0</v>
      </c>
      <c r="J475" t="s">
        <v>2503</v>
      </c>
      <c r="K475" t="s">
        <v>2504</v>
      </c>
      <c r="M475">
        <v>981744</v>
      </c>
      <c r="O475">
        <v>6815488</v>
      </c>
      <c r="P475">
        <v>1</v>
      </c>
      <c r="Q475">
        <v>0</v>
      </c>
      <c r="R475" t="s">
        <v>351</v>
      </c>
      <c r="S475">
        <v>406</v>
      </c>
    </row>
    <row r="476" spans="1:19" x14ac:dyDescent="0.25">
      <c r="A476">
        <v>46343617</v>
      </c>
      <c r="B476" t="s">
        <v>2505</v>
      </c>
      <c r="C476" s="1" t="s">
        <v>2506</v>
      </c>
      <c r="D476">
        <v>46347917</v>
      </c>
      <c r="E476">
        <v>1</v>
      </c>
      <c r="F476">
        <v>0</v>
      </c>
      <c r="H476" t="s">
        <v>2507</v>
      </c>
      <c r="I476">
        <v>1</v>
      </c>
      <c r="J476" t="s">
        <v>2508</v>
      </c>
      <c r="O476">
        <v>4494875</v>
      </c>
      <c r="P476">
        <v>1</v>
      </c>
      <c r="Q476">
        <v>1</v>
      </c>
      <c r="R476" t="s">
        <v>2509</v>
      </c>
      <c r="S476">
        <v>234</v>
      </c>
    </row>
    <row r="477" spans="1:19" x14ac:dyDescent="0.25">
      <c r="A477">
        <v>2791526</v>
      </c>
      <c r="B477" t="s">
        <v>2510</v>
      </c>
      <c r="C477" s="1" t="s">
        <v>2511</v>
      </c>
      <c r="D477">
        <v>2791535</v>
      </c>
      <c r="E477">
        <v>3</v>
      </c>
      <c r="F477">
        <v>5</v>
      </c>
      <c r="H477" t="s">
        <v>2512</v>
      </c>
      <c r="J477" t="s">
        <v>2513</v>
      </c>
      <c r="K477" t="s">
        <v>2513</v>
      </c>
      <c r="M477">
        <v>19679</v>
      </c>
      <c r="O477">
        <v>316126</v>
      </c>
      <c r="P477">
        <v>1</v>
      </c>
      <c r="Q477">
        <v>0</v>
      </c>
      <c r="R477" t="s">
        <v>2514</v>
      </c>
      <c r="S477">
        <v>2878</v>
      </c>
    </row>
    <row r="478" spans="1:19" x14ac:dyDescent="0.25">
      <c r="A478">
        <v>36962256</v>
      </c>
      <c r="B478" t="s">
        <v>2515</v>
      </c>
      <c r="C478" s="1" t="s">
        <v>2516</v>
      </c>
      <c r="E478">
        <v>2</v>
      </c>
      <c r="F478">
        <v>5</v>
      </c>
      <c r="H478" t="s">
        <v>2517</v>
      </c>
      <c r="J478" t="s">
        <v>2518</v>
      </c>
      <c r="K478" t="s">
        <v>2519</v>
      </c>
      <c r="M478">
        <v>3667257</v>
      </c>
      <c r="O478">
        <v>5719726</v>
      </c>
      <c r="P478">
        <v>1</v>
      </c>
      <c r="Q478">
        <v>0</v>
      </c>
      <c r="R478" t="s">
        <v>2520</v>
      </c>
      <c r="S478">
        <v>445</v>
      </c>
    </row>
    <row r="479" spans="1:19" x14ac:dyDescent="0.25">
      <c r="A479">
        <v>20167225</v>
      </c>
      <c r="B479" t="s">
        <v>2521</v>
      </c>
      <c r="C479" s="1" t="s">
        <v>2522</v>
      </c>
      <c r="D479">
        <v>20178017</v>
      </c>
      <c r="E479">
        <v>1</v>
      </c>
      <c r="F479">
        <v>7</v>
      </c>
      <c r="H479" t="s">
        <v>2523</v>
      </c>
      <c r="J479" t="s">
        <v>2524</v>
      </c>
      <c r="K479" t="s">
        <v>2525</v>
      </c>
      <c r="M479">
        <v>3018591</v>
      </c>
      <c r="O479">
        <v>3018591</v>
      </c>
      <c r="P479">
        <v>1</v>
      </c>
      <c r="Q479">
        <v>2</v>
      </c>
      <c r="R479" t="s">
        <v>2526</v>
      </c>
      <c r="S479">
        <v>293</v>
      </c>
    </row>
    <row r="480" spans="1:19" x14ac:dyDescent="0.25">
      <c r="A480">
        <v>45172047</v>
      </c>
      <c r="B480" t="s">
        <v>2527</v>
      </c>
      <c r="C480" s="1" t="s">
        <v>2528</v>
      </c>
      <c r="E480">
        <v>1</v>
      </c>
      <c r="F480">
        <v>0</v>
      </c>
      <c r="H480" t="s">
        <v>2529</v>
      </c>
      <c r="J480" t="s">
        <v>2530</v>
      </c>
      <c r="K480" t="s">
        <v>2530</v>
      </c>
      <c r="M480">
        <v>7712759</v>
      </c>
      <c r="O480">
        <v>5085873</v>
      </c>
      <c r="P480">
        <v>1</v>
      </c>
      <c r="Q480">
        <v>0</v>
      </c>
      <c r="R480" t="s">
        <v>2531</v>
      </c>
      <c r="S480">
        <v>27</v>
      </c>
    </row>
    <row r="481" spans="1:19" x14ac:dyDescent="0.25">
      <c r="A481">
        <v>27205623</v>
      </c>
      <c r="B481" t="s">
        <v>2532</v>
      </c>
      <c r="C481" s="1" t="s">
        <v>2533</v>
      </c>
      <c r="D481">
        <v>27211175</v>
      </c>
      <c r="E481">
        <v>1</v>
      </c>
      <c r="F481">
        <v>0</v>
      </c>
      <c r="H481" t="s">
        <v>2534</v>
      </c>
      <c r="I481">
        <v>1</v>
      </c>
      <c r="J481" t="s">
        <v>2535</v>
      </c>
      <c r="O481">
        <v>2006674</v>
      </c>
      <c r="P481">
        <v>1</v>
      </c>
      <c r="Q481">
        <v>12</v>
      </c>
      <c r="R481" t="s">
        <v>2536</v>
      </c>
      <c r="S481">
        <v>2544</v>
      </c>
    </row>
    <row r="482" spans="1:19" x14ac:dyDescent="0.25">
      <c r="A482">
        <v>48381946</v>
      </c>
      <c r="B482" t="s">
        <v>2537</v>
      </c>
      <c r="C482" s="1" t="s">
        <v>2538</v>
      </c>
      <c r="E482">
        <v>1</v>
      </c>
      <c r="F482">
        <v>3</v>
      </c>
      <c r="H482" t="s">
        <v>2539</v>
      </c>
      <c r="J482" t="s">
        <v>2540</v>
      </c>
      <c r="O482">
        <v>2277753</v>
      </c>
      <c r="P482">
        <v>1</v>
      </c>
      <c r="Q482">
        <v>-1</v>
      </c>
      <c r="R482" t="s">
        <v>2541</v>
      </c>
      <c r="S482">
        <v>204</v>
      </c>
    </row>
    <row r="483" spans="1:19" x14ac:dyDescent="0.25">
      <c r="A483">
        <v>25867365</v>
      </c>
      <c r="B483" t="s">
        <v>2542</v>
      </c>
      <c r="C483" s="1" t="s">
        <v>2543</v>
      </c>
      <c r="D483">
        <v>25867818</v>
      </c>
      <c r="E483">
        <v>3</v>
      </c>
      <c r="F483">
        <v>4</v>
      </c>
      <c r="H483" t="s">
        <v>2544</v>
      </c>
      <c r="J483" t="s">
        <v>2545</v>
      </c>
      <c r="K483" t="s">
        <v>2546</v>
      </c>
      <c r="M483">
        <v>3895584</v>
      </c>
      <c r="O483">
        <v>3895584</v>
      </c>
      <c r="P483">
        <v>1</v>
      </c>
      <c r="Q483">
        <v>-1</v>
      </c>
      <c r="R483" t="s">
        <v>2547</v>
      </c>
      <c r="S483">
        <v>2871</v>
      </c>
    </row>
    <row r="484" spans="1:19" x14ac:dyDescent="0.25">
      <c r="A484">
        <v>44210043</v>
      </c>
      <c r="B484" t="s">
        <v>2548</v>
      </c>
      <c r="C484" s="1" t="s">
        <v>2549</v>
      </c>
      <c r="D484">
        <v>44210521</v>
      </c>
      <c r="E484">
        <v>1</v>
      </c>
      <c r="F484">
        <v>11</v>
      </c>
      <c r="H484" t="s">
        <v>2550</v>
      </c>
      <c r="J484" t="s">
        <v>2551</v>
      </c>
      <c r="K484" t="s">
        <v>2552</v>
      </c>
      <c r="M484">
        <v>1041824</v>
      </c>
      <c r="O484">
        <v>1041824</v>
      </c>
      <c r="P484">
        <v>1</v>
      </c>
      <c r="Q484">
        <v>-2</v>
      </c>
      <c r="R484" t="s">
        <v>2553</v>
      </c>
      <c r="S484">
        <v>136</v>
      </c>
    </row>
    <row r="485" spans="1:19" x14ac:dyDescent="0.25">
      <c r="A485">
        <v>29801665</v>
      </c>
      <c r="B485" t="s">
        <v>2554</v>
      </c>
      <c r="C485" s="1" t="s">
        <v>2555</v>
      </c>
      <c r="E485">
        <v>1</v>
      </c>
      <c r="F485">
        <v>1</v>
      </c>
      <c r="H485" t="s">
        <v>2556</v>
      </c>
      <c r="J485" t="s">
        <v>2557</v>
      </c>
      <c r="K485" t="s">
        <v>2558</v>
      </c>
      <c r="M485">
        <v>1471134</v>
      </c>
      <c r="O485">
        <v>4820025</v>
      </c>
      <c r="P485">
        <v>1</v>
      </c>
      <c r="Q485">
        <v>0</v>
      </c>
      <c r="R485" t="s">
        <v>2559</v>
      </c>
      <c r="S485">
        <v>1306</v>
      </c>
    </row>
    <row r="486" spans="1:19" x14ac:dyDescent="0.25">
      <c r="A486">
        <v>27418789</v>
      </c>
      <c r="B486" t="s">
        <v>2560</v>
      </c>
      <c r="C486" s="1" t="s">
        <v>2561</v>
      </c>
      <c r="D486">
        <v>27420072</v>
      </c>
      <c r="E486">
        <v>1</v>
      </c>
      <c r="F486">
        <v>4</v>
      </c>
      <c r="H486" t="s">
        <v>2562</v>
      </c>
      <c r="J486" t="s">
        <v>2563</v>
      </c>
      <c r="O486">
        <v>2286567</v>
      </c>
      <c r="P486">
        <v>1</v>
      </c>
      <c r="Q486">
        <v>0</v>
      </c>
      <c r="R486" t="s">
        <v>2564</v>
      </c>
      <c r="S486">
        <v>880</v>
      </c>
    </row>
    <row r="487" spans="1:19" x14ac:dyDescent="0.25">
      <c r="A487">
        <v>1393010</v>
      </c>
      <c r="B487" t="s">
        <v>2565</v>
      </c>
      <c r="C487" s="1" t="s">
        <v>2566</v>
      </c>
      <c r="D487">
        <v>1393959</v>
      </c>
      <c r="E487">
        <v>4</v>
      </c>
      <c r="F487">
        <v>2</v>
      </c>
      <c r="H487" t="s">
        <v>2567</v>
      </c>
      <c r="J487" t="s">
        <v>2568</v>
      </c>
      <c r="K487" t="s">
        <v>2569</v>
      </c>
      <c r="M487">
        <v>30478</v>
      </c>
      <c r="O487">
        <v>30478</v>
      </c>
      <c r="P487">
        <v>1</v>
      </c>
      <c r="Q487">
        <v>0</v>
      </c>
      <c r="R487" t="s">
        <v>213</v>
      </c>
      <c r="S487">
        <v>1899</v>
      </c>
    </row>
    <row r="488" spans="1:19" x14ac:dyDescent="0.25">
      <c r="A488">
        <v>2194860</v>
      </c>
      <c r="B488" t="s">
        <v>2570</v>
      </c>
      <c r="C488" s="1" t="s">
        <v>2571</v>
      </c>
      <c r="D488">
        <v>2195008</v>
      </c>
      <c r="E488">
        <v>2</v>
      </c>
      <c r="F488">
        <v>0</v>
      </c>
      <c r="H488" t="s">
        <v>2572</v>
      </c>
      <c r="I488">
        <v>1</v>
      </c>
      <c r="J488" t="s">
        <v>2573</v>
      </c>
      <c r="K488" t="s">
        <v>2574</v>
      </c>
      <c r="M488">
        <v>48311</v>
      </c>
      <c r="O488">
        <v>48311</v>
      </c>
      <c r="P488">
        <v>1</v>
      </c>
      <c r="Q488">
        <v>6</v>
      </c>
      <c r="R488" t="s">
        <v>2575</v>
      </c>
      <c r="S488">
        <v>2599</v>
      </c>
    </row>
    <row r="489" spans="1:19" x14ac:dyDescent="0.25">
      <c r="A489">
        <v>37432915</v>
      </c>
      <c r="B489" t="s">
        <v>2576</v>
      </c>
      <c r="C489" s="1" t="s">
        <v>2577</v>
      </c>
      <c r="D489">
        <v>42652999</v>
      </c>
      <c r="E489">
        <v>2</v>
      </c>
      <c r="F489">
        <v>0</v>
      </c>
      <c r="H489" t="s">
        <v>2578</v>
      </c>
      <c r="J489" t="s">
        <v>2579</v>
      </c>
      <c r="K489" t="s">
        <v>2580</v>
      </c>
      <c r="M489">
        <v>6400526</v>
      </c>
      <c r="O489">
        <v>5674776</v>
      </c>
      <c r="P489">
        <v>1</v>
      </c>
      <c r="Q489">
        <v>1</v>
      </c>
      <c r="R489" t="s">
        <v>2581</v>
      </c>
      <c r="S489">
        <v>869</v>
      </c>
    </row>
    <row r="490" spans="1:19" x14ac:dyDescent="0.25">
      <c r="A490">
        <v>20435927</v>
      </c>
      <c r="B490" t="s">
        <v>2582</v>
      </c>
      <c r="C490" s="1" t="s">
        <v>2583</v>
      </c>
      <c r="D490">
        <v>20435969</v>
      </c>
      <c r="E490">
        <v>1</v>
      </c>
      <c r="F490">
        <v>1</v>
      </c>
      <c r="H490" t="s">
        <v>2584</v>
      </c>
      <c r="J490" t="s">
        <v>2585</v>
      </c>
      <c r="K490" t="s">
        <v>2585</v>
      </c>
      <c r="M490">
        <v>1297623</v>
      </c>
      <c r="O490">
        <v>759235</v>
      </c>
      <c r="P490">
        <v>1</v>
      </c>
      <c r="Q490">
        <v>2</v>
      </c>
      <c r="R490" t="s">
        <v>2586</v>
      </c>
      <c r="S490">
        <v>2719</v>
      </c>
    </row>
    <row r="491" spans="1:19" x14ac:dyDescent="0.25">
      <c r="A491">
        <v>15243705</v>
      </c>
      <c r="B491" t="s">
        <v>2587</v>
      </c>
      <c r="C491" s="1" t="s">
        <v>2588</v>
      </c>
      <c r="D491">
        <v>29413262</v>
      </c>
      <c r="E491">
        <v>2</v>
      </c>
      <c r="F491">
        <v>0</v>
      </c>
      <c r="H491" t="s">
        <v>2589</v>
      </c>
      <c r="I491">
        <v>1</v>
      </c>
      <c r="J491" t="s">
        <v>2590</v>
      </c>
      <c r="K491" t="s">
        <v>2590</v>
      </c>
      <c r="M491">
        <v>12916</v>
      </c>
      <c r="O491">
        <v>1646364</v>
      </c>
      <c r="P491">
        <v>1</v>
      </c>
      <c r="Q491">
        <v>2</v>
      </c>
      <c r="R491" t="s">
        <v>2591</v>
      </c>
      <c r="S491">
        <v>1776</v>
      </c>
    </row>
    <row r="492" spans="1:19" x14ac:dyDescent="0.25">
      <c r="A492">
        <v>36771247</v>
      </c>
      <c r="B492" t="s">
        <v>2592</v>
      </c>
      <c r="C492" s="1" t="s">
        <v>2593</v>
      </c>
      <c r="D492">
        <v>36771789</v>
      </c>
      <c r="E492">
        <v>2</v>
      </c>
      <c r="F492">
        <v>7</v>
      </c>
      <c r="H492" t="s">
        <v>2594</v>
      </c>
      <c r="J492" t="s">
        <v>2595</v>
      </c>
      <c r="O492">
        <v>4436237</v>
      </c>
      <c r="P492">
        <v>1</v>
      </c>
      <c r="Q492">
        <v>1</v>
      </c>
      <c r="R492" t="s">
        <v>2596</v>
      </c>
      <c r="S492">
        <v>898</v>
      </c>
    </row>
    <row r="493" spans="1:19" x14ac:dyDescent="0.25">
      <c r="A493">
        <v>11353005</v>
      </c>
      <c r="B493" t="s">
        <v>2597</v>
      </c>
      <c r="C493" s="1" t="s">
        <v>2598</v>
      </c>
      <c r="D493">
        <v>11353093</v>
      </c>
      <c r="E493">
        <v>1</v>
      </c>
      <c r="F493">
        <v>4</v>
      </c>
      <c r="H493" t="s">
        <v>2599</v>
      </c>
      <c r="J493" t="s">
        <v>2600</v>
      </c>
      <c r="K493" t="s">
        <v>2601</v>
      </c>
      <c r="M493">
        <v>-1</v>
      </c>
      <c r="O493">
        <v>1505247</v>
      </c>
      <c r="P493">
        <v>1</v>
      </c>
      <c r="Q493">
        <v>0</v>
      </c>
      <c r="R493" t="s">
        <v>2602</v>
      </c>
      <c r="S493">
        <v>241</v>
      </c>
    </row>
    <row r="494" spans="1:19" x14ac:dyDescent="0.25">
      <c r="A494">
        <v>44910176</v>
      </c>
      <c r="B494" t="s">
        <v>2603</v>
      </c>
      <c r="C494" s="1" t="s">
        <v>2604</v>
      </c>
      <c r="E494">
        <v>1</v>
      </c>
      <c r="F494">
        <v>2</v>
      </c>
      <c r="H494" t="s">
        <v>2605</v>
      </c>
      <c r="J494" t="s">
        <v>2606</v>
      </c>
      <c r="O494">
        <v>1708632</v>
      </c>
      <c r="P494">
        <v>1</v>
      </c>
      <c r="Q494">
        <v>0</v>
      </c>
      <c r="R494" t="s">
        <v>2607</v>
      </c>
      <c r="S494">
        <v>54</v>
      </c>
    </row>
    <row r="495" spans="1:19" x14ac:dyDescent="0.25">
      <c r="A495">
        <v>19426690</v>
      </c>
      <c r="B495" t="s">
        <v>2608</v>
      </c>
      <c r="C495" s="1" t="s">
        <v>2609</v>
      </c>
      <c r="E495">
        <v>1</v>
      </c>
      <c r="F495">
        <v>2</v>
      </c>
      <c r="H495" t="s">
        <v>2610</v>
      </c>
      <c r="J495" t="s">
        <v>2611</v>
      </c>
      <c r="K495" t="s">
        <v>2612</v>
      </c>
      <c r="M495">
        <v>2890262</v>
      </c>
      <c r="O495">
        <v>2890262</v>
      </c>
      <c r="P495">
        <v>1</v>
      </c>
      <c r="Q495">
        <v>0</v>
      </c>
      <c r="R495" t="s">
        <v>2613</v>
      </c>
      <c r="S495">
        <v>1620</v>
      </c>
    </row>
    <row r="496" spans="1:19" x14ac:dyDescent="0.25">
      <c r="A496">
        <v>37836936</v>
      </c>
      <c r="B496" t="s">
        <v>2614</v>
      </c>
      <c r="C496" s="1" t="s">
        <v>2615</v>
      </c>
      <c r="E496">
        <v>0</v>
      </c>
      <c r="F496">
        <v>4</v>
      </c>
      <c r="H496" t="s">
        <v>2616</v>
      </c>
      <c r="J496" t="s">
        <v>2617</v>
      </c>
      <c r="K496" t="s">
        <v>2617</v>
      </c>
      <c r="M496">
        <v>2696260</v>
      </c>
      <c r="O496">
        <v>6469772</v>
      </c>
      <c r="P496">
        <v>1</v>
      </c>
      <c r="Q496">
        <v>0</v>
      </c>
      <c r="R496" t="s">
        <v>2618</v>
      </c>
      <c r="S496">
        <v>214</v>
      </c>
    </row>
    <row r="497" spans="1:19" x14ac:dyDescent="0.25">
      <c r="A497">
        <v>13945599</v>
      </c>
      <c r="B497" t="s">
        <v>2619</v>
      </c>
      <c r="C497" t="s">
        <v>2620</v>
      </c>
      <c r="E497">
        <v>0</v>
      </c>
      <c r="F497">
        <v>2</v>
      </c>
      <c r="H497" t="s">
        <v>2621</v>
      </c>
      <c r="J497" t="s">
        <v>2621</v>
      </c>
      <c r="O497">
        <v>1844257</v>
      </c>
      <c r="P497">
        <v>1</v>
      </c>
      <c r="Q497">
        <v>0</v>
      </c>
      <c r="R497" t="s">
        <v>2622</v>
      </c>
      <c r="S497">
        <v>200</v>
      </c>
    </row>
    <row r="498" spans="1:19" x14ac:dyDescent="0.25">
      <c r="A498">
        <v>22647041</v>
      </c>
      <c r="B498" t="s">
        <v>2623</v>
      </c>
      <c r="C498" s="1" t="s">
        <v>2624</v>
      </c>
      <c r="E498">
        <v>1</v>
      </c>
      <c r="F498">
        <v>0</v>
      </c>
      <c r="H498" t="s">
        <v>2625</v>
      </c>
      <c r="I498">
        <v>1</v>
      </c>
      <c r="J498" t="s">
        <v>2626</v>
      </c>
      <c r="O498">
        <v>3441155</v>
      </c>
      <c r="P498">
        <v>1</v>
      </c>
      <c r="Q498">
        <v>1</v>
      </c>
      <c r="R498" t="s">
        <v>2627</v>
      </c>
      <c r="S498">
        <v>1628</v>
      </c>
    </row>
    <row r="499" spans="1:19" x14ac:dyDescent="0.25">
      <c r="A499">
        <v>27227215</v>
      </c>
      <c r="B499" t="s">
        <v>2628</v>
      </c>
      <c r="C499" s="1" t="s">
        <v>2629</v>
      </c>
      <c r="D499">
        <v>27227378</v>
      </c>
      <c r="E499">
        <v>3</v>
      </c>
      <c r="F499">
        <v>0</v>
      </c>
      <c r="H499" t="s">
        <v>2630</v>
      </c>
      <c r="J499" t="s">
        <v>2631</v>
      </c>
      <c r="K499" t="s">
        <v>2632</v>
      </c>
      <c r="M499">
        <v>32453</v>
      </c>
      <c r="O499">
        <v>2448495</v>
      </c>
      <c r="P499">
        <v>1</v>
      </c>
      <c r="Q499">
        <v>6</v>
      </c>
      <c r="R499" t="s">
        <v>2633</v>
      </c>
      <c r="S499">
        <v>3781</v>
      </c>
    </row>
    <row r="500" spans="1:19" x14ac:dyDescent="0.25">
      <c r="A500">
        <v>45611597</v>
      </c>
      <c r="B500" t="s">
        <v>2634</v>
      </c>
      <c r="C500" s="1" t="s">
        <v>2635</v>
      </c>
      <c r="D500">
        <v>45612204</v>
      </c>
      <c r="E500">
        <v>1</v>
      </c>
      <c r="F500">
        <v>0</v>
      </c>
      <c r="H500" t="s">
        <v>2636</v>
      </c>
      <c r="I500">
        <v>1</v>
      </c>
      <c r="J500" t="s">
        <v>2637</v>
      </c>
      <c r="O500">
        <v>8025902</v>
      </c>
      <c r="P500">
        <v>1</v>
      </c>
      <c r="Q500">
        <v>0</v>
      </c>
      <c r="R500" t="s">
        <v>2638</v>
      </c>
      <c r="S500">
        <v>62</v>
      </c>
    </row>
    <row r="501" spans="1:19" x14ac:dyDescent="0.25">
      <c r="A501">
        <v>12311606</v>
      </c>
      <c r="B501" t="s">
        <v>2639</v>
      </c>
      <c r="C501" s="1" t="s">
        <v>2640</v>
      </c>
      <c r="E501">
        <v>1</v>
      </c>
      <c r="F501">
        <v>0</v>
      </c>
      <c r="H501" t="s">
        <v>2641</v>
      </c>
      <c r="J501" t="s">
        <v>2642</v>
      </c>
      <c r="O501">
        <v>1456796</v>
      </c>
      <c r="P501">
        <v>1</v>
      </c>
      <c r="Q501">
        <v>1</v>
      </c>
      <c r="R501" t="s">
        <v>2643</v>
      </c>
      <c r="S501">
        <v>41</v>
      </c>
    </row>
    <row r="502" spans="1:19" x14ac:dyDescent="0.25">
      <c r="A502">
        <v>45711755</v>
      </c>
      <c r="B502" t="s">
        <v>2644</v>
      </c>
      <c r="C502" s="1" t="s">
        <v>2645</v>
      </c>
      <c r="D502">
        <v>45782418</v>
      </c>
      <c r="E502">
        <v>1</v>
      </c>
      <c r="F502">
        <v>13</v>
      </c>
      <c r="H502" t="s">
        <v>2646</v>
      </c>
      <c r="J502" t="s">
        <v>2647</v>
      </c>
      <c r="O502">
        <v>8399351</v>
      </c>
      <c r="P502">
        <v>1</v>
      </c>
      <c r="Q502">
        <v>0</v>
      </c>
      <c r="R502" t="s">
        <v>2648</v>
      </c>
      <c r="S502">
        <v>268</v>
      </c>
    </row>
    <row r="503" spans="1:19" x14ac:dyDescent="0.25">
      <c r="A503">
        <v>7281087</v>
      </c>
      <c r="B503" t="s">
        <v>2649</v>
      </c>
      <c r="C503" s="1" t="s">
        <v>2650</v>
      </c>
      <c r="E503">
        <v>2</v>
      </c>
      <c r="F503">
        <v>5</v>
      </c>
      <c r="H503" t="s">
        <v>2651</v>
      </c>
      <c r="J503" t="s">
        <v>2652</v>
      </c>
      <c r="K503" t="s">
        <v>2653</v>
      </c>
      <c r="M503">
        <v>-1</v>
      </c>
      <c r="O503">
        <v>924911</v>
      </c>
      <c r="P503">
        <v>1</v>
      </c>
      <c r="Q503">
        <v>-1</v>
      </c>
      <c r="R503" t="s">
        <v>2654</v>
      </c>
      <c r="S503">
        <v>835</v>
      </c>
    </row>
    <row r="504" spans="1:19" x14ac:dyDescent="0.25">
      <c r="A504">
        <v>18825871</v>
      </c>
      <c r="B504" t="s">
        <v>2655</v>
      </c>
      <c r="C504" s="1" t="s">
        <v>2656</v>
      </c>
      <c r="E504">
        <v>2</v>
      </c>
      <c r="F504">
        <v>1</v>
      </c>
      <c r="H504" t="s">
        <v>2657</v>
      </c>
      <c r="I504">
        <v>3</v>
      </c>
      <c r="J504" t="s">
        <v>2658</v>
      </c>
      <c r="O504">
        <v>2175472</v>
      </c>
      <c r="P504">
        <v>1</v>
      </c>
      <c r="Q504">
        <v>1</v>
      </c>
      <c r="R504" t="s">
        <v>2659</v>
      </c>
      <c r="S504">
        <v>8081</v>
      </c>
    </row>
    <row r="505" spans="1:19" x14ac:dyDescent="0.25">
      <c r="A505">
        <v>38438137</v>
      </c>
      <c r="B505" t="s">
        <v>2660</v>
      </c>
      <c r="C505" s="1" t="s">
        <v>2661</v>
      </c>
      <c r="D505">
        <v>38438334</v>
      </c>
      <c r="E505">
        <v>2</v>
      </c>
      <c r="F505">
        <v>0</v>
      </c>
      <c r="H505" t="s">
        <v>2662</v>
      </c>
      <c r="I505">
        <v>2</v>
      </c>
      <c r="J505" t="s">
        <v>2663</v>
      </c>
      <c r="O505">
        <v>4730700</v>
      </c>
      <c r="P505">
        <v>1</v>
      </c>
      <c r="Q505">
        <v>6</v>
      </c>
      <c r="R505" t="s">
        <v>2664</v>
      </c>
      <c r="S505">
        <v>4550</v>
      </c>
    </row>
    <row r="506" spans="1:19" x14ac:dyDescent="0.25">
      <c r="A506">
        <v>3159194</v>
      </c>
      <c r="B506" t="s">
        <v>2665</v>
      </c>
      <c r="C506" s="1" t="s">
        <v>2666</v>
      </c>
      <c r="E506">
        <v>2</v>
      </c>
      <c r="F506">
        <v>2</v>
      </c>
      <c r="H506" t="s">
        <v>2667</v>
      </c>
      <c r="J506" t="s">
        <v>2668</v>
      </c>
      <c r="K506" t="s">
        <v>2669</v>
      </c>
      <c r="M506">
        <v>35881</v>
      </c>
      <c r="O506">
        <v>380445</v>
      </c>
      <c r="P506">
        <v>1</v>
      </c>
      <c r="Q506">
        <v>1</v>
      </c>
      <c r="R506" t="s">
        <v>2670</v>
      </c>
      <c r="S506">
        <v>21321</v>
      </c>
    </row>
    <row r="507" spans="1:19" x14ac:dyDescent="0.25">
      <c r="A507">
        <v>42938618</v>
      </c>
      <c r="B507" t="s">
        <v>2671</v>
      </c>
      <c r="C507" s="1" t="s">
        <v>2672</v>
      </c>
      <c r="D507">
        <v>43351314</v>
      </c>
      <c r="E507">
        <v>2</v>
      </c>
      <c r="F507">
        <v>0</v>
      </c>
      <c r="H507" t="s">
        <v>2673</v>
      </c>
      <c r="J507" t="s">
        <v>2674</v>
      </c>
      <c r="O507">
        <v>4790871</v>
      </c>
      <c r="P507">
        <v>1</v>
      </c>
      <c r="Q507">
        <v>1</v>
      </c>
      <c r="R507" t="s">
        <v>2675</v>
      </c>
      <c r="S507">
        <v>213</v>
      </c>
    </row>
    <row r="508" spans="1:19" x14ac:dyDescent="0.25">
      <c r="A508">
        <v>7991262</v>
      </c>
      <c r="B508" t="s">
        <v>2676</v>
      </c>
      <c r="C508" s="1" t="s">
        <v>2677</v>
      </c>
      <c r="D508">
        <v>7994053</v>
      </c>
      <c r="E508">
        <v>2</v>
      </c>
      <c r="F508">
        <v>0</v>
      </c>
      <c r="H508" t="s">
        <v>2678</v>
      </c>
      <c r="I508">
        <v>2</v>
      </c>
      <c r="J508" t="s">
        <v>2679</v>
      </c>
      <c r="K508" t="s">
        <v>2680</v>
      </c>
      <c r="M508">
        <v>322283</v>
      </c>
      <c r="O508">
        <v>663637</v>
      </c>
      <c r="P508">
        <v>1</v>
      </c>
      <c r="Q508">
        <v>6</v>
      </c>
      <c r="R508" t="s">
        <v>2681</v>
      </c>
      <c r="S508">
        <v>3872</v>
      </c>
    </row>
    <row r="509" spans="1:19" x14ac:dyDescent="0.25">
      <c r="A509">
        <v>13761707</v>
      </c>
      <c r="B509" t="s">
        <v>2682</v>
      </c>
      <c r="C509" s="1" t="s">
        <v>2683</v>
      </c>
      <c r="D509">
        <v>13762426</v>
      </c>
      <c r="E509">
        <v>4</v>
      </c>
      <c r="F509">
        <v>0</v>
      </c>
      <c r="H509" t="s">
        <v>2684</v>
      </c>
      <c r="I509">
        <v>7</v>
      </c>
      <c r="J509" t="s">
        <v>2685</v>
      </c>
      <c r="K509" t="s">
        <v>2686</v>
      </c>
      <c r="M509">
        <v>1764416</v>
      </c>
      <c r="O509">
        <v>1797991</v>
      </c>
      <c r="P509">
        <v>1</v>
      </c>
      <c r="Q509">
        <v>20</v>
      </c>
      <c r="R509" t="s">
        <v>2687</v>
      </c>
      <c r="S509">
        <v>26465</v>
      </c>
    </row>
    <row r="510" spans="1:19" x14ac:dyDescent="0.25">
      <c r="A510">
        <v>20569128</v>
      </c>
      <c r="B510" t="s">
        <v>2688</v>
      </c>
      <c r="C510" s="1" t="s">
        <v>2689</v>
      </c>
      <c r="E510">
        <v>0</v>
      </c>
      <c r="F510">
        <v>2</v>
      </c>
      <c r="H510" t="s">
        <v>2690</v>
      </c>
      <c r="J510" t="s">
        <v>2690</v>
      </c>
      <c r="K510" t="s">
        <v>2691</v>
      </c>
      <c r="M510">
        <v>-1</v>
      </c>
      <c r="O510">
        <v>2273837</v>
      </c>
      <c r="P510">
        <v>1</v>
      </c>
      <c r="Q510">
        <v>0</v>
      </c>
      <c r="R510" t="s">
        <v>2692</v>
      </c>
      <c r="S510">
        <v>404</v>
      </c>
    </row>
    <row r="511" spans="1:19" x14ac:dyDescent="0.25">
      <c r="A511">
        <v>43373966</v>
      </c>
      <c r="B511" t="s">
        <v>2693</v>
      </c>
      <c r="C511" s="1" t="s">
        <v>2694</v>
      </c>
      <c r="E511">
        <v>1</v>
      </c>
      <c r="F511">
        <v>0</v>
      </c>
      <c r="H511" t="s">
        <v>2695</v>
      </c>
      <c r="J511" t="s">
        <v>2696</v>
      </c>
      <c r="O511">
        <v>7857397</v>
      </c>
      <c r="P511">
        <v>1</v>
      </c>
      <c r="Q511">
        <v>0</v>
      </c>
      <c r="R511" t="s">
        <v>2697</v>
      </c>
      <c r="S511">
        <v>57</v>
      </c>
    </row>
    <row r="512" spans="1:19" x14ac:dyDescent="0.25">
      <c r="A512">
        <v>3246516</v>
      </c>
      <c r="B512" t="s">
        <v>2698</v>
      </c>
      <c r="C512" s="1" t="s">
        <v>2699</v>
      </c>
      <c r="D512">
        <v>3246927</v>
      </c>
      <c r="E512">
        <v>4</v>
      </c>
      <c r="F512">
        <v>4</v>
      </c>
      <c r="H512" t="s">
        <v>2700</v>
      </c>
      <c r="I512">
        <v>3</v>
      </c>
      <c r="J512" t="s">
        <v>2701</v>
      </c>
      <c r="O512">
        <v>251173</v>
      </c>
      <c r="P512">
        <v>1</v>
      </c>
      <c r="Q512">
        <v>6</v>
      </c>
      <c r="R512" t="s">
        <v>2702</v>
      </c>
      <c r="S512">
        <v>17988</v>
      </c>
    </row>
    <row r="513" spans="1:19" x14ac:dyDescent="0.25">
      <c r="A513">
        <v>9114959</v>
      </c>
      <c r="B513" t="s">
        <v>2703</v>
      </c>
      <c r="C513" s="1" t="s">
        <v>2704</v>
      </c>
      <c r="D513">
        <v>9115164</v>
      </c>
      <c r="E513">
        <v>3</v>
      </c>
      <c r="F513">
        <v>0</v>
      </c>
      <c r="H513" t="s">
        <v>2705</v>
      </c>
      <c r="J513" t="s">
        <v>2706</v>
      </c>
      <c r="O513">
        <v>641359</v>
      </c>
      <c r="P513">
        <v>1</v>
      </c>
      <c r="Q513">
        <v>1</v>
      </c>
      <c r="R513" t="s">
        <v>2707</v>
      </c>
      <c r="S513">
        <v>492</v>
      </c>
    </row>
    <row r="514" spans="1:19" x14ac:dyDescent="0.25">
      <c r="A514">
        <v>28436862</v>
      </c>
      <c r="B514" t="s">
        <v>2708</v>
      </c>
      <c r="C514" t="s">
        <v>2709</v>
      </c>
      <c r="E514">
        <v>1</v>
      </c>
      <c r="F514">
        <v>0</v>
      </c>
      <c r="H514" t="s">
        <v>2710</v>
      </c>
      <c r="J514" t="s">
        <v>2711</v>
      </c>
      <c r="O514">
        <v>4551335</v>
      </c>
      <c r="P514">
        <v>1</v>
      </c>
      <c r="Q514">
        <v>0</v>
      </c>
      <c r="R514" t="s">
        <v>2712</v>
      </c>
      <c r="S514">
        <v>384</v>
      </c>
    </row>
    <row r="515" spans="1:19" x14ac:dyDescent="0.25">
      <c r="A515">
        <v>42750607</v>
      </c>
      <c r="B515" t="s">
        <v>2713</v>
      </c>
      <c r="C515" s="1" t="s">
        <v>2714</v>
      </c>
      <c r="D515">
        <v>42751045</v>
      </c>
      <c r="E515">
        <v>2</v>
      </c>
      <c r="F515">
        <v>0</v>
      </c>
      <c r="H515" t="s">
        <v>2715</v>
      </c>
      <c r="J515" t="s">
        <v>2716</v>
      </c>
      <c r="O515">
        <v>6945776</v>
      </c>
      <c r="P515">
        <v>1</v>
      </c>
      <c r="Q515">
        <v>0</v>
      </c>
      <c r="R515" t="s">
        <v>2717</v>
      </c>
      <c r="S515">
        <v>918</v>
      </c>
    </row>
    <row r="516" spans="1:19" x14ac:dyDescent="0.25">
      <c r="A516">
        <v>26532046</v>
      </c>
      <c r="B516" t="s">
        <v>2718</v>
      </c>
      <c r="C516" s="1" t="s">
        <v>2719</v>
      </c>
      <c r="D516">
        <v>26532248</v>
      </c>
      <c r="E516">
        <v>1</v>
      </c>
      <c r="F516">
        <v>0</v>
      </c>
      <c r="H516" t="s">
        <v>2720</v>
      </c>
      <c r="J516" t="s">
        <v>2721</v>
      </c>
      <c r="O516">
        <v>1878947</v>
      </c>
      <c r="P516">
        <v>1</v>
      </c>
      <c r="Q516">
        <v>0</v>
      </c>
      <c r="R516" t="s">
        <v>2722</v>
      </c>
      <c r="S516">
        <v>20</v>
      </c>
    </row>
    <row r="517" spans="1:19" x14ac:dyDescent="0.25">
      <c r="A517">
        <v>34766731</v>
      </c>
      <c r="B517" t="s">
        <v>2723</v>
      </c>
      <c r="C517" s="1" t="s">
        <v>2724</v>
      </c>
      <c r="D517">
        <v>34766823</v>
      </c>
      <c r="E517">
        <v>1</v>
      </c>
      <c r="F517">
        <v>3</v>
      </c>
      <c r="H517" t="s">
        <v>2725</v>
      </c>
      <c r="J517" t="s">
        <v>2726</v>
      </c>
      <c r="O517">
        <v>2882236</v>
      </c>
      <c r="P517">
        <v>1</v>
      </c>
      <c r="Q517">
        <v>-2</v>
      </c>
      <c r="R517" t="s">
        <v>2727</v>
      </c>
      <c r="S517">
        <v>70</v>
      </c>
    </row>
    <row r="518" spans="1:19" x14ac:dyDescent="0.25">
      <c r="A518">
        <v>12355720</v>
      </c>
      <c r="B518" t="s">
        <v>2728</v>
      </c>
      <c r="C518" s="1" t="s">
        <v>2729</v>
      </c>
      <c r="E518">
        <v>2</v>
      </c>
      <c r="F518">
        <v>0</v>
      </c>
      <c r="H518" t="s">
        <v>2730</v>
      </c>
      <c r="J518" t="s">
        <v>2731</v>
      </c>
      <c r="O518">
        <v>581531</v>
      </c>
      <c r="P518">
        <v>1</v>
      </c>
      <c r="Q518">
        <v>0</v>
      </c>
      <c r="R518" t="s">
        <v>2732</v>
      </c>
      <c r="S518">
        <v>490</v>
      </c>
    </row>
    <row r="519" spans="1:19" x14ac:dyDescent="0.25">
      <c r="A519">
        <v>8078667</v>
      </c>
      <c r="B519" t="s">
        <v>2733</v>
      </c>
      <c r="C519" s="1" t="s">
        <v>2734</v>
      </c>
      <c r="D519">
        <v>8078837</v>
      </c>
      <c r="E519">
        <v>2</v>
      </c>
      <c r="F519">
        <v>0</v>
      </c>
      <c r="H519" t="s">
        <v>2735</v>
      </c>
      <c r="I519">
        <v>1</v>
      </c>
      <c r="J519" t="s">
        <v>2736</v>
      </c>
      <c r="K519" t="s">
        <v>2737</v>
      </c>
      <c r="M519">
        <v>-1</v>
      </c>
      <c r="O519">
        <v>385559</v>
      </c>
      <c r="P519">
        <v>1</v>
      </c>
      <c r="Q519">
        <v>9</v>
      </c>
      <c r="R519" t="s">
        <v>2738</v>
      </c>
      <c r="S519">
        <v>19409</v>
      </c>
    </row>
    <row r="520" spans="1:19" x14ac:dyDescent="0.25">
      <c r="A520">
        <v>24369327</v>
      </c>
      <c r="B520" t="s">
        <v>2739</v>
      </c>
      <c r="C520" s="1" t="s">
        <v>2740</v>
      </c>
      <c r="E520">
        <v>1</v>
      </c>
      <c r="F520">
        <v>2</v>
      </c>
      <c r="H520" t="s">
        <v>2741</v>
      </c>
      <c r="J520" t="s">
        <v>2742</v>
      </c>
      <c r="O520">
        <v>3691980</v>
      </c>
      <c r="P520">
        <v>1</v>
      </c>
      <c r="Q520">
        <v>1</v>
      </c>
      <c r="R520" t="s">
        <v>2743</v>
      </c>
      <c r="S520">
        <v>433</v>
      </c>
    </row>
    <row r="521" spans="1:19" x14ac:dyDescent="0.25">
      <c r="A521">
        <v>35468566</v>
      </c>
      <c r="B521" t="s">
        <v>2744</v>
      </c>
      <c r="C521" s="1" t="s">
        <v>2745</v>
      </c>
      <c r="D521">
        <v>35468665</v>
      </c>
      <c r="E521">
        <v>1</v>
      </c>
      <c r="F521">
        <v>5</v>
      </c>
      <c r="H521" t="s">
        <v>2746</v>
      </c>
      <c r="J521" t="s">
        <v>2747</v>
      </c>
      <c r="K521" t="s">
        <v>2748</v>
      </c>
      <c r="M521">
        <v>1389528</v>
      </c>
      <c r="O521">
        <v>1389528</v>
      </c>
      <c r="P521">
        <v>1</v>
      </c>
      <c r="Q521">
        <v>1</v>
      </c>
      <c r="R521" t="s">
        <v>2749</v>
      </c>
      <c r="S521">
        <v>44</v>
      </c>
    </row>
    <row r="522" spans="1:19" x14ac:dyDescent="0.25">
      <c r="A522">
        <v>12025980</v>
      </c>
      <c r="B522" t="s">
        <v>2750</v>
      </c>
      <c r="C522" s="1" t="s">
        <v>2751</v>
      </c>
      <c r="D522">
        <v>12026054</v>
      </c>
      <c r="E522">
        <v>1</v>
      </c>
      <c r="F522">
        <v>1</v>
      </c>
      <c r="H522" t="s">
        <v>2752</v>
      </c>
      <c r="J522" t="s">
        <v>2753</v>
      </c>
      <c r="K522" t="s">
        <v>2753</v>
      </c>
      <c r="M522">
        <v>1043882</v>
      </c>
      <c r="O522">
        <v>1427962</v>
      </c>
      <c r="P522">
        <v>1</v>
      </c>
      <c r="Q522">
        <v>0</v>
      </c>
      <c r="R522" t="s">
        <v>2754</v>
      </c>
      <c r="S522">
        <v>101</v>
      </c>
    </row>
    <row r="523" spans="1:19" x14ac:dyDescent="0.25">
      <c r="A523">
        <v>14470367</v>
      </c>
      <c r="B523" t="s">
        <v>2755</v>
      </c>
      <c r="C523" s="1" t="s">
        <v>2756</v>
      </c>
      <c r="E523">
        <v>1</v>
      </c>
      <c r="F523">
        <v>0</v>
      </c>
      <c r="H523" t="s">
        <v>2757</v>
      </c>
      <c r="J523" t="s">
        <v>2758</v>
      </c>
      <c r="K523" t="s">
        <v>2759</v>
      </c>
      <c r="M523">
        <v>1333879</v>
      </c>
      <c r="O523">
        <v>1333879</v>
      </c>
      <c r="P523">
        <v>1</v>
      </c>
      <c r="Q523">
        <v>0</v>
      </c>
      <c r="R523" t="s">
        <v>2760</v>
      </c>
      <c r="S523">
        <v>669</v>
      </c>
    </row>
    <row r="524" spans="1:19" x14ac:dyDescent="0.25">
      <c r="A524">
        <v>52741144</v>
      </c>
      <c r="B524" t="s">
        <v>2761</v>
      </c>
      <c r="C524" s="1" t="s">
        <v>2762</v>
      </c>
      <c r="D524">
        <v>52741387</v>
      </c>
      <c r="E524">
        <v>1</v>
      </c>
      <c r="F524">
        <v>2</v>
      </c>
      <c r="H524" t="s">
        <v>2763</v>
      </c>
      <c r="J524" t="s">
        <v>2764</v>
      </c>
      <c r="O524">
        <v>9278333</v>
      </c>
      <c r="P524">
        <v>1</v>
      </c>
      <c r="Q524">
        <v>1</v>
      </c>
      <c r="R524" t="s">
        <v>2765</v>
      </c>
      <c r="S524">
        <v>206</v>
      </c>
    </row>
    <row r="525" spans="1:19" x14ac:dyDescent="0.25">
      <c r="A525">
        <v>5691702</v>
      </c>
      <c r="B525" t="s">
        <v>2766</v>
      </c>
      <c r="C525" s="1" t="s">
        <v>2767</v>
      </c>
      <c r="D525">
        <v>5691952</v>
      </c>
      <c r="E525">
        <v>3</v>
      </c>
      <c r="F525">
        <v>0</v>
      </c>
      <c r="H525" t="s">
        <v>2768</v>
      </c>
      <c r="I525">
        <v>2</v>
      </c>
      <c r="J525" t="s">
        <v>2769</v>
      </c>
      <c r="K525" t="s">
        <v>2770</v>
      </c>
      <c r="M525">
        <v>3871352</v>
      </c>
      <c r="O525">
        <v>388603</v>
      </c>
      <c r="P525">
        <v>1</v>
      </c>
      <c r="Q525">
        <v>2</v>
      </c>
      <c r="R525" t="s">
        <v>2771</v>
      </c>
      <c r="S525">
        <v>16765</v>
      </c>
    </row>
    <row r="526" spans="1:19" x14ac:dyDescent="0.25">
      <c r="A526">
        <v>36467179</v>
      </c>
      <c r="B526" t="s">
        <v>2772</v>
      </c>
      <c r="C526" s="1" t="s">
        <v>2773</v>
      </c>
      <c r="E526">
        <v>1</v>
      </c>
      <c r="F526">
        <v>2</v>
      </c>
      <c r="H526" t="s">
        <v>2774</v>
      </c>
      <c r="J526" t="s">
        <v>2775</v>
      </c>
      <c r="K526" t="s">
        <v>2776</v>
      </c>
      <c r="M526">
        <v>1479535</v>
      </c>
      <c r="O526">
        <v>2413581</v>
      </c>
      <c r="P526">
        <v>1</v>
      </c>
      <c r="Q526">
        <v>0</v>
      </c>
      <c r="R526" t="s">
        <v>989</v>
      </c>
      <c r="S526">
        <v>46</v>
      </c>
    </row>
    <row r="527" spans="1:19" x14ac:dyDescent="0.25">
      <c r="A527">
        <v>2080686</v>
      </c>
      <c r="B527" t="s">
        <v>2777</v>
      </c>
      <c r="C527" t="s">
        <v>2778</v>
      </c>
      <c r="E527">
        <v>2</v>
      </c>
      <c r="F527">
        <v>1</v>
      </c>
      <c r="H527" t="s">
        <v>2779</v>
      </c>
      <c r="J527" t="s">
        <v>2780</v>
      </c>
      <c r="K527" t="s">
        <v>2780</v>
      </c>
      <c r="M527">
        <v>1094597</v>
      </c>
      <c r="N527" t="s">
        <v>2781</v>
      </c>
      <c r="P527">
        <v>1</v>
      </c>
      <c r="Q527">
        <v>1</v>
      </c>
      <c r="R527" t="s">
        <v>2782</v>
      </c>
      <c r="S527">
        <v>895</v>
      </c>
    </row>
    <row r="528" spans="1:19" x14ac:dyDescent="0.25">
      <c r="A528">
        <v>16793411</v>
      </c>
      <c r="B528" t="s">
        <v>2783</v>
      </c>
      <c r="C528" s="1" t="s">
        <v>2784</v>
      </c>
      <c r="E528">
        <v>1</v>
      </c>
      <c r="F528">
        <v>0</v>
      </c>
      <c r="H528" t="s">
        <v>2785</v>
      </c>
      <c r="I528">
        <v>1</v>
      </c>
      <c r="J528" t="s">
        <v>2786</v>
      </c>
      <c r="O528">
        <v>39590</v>
      </c>
      <c r="P528">
        <v>1</v>
      </c>
      <c r="Q528">
        <v>2</v>
      </c>
      <c r="R528" t="s">
        <v>2787</v>
      </c>
      <c r="S528">
        <v>796</v>
      </c>
    </row>
    <row r="529" spans="1:19" x14ac:dyDescent="0.25">
      <c r="A529">
        <v>45738255</v>
      </c>
      <c r="B529" t="s">
        <v>2788</v>
      </c>
      <c r="C529" s="1" t="s">
        <v>2789</v>
      </c>
      <c r="E529">
        <v>1</v>
      </c>
      <c r="F529">
        <v>6</v>
      </c>
      <c r="H529" t="s">
        <v>2790</v>
      </c>
      <c r="J529" t="s">
        <v>2791</v>
      </c>
      <c r="K529" t="s">
        <v>2792</v>
      </c>
      <c r="M529">
        <v>2310830</v>
      </c>
      <c r="O529">
        <v>8439822</v>
      </c>
      <c r="P529">
        <v>1</v>
      </c>
      <c r="Q529">
        <v>0</v>
      </c>
      <c r="R529" t="s">
        <v>2793</v>
      </c>
      <c r="S529">
        <v>38</v>
      </c>
    </row>
    <row r="530" spans="1:19" x14ac:dyDescent="0.25">
      <c r="A530">
        <v>25429115</v>
      </c>
      <c r="B530" t="s">
        <v>2794</v>
      </c>
      <c r="C530" s="1" t="s">
        <v>2795</v>
      </c>
      <c r="E530">
        <v>1</v>
      </c>
      <c r="F530">
        <v>4</v>
      </c>
      <c r="H530" t="s">
        <v>2796</v>
      </c>
      <c r="J530" t="s">
        <v>2797</v>
      </c>
      <c r="K530" t="s">
        <v>2798</v>
      </c>
      <c r="M530">
        <v>3798256</v>
      </c>
      <c r="O530">
        <v>3964623</v>
      </c>
      <c r="P530">
        <v>1</v>
      </c>
      <c r="Q530">
        <v>0</v>
      </c>
      <c r="R530" t="s">
        <v>989</v>
      </c>
      <c r="S530">
        <v>40</v>
      </c>
    </row>
    <row r="531" spans="1:19" x14ac:dyDescent="0.25">
      <c r="A531">
        <v>19765007</v>
      </c>
      <c r="B531" t="s">
        <v>2799</v>
      </c>
      <c r="C531" s="1" t="s">
        <v>2800</v>
      </c>
      <c r="D531">
        <v>19765947</v>
      </c>
      <c r="E531">
        <v>2</v>
      </c>
      <c r="F531">
        <v>9</v>
      </c>
      <c r="H531" t="s">
        <v>2801</v>
      </c>
      <c r="J531" t="s">
        <v>2802</v>
      </c>
      <c r="O531">
        <v>1784715</v>
      </c>
      <c r="P531">
        <v>1</v>
      </c>
      <c r="Q531">
        <v>0</v>
      </c>
      <c r="R531" t="s">
        <v>2803</v>
      </c>
      <c r="S531">
        <v>69</v>
      </c>
    </row>
    <row r="532" spans="1:19" x14ac:dyDescent="0.25">
      <c r="A532">
        <v>28893719</v>
      </c>
      <c r="B532" t="s">
        <v>2804</v>
      </c>
      <c r="C532" s="1" t="s">
        <v>2805</v>
      </c>
      <c r="E532">
        <v>3</v>
      </c>
      <c r="F532">
        <v>1</v>
      </c>
      <c r="H532" t="s">
        <v>2806</v>
      </c>
      <c r="J532" t="s">
        <v>2807</v>
      </c>
      <c r="K532" t="s">
        <v>2808</v>
      </c>
      <c r="M532">
        <v>4473648</v>
      </c>
      <c r="O532">
        <v>4558125</v>
      </c>
      <c r="P532">
        <v>1</v>
      </c>
      <c r="Q532">
        <v>-1</v>
      </c>
      <c r="R532" t="s">
        <v>2809</v>
      </c>
      <c r="S532">
        <v>673</v>
      </c>
    </row>
    <row r="533" spans="1:19" x14ac:dyDescent="0.25">
      <c r="A533">
        <v>29944915</v>
      </c>
      <c r="B533" t="s">
        <v>2810</v>
      </c>
      <c r="C533" s="1" t="s">
        <v>2811</v>
      </c>
      <c r="D533">
        <v>29953608</v>
      </c>
      <c r="E533">
        <v>1</v>
      </c>
      <c r="F533">
        <v>4</v>
      </c>
      <c r="H533" t="s">
        <v>2812</v>
      </c>
      <c r="J533" t="s">
        <v>2813</v>
      </c>
      <c r="K533" t="s">
        <v>2814</v>
      </c>
      <c r="M533">
        <v>-1</v>
      </c>
      <c r="O533">
        <v>550184</v>
      </c>
      <c r="P533">
        <v>1</v>
      </c>
      <c r="Q533">
        <v>0</v>
      </c>
      <c r="R533" t="s">
        <v>1052</v>
      </c>
      <c r="S533">
        <v>119</v>
      </c>
    </row>
    <row r="534" spans="1:19" x14ac:dyDescent="0.25">
      <c r="A534">
        <v>36150110</v>
      </c>
      <c r="B534" t="s">
        <v>2815</v>
      </c>
      <c r="C534" s="1" t="s">
        <v>2816</v>
      </c>
      <c r="E534">
        <v>2</v>
      </c>
      <c r="F534">
        <v>2</v>
      </c>
      <c r="H534" t="s">
        <v>2817</v>
      </c>
      <c r="J534" t="s">
        <v>2818</v>
      </c>
      <c r="K534" t="s">
        <v>2819</v>
      </c>
      <c r="M534">
        <v>903469</v>
      </c>
      <c r="O534">
        <v>5628761</v>
      </c>
      <c r="P534">
        <v>1</v>
      </c>
      <c r="Q534">
        <v>0</v>
      </c>
      <c r="R534" t="s">
        <v>2820</v>
      </c>
      <c r="S534">
        <v>35</v>
      </c>
    </row>
    <row r="535" spans="1:19" x14ac:dyDescent="0.25">
      <c r="A535">
        <v>41613981</v>
      </c>
      <c r="B535" t="s">
        <v>2821</v>
      </c>
      <c r="C535" s="1" t="s">
        <v>2822</v>
      </c>
      <c r="E535">
        <v>2</v>
      </c>
      <c r="F535">
        <v>4</v>
      </c>
      <c r="H535" t="s">
        <v>2823</v>
      </c>
      <c r="I535">
        <v>0</v>
      </c>
      <c r="J535" t="s">
        <v>2824</v>
      </c>
      <c r="K535" t="s">
        <v>2824</v>
      </c>
      <c r="M535">
        <v>705602</v>
      </c>
      <c r="O535">
        <v>6633352</v>
      </c>
      <c r="P535">
        <v>1</v>
      </c>
      <c r="Q535">
        <v>0</v>
      </c>
      <c r="R535" t="s">
        <v>2825</v>
      </c>
      <c r="S535">
        <v>206</v>
      </c>
    </row>
    <row r="536" spans="1:19" x14ac:dyDescent="0.25">
      <c r="A536">
        <v>36077553</v>
      </c>
      <c r="B536" t="s">
        <v>2826</v>
      </c>
      <c r="C536" t="s">
        <v>2827</v>
      </c>
      <c r="E536">
        <v>2</v>
      </c>
      <c r="F536">
        <v>2</v>
      </c>
      <c r="H536" t="s">
        <v>2828</v>
      </c>
      <c r="J536" t="s">
        <v>2829</v>
      </c>
      <c r="O536">
        <v>4776167</v>
      </c>
      <c r="P536">
        <v>1</v>
      </c>
      <c r="Q536">
        <v>2</v>
      </c>
      <c r="R536" t="s">
        <v>2830</v>
      </c>
      <c r="S536">
        <v>500</v>
      </c>
    </row>
    <row r="537" spans="1:19" x14ac:dyDescent="0.25">
      <c r="A537">
        <v>48721901</v>
      </c>
      <c r="B537" t="s">
        <v>2831</v>
      </c>
      <c r="C537" s="1" t="s">
        <v>2832</v>
      </c>
      <c r="D537">
        <v>48722636</v>
      </c>
      <c r="E537">
        <v>1</v>
      </c>
      <c r="F537">
        <v>0</v>
      </c>
      <c r="H537" t="s">
        <v>2833</v>
      </c>
      <c r="J537" t="s">
        <v>2834</v>
      </c>
      <c r="K537" t="s">
        <v>2835</v>
      </c>
      <c r="M537">
        <v>6507100</v>
      </c>
      <c r="O537">
        <v>6507100</v>
      </c>
      <c r="P537">
        <v>1</v>
      </c>
      <c r="Q537">
        <v>0</v>
      </c>
      <c r="R537" t="s">
        <v>2836</v>
      </c>
      <c r="S537">
        <v>67</v>
      </c>
    </row>
    <row r="538" spans="1:19" x14ac:dyDescent="0.25">
      <c r="A538">
        <v>48315901</v>
      </c>
      <c r="B538" t="s">
        <v>2837</v>
      </c>
      <c r="C538" s="1" t="s">
        <v>2838</v>
      </c>
      <c r="D538">
        <v>48317713</v>
      </c>
      <c r="E538">
        <v>1</v>
      </c>
      <c r="F538">
        <v>1</v>
      </c>
      <c r="H538" t="s">
        <v>2839</v>
      </c>
      <c r="J538" t="s">
        <v>2840</v>
      </c>
      <c r="K538" t="s">
        <v>2841</v>
      </c>
      <c r="M538">
        <v>3305509</v>
      </c>
      <c r="O538">
        <v>3374783</v>
      </c>
      <c r="P538">
        <v>1</v>
      </c>
      <c r="Q538">
        <v>1</v>
      </c>
      <c r="R538" t="s">
        <v>2842</v>
      </c>
      <c r="S538">
        <v>88</v>
      </c>
    </row>
    <row r="539" spans="1:19" x14ac:dyDescent="0.25">
      <c r="A539">
        <v>52945410</v>
      </c>
      <c r="B539" t="s">
        <v>2843</v>
      </c>
      <c r="C539" s="1" t="s">
        <v>2844</v>
      </c>
      <c r="D539">
        <v>52945506</v>
      </c>
      <c r="E539">
        <v>3</v>
      </c>
      <c r="F539">
        <v>1</v>
      </c>
      <c r="H539" t="s">
        <v>2845</v>
      </c>
      <c r="J539" t="s">
        <v>2846</v>
      </c>
      <c r="K539" t="s">
        <v>2846</v>
      </c>
      <c r="M539">
        <v>1863229</v>
      </c>
      <c r="O539">
        <v>7851946</v>
      </c>
      <c r="P539">
        <v>1</v>
      </c>
      <c r="Q539">
        <v>1</v>
      </c>
      <c r="R539" t="s">
        <v>2847</v>
      </c>
      <c r="S539">
        <v>70</v>
      </c>
    </row>
    <row r="540" spans="1:19" x14ac:dyDescent="0.25">
      <c r="A540">
        <v>8871959</v>
      </c>
      <c r="B540" t="s">
        <v>2848</v>
      </c>
      <c r="C540" s="1" t="s">
        <v>2849</v>
      </c>
      <c r="D540">
        <v>8871975</v>
      </c>
      <c r="E540">
        <v>3</v>
      </c>
      <c r="F540">
        <v>0</v>
      </c>
      <c r="H540" t="s">
        <v>2850</v>
      </c>
      <c r="I540">
        <v>0</v>
      </c>
      <c r="J540" t="s">
        <v>2851</v>
      </c>
      <c r="O540">
        <v>46450</v>
      </c>
      <c r="P540">
        <v>1</v>
      </c>
      <c r="Q540">
        <v>4</v>
      </c>
      <c r="R540" t="s">
        <v>2852</v>
      </c>
      <c r="S540">
        <v>856</v>
      </c>
    </row>
    <row r="541" spans="1:19" x14ac:dyDescent="0.25">
      <c r="A541">
        <v>30625942</v>
      </c>
      <c r="B541" t="s">
        <v>2853</v>
      </c>
      <c r="C541" s="1" t="s">
        <v>2854</v>
      </c>
      <c r="E541">
        <v>0</v>
      </c>
      <c r="F541">
        <v>2</v>
      </c>
      <c r="H541" t="s">
        <v>2855</v>
      </c>
      <c r="J541" t="s">
        <v>2855</v>
      </c>
      <c r="O541">
        <v>4966892</v>
      </c>
      <c r="P541">
        <v>1</v>
      </c>
      <c r="Q541">
        <v>0</v>
      </c>
      <c r="R541" t="s">
        <v>2856</v>
      </c>
      <c r="S541">
        <v>304</v>
      </c>
    </row>
    <row r="542" spans="1:19" x14ac:dyDescent="0.25">
      <c r="A542">
        <v>2070966</v>
      </c>
      <c r="B542" t="s">
        <v>2857</v>
      </c>
      <c r="C542" s="1" t="s">
        <v>2858</v>
      </c>
      <c r="D542">
        <v>2071018</v>
      </c>
      <c r="E542">
        <v>2</v>
      </c>
      <c r="F542">
        <v>0</v>
      </c>
      <c r="H542" t="s">
        <v>2859</v>
      </c>
      <c r="I542">
        <v>2</v>
      </c>
      <c r="J542" t="s">
        <v>2860</v>
      </c>
      <c r="O542">
        <v>107004</v>
      </c>
      <c r="P542">
        <v>1</v>
      </c>
      <c r="Q542">
        <v>2</v>
      </c>
      <c r="R542" t="s">
        <v>2861</v>
      </c>
      <c r="S542">
        <v>453</v>
      </c>
    </row>
    <row r="543" spans="1:19" x14ac:dyDescent="0.25">
      <c r="A543">
        <v>8059338</v>
      </c>
      <c r="B543" t="s">
        <v>2862</v>
      </c>
      <c r="C543" s="1" t="s">
        <v>2863</v>
      </c>
      <c r="D543">
        <v>8064310</v>
      </c>
      <c r="E543">
        <v>3</v>
      </c>
      <c r="F543">
        <v>5</v>
      </c>
      <c r="H543" t="s">
        <v>2864</v>
      </c>
      <c r="I543">
        <v>1</v>
      </c>
      <c r="J543" t="s">
        <v>2865</v>
      </c>
      <c r="K543" t="s">
        <v>2866</v>
      </c>
      <c r="M543">
        <v>391399</v>
      </c>
      <c r="O543">
        <v>391399</v>
      </c>
      <c r="P543">
        <v>1</v>
      </c>
      <c r="Q543">
        <v>1</v>
      </c>
      <c r="R543" t="s">
        <v>2867</v>
      </c>
      <c r="S543">
        <v>856</v>
      </c>
    </row>
    <row r="544" spans="1:19" x14ac:dyDescent="0.25">
      <c r="A544">
        <v>38051582</v>
      </c>
      <c r="B544" t="s">
        <v>2868</v>
      </c>
      <c r="C544" s="1" t="s">
        <v>2869</v>
      </c>
      <c r="E544">
        <v>2</v>
      </c>
      <c r="F544">
        <v>5</v>
      </c>
      <c r="H544" t="s">
        <v>2870</v>
      </c>
      <c r="J544" t="s">
        <v>2871</v>
      </c>
      <c r="K544" t="s">
        <v>2871</v>
      </c>
      <c r="M544">
        <v>4700250</v>
      </c>
      <c r="O544">
        <v>4700250</v>
      </c>
      <c r="P544">
        <v>1</v>
      </c>
      <c r="Q544">
        <v>-4</v>
      </c>
      <c r="R544" t="s">
        <v>1333</v>
      </c>
      <c r="S544">
        <v>545</v>
      </c>
    </row>
    <row r="545" spans="1:19" x14ac:dyDescent="0.25">
      <c r="A545">
        <v>34074056</v>
      </c>
      <c r="B545" t="s">
        <v>2872</v>
      </c>
      <c r="C545" s="1" t="s">
        <v>2873</v>
      </c>
      <c r="E545">
        <v>2</v>
      </c>
      <c r="F545">
        <v>1</v>
      </c>
      <c r="H545" t="s">
        <v>2874</v>
      </c>
      <c r="J545" t="s">
        <v>2875</v>
      </c>
      <c r="O545">
        <v>4982777</v>
      </c>
      <c r="P545">
        <v>1</v>
      </c>
      <c r="Q545">
        <v>0</v>
      </c>
      <c r="R545" t="s">
        <v>2876</v>
      </c>
      <c r="S545">
        <v>37</v>
      </c>
    </row>
    <row r="546" spans="1:19" x14ac:dyDescent="0.25">
      <c r="A546">
        <v>24705478</v>
      </c>
      <c r="B546" t="s">
        <v>2877</v>
      </c>
      <c r="C546" s="1" t="s">
        <v>2878</v>
      </c>
      <c r="D546">
        <v>24707093</v>
      </c>
      <c r="E546">
        <v>2</v>
      </c>
      <c r="F546">
        <v>0</v>
      </c>
      <c r="H546" t="s">
        <v>2879</v>
      </c>
      <c r="J546" t="s">
        <v>2880</v>
      </c>
      <c r="O546">
        <v>2008804</v>
      </c>
      <c r="P546">
        <v>1</v>
      </c>
      <c r="Q546">
        <v>0</v>
      </c>
      <c r="R546" t="s">
        <v>2881</v>
      </c>
      <c r="S546">
        <v>214</v>
      </c>
    </row>
    <row r="547" spans="1:19" x14ac:dyDescent="0.25">
      <c r="A547">
        <v>33698725</v>
      </c>
      <c r="B547" t="s">
        <v>2882</v>
      </c>
      <c r="C547" s="1" t="s">
        <v>2883</v>
      </c>
      <c r="D547">
        <v>33699120</v>
      </c>
      <c r="E547">
        <v>1</v>
      </c>
      <c r="F547">
        <v>0</v>
      </c>
      <c r="H547" t="s">
        <v>2884</v>
      </c>
      <c r="J547" t="s">
        <v>2885</v>
      </c>
      <c r="K547" t="s">
        <v>2885</v>
      </c>
      <c r="M547">
        <v>3992761</v>
      </c>
      <c r="O547">
        <v>5478180</v>
      </c>
      <c r="P547">
        <v>1</v>
      </c>
      <c r="Q547">
        <v>0</v>
      </c>
      <c r="R547" t="s">
        <v>2886</v>
      </c>
      <c r="S547">
        <v>171</v>
      </c>
    </row>
    <row r="548" spans="1:19" x14ac:dyDescent="0.25">
      <c r="A548">
        <v>13309564</v>
      </c>
      <c r="B548" t="s">
        <v>2887</v>
      </c>
      <c r="C548" s="1" t="s">
        <v>2888</v>
      </c>
      <c r="D548">
        <v>13310498</v>
      </c>
      <c r="E548">
        <v>1</v>
      </c>
      <c r="F548">
        <v>4</v>
      </c>
      <c r="H548" t="s">
        <v>2889</v>
      </c>
      <c r="J548" t="s">
        <v>2890</v>
      </c>
      <c r="K548" t="s">
        <v>2891</v>
      </c>
      <c r="M548">
        <v>1297603</v>
      </c>
      <c r="O548">
        <v>660503</v>
      </c>
      <c r="P548">
        <v>1</v>
      </c>
      <c r="Q548">
        <v>0</v>
      </c>
      <c r="R548" t="s">
        <v>2892</v>
      </c>
      <c r="S548">
        <v>489</v>
      </c>
    </row>
    <row r="549" spans="1:19" x14ac:dyDescent="0.25">
      <c r="A549">
        <v>26863077</v>
      </c>
      <c r="B549" t="s">
        <v>2893</v>
      </c>
      <c r="C549" s="1" t="s">
        <v>2894</v>
      </c>
      <c r="D549">
        <v>26863151</v>
      </c>
      <c r="E549">
        <v>1</v>
      </c>
      <c r="F549">
        <v>0</v>
      </c>
      <c r="H549" t="s">
        <v>2895</v>
      </c>
      <c r="J549" t="s">
        <v>2896</v>
      </c>
      <c r="O549">
        <v>3500668</v>
      </c>
      <c r="P549">
        <v>1</v>
      </c>
      <c r="Q549">
        <v>0</v>
      </c>
      <c r="R549" t="s">
        <v>2897</v>
      </c>
      <c r="S549">
        <v>376</v>
      </c>
    </row>
    <row r="550" spans="1:19" x14ac:dyDescent="0.25">
      <c r="A550">
        <v>52356778</v>
      </c>
      <c r="B550" t="s">
        <v>2898</v>
      </c>
      <c r="C550" s="1" t="s">
        <v>2899</v>
      </c>
      <c r="D550">
        <v>52357106</v>
      </c>
      <c r="E550">
        <v>1</v>
      </c>
      <c r="F550">
        <v>0</v>
      </c>
      <c r="H550" t="s">
        <v>2900</v>
      </c>
      <c r="J550" t="s">
        <v>2901</v>
      </c>
      <c r="O550">
        <v>1609729</v>
      </c>
      <c r="P550">
        <v>1</v>
      </c>
      <c r="Q550">
        <v>0</v>
      </c>
      <c r="R550" t="s">
        <v>2902</v>
      </c>
      <c r="S550">
        <v>23</v>
      </c>
    </row>
    <row r="551" spans="1:19" x14ac:dyDescent="0.25">
      <c r="A551">
        <v>33417596</v>
      </c>
      <c r="B551" t="s">
        <v>2903</v>
      </c>
      <c r="C551" s="1" t="s">
        <v>2904</v>
      </c>
      <c r="D551">
        <v>33547289</v>
      </c>
      <c r="E551">
        <v>2</v>
      </c>
      <c r="F551">
        <v>0</v>
      </c>
      <c r="H551" t="s">
        <v>2905</v>
      </c>
      <c r="J551" t="s">
        <v>2906</v>
      </c>
      <c r="O551">
        <v>2989253</v>
      </c>
      <c r="P551">
        <v>1</v>
      </c>
      <c r="Q551">
        <v>-2</v>
      </c>
      <c r="R551" t="s">
        <v>2907</v>
      </c>
      <c r="S551">
        <v>91</v>
      </c>
    </row>
    <row r="552" spans="1:19" x14ac:dyDescent="0.25">
      <c r="A552">
        <v>34786625</v>
      </c>
      <c r="B552" t="s">
        <v>2908</v>
      </c>
      <c r="C552" s="1" t="s">
        <v>2909</v>
      </c>
      <c r="D552">
        <v>34787149</v>
      </c>
      <c r="E552">
        <v>1</v>
      </c>
      <c r="F552">
        <v>1</v>
      </c>
      <c r="H552" t="s">
        <v>2910</v>
      </c>
      <c r="J552" t="s">
        <v>2911</v>
      </c>
      <c r="K552" t="s">
        <v>2912</v>
      </c>
      <c r="M552">
        <v>-1</v>
      </c>
      <c r="O552">
        <v>4209853</v>
      </c>
      <c r="P552">
        <v>1</v>
      </c>
      <c r="Q552">
        <v>1</v>
      </c>
      <c r="R552" t="s">
        <v>1754</v>
      </c>
      <c r="S552">
        <v>2087</v>
      </c>
    </row>
    <row r="553" spans="1:19" x14ac:dyDescent="0.25">
      <c r="A553">
        <v>4819437</v>
      </c>
      <c r="B553" t="s">
        <v>2913</v>
      </c>
      <c r="C553" t="s">
        <v>2914</v>
      </c>
      <c r="D553">
        <v>4819493</v>
      </c>
      <c r="E553">
        <v>5</v>
      </c>
      <c r="F553">
        <v>2</v>
      </c>
      <c r="H553" t="s">
        <v>2915</v>
      </c>
      <c r="I553">
        <v>13</v>
      </c>
      <c r="J553" t="s">
        <v>2916</v>
      </c>
      <c r="K553" t="s">
        <v>2916</v>
      </c>
      <c r="M553">
        <v>163349</v>
      </c>
      <c r="O553">
        <v>147019</v>
      </c>
      <c r="P553">
        <v>1</v>
      </c>
      <c r="Q553">
        <v>23</v>
      </c>
      <c r="R553" t="s">
        <v>2917</v>
      </c>
      <c r="S553">
        <v>9287</v>
      </c>
    </row>
    <row r="554" spans="1:19" x14ac:dyDescent="0.25">
      <c r="A554">
        <v>9446433</v>
      </c>
      <c r="B554" t="s">
        <v>2918</v>
      </c>
      <c r="C554" s="1" t="s">
        <v>2919</v>
      </c>
      <c r="E554">
        <v>2</v>
      </c>
      <c r="F554">
        <v>0</v>
      </c>
      <c r="H554" t="s">
        <v>2920</v>
      </c>
      <c r="J554" t="s">
        <v>2921</v>
      </c>
      <c r="K554" t="s">
        <v>2922</v>
      </c>
      <c r="M554">
        <v>-1</v>
      </c>
      <c r="O554">
        <v>1008575</v>
      </c>
      <c r="P554">
        <v>1</v>
      </c>
      <c r="Q554">
        <v>1</v>
      </c>
      <c r="R554" t="s">
        <v>819</v>
      </c>
      <c r="S554">
        <v>65</v>
      </c>
    </row>
    <row r="555" spans="1:19" x14ac:dyDescent="0.25">
      <c r="A555">
        <v>20913750</v>
      </c>
      <c r="B555" t="s">
        <v>2923</v>
      </c>
      <c r="C555" s="1" t="s">
        <v>2924</v>
      </c>
      <c r="D555">
        <v>20913797</v>
      </c>
      <c r="E555">
        <v>1</v>
      </c>
      <c r="F555">
        <v>3</v>
      </c>
      <c r="H555" t="s">
        <v>2925</v>
      </c>
      <c r="J555" t="s">
        <v>2926</v>
      </c>
      <c r="O555">
        <v>3150413</v>
      </c>
      <c r="P555">
        <v>1</v>
      </c>
      <c r="Q555">
        <v>0</v>
      </c>
      <c r="R555" t="s">
        <v>2927</v>
      </c>
      <c r="S555">
        <v>988</v>
      </c>
    </row>
    <row r="556" spans="1:19" x14ac:dyDescent="0.25">
      <c r="A556">
        <v>5371751</v>
      </c>
      <c r="B556" t="s">
        <v>2928</v>
      </c>
      <c r="C556" s="1" t="s">
        <v>2929</v>
      </c>
      <c r="D556">
        <v>5371953</v>
      </c>
      <c r="E556">
        <v>2</v>
      </c>
      <c r="F556">
        <v>7</v>
      </c>
      <c r="H556" t="s">
        <v>2930</v>
      </c>
      <c r="J556" t="s">
        <v>2931</v>
      </c>
      <c r="K556" t="s">
        <v>2931</v>
      </c>
      <c r="M556">
        <v>1558269</v>
      </c>
      <c r="O556">
        <v>435645</v>
      </c>
      <c r="P556">
        <v>1</v>
      </c>
      <c r="Q556">
        <v>-1</v>
      </c>
      <c r="R556" t="s">
        <v>2932</v>
      </c>
      <c r="S556">
        <v>308</v>
      </c>
    </row>
    <row r="557" spans="1:19" x14ac:dyDescent="0.25">
      <c r="A557">
        <v>40181394</v>
      </c>
      <c r="B557" t="s">
        <v>2933</v>
      </c>
      <c r="C557" s="1" t="s">
        <v>2934</v>
      </c>
      <c r="D557">
        <v>40184559</v>
      </c>
      <c r="E557">
        <v>2</v>
      </c>
      <c r="F557">
        <v>3</v>
      </c>
      <c r="H557" t="s">
        <v>2935</v>
      </c>
      <c r="J557" t="s">
        <v>2936</v>
      </c>
      <c r="K557" t="s">
        <v>2937</v>
      </c>
      <c r="M557">
        <v>2644640</v>
      </c>
      <c r="O557">
        <v>2644640</v>
      </c>
      <c r="P557">
        <v>1</v>
      </c>
      <c r="Q557">
        <v>0</v>
      </c>
      <c r="R557" t="s">
        <v>2938</v>
      </c>
      <c r="S557">
        <v>276</v>
      </c>
    </row>
    <row r="558" spans="1:19" x14ac:dyDescent="0.25">
      <c r="A558">
        <v>45993648</v>
      </c>
      <c r="B558" t="s">
        <v>2939</v>
      </c>
      <c r="C558" s="1" t="s">
        <v>2940</v>
      </c>
      <c r="E558">
        <v>2</v>
      </c>
      <c r="F558">
        <v>7</v>
      </c>
      <c r="H558" t="s">
        <v>2941</v>
      </c>
      <c r="J558" t="s">
        <v>2942</v>
      </c>
      <c r="K558" t="s">
        <v>2943</v>
      </c>
      <c r="M558">
        <v>5394220</v>
      </c>
      <c r="O558">
        <v>6160845</v>
      </c>
      <c r="P558">
        <v>1</v>
      </c>
      <c r="Q558">
        <v>0</v>
      </c>
      <c r="R558" t="s">
        <v>2944</v>
      </c>
      <c r="S558">
        <v>961</v>
      </c>
    </row>
    <row r="559" spans="1:19" x14ac:dyDescent="0.25">
      <c r="A559">
        <v>22964149</v>
      </c>
      <c r="B559" t="s">
        <v>2945</v>
      </c>
      <c r="C559" t="s">
        <v>2946</v>
      </c>
      <c r="E559">
        <v>0</v>
      </c>
      <c r="F559">
        <v>2</v>
      </c>
      <c r="H559" t="s">
        <v>2947</v>
      </c>
      <c r="J559" t="s">
        <v>2947</v>
      </c>
      <c r="O559">
        <v>1699830</v>
      </c>
      <c r="P559">
        <v>1</v>
      </c>
      <c r="Q559">
        <v>0</v>
      </c>
      <c r="R559" t="s">
        <v>2948</v>
      </c>
      <c r="S559">
        <v>38</v>
      </c>
    </row>
    <row r="560" spans="1:19" x14ac:dyDescent="0.25">
      <c r="A560">
        <v>30331769</v>
      </c>
      <c r="B560" t="s">
        <v>2949</v>
      </c>
      <c r="C560" s="1" t="s">
        <v>2950</v>
      </c>
      <c r="E560">
        <v>1</v>
      </c>
      <c r="F560">
        <v>1</v>
      </c>
      <c r="H560" t="s">
        <v>2951</v>
      </c>
      <c r="J560" t="s">
        <v>2952</v>
      </c>
      <c r="O560">
        <v>1933185</v>
      </c>
      <c r="P560">
        <v>1</v>
      </c>
      <c r="Q560">
        <v>0</v>
      </c>
      <c r="R560" t="s">
        <v>2953</v>
      </c>
      <c r="S560">
        <v>948</v>
      </c>
    </row>
    <row r="561" spans="1:19" x14ac:dyDescent="0.25">
      <c r="A561">
        <v>36603379</v>
      </c>
      <c r="B561" t="s">
        <v>2954</v>
      </c>
      <c r="C561" s="1" t="s">
        <v>2955</v>
      </c>
      <c r="E561">
        <v>2</v>
      </c>
      <c r="F561">
        <v>3</v>
      </c>
      <c r="H561" t="s">
        <v>2956</v>
      </c>
      <c r="J561" t="s">
        <v>2957</v>
      </c>
      <c r="K561" t="s">
        <v>2958</v>
      </c>
      <c r="M561">
        <v>362769</v>
      </c>
      <c r="O561">
        <v>6195826</v>
      </c>
      <c r="P561">
        <v>1</v>
      </c>
      <c r="Q561">
        <v>0</v>
      </c>
      <c r="R561" t="s">
        <v>2959</v>
      </c>
      <c r="S561">
        <v>25</v>
      </c>
    </row>
    <row r="562" spans="1:19" x14ac:dyDescent="0.25">
      <c r="A562">
        <v>1196346</v>
      </c>
      <c r="B562" t="s">
        <v>2960</v>
      </c>
      <c r="C562" s="1" t="s">
        <v>2961</v>
      </c>
      <c r="D562">
        <v>1197216</v>
      </c>
      <c r="E562">
        <v>7</v>
      </c>
      <c r="F562">
        <v>3</v>
      </c>
      <c r="H562" t="s">
        <v>2962</v>
      </c>
      <c r="J562" t="s">
        <v>2963</v>
      </c>
      <c r="K562" t="s">
        <v>2964</v>
      </c>
      <c r="M562">
        <v>146652</v>
      </c>
      <c r="O562">
        <v>146652</v>
      </c>
      <c r="P562">
        <v>1</v>
      </c>
      <c r="Q562">
        <v>8</v>
      </c>
      <c r="R562" t="s">
        <v>2965</v>
      </c>
      <c r="S562">
        <v>19292</v>
      </c>
    </row>
    <row r="563" spans="1:19" x14ac:dyDescent="0.25">
      <c r="A563">
        <v>20930242</v>
      </c>
      <c r="B563" t="s">
        <v>2966</v>
      </c>
      <c r="C563" s="1" t="s">
        <v>2967</v>
      </c>
      <c r="D563">
        <v>20930723</v>
      </c>
      <c r="E563">
        <v>1</v>
      </c>
      <c r="F563">
        <v>0</v>
      </c>
      <c r="H563" t="s">
        <v>2968</v>
      </c>
      <c r="I563">
        <v>2</v>
      </c>
      <c r="J563" t="s">
        <v>2969</v>
      </c>
      <c r="K563" t="s">
        <v>2969</v>
      </c>
      <c r="M563">
        <v>559676</v>
      </c>
      <c r="O563">
        <v>3161863</v>
      </c>
      <c r="P563">
        <v>1</v>
      </c>
      <c r="Q563">
        <v>7</v>
      </c>
      <c r="R563" t="s">
        <v>2970</v>
      </c>
      <c r="S563">
        <v>1423</v>
      </c>
    </row>
    <row r="564" spans="1:19" x14ac:dyDescent="0.25">
      <c r="A564">
        <v>49544064</v>
      </c>
      <c r="B564" t="s">
        <v>2971</v>
      </c>
      <c r="C564" s="1" t="s">
        <v>2972</v>
      </c>
      <c r="D564">
        <v>49544159</v>
      </c>
      <c r="E564">
        <v>1</v>
      </c>
      <c r="F564">
        <v>0</v>
      </c>
      <c r="H564" t="s">
        <v>2973</v>
      </c>
      <c r="J564" t="s">
        <v>2974</v>
      </c>
      <c r="O564">
        <v>488172</v>
      </c>
      <c r="P564">
        <v>1</v>
      </c>
      <c r="Q564">
        <v>0</v>
      </c>
      <c r="R564" t="s">
        <v>2975</v>
      </c>
      <c r="S564">
        <v>1774</v>
      </c>
    </row>
    <row r="565" spans="1:19" x14ac:dyDescent="0.25">
      <c r="A565">
        <v>27765595</v>
      </c>
      <c r="B565" t="s">
        <v>2976</v>
      </c>
      <c r="C565" s="1" t="s">
        <v>2977</v>
      </c>
      <c r="D565">
        <v>27793727</v>
      </c>
      <c r="E565">
        <v>2</v>
      </c>
      <c r="F565">
        <v>1</v>
      </c>
      <c r="H565" t="s">
        <v>2978</v>
      </c>
      <c r="J565" t="s">
        <v>2979</v>
      </c>
      <c r="O565">
        <v>1033518</v>
      </c>
      <c r="P565">
        <v>1</v>
      </c>
      <c r="Q565">
        <v>0</v>
      </c>
      <c r="R565" t="s">
        <v>2980</v>
      </c>
      <c r="S565">
        <v>33</v>
      </c>
    </row>
    <row r="566" spans="1:19" x14ac:dyDescent="0.25">
      <c r="A566">
        <v>33605028</v>
      </c>
      <c r="B566" t="s">
        <v>2981</v>
      </c>
      <c r="C566" s="1" t="s">
        <v>2982</v>
      </c>
      <c r="E566">
        <v>1</v>
      </c>
      <c r="F566">
        <v>1</v>
      </c>
      <c r="H566" t="s">
        <v>2983</v>
      </c>
      <c r="J566" t="s">
        <v>2984</v>
      </c>
      <c r="K566" t="s">
        <v>2985</v>
      </c>
      <c r="M566">
        <v>1190388</v>
      </c>
      <c r="O566">
        <v>4246593</v>
      </c>
      <c r="P566">
        <v>1</v>
      </c>
      <c r="Q566">
        <v>1</v>
      </c>
      <c r="R566" t="s">
        <v>2986</v>
      </c>
      <c r="S566">
        <v>53</v>
      </c>
    </row>
    <row r="567" spans="1:19" x14ac:dyDescent="0.25">
      <c r="A567">
        <v>40495065</v>
      </c>
      <c r="B567" t="s">
        <v>2987</v>
      </c>
      <c r="C567" s="1" t="s">
        <v>2988</v>
      </c>
      <c r="E567">
        <v>1</v>
      </c>
      <c r="F567">
        <v>1</v>
      </c>
      <c r="H567" t="s">
        <v>2989</v>
      </c>
      <c r="I567">
        <v>1</v>
      </c>
      <c r="J567" t="s">
        <v>2990</v>
      </c>
      <c r="O567">
        <v>4195570</v>
      </c>
      <c r="P567">
        <v>1</v>
      </c>
      <c r="Q567">
        <v>5</v>
      </c>
      <c r="R567" t="s">
        <v>2991</v>
      </c>
      <c r="S567">
        <v>849</v>
      </c>
    </row>
    <row r="568" spans="1:19" x14ac:dyDescent="0.25">
      <c r="A568">
        <v>29052663</v>
      </c>
      <c r="B568" t="s">
        <v>2992</v>
      </c>
      <c r="C568" s="1" t="s">
        <v>2993</v>
      </c>
      <c r="E568">
        <v>1</v>
      </c>
      <c r="F568">
        <v>0</v>
      </c>
      <c r="H568" t="s">
        <v>2994</v>
      </c>
      <c r="I568">
        <v>2</v>
      </c>
      <c r="J568" t="s">
        <v>2995</v>
      </c>
      <c r="K568" t="s">
        <v>2996</v>
      </c>
      <c r="M568">
        <v>2476755</v>
      </c>
      <c r="O568">
        <v>3672104</v>
      </c>
      <c r="P568">
        <v>1</v>
      </c>
      <c r="Q568">
        <v>4</v>
      </c>
      <c r="R568" t="s">
        <v>2997</v>
      </c>
      <c r="S568">
        <v>708</v>
      </c>
    </row>
    <row r="569" spans="1:19" x14ac:dyDescent="0.25">
      <c r="A569">
        <v>2668640</v>
      </c>
      <c r="B569" t="s">
        <v>2998</v>
      </c>
      <c r="C569" s="1" t="s">
        <v>2999</v>
      </c>
      <c r="D569">
        <v>2669017</v>
      </c>
      <c r="E569">
        <v>1</v>
      </c>
      <c r="F569">
        <v>0</v>
      </c>
      <c r="H569" t="s">
        <v>3000</v>
      </c>
      <c r="J569" t="s">
        <v>3001</v>
      </c>
      <c r="O569">
        <v>320493</v>
      </c>
      <c r="P569">
        <v>1</v>
      </c>
      <c r="Q569">
        <v>2</v>
      </c>
      <c r="R569" t="s">
        <v>3002</v>
      </c>
      <c r="S569">
        <v>309</v>
      </c>
    </row>
    <row r="570" spans="1:19" x14ac:dyDescent="0.25">
      <c r="A570">
        <v>24646483</v>
      </c>
      <c r="B570" t="s">
        <v>3003</v>
      </c>
      <c r="C570" s="1" t="s">
        <v>3004</v>
      </c>
      <c r="E570">
        <v>1</v>
      </c>
      <c r="F570">
        <v>1</v>
      </c>
      <c r="H570" t="s">
        <v>3005</v>
      </c>
      <c r="J570" t="s">
        <v>3006</v>
      </c>
      <c r="O570">
        <v>1763444</v>
      </c>
      <c r="P570">
        <v>1</v>
      </c>
      <c r="Q570">
        <v>0</v>
      </c>
      <c r="R570" t="s">
        <v>3007</v>
      </c>
      <c r="S570">
        <v>1280</v>
      </c>
    </row>
    <row r="571" spans="1:19" x14ac:dyDescent="0.25">
      <c r="A571">
        <v>39791574</v>
      </c>
      <c r="B571" t="s">
        <v>3008</v>
      </c>
      <c r="C571" s="1" t="s">
        <v>3009</v>
      </c>
      <c r="E571">
        <v>1</v>
      </c>
      <c r="F571">
        <v>0</v>
      </c>
      <c r="H571" t="s">
        <v>3010</v>
      </c>
      <c r="J571" t="s">
        <v>3011</v>
      </c>
      <c r="K571" t="s">
        <v>3012</v>
      </c>
      <c r="M571">
        <v>5364335</v>
      </c>
      <c r="O571">
        <v>1315263</v>
      </c>
      <c r="P571">
        <v>1</v>
      </c>
      <c r="Q571">
        <v>1</v>
      </c>
      <c r="R571" t="s">
        <v>3013</v>
      </c>
      <c r="S571">
        <v>1497</v>
      </c>
    </row>
    <row r="572" spans="1:19" x14ac:dyDescent="0.25">
      <c r="A572">
        <v>43248930</v>
      </c>
      <c r="B572" t="s">
        <v>3014</v>
      </c>
      <c r="C572" s="1" t="s">
        <v>3015</v>
      </c>
      <c r="D572">
        <v>43249194</v>
      </c>
      <c r="E572">
        <v>1</v>
      </c>
      <c r="F572">
        <v>0</v>
      </c>
      <c r="H572" t="s">
        <v>3016</v>
      </c>
      <c r="J572" t="s">
        <v>3017</v>
      </c>
      <c r="O572">
        <v>7417935</v>
      </c>
      <c r="P572">
        <v>1</v>
      </c>
      <c r="Q572">
        <v>0</v>
      </c>
      <c r="R572" t="s">
        <v>3018</v>
      </c>
      <c r="S572">
        <v>82</v>
      </c>
    </row>
    <row r="573" spans="1:19" x14ac:dyDescent="0.25">
      <c r="A573">
        <v>21945080</v>
      </c>
      <c r="B573" t="s">
        <v>3019</v>
      </c>
      <c r="C573" s="1" t="s">
        <v>3020</v>
      </c>
      <c r="D573">
        <v>21957302</v>
      </c>
      <c r="E573">
        <v>1</v>
      </c>
      <c r="F573">
        <v>0</v>
      </c>
      <c r="H573" t="s">
        <v>3021</v>
      </c>
      <c r="J573" t="s">
        <v>3022</v>
      </c>
      <c r="O573">
        <v>255088</v>
      </c>
      <c r="P573">
        <v>1</v>
      </c>
      <c r="Q573">
        <v>0</v>
      </c>
      <c r="R573" t="s">
        <v>3023</v>
      </c>
      <c r="S573">
        <v>710</v>
      </c>
    </row>
    <row r="574" spans="1:19" x14ac:dyDescent="0.25">
      <c r="A574">
        <v>51370972</v>
      </c>
      <c r="B574" t="s">
        <v>3024</v>
      </c>
      <c r="C574" s="1" t="s">
        <v>3025</v>
      </c>
      <c r="E574">
        <v>1</v>
      </c>
      <c r="F574">
        <v>3</v>
      </c>
      <c r="H574" t="s">
        <v>3026</v>
      </c>
      <c r="J574" t="s">
        <v>3027</v>
      </c>
      <c r="O574">
        <v>9101552</v>
      </c>
      <c r="P574">
        <v>1</v>
      </c>
      <c r="Q574">
        <v>1</v>
      </c>
      <c r="R574" t="s">
        <v>3028</v>
      </c>
      <c r="S574">
        <v>43</v>
      </c>
    </row>
    <row r="575" spans="1:19" x14ac:dyDescent="0.25">
      <c r="A575">
        <v>42555609</v>
      </c>
      <c r="B575" t="s">
        <v>3029</v>
      </c>
      <c r="C575" s="1" t="s">
        <v>3030</v>
      </c>
      <c r="E575">
        <v>1</v>
      </c>
      <c r="F575">
        <v>2</v>
      </c>
      <c r="H575" t="s">
        <v>3031</v>
      </c>
      <c r="J575" t="s">
        <v>3032</v>
      </c>
      <c r="K575" t="s">
        <v>3033</v>
      </c>
      <c r="M575">
        <v>2202537</v>
      </c>
      <c r="O575">
        <v>7424601</v>
      </c>
      <c r="P575">
        <v>1</v>
      </c>
      <c r="Q575">
        <v>1</v>
      </c>
      <c r="R575" t="s">
        <v>3034</v>
      </c>
      <c r="S575">
        <v>245</v>
      </c>
    </row>
    <row r="576" spans="1:19" x14ac:dyDescent="0.25">
      <c r="A576">
        <v>51394485</v>
      </c>
      <c r="B576" t="s">
        <v>3035</v>
      </c>
      <c r="C576" s="1" t="s">
        <v>3036</v>
      </c>
      <c r="E576">
        <v>0</v>
      </c>
      <c r="F576">
        <v>1</v>
      </c>
      <c r="H576" t="s">
        <v>3037</v>
      </c>
      <c r="J576" t="s">
        <v>3038</v>
      </c>
      <c r="K576" t="s">
        <v>3038</v>
      </c>
      <c r="M576">
        <v>5007059</v>
      </c>
      <c r="O576">
        <v>10097306</v>
      </c>
      <c r="P576">
        <v>1</v>
      </c>
      <c r="Q576">
        <v>0</v>
      </c>
      <c r="R576" t="s">
        <v>3039</v>
      </c>
      <c r="S576">
        <v>22</v>
      </c>
    </row>
    <row r="577" spans="1:19" x14ac:dyDescent="0.25">
      <c r="A577">
        <v>39462855</v>
      </c>
      <c r="B577" t="s">
        <v>3040</v>
      </c>
      <c r="C577" s="1" t="s">
        <v>3041</v>
      </c>
      <c r="D577">
        <v>39472156</v>
      </c>
      <c r="E577">
        <v>2</v>
      </c>
      <c r="F577">
        <v>7</v>
      </c>
      <c r="H577" t="s">
        <v>3042</v>
      </c>
      <c r="J577" t="s">
        <v>3043</v>
      </c>
      <c r="K577" t="s">
        <v>3044</v>
      </c>
      <c r="M577">
        <v>3472757</v>
      </c>
      <c r="O577">
        <v>5563921</v>
      </c>
      <c r="P577">
        <v>1</v>
      </c>
      <c r="Q577">
        <v>1</v>
      </c>
      <c r="R577" t="s">
        <v>3045</v>
      </c>
      <c r="S577">
        <v>125</v>
      </c>
    </row>
    <row r="578" spans="1:19" x14ac:dyDescent="0.25">
      <c r="A578">
        <v>33044955</v>
      </c>
      <c r="B578" t="s">
        <v>3046</v>
      </c>
      <c r="C578" s="1" t="s">
        <v>3047</v>
      </c>
      <c r="D578">
        <v>33045041</v>
      </c>
      <c r="E578">
        <v>1</v>
      </c>
      <c r="F578">
        <v>0</v>
      </c>
      <c r="H578" t="s">
        <v>3048</v>
      </c>
      <c r="J578" t="s">
        <v>3049</v>
      </c>
      <c r="N578" t="s">
        <v>3050</v>
      </c>
      <c r="P578">
        <v>1</v>
      </c>
      <c r="Q578">
        <v>1</v>
      </c>
      <c r="R578" t="s">
        <v>819</v>
      </c>
      <c r="S578">
        <v>71</v>
      </c>
    </row>
    <row r="579" spans="1:19" x14ac:dyDescent="0.25">
      <c r="A579">
        <v>47823109</v>
      </c>
      <c r="B579" t="s">
        <v>3051</v>
      </c>
      <c r="C579" s="1" t="s">
        <v>3052</v>
      </c>
      <c r="D579">
        <v>47823250</v>
      </c>
      <c r="E579">
        <v>1</v>
      </c>
      <c r="F579">
        <v>0</v>
      </c>
      <c r="H579" t="s">
        <v>3053</v>
      </c>
      <c r="J579" t="s">
        <v>3054</v>
      </c>
      <c r="K579" t="s">
        <v>3055</v>
      </c>
      <c r="M579">
        <v>7082628</v>
      </c>
      <c r="O579">
        <v>7082628</v>
      </c>
      <c r="P579">
        <v>1</v>
      </c>
      <c r="Q579">
        <v>0</v>
      </c>
      <c r="R579" t="s">
        <v>3056</v>
      </c>
      <c r="S579">
        <v>17</v>
      </c>
    </row>
    <row r="580" spans="1:19" x14ac:dyDescent="0.25">
      <c r="A580">
        <v>50531375</v>
      </c>
      <c r="B580" t="s">
        <v>3057</v>
      </c>
      <c r="C580" s="1" t="s">
        <v>3058</v>
      </c>
      <c r="D580">
        <v>50531434</v>
      </c>
      <c r="E580">
        <v>3</v>
      </c>
      <c r="F580">
        <v>4</v>
      </c>
      <c r="H580" t="s">
        <v>3059</v>
      </c>
      <c r="J580" t="s">
        <v>3060</v>
      </c>
      <c r="O580">
        <v>1379613</v>
      </c>
      <c r="P580">
        <v>1</v>
      </c>
      <c r="Q580">
        <v>0</v>
      </c>
      <c r="R580" t="s">
        <v>3061</v>
      </c>
      <c r="S580">
        <v>88</v>
      </c>
    </row>
    <row r="581" spans="1:19" x14ac:dyDescent="0.25">
      <c r="A581">
        <v>29482405</v>
      </c>
      <c r="B581" t="s">
        <v>3062</v>
      </c>
      <c r="C581" s="1" t="s">
        <v>3063</v>
      </c>
      <c r="D581">
        <v>29482524</v>
      </c>
      <c r="E581">
        <v>2</v>
      </c>
      <c r="F581">
        <v>4</v>
      </c>
      <c r="H581" t="s">
        <v>3064</v>
      </c>
      <c r="J581" t="s">
        <v>3065</v>
      </c>
      <c r="O581">
        <v>3582766</v>
      </c>
      <c r="P581">
        <v>1</v>
      </c>
      <c r="Q581">
        <v>-3</v>
      </c>
      <c r="R581" t="s">
        <v>3066</v>
      </c>
      <c r="S581">
        <v>61</v>
      </c>
    </row>
    <row r="582" spans="1:19" x14ac:dyDescent="0.25">
      <c r="A582">
        <v>3960913</v>
      </c>
      <c r="B582" t="s">
        <v>3067</v>
      </c>
      <c r="C582" t="s">
        <v>3068</v>
      </c>
      <c r="D582">
        <v>3961294</v>
      </c>
      <c r="E582">
        <v>1</v>
      </c>
      <c r="F582">
        <v>1</v>
      </c>
      <c r="H582" t="s">
        <v>3069</v>
      </c>
      <c r="I582">
        <v>3</v>
      </c>
      <c r="J582" t="s">
        <v>3070</v>
      </c>
      <c r="O582">
        <v>24898</v>
      </c>
      <c r="P582">
        <v>1</v>
      </c>
      <c r="Q582">
        <v>3</v>
      </c>
      <c r="R582" t="s">
        <v>3071</v>
      </c>
      <c r="S582">
        <v>235</v>
      </c>
    </row>
    <row r="583" spans="1:19" x14ac:dyDescent="0.25">
      <c r="A583">
        <v>28587028</v>
      </c>
      <c r="B583" t="s">
        <v>3072</v>
      </c>
      <c r="C583" s="1" t="s">
        <v>3073</v>
      </c>
      <c r="E583">
        <v>1</v>
      </c>
      <c r="F583">
        <v>0</v>
      </c>
      <c r="H583" t="s">
        <v>3074</v>
      </c>
      <c r="J583" t="s">
        <v>3075</v>
      </c>
      <c r="O583">
        <v>918055</v>
      </c>
      <c r="P583">
        <v>1</v>
      </c>
      <c r="Q583">
        <v>2</v>
      </c>
      <c r="R583" t="s">
        <v>3076</v>
      </c>
      <c r="S583">
        <v>1267</v>
      </c>
    </row>
    <row r="584" spans="1:19" x14ac:dyDescent="0.25">
      <c r="A584">
        <v>44729392</v>
      </c>
      <c r="B584" t="s">
        <v>3077</v>
      </c>
      <c r="C584" s="1" t="s">
        <v>3078</v>
      </c>
      <c r="E584">
        <v>1</v>
      </c>
      <c r="F584">
        <v>2</v>
      </c>
      <c r="H584" t="s">
        <v>3079</v>
      </c>
      <c r="J584" t="s">
        <v>3080</v>
      </c>
      <c r="K584" t="s">
        <v>3081</v>
      </c>
      <c r="M584">
        <v>179081</v>
      </c>
      <c r="O584">
        <v>3943170</v>
      </c>
      <c r="P584">
        <v>1</v>
      </c>
      <c r="Q584">
        <v>0</v>
      </c>
      <c r="R584" t="s">
        <v>3082</v>
      </c>
      <c r="S584">
        <v>201</v>
      </c>
    </row>
    <row r="585" spans="1:19" x14ac:dyDescent="0.25">
      <c r="A585">
        <v>14305161</v>
      </c>
      <c r="B585" t="s">
        <v>3083</v>
      </c>
      <c r="C585" s="1" t="s">
        <v>3084</v>
      </c>
      <c r="D585">
        <v>14309933</v>
      </c>
      <c r="E585">
        <v>1</v>
      </c>
      <c r="F585">
        <v>0</v>
      </c>
      <c r="H585" t="s">
        <v>3085</v>
      </c>
      <c r="J585" t="s">
        <v>3086</v>
      </c>
      <c r="K585" t="s">
        <v>3087</v>
      </c>
      <c r="M585">
        <v>1760291</v>
      </c>
      <c r="O585">
        <v>1759404</v>
      </c>
      <c r="P585">
        <v>1</v>
      </c>
      <c r="Q585">
        <v>0</v>
      </c>
      <c r="R585" t="s">
        <v>3088</v>
      </c>
      <c r="S585">
        <v>385</v>
      </c>
    </row>
    <row r="586" spans="1:19" x14ac:dyDescent="0.25">
      <c r="A586">
        <v>43350515</v>
      </c>
      <c r="B586" t="s">
        <v>3089</v>
      </c>
      <c r="C586" s="1" t="s">
        <v>3090</v>
      </c>
      <c r="D586">
        <v>43392135</v>
      </c>
      <c r="E586">
        <v>2</v>
      </c>
      <c r="F586">
        <v>0</v>
      </c>
      <c r="H586" t="s">
        <v>3091</v>
      </c>
      <c r="J586" t="s">
        <v>3092</v>
      </c>
      <c r="O586">
        <v>7851428</v>
      </c>
      <c r="P586">
        <v>1</v>
      </c>
      <c r="Q586">
        <v>1</v>
      </c>
      <c r="R586" t="s">
        <v>3093</v>
      </c>
      <c r="S586">
        <v>244</v>
      </c>
    </row>
    <row r="587" spans="1:19" x14ac:dyDescent="0.25">
      <c r="A587">
        <v>46054121</v>
      </c>
      <c r="B587" t="s">
        <v>3094</v>
      </c>
      <c r="C587" s="1" t="s">
        <v>3095</v>
      </c>
      <c r="E587">
        <v>1</v>
      </c>
      <c r="F587">
        <v>2</v>
      </c>
      <c r="H587" t="s">
        <v>3096</v>
      </c>
      <c r="J587" t="s">
        <v>3097</v>
      </c>
      <c r="K587" t="s">
        <v>3098</v>
      </c>
      <c r="M587">
        <v>869390</v>
      </c>
      <c r="O587">
        <v>869390</v>
      </c>
      <c r="P587">
        <v>1</v>
      </c>
      <c r="Q587">
        <v>1</v>
      </c>
      <c r="R587" t="s">
        <v>3099</v>
      </c>
      <c r="S587">
        <v>177</v>
      </c>
    </row>
    <row r="588" spans="1:19" x14ac:dyDescent="0.25">
      <c r="A588">
        <v>33053241</v>
      </c>
      <c r="B588" t="s">
        <v>3100</v>
      </c>
      <c r="C588" s="1" t="s">
        <v>3101</v>
      </c>
      <c r="D588">
        <v>33054597</v>
      </c>
      <c r="E588">
        <v>1</v>
      </c>
      <c r="F588">
        <v>1</v>
      </c>
      <c r="H588" t="s">
        <v>3102</v>
      </c>
      <c r="I588">
        <v>4</v>
      </c>
      <c r="J588" t="s">
        <v>3103</v>
      </c>
      <c r="O588">
        <v>4931657</v>
      </c>
      <c r="P588">
        <v>1</v>
      </c>
      <c r="Q588">
        <v>12</v>
      </c>
      <c r="R588" t="s">
        <v>3104</v>
      </c>
      <c r="S588">
        <v>18927</v>
      </c>
    </row>
    <row r="589" spans="1:19" x14ac:dyDescent="0.25">
      <c r="A589">
        <v>32444984</v>
      </c>
      <c r="B589" t="s">
        <v>3105</v>
      </c>
      <c r="C589" s="1" t="s">
        <v>3106</v>
      </c>
      <c r="E589">
        <v>3</v>
      </c>
      <c r="F589">
        <v>1</v>
      </c>
      <c r="H589" t="s">
        <v>3107</v>
      </c>
      <c r="I589">
        <v>2</v>
      </c>
      <c r="J589" t="s">
        <v>3108</v>
      </c>
      <c r="K589" t="s">
        <v>3109</v>
      </c>
      <c r="M589">
        <v>1364007</v>
      </c>
      <c r="O589">
        <v>265519</v>
      </c>
      <c r="P589">
        <v>1</v>
      </c>
      <c r="Q589">
        <v>1</v>
      </c>
      <c r="R589" t="s">
        <v>3110</v>
      </c>
      <c r="S589">
        <v>247</v>
      </c>
    </row>
    <row r="590" spans="1:19" x14ac:dyDescent="0.25">
      <c r="A590">
        <v>27866721</v>
      </c>
      <c r="B590" t="s">
        <v>3111</v>
      </c>
      <c r="C590" s="1" t="s">
        <v>3112</v>
      </c>
      <c r="E590">
        <v>0</v>
      </c>
      <c r="F590">
        <v>2</v>
      </c>
      <c r="H590" t="s">
        <v>3113</v>
      </c>
      <c r="J590" t="s">
        <v>3113</v>
      </c>
      <c r="O590">
        <v>4437922</v>
      </c>
      <c r="P590">
        <v>1</v>
      </c>
      <c r="Q590">
        <v>0</v>
      </c>
      <c r="R590" t="s">
        <v>3114</v>
      </c>
      <c r="S590">
        <v>21</v>
      </c>
    </row>
    <row r="591" spans="1:19" x14ac:dyDescent="0.25">
      <c r="A591">
        <v>24046264</v>
      </c>
      <c r="B591" t="s">
        <v>3115</v>
      </c>
      <c r="C591" s="1" t="s">
        <v>3116</v>
      </c>
      <c r="E591">
        <v>3</v>
      </c>
      <c r="F591">
        <v>5</v>
      </c>
      <c r="H591" t="s">
        <v>3117</v>
      </c>
      <c r="J591" t="s">
        <v>3118</v>
      </c>
      <c r="O591">
        <v>2712537</v>
      </c>
      <c r="P591">
        <v>1</v>
      </c>
      <c r="Q591">
        <v>0</v>
      </c>
      <c r="R591" t="s">
        <v>213</v>
      </c>
      <c r="S591">
        <v>766</v>
      </c>
    </row>
    <row r="592" spans="1:19" x14ac:dyDescent="0.25">
      <c r="A592">
        <v>27502471</v>
      </c>
      <c r="B592" t="s">
        <v>3119</v>
      </c>
      <c r="C592" s="1" t="s">
        <v>3120</v>
      </c>
      <c r="D592">
        <v>27502564</v>
      </c>
      <c r="E592">
        <v>2</v>
      </c>
      <c r="F592">
        <v>0</v>
      </c>
      <c r="H592" t="s">
        <v>3121</v>
      </c>
      <c r="J592" t="s">
        <v>3122</v>
      </c>
      <c r="O592">
        <v>4075987</v>
      </c>
      <c r="P592">
        <v>1</v>
      </c>
      <c r="Q592">
        <v>1</v>
      </c>
      <c r="R592" t="s">
        <v>3123</v>
      </c>
      <c r="S592">
        <v>28</v>
      </c>
    </row>
    <row r="593" spans="1:19" x14ac:dyDescent="0.25">
      <c r="A593">
        <v>35312301</v>
      </c>
      <c r="B593" t="s">
        <v>3124</v>
      </c>
      <c r="C593" s="1" t="s">
        <v>3125</v>
      </c>
      <c r="E593">
        <v>1</v>
      </c>
      <c r="F593">
        <v>1</v>
      </c>
      <c r="H593" t="s">
        <v>3126</v>
      </c>
      <c r="J593" t="s">
        <v>3127</v>
      </c>
      <c r="O593">
        <v>3317734</v>
      </c>
      <c r="P593">
        <v>1</v>
      </c>
      <c r="Q593">
        <v>0</v>
      </c>
      <c r="R593" t="s">
        <v>3128</v>
      </c>
      <c r="S593">
        <v>44</v>
      </c>
    </row>
    <row r="594" spans="1:19" x14ac:dyDescent="0.25">
      <c r="A594">
        <v>21695333</v>
      </c>
      <c r="B594" t="s">
        <v>3129</v>
      </c>
      <c r="C594" s="1" t="s">
        <v>3130</v>
      </c>
      <c r="D594">
        <v>21696806</v>
      </c>
      <c r="E594">
        <v>2</v>
      </c>
      <c r="F594">
        <v>2</v>
      </c>
      <c r="H594" t="s">
        <v>3131</v>
      </c>
      <c r="J594" t="s">
        <v>3132</v>
      </c>
      <c r="K594" t="s">
        <v>3132</v>
      </c>
      <c r="M594">
        <v>2209007</v>
      </c>
      <c r="O594">
        <v>3278024</v>
      </c>
      <c r="P594">
        <v>1</v>
      </c>
      <c r="Q594">
        <v>2</v>
      </c>
      <c r="R594" t="s">
        <v>3133</v>
      </c>
      <c r="S594">
        <v>19238</v>
      </c>
    </row>
    <row r="595" spans="1:19" x14ac:dyDescent="0.25">
      <c r="A595">
        <v>12530589</v>
      </c>
      <c r="B595" t="s">
        <v>3134</v>
      </c>
      <c r="C595" s="1" t="s">
        <v>3135</v>
      </c>
      <c r="E595">
        <v>2</v>
      </c>
      <c r="F595">
        <v>0</v>
      </c>
      <c r="H595" t="s">
        <v>3136</v>
      </c>
      <c r="I595">
        <v>4</v>
      </c>
      <c r="J595" t="s">
        <v>3137</v>
      </c>
      <c r="O595">
        <v>1033552</v>
      </c>
      <c r="P595">
        <v>1</v>
      </c>
      <c r="Q595">
        <v>5</v>
      </c>
      <c r="R595" t="s">
        <v>3138</v>
      </c>
      <c r="S595">
        <v>3360</v>
      </c>
    </row>
    <row r="596" spans="1:19" x14ac:dyDescent="0.25">
      <c r="A596">
        <v>7174624</v>
      </c>
      <c r="B596" t="s">
        <v>3139</v>
      </c>
      <c r="C596" s="1" t="s">
        <v>3140</v>
      </c>
      <c r="D596">
        <v>7177063</v>
      </c>
      <c r="E596">
        <v>2</v>
      </c>
      <c r="F596">
        <v>0</v>
      </c>
      <c r="H596" t="s">
        <v>3141</v>
      </c>
      <c r="J596" t="s">
        <v>3142</v>
      </c>
      <c r="K596" t="s">
        <v>3143</v>
      </c>
      <c r="M596">
        <v>675383</v>
      </c>
      <c r="O596">
        <v>675383</v>
      </c>
      <c r="P596">
        <v>1</v>
      </c>
      <c r="Q596">
        <v>0</v>
      </c>
      <c r="R596" t="s">
        <v>3144</v>
      </c>
      <c r="S596">
        <v>4237</v>
      </c>
    </row>
    <row r="597" spans="1:19" x14ac:dyDescent="0.25">
      <c r="A597">
        <v>28738756</v>
      </c>
      <c r="B597" t="s">
        <v>3145</v>
      </c>
      <c r="C597" s="1" t="s">
        <v>3146</v>
      </c>
      <c r="D597">
        <v>28751349</v>
      </c>
      <c r="E597">
        <v>1</v>
      </c>
      <c r="F597">
        <v>0</v>
      </c>
      <c r="H597" t="s">
        <v>3147</v>
      </c>
      <c r="I597">
        <v>1</v>
      </c>
      <c r="J597" t="s">
        <v>3148</v>
      </c>
      <c r="K597" t="s">
        <v>3149</v>
      </c>
      <c r="M597">
        <v>390177</v>
      </c>
      <c r="O597">
        <v>4609466</v>
      </c>
      <c r="P597">
        <v>1</v>
      </c>
      <c r="Q597">
        <v>1</v>
      </c>
      <c r="R597" t="s">
        <v>3150</v>
      </c>
      <c r="S597">
        <v>3777</v>
      </c>
    </row>
    <row r="598" spans="1:19" x14ac:dyDescent="0.25">
      <c r="A598">
        <v>3241979</v>
      </c>
      <c r="B598" t="s">
        <v>3151</v>
      </c>
      <c r="C598" s="1" t="s">
        <v>3152</v>
      </c>
      <c r="E598">
        <v>2</v>
      </c>
      <c r="F598">
        <v>0</v>
      </c>
      <c r="H598" t="s">
        <v>3153</v>
      </c>
      <c r="J598" t="s">
        <v>3154</v>
      </c>
      <c r="K598" t="s">
        <v>3155</v>
      </c>
      <c r="M598">
        <v>68587</v>
      </c>
      <c r="O598">
        <v>391004</v>
      </c>
      <c r="P598">
        <v>1</v>
      </c>
      <c r="Q598">
        <v>1</v>
      </c>
      <c r="R598" t="s">
        <v>3156</v>
      </c>
      <c r="S598">
        <v>60</v>
      </c>
    </row>
    <row r="599" spans="1:19" x14ac:dyDescent="0.25">
      <c r="A599">
        <v>46390553</v>
      </c>
      <c r="B599" t="s">
        <v>3157</v>
      </c>
      <c r="C599" s="1" t="s">
        <v>3158</v>
      </c>
      <c r="E599">
        <v>1</v>
      </c>
      <c r="F599">
        <v>3</v>
      </c>
      <c r="H599" t="s">
        <v>3159</v>
      </c>
      <c r="I599">
        <v>0</v>
      </c>
      <c r="J599" t="s">
        <v>3160</v>
      </c>
      <c r="K599" t="s">
        <v>3160</v>
      </c>
      <c r="M599">
        <v>6720169</v>
      </c>
      <c r="O599">
        <v>6720169</v>
      </c>
      <c r="P599">
        <v>1</v>
      </c>
      <c r="Q599">
        <v>-1</v>
      </c>
      <c r="R599" t="s">
        <v>3161</v>
      </c>
      <c r="S599">
        <v>35</v>
      </c>
    </row>
    <row r="600" spans="1:19" x14ac:dyDescent="0.25">
      <c r="A600">
        <v>52762300</v>
      </c>
      <c r="B600" t="s">
        <v>3162</v>
      </c>
      <c r="C600" s="1" t="s">
        <v>3163</v>
      </c>
      <c r="E600">
        <v>0</v>
      </c>
      <c r="F600">
        <v>3</v>
      </c>
      <c r="H600" t="s">
        <v>3164</v>
      </c>
      <c r="J600" t="s">
        <v>3165</v>
      </c>
      <c r="K600" t="s">
        <v>3165</v>
      </c>
      <c r="M600">
        <v>4420967</v>
      </c>
      <c r="O600">
        <v>10490268</v>
      </c>
      <c r="P600">
        <v>1</v>
      </c>
      <c r="Q600">
        <v>0</v>
      </c>
      <c r="R600" t="s">
        <v>3166</v>
      </c>
      <c r="S600">
        <v>27</v>
      </c>
    </row>
    <row r="601" spans="1:19" x14ac:dyDescent="0.25">
      <c r="A601">
        <v>30423330</v>
      </c>
      <c r="B601" t="s">
        <v>3167</v>
      </c>
      <c r="C601" s="1" t="s">
        <v>3168</v>
      </c>
      <c r="E601">
        <v>1</v>
      </c>
      <c r="F601">
        <v>4</v>
      </c>
      <c r="H601" t="s">
        <v>3169</v>
      </c>
      <c r="J601" t="s">
        <v>3170</v>
      </c>
      <c r="O601">
        <v>3912592</v>
      </c>
      <c r="P601">
        <v>1</v>
      </c>
      <c r="Q601">
        <v>-2</v>
      </c>
      <c r="R601" t="s">
        <v>3171</v>
      </c>
      <c r="S601">
        <v>69</v>
      </c>
    </row>
    <row r="602" spans="1:19" x14ac:dyDescent="0.25">
      <c r="A602">
        <v>33138833</v>
      </c>
      <c r="B602" t="s">
        <v>3172</v>
      </c>
      <c r="C602" s="1" t="s">
        <v>3173</v>
      </c>
      <c r="D602">
        <v>33138984</v>
      </c>
      <c r="E602">
        <v>1</v>
      </c>
      <c r="F602">
        <v>6</v>
      </c>
      <c r="H602" t="s">
        <v>3174</v>
      </c>
      <c r="J602" t="s">
        <v>3175</v>
      </c>
      <c r="K602" t="s">
        <v>3176</v>
      </c>
      <c r="M602">
        <v>5446594</v>
      </c>
      <c r="O602">
        <v>5446594</v>
      </c>
      <c r="P602">
        <v>1</v>
      </c>
      <c r="Q602">
        <v>0</v>
      </c>
      <c r="R602" t="s">
        <v>3177</v>
      </c>
      <c r="S602">
        <v>366</v>
      </c>
    </row>
    <row r="603" spans="1:19" x14ac:dyDescent="0.25">
      <c r="A603">
        <v>14985958</v>
      </c>
      <c r="B603" t="s">
        <v>3178</v>
      </c>
      <c r="C603" s="1" t="s">
        <v>3179</v>
      </c>
      <c r="E603">
        <v>0</v>
      </c>
      <c r="F603">
        <v>6</v>
      </c>
      <c r="H603" t="s">
        <v>3180</v>
      </c>
      <c r="J603" t="s">
        <v>3181</v>
      </c>
      <c r="K603" t="s">
        <v>3181</v>
      </c>
      <c r="M603">
        <v>1468708</v>
      </c>
      <c r="O603">
        <v>1912529</v>
      </c>
      <c r="P603">
        <v>1</v>
      </c>
      <c r="Q603">
        <v>0</v>
      </c>
      <c r="R603" t="s">
        <v>3182</v>
      </c>
      <c r="S603">
        <v>212</v>
      </c>
    </row>
    <row r="604" spans="1:19" x14ac:dyDescent="0.25">
      <c r="A604">
        <v>42731009</v>
      </c>
      <c r="B604" t="s">
        <v>3183</v>
      </c>
      <c r="C604" s="1" t="s">
        <v>3184</v>
      </c>
      <c r="E604">
        <v>1</v>
      </c>
      <c r="F604">
        <v>1</v>
      </c>
      <c r="H604" t="s">
        <v>3185</v>
      </c>
      <c r="J604" t="s">
        <v>3186</v>
      </c>
      <c r="K604" t="s">
        <v>3187</v>
      </c>
      <c r="M604">
        <v>1535436</v>
      </c>
      <c r="O604">
        <v>6299651</v>
      </c>
      <c r="P604">
        <v>1</v>
      </c>
      <c r="Q604">
        <v>0</v>
      </c>
      <c r="R604" t="s">
        <v>3188</v>
      </c>
      <c r="S604">
        <v>262</v>
      </c>
    </row>
    <row r="605" spans="1:19" x14ac:dyDescent="0.25">
      <c r="A605">
        <v>23178769</v>
      </c>
      <c r="B605" t="s">
        <v>3189</v>
      </c>
      <c r="C605" s="1" t="s">
        <v>3190</v>
      </c>
      <c r="D605">
        <v>23178805</v>
      </c>
      <c r="E605">
        <v>3</v>
      </c>
      <c r="F605">
        <v>0</v>
      </c>
      <c r="H605" t="s">
        <v>3191</v>
      </c>
      <c r="I605">
        <v>1</v>
      </c>
      <c r="J605" t="s">
        <v>3192</v>
      </c>
      <c r="O605">
        <v>2581776</v>
      </c>
      <c r="P605">
        <v>1</v>
      </c>
      <c r="Q605">
        <v>3</v>
      </c>
      <c r="R605" t="s">
        <v>3193</v>
      </c>
      <c r="S605">
        <v>16683</v>
      </c>
    </row>
    <row r="606" spans="1:19" x14ac:dyDescent="0.25">
      <c r="A606">
        <v>35173735</v>
      </c>
      <c r="B606" t="s">
        <v>3194</v>
      </c>
      <c r="C606" s="1" t="s">
        <v>3195</v>
      </c>
      <c r="E606">
        <v>1</v>
      </c>
      <c r="F606">
        <v>0</v>
      </c>
      <c r="H606" t="s">
        <v>3196</v>
      </c>
      <c r="J606" t="s">
        <v>3197</v>
      </c>
      <c r="K606" t="s">
        <v>3197</v>
      </c>
      <c r="M606">
        <v>2897869</v>
      </c>
      <c r="O606">
        <v>2897869</v>
      </c>
      <c r="P606">
        <v>1</v>
      </c>
      <c r="Q606">
        <v>0</v>
      </c>
      <c r="R606" t="s">
        <v>3198</v>
      </c>
      <c r="S606">
        <v>165</v>
      </c>
    </row>
    <row r="607" spans="1:19" x14ac:dyDescent="0.25">
      <c r="A607">
        <v>16379639</v>
      </c>
      <c r="B607" t="s">
        <v>3199</v>
      </c>
      <c r="C607" s="1" t="s">
        <v>3200</v>
      </c>
      <c r="E607">
        <v>1</v>
      </c>
      <c r="F607">
        <v>2</v>
      </c>
      <c r="H607" t="s">
        <v>3201</v>
      </c>
      <c r="J607" t="s">
        <v>3202</v>
      </c>
      <c r="O607">
        <v>2182674</v>
      </c>
      <c r="P607">
        <v>1</v>
      </c>
      <c r="Q607">
        <v>0</v>
      </c>
      <c r="R607" t="s">
        <v>3203</v>
      </c>
      <c r="S607">
        <v>792</v>
      </c>
    </row>
    <row r="608" spans="1:19" x14ac:dyDescent="0.25">
      <c r="A608">
        <v>16302631</v>
      </c>
      <c r="B608" t="s">
        <v>3204</v>
      </c>
      <c r="C608" s="1" t="s">
        <v>3205</v>
      </c>
      <c r="D608">
        <v>16302916</v>
      </c>
      <c r="E608">
        <v>1</v>
      </c>
      <c r="F608">
        <v>0</v>
      </c>
      <c r="H608" t="s">
        <v>3206</v>
      </c>
      <c r="J608" t="s">
        <v>3207</v>
      </c>
      <c r="K608" t="s">
        <v>3207</v>
      </c>
      <c r="M608">
        <v>1288857</v>
      </c>
      <c r="O608">
        <v>1288857</v>
      </c>
      <c r="P608">
        <v>1</v>
      </c>
      <c r="Q608">
        <v>1</v>
      </c>
      <c r="R608" t="s">
        <v>3208</v>
      </c>
      <c r="S608">
        <v>2118</v>
      </c>
    </row>
    <row r="609" spans="1:19" x14ac:dyDescent="0.25">
      <c r="A609">
        <v>19360657</v>
      </c>
      <c r="B609" t="s">
        <v>3209</v>
      </c>
      <c r="C609" s="1" t="s">
        <v>3210</v>
      </c>
      <c r="E609">
        <v>1</v>
      </c>
      <c r="F609">
        <v>0</v>
      </c>
      <c r="H609" t="s">
        <v>3211</v>
      </c>
      <c r="J609" t="s">
        <v>3212</v>
      </c>
      <c r="O609">
        <v>792142</v>
      </c>
      <c r="P609">
        <v>1</v>
      </c>
      <c r="Q609">
        <v>0</v>
      </c>
      <c r="R609" t="s">
        <v>3213</v>
      </c>
      <c r="S609">
        <v>160</v>
      </c>
    </row>
    <row r="610" spans="1:19" x14ac:dyDescent="0.25">
      <c r="A610">
        <v>52250259</v>
      </c>
      <c r="B610" t="s">
        <v>3214</v>
      </c>
      <c r="C610" s="1" t="s">
        <v>3215</v>
      </c>
      <c r="E610">
        <v>2</v>
      </c>
      <c r="F610">
        <v>0</v>
      </c>
      <c r="H610" t="s">
        <v>3216</v>
      </c>
      <c r="I610">
        <v>0</v>
      </c>
      <c r="J610" t="s">
        <v>3217</v>
      </c>
      <c r="O610">
        <v>9221715</v>
      </c>
      <c r="P610">
        <v>1</v>
      </c>
      <c r="Q610">
        <v>-1</v>
      </c>
      <c r="R610" t="s">
        <v>3218</v>
      </c>
      <c r="S610">
        <v>44</v>
      </c>
    </row>
    <row r="611" spans="1:19" x14ac:dyDescent="0.25">
      <c r="A611">
        <v>51306562</v>
      </c>
      <c r="B611" t="s">
        <v>3219</v>
      </c>
      <c r="C611" s="1" t="s">
        <v>3220</v>
      </c>
      <c r="E611">
        <v>0</v>
      </c>
      <c r="F611">
        <v>1</v>
      </c>
      <c r="H611" t="s">
        <v>3221</v>
      </c>
      <c r="J611" t="s">
        <v>3221</v>
      </c>
      <c r="O611">
        <v>9976666</v>
      </c>
      <c r="P611">
        <v>1</v>
      </c>
      <c r="Q611">
        <v>0</v>
      </c>
      <c r="R611" t="s">
        <v>3222</v>
      </c>
      <c r="S611">
        <v>22</v>
      </c>
    </row>
    <row r="612" spans="1:19" x14ac:dyDescent="0.25">
      <c r="A612">
        <v>16452959</v>
      </c>
      <c r="B612" t="s">
        <v>3223</v>
      </c>
      <c r="C612" s="1" t="s">
        <v>3224</v>
      </c>
      <c r="E612">
        <v>1</v>
      </c>
      <c r="F612">
        <v>2</v>
      </c>
      <c r="H612" t="s">
        <v>3225</v>
      </c>
      <c r="J612" t="s">
        <v>3226</v>
      </c>
      <c r="O612">
        <v>845655</v>
      </c>
      <c r="P612">
        <v>1</v>
      </c>
      <c r="Q612">
        <v>1</v>
      </c>
      <c r="R612" t="s">
        <v>3227</v>
      </c>
      <c r="S612">
        <v>265</v>
      </c>
    </row>
    <row r="613" spans="1:19" x14ac:dyDescent="0.25">
      <c r="A613">
        <v>38035940</v>
      </c>
      <c r="B613" t="s">
        <v>3228</v>
      </c>
      <c r="C613" s="1" t="s">
        <v>3229</v>
      </c>
      <c r="E613">
        <v>0</v>
      </c>
      <c r="F613">
        <v>3</v>
      </c>
      <c r="H613" t="s">
        <v>3230</v>
      </c>
      <c r="I613">
        <v>1</v>
      </c>
      <c r="J613" t="s">
        <v>3231</v>
      </c>
      <c r="K613" t="s">
        <v>3232</v>
      </c>
      <c r="M613">
        <v>1363706</v>
      </c>
      <c r="O613">
        <v>1363706</v>
      </c>
      <c r="P613">
        <v>1</v>
      </c>
      <c r="Q613">
        <v>0</v>
      </c>
      <c r="R613" t="s">
        <v>3233</v>
      </c>
      <c r="S613">
        <v>255</v>
      </c>
    </row>
    <row r="614" spans="1:19" x14ac:dyDescent="0.25">
      <c r="A614">
        <v>26560645</v>
      </c>
      <c r="B614" t="s">
        <v>3234</v>
      </c>
      <c r="C614" s="1" t="s">
        <v>3235</v>
      </c>
      <c r="E614">
        <v>1</v>
      </c>
      <c r="F614">
        <v>0</v>
      </c>
      <c r="H614" t="s">
        <v>3236</v>
      </c>
      <c r="J614" t="s">
        <v>3237</v>
      </c>
      <c r="K614" t="s">
        <v>3238</v>
      </c>
      <c r="M614">
        <v>932584</v>
      </c>
      <c r="O614">
        <v>4131886</v>
      </c>
      <c r="P614">
        <v>1</v>
      </c>
      <c r="Q614">
        <v>0</v>
      </c>
      <c r="R614" t="s">
        <v>3239</v>
      </c>
      <c r="S614">
        <v>918</v>
      </c>
    </row>
    <row r="615" spans="1:19" x14ac:dyDescent="0.25">
      <c r="A615">
        <v>18036959</v>
      </c>
      <c r="B615" t="s">
        <v>3240</v>
      </c>
      <c r="C615" s="1" t="s">
        <v>3241</v>
      </c>
      <c r="D615">
        <v>18055477</v>
      </c>
      <c r="E615">
        <v>1</v>
      </c>
      <c r="F615">
        <v>1</v>
      </c>
      <c r="H615" t="s">
        <v>3242</v>
      </c>
      <c r="J615" t="s">
        <v>3243</v>
      </c>
      <c r="O615">
        <v>775135</v>
      </c>
      <c r="P615">
        <v>1</v>
      </c>
      <c r="Q615">
        <v>1</v>
      </c>
      <c r="R615" t="s">
        <v>3244</v>
      </c>
      <c r="S615">
        <v>1354</v>
      </c>
    </row>
    <row r="616" spans="1:19" x14ac:dyDescent="0.25">
      <c r="A616">
        <v>18297992</v>
      </c>
      <c r="B616" t="s">
        <v>3245</v>
      </c>
      <c r="C616" s="1" t="s">
        <v>3246</v>
      </c>
      <c r="E616">
        <v>1</v>
      </c>
      <c r="F616">
        <v>1</v>
      </c>
      <c r="H616" t="s">
        <v>3247</v>
      </c>
      <c r="J616" t="s">
        <v>3248</v>
      </c>
      <c r="K616" t="s">
        <v>3249</v>
      </c>
      <c r="M616">
        <v>1734130</v>
      </c>
      <c r="O616">
        <v>1887286</v>
      </c>
      <c r="P616">
        <v>1</v>
      </c>
      <c r="Q616">
        <v>0</v>
      </c>
      <c r="R616" t="s">
        <v>3250</v>
      </c>
      <c r="S616">
        <v>442</v>
      </c>
    </row>
    <row r="617" spans="1:19" x14ac:dyDescent="0.25">
      <c r="A617">
        <v>37858948</v>
      </c>
      <c r="B617" t="s">
        <v>3251</v>
      </c>
      <c r="C617" s="1" t="s">
        <v>3252</v>
      </c>
      <c r="D617">
        <v>37859068</v>
      </c>
      <c r="E617">
        <v>1</v>
      </c>
      <c r="F617">
        <v>2</v>
      </c>
      <c r="H617" t="s">
        <v>3253</v>
      </c>
      <c r="J617" t="s">
        <v>3254</v>
      </c>
      <c r="K617" t="s">
        <v>3254</v>
      </c>
      <c r="M617">
        <v>906113</v>
      </c>
      <c r="O617">
        <v>6391513</v>
      </c>
      <c r="P617">
        <v>1</v>
      </c>
      <c r="Q617">
        <v>0</v>
      </c>
      <c r="R617" t="s">
        <v>3255</v>
      </c>
      <c r="S617">
        <v>33</v>
      </c>
    </row>
    <row r="618" spans="1:19" x14ac:dyDescent="0.25">
      <c r="A618">
        <v>12975080</v>
      </c>
      <c r="B618" t="s">
        <v>3256</v>
      </c>
      <c r="C618" s="1" t="s">
        <v>3257</v>
      </c>
      <c r="E618">
        <v>2</v>
      </c>
      <c r="F618">
        <v>3</v>
      </c>
      <c r="H618" t="s">
        <v>3258</v>
      </c>
      <c r="I618">
        <v>0</v>
      </c>
      <c r="J618" t="s">
        <v>3259</v>
      </c>
      <c r="K618" t="s">
        <v>3259</v>
      </c>
      <c r="M618">
        <v>667301</v>
      </c>
      <c r="O618">
        <v>1759148</v>
      </c>
      <c r="P618">
        <v>1</v>
      </c>
      <c r="Q618">
        <v>11</v>
      </c>
      <c r="R618" t="s">
        <v>3260</v>
      </c>
      <c r="S618">
        <v>11270</v>
      </c>
    </row>
    <row r="619" spans="1:19" x14ac:dyDescent="0.25">
      <c r="A619">
        <v>46771837</v>
      </c>
      <c r="B619" t="s">
        <v>3261</v>
      </c>
      <c r="C619" s="1" t="s">
        <v>3262</v>
      </c>
      <c r="E619">
        <v>1</v>
      </c>
      <c r="F619">
        <v>10</v>
      </c>
      <c r="H619" t="s">
        <v>3263</v>
      </c>
      <c r="J619" t="s">
        <v>3264</v>
      </c>
      <c r="K619" t="s">
        <v>3265</v>
      </c>
      <c r="M619">
        <v>6844136</v>
      </c>
      <c r="O619">
        <v>6844136</v>
      </c>
      <c r="P619">
        <v>1</v>
      </c>
      <c r="Q619">
        <v>0</v>
      </c>
      <c r="R619" t="s">
        <v>3266</v>
      </c>
      <c r="S619">
        <v>48</v>
      </c>
    </row>
    <row r="620" spans="1:19" x14ac:dyDescent="0.25">
      <c r="A620">
        <v>53519347</v>
      </c>
      <c r="B620" t="s">
        <v>3267</v>
      </c>
      <c r="C620" s="1" t="s">
        <v>3268</v>
      </c>
      <c r="D620">
        <v>53519673</v>
      </c>
      <c r="E620">
        <v>2</v>
      </c>
      <c r="F620">
        <v>1</v>
      </c>
      <c r="H620" t="s">
        <v>3269</v>
      </c>
      <c r="J620" t="s">
        <v>3270</v>
      </c>
      <c r="O620">
        <v>865332</v>
      </c>
      <c r="P620">
        <v>1</v>
      </c>
      <c r="Q620">
        <v>1</v>
      </c>
      <c r="R620" t="s">
        <v>3271</v>
      </c>
      <c r="S620">
        <v>28</v>
      </c>
    </row>
    <row r="621" spans="1:19" x14ac:dyDescent="0.25">
      <c r="A621">
        <v>1940895</v>
      </c>
      <c r="B621" t="s">
        <v>3272</v>
      </c>
      <c r="C621" s="1" t="s">
        <v>3273</v>
      </c>
      <c r="E621">
        <v>3</v>
      </c>
      <c r="F621">
        <v>2</v>
      </c>
      <c r="H621" t="s">
        <v>3274</v>
      </c>
      <c r="J621" t="s">
        <v>3275</v>
      </c>
      <c r="N621" t="s">
        <v>3276</v>
      </c>
      <c r="P621">
        <v>1</v>
      </c>
      <c r="Q621">
        <v>0</v>
      </c>
      <c r="R621" t="s">
        <v>3277</v>
      </c>
      <c r="S621">
        <v>104</v>
      </c>
    </row>
    <row r="622" spans="1:19" x14ac:dyDescent="0.25">
      <c r="A622">
        <v>11896765</v>
      </c>
      <c r="B622" t="s">
        <v>3278</v>
      </c>
      <c r="C622" s="1" t="s">
        <v>3279</v>
      </c>
      <c r="D622">
        <v>11900363</v>
      </c>
      <c r="E622">
        <v>1</v>
      </c>
      <c r="F622">
        <v>1</v>
      </c>
      <c r="H622" t="s">
        <v>3280</v>
      </c>
      <c r="J622" t="s">
        <v>3281</v>
      </c>
      <c r="K622" t="s">
        <v>3281</v>
      </c>
      <c r="M622">
        <v>3195477</v>
      </c>
      <c r="O622">
        <v>1379079</v>
      </c>
      <c r="P622">
        <v>1</v>
      </c>
      <c r="Q622">
        <v>5</v>
      </c>
      <c r="R622" t="s">
        <v>3282</v>
      </c>
      <c r="S622">
        <v>1608</v>
      </c>
    </row>
    <row r="623" spans="1:19" x14ac:dyDescent="0.25">
      <c r="A623">
        <v>9714147</v>
      </c>
      <c r="B623" t="s">
        <v>3283</v>
      </c>
      <c r="C623" s="1" t="s">
        <v>3284</v>
      </c>
      <c r="E623">
        <v>2</v>
      </c>
      <c r="F623">
        <v>0</v>
      </c>
      <c r="H623" t="s">
        <v>3285</v>
      </c>
      <c r="J623" t="s">
        <v>3286</v>
      </c>
      <c r="O623">
        <v>1188963</v>
      </c>
      <c r="P623">
        <v>1</v>
      </c>
      <c r="Q623">
        <v>0</v>
      </c>
      <c r="R623" t="s">
        <v>3287</v>
      </c>
      <c r="S623">
        <v>4150</v>
      </c>
    </row>
    <row r="624" spans="1:19" x14ac:dyDescent="0.25">
      <c r="A624">
        <v>32220966</v>
      </c>
      <c r="B624" t="s">
        <v>3288</v>
      </c>
      <c r="C624" s="1" t="s">
        <v>3289</v>
      </c>
      <c r="E624">
        <v>1</v>
      </c>
      <c r="F624">
        <v>0</v>
      </c>
      <c r="H624" t="s">
        <v>3290</v>
      </c>
      <c r="J624" t="s">
        <v>3291</v>
      </c>
      <c r="O624">
        <v>3611977</v>
      </c>
      <c r="P624">
        <v>1</v>
      </c>
      <c r="Q624">
        <v>2</v>
      </c>
      <c r="R624" t="s">
        <v>3292</v>
      </c>
      <c r="S624">
        <v>46</v>
      </c>
    </row>
    <row r="625" spans="1:19" x14ac:dyDescent="0.25">
      <c r="A625">
        <v>26631819</v>
      </c>
      <c r="B625" t="s">
        <v>3293</v>
      </c>
      <c r="C625" s="1" t="s">
        <v>3294</v>
      </c>
      <c r="E625">
        <v>1</v>
      </c>
      <c r="F625">
        <v>1</v>
      </c>
      <c r="H625" t="s">
        <v>3295</v>
      </c>
      <c r="J625" t="s">
        <v>3296</v>
      </c>
      <c r="O625">
        <v>3134946</v>
      </c>
      <c r="P625">
        <v>1</v>
      </c>
      <c r="Q625">
        <v>1</v>
      </c>
      <c r="R625" t="s">
        <v>3297</v>
      </c>
      <c r="S625">
        <v>216</v>
      </c>
    </row>
    <row r="626" spans="1:19" x14ac:dyDescent="0.25">
      <c r="A626">
        <v>50225246</v>
      </c>
      <c r="B626" t="s">
        <v>3298</v>
      </c>
      <c r="C626" s="1" t="s">
        <v>3299</v>
      </c>
      <c r="D626">
        <v>50225748</v>
      </c>
      <c r="E626">
        <v>1</v>
      </c>
      <c r="F626">
        <v>6</v>
      </c>
      <c r="H626" t="s">
        <v>3300</v>
      </c>
      <c r="I626">
        <v>1</v>
      </c>
      <c r="J626" t="s">
        <v>3301</v>
      </c>
      <c r="K626" t="s">
        <v>3302</v>
      </c>
      <c r="M626">
        <v>9756044</v>
      </c>
      <c r="O626">
        <v>9756044</v>
      </c>
      <c r="P626">
        <v>1</v>
      </c>
      <c r="Q626">
        <v>1</v>
      </c>
      <c r="R626" t="s">
        <v>3303</v>
      </c>
      <c r="S626">
        <v>64</v>
      </c>
    </row>
    <row r="627" spans="1:19" x14ac:dyDescent="0.25">
      <c r="A627">
        <v>35912226</v>
      </c>
      <c r="B627" t="s">
        <v>3304</v>
      </c>
      <c r="C627" s="1" t="s">
        <v>3305</v>
      </c>
      <c r="D627">
        <v>35912314</v>
      </c>
      <c r="E627">
        <v>1</v>
      </c>
      <c r="F627">
        <v>0</v>
      </c>
      <c r="H627" t="s">
        <v>3306</v>
      </c>
      <c r="J627" t="s">
        <v>3307</v>
      </c>
      <c r="K627" t="s">
        <v>3307</v>
      </c>
      <c r="M627">
        <v>2576903</v>
      </c>
      <c r="O627">
        <v>2576903</v>
      </c>
      <c r="P627">
        <v>1</v>
      </c>
      <c r="Q627">
        <v>0</v>
      </c>
      <c r="R627" t="s">
        <v>110</v>
      </c>
      <c r="S627">
        <v>40</v>
      </c>
    </row>
    <row r="628" spans="1:19" x14ac:dyDescent="0.25">
      <c r="A628">
        <v>41085388</v>
      </c>
      <c r="B628" t="s">
        <v>3308</v>
      </c>
      <c r="C628" s="1" t="s">
        <v>3309</v>
      </c>
      <c r="E628">
        <v>0</v>
      </c>
      <c r="F628">
        <v>0</v>
      </c>
      <c r="H628" t="s">
        <v>3310</v>
      </c>
      <c r="J628" t="s">
        <v>3311</v>
      </c>
      <c r="K628" t="s">
        <v>3311</v>
      </c>
      <c r="M628">
        <v>4284627</v>
      </c>
      <c r="O628">
        <v>7075036</v>
      </c>
      <c r="P628">
        <v>1</v>
      </c>
      <c r="Q628">
        <v>1</v>
      </c>
      <c r="R628" t="s">
        <v>3312</v>
      </c>
      <c r="S628">
        <v>152</v>
      </c>
    </row>
    <row r="629" spans="1:19" x14ac:dyDescent="0.25">
      <c r="A629">
        <v>31978154</v>
      </c>
      <c r="B629" t="s">
        <v>3313</v>
      </c>
      <c r="C629" s="1" t="s">
        <v>3314</v>
      </c>
      <c r="D629">
        <v>31978772</v>
      </c>
      <c r="E629">
        <v>1</v>
      </c>
      <c r="F629">
        <v>2</v>
      </c>
      <c r="H629" t="s">
        <v>3315</v>
      </c>
      <c r="I629">
        <v>2</v>
      </c>
      <c r="J629" t="s">
        <v>3316</v>
      </c>
      <c r="K629" t="s">
        <v>3316</v>
      </c>
      <c r="M629">
        <v>832621</v>
      </c>
      <c r="O629">
        <v>1715453</v>
      </c>
      <c r="P629">
        <v>1</v>
      </c>
      <c r="Q629">
        <v>1</v>
      </c>
      <c r="R629" t="s">
        <v>3317</v>
      </c>
      <c r="S629">
        <v>1126</v>
      </c>
    </row>
    <row r="630" spans="1:19" x14ac:dyDescent="0.25">
      <c r="A630">
        <v>45836813</v>
      </c>
      <c r="B630" t="s">
        <v>3318</v>
      </c>
      <c r="C630" s="1" t="s">
        <v>3319</v>
      </c>
      <c r="D630">
        <v>45889022</v>
      </c>
      <c r="E630">
        <v>1</v>
      </c>
      <c r="F630">
        <v>1</v>
      </c>
      <c r="H630" t="s">
        <v>3320</v>
      </c>
      <c r="J630" t="s">
        <v>3321</v>
      </c>
      <c r="O630">
        <v>1494902</v>
      </c>
      <c r="P630">
        <v>1</v>
      </c>
      <c r="Q630">
        <v>1</v>
      </c>
      <c r="R630" t="s">
        <v>3322</v>
      </c>
      <c r="S630">
        <v>136</v>
      </c>
    </row>
    <row r="631" spans="1:19" x14ac:dyDescent="0.25">
      <c r="A631">
        <v>34048964</v>
      </c>
      <c r="B631" t="s">
        <v>3323</v>
      </c>
      <c r="C631" s="1" t="s">
        <v>3324</v>
      </c>
      <c r="E631">
        <v>1</v>
      </c>
      <c r="F631">
        <v>2</v>
      </c>
      <c r="H631" t="s">
        <v>3325</v>
      </c>
      <c r="I631">
        <v>1</v>
      </c>
      <c r="J631" t="s">
        <v>3326</v>
      </c>
      <c r="K631" t="s">
        <v>3327</v>
      </c>
      <c r="M631">
        <v>4548969</v>
      </c>
      <c r="O631">
        <v>4548969</v>
      </c>
      <c r="P631">
        <v>1</v>
      </c>
      <c r="Q631">
        <v>0</v>
      </c>
      <c r="R631" t="s">
        <v>3328</v>
      </c>
      <c r="S631">
        <v>274</v>
      </c>
    </row>
    <row r="632" spans="1:19" x14ac:dyDescent="0.25">
      <c r="A632">
        <v>37026067</v>
      </c>
      <c r="B632" t="s">
        <v>3329</v>
      </c>
      <c r="C632" s="1" t="s">
        <v>3330</v>
      </c>
      <c r="E632">
        <v>0</v>
      </c>
      <c r="F632">
        <v>3</v>
      </c>
      <c r="H632" t="s">
        <v>3331</v>
      </c>
      <c r="J632" t="s">
        <v>3332</v>
      </c>
      <c r="K632" t="s">
        <v>3332</v>
      </c>
      <c r="M632">
        <v>4357040</v>
      </c>
      <c r="O632">
        <v>4357040</v>
      </c>
      <c r="P632">
        <v>1</v>
      </c>
      <c r="Q632">
        <v>1</v>
      </c>
      <c r="R632" t="s">
        <v>3333</v>
      </c>
      <c r="S632">
        <v>104</v>
      </c>
    </row>
    <row r="633" spans="1:19" x14ac:dyDescent="0.25">
      <c r="A633">
        <v>50315129</v>
      </c>
      <c r="B633" t="s">
        <v>3334</v>
      </c>
      <c r="C633" s="1" t="s">
        <v>3335</v>
      </c>
      <c r="E633">
        <v>3</v>
      </c>
      <c r="F633">
        <v>4</v>
      </c>
      <c r="H633" t="s">
        <v>3336</v>
      </c>
      <c r="J633" t="s">
        <v>3337</v>
      </c>
      <c r="K633" t="s">
        <v>3338</v>
      </c>
      <c r="M633">
        <v>6529212</v>
      </c>
      <c r="O633">
        <v>9783568</v>
      </c>
      <c r="P633">
        <v>1</v>
      </c>
      <c r="Q633">
        <v>0</v>
      </c>
      <c r="R633" t="s">
        <v>3339</v>
      </c>
      <c r="S633">
        <v>45</v>
      </c>
    </row>
    <row r="634" spans="1:19" x14ac:dyDescent="0.25">
      <c r="A634">
        <v>37211362</v>
      </c>
      <c r="B634" t="s">
        <v>3340</v>
      </c>
      <c r="C634" s="1" t="s">
        <v>3341</v>
      </c>
      <c r="E634">
        <v>1</v>
      </c>
      <c r="F634">
        <v>0</v>
      </c>
      <c r="H634" t="s">
        <v>3342</v>
      </c>
      <c r="J634" t="s">
        <v>3343</v>
      </c>
      <c r="K634" t="s">
        <v>3343</v>
      </c>
      <c r="M634">
        <v>955836</v>
      </c>
      <c r="O634">
        <v>955836</v>
      </c>
      <c r="P634">
        <v>1</v>
      </c>
      <c r="Q634">
        <v>0</v>
      </c>
      <c r="R634" t="s">
        <v>3344</v>
      </c>
      <c r="S634">
        <v>386</v>
      </c>
    </row>
    <row r="635" spans="1:19" x14ac:dyDescent="0.25">
      <c r="A635">
        <v>29101599</v>
      </c>
      <c r="B635" t="s">
        <v>3345</v>
      </c>
      <c r="C635" s="1" t="s">
        <v>3346</v>
      </c>
      <c r="D635">
        <v>29102248</v>
      </c>
      <c r="E635">
        <v>1</v>
      </c>
      <c r="F635">
        <v>1</v>
      </c>
      <c r="H635" t="s">
        <v>3347</v>
      </c>
      <c r="J635" t="s">
        <v>3348</v>
      </c>
      <c r="O635">
        <v>1219089</v>
      </c>
      <c r="P635">
        <v>1</v>
      </c>
      <c r="Q635">
        <v>0</v>
      </c>
      <c r="R635" t="s">
        <v>3349</v>
      </c>
      <c r="S635">
        <v>54</v>
      </c>
    </row>
    <row r="636" spans="1:19" x14ac:dyDescent="0.25">
      <c r="A636">
        <v>45106754</v>
      </c>
      <c r="B636" t="s">
        <v>3350</v>
      </c>
      <c r="C636" s="1" t="s">
        <v>3351</v>
      </c>
      <c r="D636">
        <v>45164168</v>
      </c>
      <c r="E636">
        <v>1</v>
      </c>
      <c r="F636">
        <v>0</v>
      </c>
      <c r="H636" t="s">
        <v>3352</v>
      </c>
      <c r="I636">
        <v>1</v>
      </c>
      <c r="J636" t="s">
        <v>3353</v>
      </c>
      <c r="O636">
        <v>824285</v>
      </c>
      <c r="P636">
        <v>1</v>
      </c>
      <c r="Q636">
        <v>0</v>
      </c>
      <c r="R636" t="s">
        <v>3354</v>
      </c>
      <c r="S636">
        <v>524</v>
      </c>
    </row>
    <row r="637" spans="1:19" x14ac:dyDescent="0.25">
      <c r="A637">
        <v>13984700</v>
      </c>
      <c r="B637" t="s">
        <v>3355</v>
      </c>
      <c r="C637" s="1" t="s">
        <v>3356</v>
      </c>
      <c r="E637">
        <v>2</v>
      </c>
      <c r="F637">
        <v>0</v>
      </c>
      <c r="H637" t="s">
        <v>3357</v>
      </c>
      <c r="I637">
        <v>1</v>
      </c>
      <c r="J637" t="s">
        <v>3358</v>
      </c>
      <c r="K637" t="s">
        <v>3359</v>
      </c>
      <c r="M637">
        <v>928585</v>
      </c>
      <c r="O637">
        <v>928585</v>
      </c>
      <c r="P637">
        <v>1</v>
      </c>
      <c r="Q637">
        <v>0</v>
      </c>
      <c r="R637" t="s">
        <v>3360</v>
      </c>
      <c r="S637">
        <v>1214</v>
      </c>
    </row>
    <row r="638" spans="1:19" x14ac:dyDescent="0.25">
      <c r="A638">
        <v>28549538</v>
      </c>
      <c r="B638" t="s">
        <v>3361</v>
      </c>
      <c r="C638" s="1" t="s">
        <v>3362</v>
      </c>
      <c r="D638">
        <v>28593508</v>
      </c>
      <c r="E638">
        <v>1</v>
      </c>
      <c r="F638">
        <v>6</v>
      </c>
      <c r="H638" t="s">
        <v>3363</v>
      </c>
      <c r="I638">
        <v>1</v>
      </c>
      <c r="J638" t="s">
        <v>3364</v>
      </c>
      <c r="K638" t="s">
        <v>3364</v>
      </c>
      <c r="M638">
        <v>1210071</v>
      </c>
      <c r="O638">
        <v>1210071</v>
      </c>
      <c r="P638">
        <v>1</v>
      </c>
      <c r="Q638">
        <v>2</v>
      </c>
      <c r="R638" t="s">
        <v>3365</v>
      </c>
      <c r="S638">
        <v>1199</v>
      </c>
    </row>
    <row r="639" spans="1:19" x14ac:dyDescent="0.25">
      <c r="A639">
        <v>43493625</v>
      </c>
      <c r="B639" t="s">
        <v>3366</v>
      </c>
      <c r="C639" s="1" t="s">
        <v>3367</v>
      </c>
      <c r="E639">
        <v>1</v>
      </c>
      <c r="F639">
        <v>0</v>
      </c>
      <c r="H639" t="s">
        <v>3368</v>
      </c>
      <c r="I639">
        <v>2</v>
      </c>
      <c r="J639" t="s">
        <v>3369</v>
      </c>
      <c r="O639">
        <v>5421539</v>
      </c>
      <c r="P639">
        <v>1</v>
      </c>
      <c r="Q639">
        <v>3</v>
      </c>
      <c r="R639" t="s">
        <v>1655</v>
      </c>
      <c r="S639">
        <v>1846</v>
      </c>
    </row>
    <row r="640" spans="1:19" x14ac:dyDescent="0.25">
      <c r="A640">
        <v>52720761</v>
      </c>
      <c r="B640" t="s">
        <v>3370</v>
      </c>
      <c r="C640" s="1" t="s">
        <v>3371</v>
      </c>
      <c r="D640">
        <v>52721008</v>
      </c>
      <c r="E640">
        <v>2</v>
      </c>
      <c r="F640">
        <v>4</v>
      </c>
      <c r="H640" t="s">
        <v>3372</v>
      </c>
      <c r="J640" t="s">
        <v>3373</v>
      </c>
      <c r="K640" t="s">
        <v>3373</v>
      </c>
      <c r="M640">
        <v>333340</v>
      </c>
      <c r="O640">
        <v>1954949</v>
      </c>
      <c r="P640">
        <v>1</v>
      </c>
      <c r="Q640">
        <v>0</v>
      </c>
      <c r="R640" t="s">
        <v>3374</v>
      </c>
      <c r="S640">
        <v>51</v>
      </c>
    </row>
    <row r="641" spans="1:19" x14ac:dyDescent="0.25">
      <c r="A641">
        <v>12012656</v>
      </c>
      <c r="B641" t="s">
        <v>3375</v>
      </c>
      <c r="C641" s="1" t="s">
        <v>3376</v>
      </c>
      <c r="E641">
        <v>0</v>
      </c>
      <c r="F641">
        <v>2</v>
      </c>
      <c r="H641" t="s">
        <v>3377</v>
      </c>
      <c r="J641" t="s">
        <v>3377</v>
      </c>
      <c r="O641">
        <v>1601963</v>
      </c>
      <c r="P641">
        <v>1</v>
      </c>
      <c r="Q641">
        <v>0</v>
      </c>
      <c r="R641" t="s">
        <v>3378</v>
      </c>
      <c r="S641">
        <v>362</v>
      </c>
    </row>
    <row r="642" spans="1:19" x14ac:dyDescent="0.25">
      <c r="A642">
        <v>22203703</v>
      </c>
      <c r="B642" t="s">
        <v>3379</v>
      </c>
      <c r="C642" s="1" t="s">
        <v>3380</v>
      </c>
      <c r="D642">
        <v>22204753</v>
      </c>
      <c r="E642">
        <v>1</v>
      </c>
      <c r="F642">
        <v>0</v>
      </c>
      <c r="H642" t="s">
        <v>3381</v>
      </c>
      <c r="J642" t="s">
        <v>3382</v>
      </c>
      <c r="O642">
        <v>1125496</v>
      </c>
      <c r="P642">
        <v>1</v>
      </c>
      <c r="Q642">
        <v>0</v>
      </c>
      <c r="R642" t="s">
        <v>3383</v>
      </c>
      <c r="S642">
        <v>31</v>
      </c>
    </row>
    <row r="643" spans="1:19" x14ac:dyDescent="0.25">
      <c r="A643">
        <v>46412676</v>
      </c>
      <c r="B643" t="s">
        <v>3384</v>
      </c>
      <c r="C643" s="1" t="s">
        <v>3385</v>
      </c>
      <c r="D643">
        <v>46414813</v>
      </c>
      <c r="E643">
        <v>1</v>
      </c>
      <c r="F643">
        <v>3</v>
      </c>
      <c r="H643" t="s">
        <v>3386</v>
      </c>
      <c r="I643">
        <v>0</v>
      </c>
      <c r="J643" t="s">
        <v>3387</v>
      </c>
      <c r="K643" t="s">
        <v>3388</v>
      </c>
      <c r="M643">
        <v>7576611</v>
      </c>
      <c r="O643">
        <v>7576611</v>
      </c>
      <c r="P643">
        <v>1</v>
      </c>
      <c r="Q643">
        <v>0</v>
      </c>
      <c r="R643" t="s">
        <v>3389</v>
      </c>
      <c r="S643">
        <v>92</v>
      </c>
    </row>
    <row r="644" spans="1:19" x14ac:dyDescent="0.25">
      <c r="A644">
        <v>31382590</v>
      </c>
      <c r="B644" t="s">
        <v>3390</v>
      </c>
      <c r="C644" s="1" t="s">
        <v>3391</v>
      </c>
      <c r="D644">
        <v>31386468</v>
      </c>
      <c r="E644">
        <v>1</v>
      </c>
      <c r="F644">
        <v>0</v>
      </c>
      <c r="H644" t="s">
        <v>3392</v>
      </c>
      <c r="J644" t="s">
        <v>3393</v>
      </c>
      <c r="K644" t="s">
        <v>3394</v>
      </c>
      <c r="M644">
        <v>2723753</v>
      </c>
      <c r="O644">
        <v>5110872</v>
      </c>
      <c r="P644">
        <v>1</v>
      </c>
      <c r="Q644">
        <v>1</v>
      </c>
      <c r="R644" t="s">
        <v>3395</v>
      </c>
      <c r="S644">
        <v>426</v>
      </c>
    </row>
    <row r="645" spans="1:19" x14ac:dyDescent="0.25">
      <c r="A645">
        <v>37114668</v>
      </c>
      <c r="B645" t="s">
        <v>3396</v>
      </c>
      <c r="C645" s="1" t="s">
        <v>3397</v>
      </c>
      <c r="D645">
        <v>37114845</v>
      </c>
      <c r="E645">
        <v>2</v>
      </c>
      <c r="F645">
        <v>0</v>
      </c>
      <c r="H645" t="s">
        <v>3398</v>
      </c>
      <c r="J645" t="s">
        <v>3399</v>
      </c>
      <c r="O645">
        <v>5802400</v>
      </c>
      <c r="P645">
        <v>1</v>
      </c>
      <c r="Q645">
        <v>0</v>
      </c>
      <c r="R645" t="s">
        <v>3400</v>
      </c>
      <c r="S645">
        <v>49</v>
      </c>
    </row>
    <row r="646" spans="1:19" x14ac:dyDescent="0.25">
      <c r="A646">
        <v>15977105</v>
      </c>
      <c r="B646" t="s">
        <v>3401</v>
      </c>
      <c r="C646" s="1" t="s">
        <v>3402</v>
      </c>
      <c r="D646">
        <v>15977388</v>
      </c>
      <c r="E646">
        <v>1</v>
      </c>
      <c r="F646">
        <v>1</v>
      </c>
      <c r="H646" t="s">
        <v>3403</v>
      </c>
      <c r="J646" t="s">
        <v>3404</v>
      </c>
      <c r="O646">
        <v>996431</v>
      </c>
      <c r="P646">
        <v>1</v>
      </c>
      <c r="Q646">
        <v>0</v>
      </c>
      <c r="R646" t="s">
        <v>3405</v>
      </c>
      <c r="S646">
        <v>59</v>
      </c>
    </row>
    <row r="647" spans="1:19" x14ac:dyDescent="0.25">
      <c r="A647">
        <v>25745230</v>
      </c>
      <c r="B647" t="s">
        <v>3406</v>
      </c>
      <c r="C647" s="1" t="s">
        <v>3407</v>
      </c>
      <c r="D647">
        <v>25745464</v>
      </c>
      <c r="E647">
        <v>2</v>
      </c>
      <c r="F647">
        <v>0</v>
      </c>
      <c r="H647" t="s">
        <v>3408</v>
      </c>
      <c r="J647" t="s">
        <v>3409</v>
      </c>
      <c r="O647">
        <v>1814331</v>
      </c>
      <c r="P647">
        <v>1</v>
      </c>
      <c r="Q647">
        <v>3</v>
      </c>
      <c r="R647" t="s">
        <v>3410</v>
      </c>
      <c r="S647">
        <v>412</v>
      </c>
    </row>
    <row r="648" spans="1:19" x14ac:dyDescent="0.25">
      <c r="A648">
        <v>22617469</v>
      </c>
      <c r="B648" t="s">
        <v>3411</v>
      </c>
      <c r="C648" s="1" t="s">
        <v>3412</v>
      </c>
      <c r="E648">
        <v>1</v>
      </c>
      <c r="F648">
        <v>3</v>
      </c>
      <c r="H648" t="s">
        <v>3413</v>
      </c>
      <c r="J648" t="s">
        <v>3414</v>
      </c>
      <c r="K648" t="s">
        <v>3415</v>
      </c>
      <c r="M648">
        <v>-1</v>
      </c>
      <c r="O648">
        <v>82952</v>
      </c>
      <c r="P648">
        <v>1</v>
      </c>
      <c r="Q648">
        <v>0</v>
      </c>
      <c r="R648" t="s">
        <v>3416</v>
      </c>
      <c r="S648">
        <v>44</v>
      </c>
    </row>
    <row r="649" spans="1:19" x14ac:dyDescent="0.25">
      <c r="A649">
        <v>26193344</v>
      </c>
      <c r="B649" t="s">
        <v>3417</v>
      </c>
      <c r="C649" s="1" t="s">
        <v>3418</v>
      </c>
      <c r="D649">
        <v>26196366</v>
      </c>
      <c r="E649">
        <v>1</v>
      </c>
      <c r="F649">
        <v>3</v>
      </c>
      <c r="H649" t="s">
        <v>3419</v>
      </c>
      <c r="J649" t="s">
        <v>3420</v>
      </c>
      <c r="K649" t="s">
        <v>3421</v>
      </c>
      <c r="M649">
        <v>448413</v>
      </c>
      <c r="O649">
        <v>448413</v>
      </c>
      <c r="P649">
        <v>1</v>
      </c>
      <c r="Q649">
        <v>0</v>
      </c>
      <c r="R649" t="s">
        <v>3422</v>
      </c>
      <c r="S649">
        <v>130</v>
      </c>
    </row>
    <row r="650" spans="1:19" x14ac:dyDescent="0.25">
      <c r="A650">
        <v>35903181</v>
      </c>
      <c r="B650" t="s">
        <v>3423</v>
      </c>
      <c r="C650" s="1" t="s">
        <v>3424</v>
      </c>
      <c r="E650">
        <v>3</v>
      </c>
      <c r="F650">
        <v>1</v>
      </c>
      <c r="H650" t="s">
        <v>3425</v>
      </c>
      <c r="J650" t="s">
        <v>3426</v>
      </c>
      <c r="O650">
        <v>6041273</v>
      </c>
      <c r="P650">
        <v>1</v>
      </c>
      <c r="Q650">
        <v>0</v>
      </c>
      <c r="R650" t="s">
        <v>213</v>
      </c>
      <c r="S650">
        <v>43</v>
      </c>
    </row>
    <row r="651" spans="1:19" x14ac:dyDescent="0.25">
      <c r="A651">
        <v>28731567</v>
      </c>
      <c r="B651" t="s">
        <v>3427</v>
      </c>
      <c r="C651" s="1" t="s">
        <v>3428</v>
      </c>
      <c r="D651">
        <v>28731635</v>
      </c>
      <c r="E651">
        <v>1</v>
      </c>
      <c r="F651">
        <v>1</v>
      </c>
      <c r="H651" t="s">
        <v>3429</v>
      </c>
      <c r="J651" t="s">
        <v>3430</v>
      </c>
      <c r="K651" t="s">
        <v>3431</v>
      </c>
      <c r="M651">
        <v>1324</v>
      </c>
      <c r="O651">
        <v>4004849</v>
      </c>
      <c r="P651">
        <v>1</v>
      </c>
      <c r="Q651">
        <v>0</v>
      </c>
      <c r="R651" t="s">
        <v>3432</v>
      </c>
      <c r="S651">
        <v>54</v>
      </c>
    </row>
    <row r="652" spans="1:19" x14ac:dyDescent="0.25">
      <c r="A652">
        <v>50945516</v>
      </c>
      <c r="B652" t="s">
        <v>3433</v>
      </c>
      <c r="C652" s="1" t="s">
        <v>3434</v>
      </c>
      <c r="E652">
        <v>0</v>
      </c>
      <c r="F652">
        <v>9</v>
      </c>
      <c r="H652" t="s">
        <v>3435</v>
      </c>
      <c r="J652" t="s">
        <v>3436</v>
      </c>
      <c r="K652" t="s">
        <v>3436</v>
      </c>
      <c r="M652">
        <v>9966703</v>
      </c>
      <c r="O652">
        <v>9966703</v>
      </c>
      <c r="P652">
        <v>1</v>
      </c>
      <c r="Q652">
        <v>0</v>
      </c>
      <c r="R652" t="s">
        <v>3437</v>
      </c>
      <c r="S652">
        <v>208</v>
      </c>
    </row>
    <row r="653" spans="1:19" x14ac:dyDescent="0.25">
      <c r="A653">
        <v>19827792</v>
      </c>
      <c r="B653" t="s">
        <v>3438</v>
      </c>
      <c r="C653" s="1" t="s">
        <v>3439</v>
      </c>
      <c r="D653">
        <v>19828753</v>
      </c>
      <c r="E653">
        <v>1</v>
      </c>
      <c r="F653">
        <v>0</v>
      </c>
      <c r="H653" t="s">
        <v>3440</v>
      </c>
      <c r="I653">
        <v>2</v>
      </c>
      <c r="J653" t="s">
        <v>3441</v>
      </c>
      <c r="O653">
        <v>1171635</v>
      </c>
      <c r="P653">
        <v>1</v>
      </c>
      <c r="Q653">
        <v>8</v>
      </c>
      <c r="R653" t="s">
        <v>3442</v>
      </c>
      <c r="S653">
        <v>5280</v>
      </c>
    </row>
    <row r="654" spans="1:19" x14ac:dyDescent="0.25">
      <c r="A654">
        <v>53424295</v>
      </c>
      <c r="B654" t="s">
        <v>3443</v>
      </c>
      <c r="C654" s="1" t="s">
        <v>3444</v>
      </c>
      <c r="D654">
        <v>53425164</v>
      </c>
      <c r="E654">
        <v>3</v>
      </c>
      <c r="F654">
        <v>3</v>
      </c>
      <c r="H654" t="s">
        <v>3445</v>
      </c>
      <c r="J654" t="s">
        <v>3446</v>
      </c>
      <c r="O654">
        <v>119139</v>
      </c>
      <c r="P654">
        <v>1</v>
      </c>
      <c r="Q654">
        <v>-1</v>
      </c>
      <c r="R654" t="s">
        <v>3447</v>
      </c>
      <c r="S654">
        <v>53</v>
      </c>
    </row>
    <row r="655" spans="1:19" x14ac:dyDescent="0.25">
      <c r="A655">
        <v>24357067</v>
      </c>
      <c r="B655" t="s">
        <v>3448</v>
      </c>
      <c r="C655" s="1" t="s">
        <v>3449</v>
      </c>
      <c r="E655">
        <v>3</v>
      </c>
      <c r="F655">
        <v>10</v>
      </c>
      <c r="H655" t="s">
        <v>3450</v>
      </c>
      <c r="J655" t="s">
        <v>3451</v>
      </c>
      <c r="K655" t="s">
        <v>3452</v>
      </c>
      <c r="M655">
        <v>3765744</v>
      </c>
      <c r="O655">
        <v>3765744</v>
      </c>
      <c r="P655">
        <v>1</v>
      </c>
      <c r="Q655">
        <v>-4</v>
      </c>
      <c r="R655" t="s">
        <v>3453</v>
      </c>
      <c r="S655">
        <v>377</v>
      </c>
    </row>
    <row r="656" spans="1:19" x14ac:dyDescent="0.25">
      <c r="A656">
        <v>12771036</v>
      </c>
      <c r="B656" t="s">
        <v>3454</v>
      </c>
      <c r="C656" s="1" t="s">
        <v>3455</v>
      </c>
      <c r="D656">
        <v>12771118</v>
      </c>
      <c r="E656">
        <v>2</v>
      </c>
      <c r="F656">
        <v>2</v>
      </c>
      <c r="H656" t="s">
        <v>3456</v>
      </c>
      <c r="I656">
        <v>1</v>
      </c>
      <c r="J656" t="s">
        <v>3457</v>
      </c>
      <c r="O656">
        <v>563229</v>
      </c>
      <c r="P656">
        <v>1</v>
      </c>
      <c r="Q656">
        <v>1</v>
      </c>
      <c r="R656" t="s">
        <v>3458</v>
      </c>
      <c r="S656">
        <v>177</v>
      </c>
    </row>
    <row r="657" spans="1:19" x14ac:dyDescent="0.25">
      <c r="A657">
        <v>21520041</v>
      </c>
      <c r="B657" t="s">
        <v>3459</v>
      </c>
      <c r="C657" t="s">
        <v>3460</v>
      </c>
      <c r="E657">
        <v>1</v>
      </c>
      <c r="F657">
        <v>0</v>
      </c>
      <c r="H657" t="s">
        <v>3461</v>
      </c>
      <c r="J657" t="s">
        <v>3462</v>
      </c>
      <c r="O657">
        <v>3113290</v>
      </c>
      <c r="P657">
        <v>1</v>
      </c>
      <c r="Q657">
        <v>2</v>
      </c>
      <c r="R657" t="s">
        <v>3463</v>
      </c>
      <c r="S657">
        <v>317</v>
      </c>
    </row>
    <row r="658" spans="1:19" x14ac:dyDescent="0.25">
      <c r="A658">
        <v>3826184</v>
      </c>
      <c r="B658" t="s">
        <v>3464</v>
      </c>
      <c r="C658" s="1" t="s">
        <v>3465</v>
      </c>
      <c r="E658">
        <v>1</v>
      </c>
      <c r="F658">
        <v>3</v>
      </c>
      <c r="H658" t="s">
        <v>3466</v>
      </c>
      <c r="J658" t="s">
        <v>3467</v>
      </c>
      <c r="O658">
        <v>115457</v>
      </c>
      <c r="P658">
        <v>1</v>
      </c>
      <c r="Q658">
        <v>0</v>
      </c>
      <c r="R658" t="s">
        <v>3468</v>
      </c>
      <c r="S658">
        <v>228</v>
      </c>
    </row>
    <row r="659" spans="1:19" x14ac:dyDescent="0.25">
      <c r="A659">
        <v>10620158</v>
      </c>
      <c r="B659" t="s">
        <v>3469</v>
      </c>
      <c r="C659" s="1" t="s">
        <v>3470</v>
      </c>
      <c r="D659">
        <v>10621460</v>
      </c>
      <c r="E659">
        <v>4</v>
      </c>
      <c r="F659">
        <v>3</v>
      </c>
      <c r="H659" t="s">
        <v>3471</v>
      </c>
      <c r="I659">
        <v>0</v>
      </c>
      <c r="J659" t="s">
        <v>3472</v>
      </c>
      <c r="K659" t="s">
        <v>3473</v>
      </c>
      <c r="M659">
        <v>1276154</v>
      </c>
      <c r="O659">
        <v>1276154</v>
      </c>
      <c r="P659">
        <v>1</v>
      </c>
      <c r="Q659">
        <v>-4</v>
      </c>
      <c r="R659" t="s">
        <v>3474</v>
      </c>
      <c r="S659">
        <v>1608</v>
      </c>
    </row>
    <row r="660" spans="1:19" x14ac:dyDescent="0.25">
      <c r="A660">
        <v>6584203</v>
      </c>
      <c r="B660" t="s">
        <v>3475</v>
      </c>
      <c r="C660" s="1" t="s">
        <v>3476</v>
      </c>
      <c r="D660">
        <v>6584505</v>
      </c>
      <c r="E660">
        <v>1</v>
      </c>
      <c r="F660">
        <v>1</v>
      </c>
      <c r="H660" t="s">
        <v>3477</v>
      </c>
      <c r="J660" t="s">
        <v>3478</v>
      </c>
      <c r="K660" t="s">
        <v>3478</v>
      </c>
      <c r="M660">
        <v>456434</v>
      </c>
      <c r="O660">
        <v>456434</v>
      </c>
      <c r="P660">
        <v>1</v>
      </c>
      <c r="Q660">
        <v>0</v>
      </c>
      <c r="R660" t="s">
        <v>3479</v>
      </c>
      <c r="S660">
        <v>764</v>
      </c>
    </row>
    <row r="661" spans="1:19" x14ac:dyDescent="0.25">
      <c r="A661">
        <v>15180504</v>
      </c>
      <c r="B661" t="s">
        <v>3480</v>
      </c>
      <c r="C661" s="1" t="s">
        <v>3481</v>
      </c>
      <c r="D661">
        <v>15180560</v>
      </c>
      <c r="E661">
        <v>1</v>
      </c>
      <c r="F661">
        <v>6</v>
      </c>
      <c r="H661" t="s">
        <v>3482</v>
      </c>
      <c r="J661" t="s">
        <v>3483</v>
      </c>
      <c r="K661" t="s">
        <v>3484</v>
      </c>
      <c r="M661">
        <v>2127726</v>
      </c>
      <c r="O661">
        <v>2127726</v>
      </c>
      <c r="P661">
        <v>1</v>
      </c>
      <c r="Q661">
        <v>3</v>
      </c>
      <c r="R661" t="s">
        <v>3485</v>
      </c>
      <c r="S661">
        <v>518</v>
      </c>
    </row>
    <row r="662" spans="1:19" x14ac:dyDescent="0.25">
      <c r="A662">
        <v>34093976</v>
      </c>
      <c r="B662" t="s">
        <v>3486</v>
      </c>
      <c r="C662" s="1" t="s">
        <v>3487</v>
      </c>
      <c r="D662">
        <v>34094860</v>
      </c>
      <c r="E662">
        <v>1</v>
      </c>
      <c r="F662">
        <v>5</v>
      </c>
      <c r="H662" t="s">
        <v>3488</v>
      </c>
      <c r="J662" t="s">
        <v>3489</v>
      </c>
      <c r="O662">
        <v>1591731</v>
      </c>
      <c r="P662">
        <v>1</v>
      </c>
      <c r="Q662">
        <v>1</v>
      </c>
      <c r="R662" t="s">
        <v>3490</v>
      </c>
      <c r="S662">
        <v>142</v>
      </c>
    </row>
    <row r="663" spans="1:19" x14ac:dyDescent="0.25">
      <c r="A663">
        <v>5823837</v>
      </c>
      <c r="B663" t="s">
        <v>3491</v>
      </c>
      <c r="C663" s="1" t="s">
        <v>3492</v>
      </c>
      <c r="D663">
        <v>10316897</v>
      </c>
      <c r="E663">
        <v>3</v>
      </c>
      <c r="F663">
        <v>0</v>
      </c>
      <c r="H663" t="s">
        <v>3493</v>
      </c>
      <c r="I663">
        <v>0</v>
      </c>
      <c r="J663" t="s">
        <v>3494</v>
      </c>
      <c r="K663" t="s">
        <v>3494</v>
      </c>
      <c r="M663">
        <v>261581</v>
      </c>
      <c r="O663">
        <v>261581</v>
      </c>
      <c r="P663">
        <v>1</v>
      </c>
      <c r="Q663">
        <v>1</v>
      </c>
      <c r="R663" t="s">
        <v>3495</v>
      </c>
      <c r="S663">
        <v>126</v>
      </c>
    </row>
    <row r="664" spans="1:19" x14ac:dyDescent="0.25">
      <c r="A664">
        <v>28397726</v>
      </c>
      <c r="B664" t="s">
        <v>3496</v>
      </c>
      <c r="C664" s="1" t="s">
        <v>3497</v>
      </c>
      <c r="D664">
        <v>28397743</v>
      </c>
      <c r="E664">
        <v>1</v>
      </c>
      <c r="F664">
        <v>2</v>
      </c>
      <c r="H664" t="s">
        <v>3498</v>
      </c>
      <c r="J664" t="s">
        <v>3499</v>
      </c>
      <c r="K664" t="s">
        <v>3499</v>
      </c>
      <c r="M664">
        <v>1774667</v>
      </c>
      <c r="O664">
        <v>3537411</v>
      </c>
      <c r="P664">
        <v>1</v>
      </c>
      <c r="Q664">
        <v>1</v>
      </c>
      <c r="R664" t="s">
        <v>3500</v>
      </c>
      <c r="S664">
        <v>99</v>
      </c>
    </row>
    <row r="665" spans="1:19" x14ac:dyDescent="0.25">
      <c r="A665">
        <v>42611780</v>
      </c>
      <c r="B665" t="s">
        <v>3501</v>
      </c>
      <c r="C665" s="1" t="s">
        <v>3502</v>
      </c>
      <c r="D665">
        <v>42612643</v>
      </c>
      <c r="E665">
        <v>1</v>
      </c>
      <c r="F665">
        <v>0</v>
      </c>
      <c r="H665" t="s">
        <v>3503</v>
      </c>
      <c r="I665">
        <v>1</v>
      </c>
      <c r="J665" t="s">
        <v>3504</v>
      </c>
      <c r="O665">
        <v>2459543</v>
      </c>
      <c r="P665">
        <v>1</v>
      </c>
      <c r="Q665">
        <v>2</v>
      </c>
      <c r="R665" t="s">
        <v>3505</v>
      </c>
      <c r="S665">
        <v>470</v>
      </c>
    </row>
    <row r="666" spans="1:19" x14ac:dyDescent="0.25">
      <c r="A666">
        <v>34355868</v>
      </c>
      <c r="B666" t="s">
        <v>3506</v>
      </c>
      <c r="C666" s="1" t="s">
        <v>3507</v>
      </c>
      <c r="E666">
        <v>2</v>
      </c>
      <c r="F666">
        <v>0</v>
      </c>
      <c r="H666" t="s">
        <v>3508</v>
      </c>
      <c r="J666" t="s">
        <v>3509</v>
      </c>
      <c r="O666">
        <v>4532910</v>
      </c>
      <c r="P666">
        <v>1</v>
      </c>
      <c r="Q666">
        <v>0</v>
      </c>
      <c r="R666" t="s">
        <v>3510</v>
      </c>
      <c r="S666">
        <v>53</v>
      </c>
    </row>
    <row r="667" spans="1:19" x14ac:dyDescent="0.25">
      <c r="A667">
        <v>4559698</v>
      </c>
      <c r="B667" t="s">
        <v>3511</v>
      </c>
      <c r="C667" s="1" t="s">
        <v>3512</v>
      </c>
      <c r="D667">
        <v>4559815</v>
      </c>
      <c r="E667">
        <v>2</v>
      </c>
      <c r="F667">
        <v>0</v>
      </c>
      <c r="H667" t="s">
        <v>3513</v>
      </c>
      <c r="J667" t="s">
        <v>3514</v>
      </c>
      <c r="K667" t="s">
        <v>3514</v>
      </c>
      <c r="M667">
        <v>714</v>
      </c>
      <c r="O667">
        <v>322122</v>
      </c>
      <c r="P667">
        <v>1</v>
      </c>
      <c r="Q667">
        <v>0</v>
      </c>
      <c r="R667" t="s">
        <v>3515</v>
      </c>
      <c r="S667">
        <v>712</v>
      </c>
    </row>
    <row r="668" spans="1:19" x14ac:dyDescent="0.25">
      <c r="A668">
        <v>9636078</v>
      </c>
      <c r="B668" t="s">
        <v>3516</v>
      </c>
      <c r="C668" s="1" t="s">
        <v>3517</v>
      </c>
      <c r="D668">
        <v>9637947</v>
      </c>
      <c r="E668">
        <v>1</v>
      </c>
      <c r="F668">
        <v>1</v>
      </c>
      <c r="H668" t="s">
        <v>3518</v>
      </c>
      <c r="I668">
        <v>1</v>
      </c>
      <c r="J668" t="s">
        <v>3519</v>
      </c>
      <c r="K668" t="s">
        <v>3519</v>
      </c>
      <c r="M668">
        <v>70386</v>
      </c>
      <c r="O668">
        <v>907534</v>
      </c>
      <c r="P668">
        <v>1</v>
      </c>
      <c r="Q668">
        <v>3</v>
      </c>
      <c r="R668" t="s">
        <v>3520</v>
      </c>
      <c r="S668">
        <v>515</v>
      </c>
    </row>
    <row r="669" spans="1:19" x14ac:dyDescent="0.25">
      <c r="A669">
        <v>12055127</v>
      </c>
      <c r="B669" t="s">
        <v>3521</v>
      </c>
      <c r="C669" s="1" t="s">
        <v>3522</v>
      </c>
      <c r="E669">
        <v>2</v>
      </c>
      <c r="F669">
        <v>4</v>
      </c>
      <c r="H669" t="s">
        <v>3523</v>
      </c>
      <c r="I669">
        <v>0</v>
      </c>
      <c r="J669" t="s">
        <v>3524</v>
      </c>
      <c r="K669" t="s">
        <v>3525</v>
      </c>
      <c r="M669">
        <v>-1</v>
      </c>
      <c r="O669">
        <v>1413440</v>
      </c>
      <c r="P669">
        <v>1</v>
      </c>
      <c r="Q669">
        <v>2</v>
      </c>
      <c r="R669" t="s">
        <v>3526</v>
      </c>
      <c r="S669">
        <v>1969</v>
      </c>
    </row>
    <row r="670" spans="1:19" x14ac:dyDescent="0.25">
      <c r="A670">
        <v>27301105</v>
      </c>
      <c r="B670" t="s">
        <v>3527</v>
      </c>
      <c r="C670" t="s">
        <v>3528</v>
      </c>
      <c r="D670">
        <v>27320628</v>
      </c>
      <c r="E670">
        <v>1</v>
      </c>
      <c r="F670">
        <v>2</v>
      </c>
      <c r="H670" t="s">
        <v>3529</v>
      </c>
      <c r="J670" t="s">
        <v>3530</v>
      </c>
      <c r="O670">
        <v>1324963</v>
      </c>
      <c r="P670">
        <v>1</v>
      </c>
      <c r="Q670">
        <v>0</v>
      </c>
      <c r="R670" t="s">
        <v>3531</v>
      </c>
      <c r="S670">
        <v>15</v>
      </c>
    </row>
    <row r="671" spans="1:19" x14ac:dyDescent="0.25">
      <c r="A671">
        <v>40681548</v>
      </c>
      <c r="B671" t="s">
        <v>3532</v>
      </c>
      <c r="C671" s="1" t="s">
        <v>3533</v>
      </c>
      <c r="D671">
        <v>40757655</v>
      </c>
      <c r="E671">
        <v>1</v>
      </c>
      <c r="F671">
        <v>4</v>
      </c>
      <c r="H671" t="s">
        <v>3534</v>
      </c>
      <c r="I671">
        <v>1</v>
      </c>
      <c r="J671" t="s">
        <v>3535</v>
      </c>
      <c r="K671" t="s">
        <v>3536</v>
      </c>
      <c r="M671">
        <v>3999893</v>
      </c>
      <c r="O671">
        <v>3999893</v>
      </c>
      <c r="P671">
        <v>1</v>
      </c>
      <c r="Q671">
        <v>0</v>
      </c>
      <c r="R671" t="s">
        <v>3537</v>
      </c>
      <c r="S671">
        <v>1464</v>
      </c>
    </row>
    <row r="672" spans="1:19" x14ac:dyDescent="0.25">
      <c r="A672">
        <v>41797887</v>
      </c>
      <c r="B672" t="s">
        <v>3538</v>
      </c>
      <c r="C672" s="1" t="s">
        <v>3539</v>
      </c>
      <c r="E672">
        <v>2</v>
      </c>
      <c r="F672">
        <v>0</v>
      </c>
      <c r="H672" t="s">
        <v>3540</v>
      </c>
      <c r="J672" t="s">
        <v>3541</v>
      </c>
      <c r="O672">
        <v>7455319</v>
      </c>
      <c r="P672">
        <v>1</v>
      </c>
      <c r="Q672">
        <v>0</v>
      </c>
      <c r="R672" t="s">
        <v>3542</v>
      </c>
      <c r="S672">
        <v>72</v>
      </c>
    </row>
    <row r="673" spans="1:19" x14ac:dyDescent="0.25">
      <c r="A673">
        <v>12754702</v>
      </c>
      <c r="B673" t="s">
        <v>3543</v>
      </c>
      <c r="C673" s="1" t="s">
        <v>3544</v>
      </c>
      <c r="D673">
        <v>12754788</v>
      </c>
      <c r="E673">
        <v>1</v>
      </c>
      <c r="F673">
        <v>0</v>
      </c>
      <c r="H673" t="s">
        <v>3545</v>
      </c>
      <c r="J673" t="s">
        <v>3546</v>
      </c>
      <c r="O673">
        <v>178910</v>
      </c>
      <c r="P673">
        <v>1</v>
      </c>
      <c r="Q673">
        <v>1</v>
      </c>
      <c r="R673" t="s">
        <v>3547</v>
      </c>
      <c r="S673">
        <v>616</v>
      </c>
    </row>
    <row r="674" spans="1:19" x14ac:dyDescent="0.25">
      <c r="A674">
        <v>48729591</v>
      </c>
      <c r="B674" t="s">
        <v>3548</v>
      </c>
      <c r="C674" s="1" t="s">
        <v>3549</v>
      </c>
      <c r="E674">
        <v>0</v>
      </c>
      <c r="F674">
        <v>1</v>
      </c>
      <c r="H674" t="s">
        <v>3550</v>
      </c>
      <c r="J674" t="s">
        <v>3551</v>
      </c>
      <c r="O674">
        <v>8456725</v>
      </c>
      <c r="P674">
        <v>1</v>
      </c>
      <c r="Q674">
        <v>2</v>
      </c>
      <c r="R674" t="s">
        <v>3552</v>
      </c>
      <c r="S674">
        <v>119</v>
      </c>
    </row>
    <row r="675" spans="1:19" x14ac:dyDescent="0.25">
      <c r="A675">
        <v>12719678</v>
      </c>
      <c r="B675" t="s">
        <v>3553</v>
      </c>
      <c r="C675" s="1" t="s">
        <v>3554</v>
      </c>
      <c r="D675">
        <v>12782160</v>
      </c>
      <c r="E675">
        <v>1</v>
      </c>
      <c r="F675">
        <v>0</v>
      </c>
      <c r="H675" t="s">
        <v>3555</v>
      </c>
      <c r="J675" t="s">
        <v>3556</v>
      </c>
      <c r="O675">
        <v>510558</v>
      </c>
      <c r="P675">
        <v>1</v>
      </c>
      <c r="Q675">
        <v>0</v>
      </c>
      <c r="R675" t="s">
        <v>3557</v>
      </c>
      <c r="S675">
        <v>1050</v>
      </c>
    </row>
    <row r="676" spans="1:19" x14ac:dyDescent="0.25">
      <c r="A676">
        <v>13439401</v>
      </c>
      <c r="B676" t="s">
        <v>3558</v>
      </c>
      <c r="C676" s="1" t="s">
        <v>3559</v>
      </c>
      <c r="D676">
        <v>13442036</v>
      </c>
      <c r="E676">
        <v>2</v>
      </c>
      <c r="F676">
        <v>6</v>
      </c>
      <c r="H676" t="s">
        <v>3560</v>
      </c>
      <c r="I676">
        <v>1</v>
      </c>
      <c r="J676" t="s">
        <v>3561</v>
      </c>
      <c r="K676" t="s">
        <v>3562</v>
      </c>
      <c r="M676">
        <v>365496</v>
      </c>
      <c r="O676">
        <v>812178</v>
      </c>
      <c r="P676">
        <v>1</v>
      </c>
      <c r="Q676">
        <v>15</v>
      </c>
      <c r="R676" t="s">
        <v>3563</v>
      </c>
      <c r="S676">
        <v>1909</v>
      </c>
    </row>
    <row r="677" spans="1:19" x14ac:dyDescent="0.25">
      <c r="A677">
        <v>18856204</v>
      </c>
      <c r="B677" t="s">
        <v>3564</v>
      </c>
      <c r="C677" t="s">
        <v>3565</v>
      </c>
      <c r="D677">
        <v>21789248</v>
      </c>
      <c r="E677">
        <v>8</v>
      </c>
      <c r="F677">
        <v>2</v>
      </c>
      <c r="H677" t="s">
        <v>3566</v>
      </c>
      <c r="I677">
        <v>9</v>
      </c>
      <c r="J677" t="s">
        <v>3567</v>
      </c>
      <c r="K677" t="s">
        <v>3568</v>
      </c>
      <c r="M677">
        <v>5175709</v>
      </c>
      <c r="O677">
        <v>1250940</v>
      </c>
      <c r="P677">
        <v>1</v>
      </c>
      <c r="Q677">
        <v>21</v>
      </c>
      <c r="R677" t="s">
        <v>3569</v>
      </c>
      <c r="S677">
        <v>36012</v>
      </c>
    </row>
    <row r="678" spans="1:19" x14ac:dyDescent="0.25">
      <c r="A678">
        <v>53183320</v>
      </c>
      <c r="B678" t="s">
        <v>3570</v>
      </c>
      <c r="C678" s="1" t="s">
        <v>3571</v>
      </c>
      <c r="D678">
        <v>53183416</v>
      </c>
      <c r="E678">
        <v>1</v>
      </c>
      <c r="F678">
        <v>1</v>
      </c>
      <c r="H678" t="s">
        <v>3572</v>
      </c>
      <c r="J678" t="s">
        <v>3573</v>
      </c>
      <c r="O678">
        <v>10068195</v>
      </c>
      <c r="P678">
        <v>1</v>
      </c>
      <c r="Q678">
        <v>0</v>
      </c>
      <c r="R678" t="s">
        <v>3574</v>
      </c>
      <c r="S678">
        <v>37</v>
      </c>
    </row>
    <row r="679" spans="1:19" x14ac:dyDescent="0.25">
      <c r="A679">
        <v>18638166</v>
      </c>
      <c r="B679" t="s">
        <v>3575</v>
      </c>
      <c r="C679" s="1" t="s">
        <v>3576</v>
      </c>
      <c r="E679">
        <v>3</v>
      </c>
      <c r="F679">
        <v>3</v>
      </c>
      <c r="H679" t="s">
        <v>3577</v>
      </c>
      <c r="J679" t="s">
        <v>3578</v>
      </c>
      <c r="O679">
        <v>2119035</v>
      </c>
      <c r="P679">
        <v>1</v>
      </c>
      <c r="Q679">
        <v>0</v>
      </c>
      <c r="R679" t="s">
        <v>3579</v>
      </c>
      <c r="S679">
        <v>2085</v>
      </c>
    </row>
    <row r="680" spans="1:19" x14ac:dyDescent="0.25">
      <c r="A680">
        <v>46432964</v>
      </c>
      <c r="B680" t="s">
        <v>3580</v>
      </c>
      <c r="C680" s="1" t="s">
        <v>3581</v>
      </c>
      <c r="E680">
        <v>1</v>
      </c>
      <c r="F680">
        <v>0</v>
      </c>
      <c r="H680" t="s">
        <v>3582</v>
      </c>
      <c r="J680" t="s">
        <v>3583</v>
      </c>
      <c r="O680">
        <v>1703854</v>
      </c>
      <c r="P680">
        <v>1</v>
      </c>
      <c r="Q680">
        <v>0</v>
      </c>
      <c r="R680" t="s">
        <v>3584</v>
      </c>
      <c r="S680">
        <v>102</v>
      </c>
    </row>
    <row r="681" spans="1:19" x14ac:dyDescent="0.25">
      <c r="A681">
        <v>39632188</v>
      </c>
      <c r="B681" t="s">
        <v>3585</v>
      </c>
      <c r="C681" s="1" t="s">
        <v>3586</v>
      </c>
      <c r="E681">
        <v>0</v>
      </c>
      <c r="F681">
        <v>4</v>
      </c>
      <c r="H681" t="s">
        <v>3587</v>
      </c>
      <c r="J681" t="s">
        <v>3588</v>
      </c>
      <c r="K681" t="s">
        <v>3588</v>
      </c>
      <c r="M681">
        <v>841721</v>
      </c>
      <c r="O681">
        <v>841721</v>
      </c>
      <c r="P681">
        <v>1</v>
      </c>
      <c r="Q681">
        <v>0</v>
      </c>
      <c r="R681" t="s">
        <v>649</v>
      </c>
      <c r="S681">
        <v>113</v>
      </c>
    </row>
    <row r="682" spans="1:19" x14ac:dyDescent="0.25">
      <c r="A682">
        <v>27042551</v>
      </c>
      <c r="B682" t="s">
        <v>3589</v>
      </c>
      <c r="C682" s="1" t="s">
        <v>3590</v>
      </c>
      <c r="E682">
        <v>2</v>
      </c>
      <c r="F682">
        <v>0</v>
      </c>
      <c r="H682" t="s">
        <v>3591</v>
      </c>
      <c r="J682" t="s">
        <v>3592</v>
      </c>
      <c r="K682" t="s">
        <v>3592</v>
      </c>
      <c r="M682">
        <v>3834042</v>
      </c>
      <c r="O682">
        <v>4273552</v>
      </c>
      <c r="P682">
        <v>1</v>
      </c>
      <c r="Q682">
        <v>0</v>
      </c>
      <c r="R682" t="s">
        <v>3593</v>
      </c>
      <c r="S682">
        <v>126</v>
      </c>
    </row>
    <row r="683" spans="1:19" x14ac:dyDescent="0.25">
      <c r="A683">
        <v>11068986</v>
      </c>
      <c r="B683" t="s">
        <v>3594</v>
      </c>
      <c r="C683" s="1" t="s">
        <v>3595</v>
      </c>
      <c r="E683">
        <v>4</v>
      </c>
      <c r="F683">
        <v>6</v>
      </c>
      <c r="H683" t="s">
        <v>3596</v>
      </c>
      <c r="I683">
        <v>2</v>
      </c>
      <c r="J683" t="s">
        <v>3597</v>
      </c>
      <c r="K683" t="s">
        <v>3598</v>
      </c>
      <c r="M683">
        <v>1325302</v>
      </c>
      <c r="O683">
        <v>1325302</v>
      </c>
      <c r="P683">
        <v>1</v>
      </c>
      <c r="Q683">
        <v>19</v>
      </c>
      <c r="R683" t="s">
        <v>213</v>
      </c>
      <c r="S683">
        <v>17457</v>
      </c>
    </row>
    <row r="684" spans="1:19" x14ac:dyDescent="0.25">
      <c r="A684">
        <v>52157641</v>
      </c>
      <c r="B684" t="s">
        <v>3599</v>
      </c>
      <c r="C684" s="1" t="s">
        <v>3600</v>
      </c>
      <c r="D684">
        <v>52158057</v>
      </c>
      <c r="E684">
        <v>2</v>
      </c>
      <c r="F684">
        <v>0</v>
      </c>
      <c r="H684" t="s">
        <v>3601</v>
      </c>
      <c r="J684" t="s">
        <v>3602</v>
      </c>
      <c r="O684">
        <v>8209083</v>
      </c>
      <c r="P684">
        <v>1</v>
      </c>
      <c r="Q684">
        <v>0</v>
      </c>
      <c r="R684" t="s">
        <v>759</v>
      </c>
      <c r="S684">
        <v>57</v>
      </c>
    </row>
    <row r="685" spans="1:19" x14ac:dyDescent="0.25">
      <c r="A685">
        <v>1465226</v>
      </c>
      <c r="B685" t="s">
        <v>3603</v>
      </c>
      <c r="C685" s="1" t="s">
        <v>3604</v>
      </c>
      <c r="D685">
        <v>1465243</v>
      </c>
      <c r="E685">
        <v>1</v>
      </c>
      <c r="F685">
        <v>0</v>
      </c>
      <c r="H685" t="s">
        <v>3605</v>
      </c>
      <c r="J685" t="s">
        <v>3606</v>
      </c>
      <c r="O685">
        <v>17469</v>
      </c>
      <c r="P685">
        <v>1</v>
      </c>
      <c r="Q685">
        <v>0</v>
      </c>
      <c r="R685" t="s">
        <v>3607</v>
      </c>
      <c r="S685">
        <v>409</v>
      </c>
    </row>
    <row r="686" spans="1:19" x14ac:dyDescent="0.25">
      <c r="A686">
        <v>35790622</v>
      </c>
      <c r="B686" t="s">
        <v>3608</v>
      </c>
      <c r="C686" s="1" t="s">
        <v>3609</v>
      </c>
      <c r="E686">
        <v>0</v>
      </c>
      <c r="F686">
        <v>4</v>
      </c>
      <c r="H686" t="s">
        <v>3610</v>
      </c>
      <c r="J686" t="s">
        <v>3611</v>
      </c>
      <c r="O686">
        <v>2031627</v>
      </c>
      <c r="P686">
        <v>1</v>
      </c>
      <c r="Q686">
        <v>0</v>
      </c>
      <c r="R686" t="s">
        <v>2771</v>
      </c>
      <c r="S686">
        <v>26</v>
      </c>
    </row>
    <row r="687" spans="1:19" x14ac:dyDescent="0.25">
      <c r="A687">
        <v>52002859</v>
      </c>
      <c r="B687" t="s">
        <v>3612</v>
      </c>
      <c r="C687" s="1" t="s">
        <v>3613</v>
      </c>
      <c r="E687">
        <v>1</v>
      </c>
      <c r="F687">
        <v>4</v>
      </c>
      <c r="H687" t="s">
        <v>3614</v>
      </c>
      <c r="J687" t="s">
        <v>3615</v>
      </c>
      <c r="K687" t="s">
        <v>3616</v>
      </c>
      <c r="M687">
        <v>9968897</v>
      </c>
      <c r="O687">
        <v>9968897</v>
      </c>
      <c r="P687">
        <v>1</v>
      </c>
      <c r="Q687">
        <v>-1</v>
      </c>
      <c r="R687" t="s">
        <v>649</v>
      </c>
      <c r="S687">
        <v>37</v>
      </c>
    </row>
    <row r="688" spans="1:19" x14ac:dyDescent="0.25">
      <c r="A688">
        <v>5642946</v>
      </c>
      <c r="B688" t="s">
        <v>3617</v>
      </c>
      <c r="C688" t="s">
        <v>3618</v>
      </c>
      <c r="D688">
        <v>6054268</v>
      </c>
      <c r="E688">
        <v>6</v>
      </c>
      <c r="F688">
        <v>9</v>
      </c>
      <c r="H688" t="s">
        <v>3619</v>
      </c>
      <c r="I688">
        <v>2</v>
      </c>
      <c r="J688" t="s">
        <v>3620</v>
      </c>
      <c r="O688">
        <v>64376</v>
      </c>
      <c r="P688">
        <v>1</v>
      </c>
      <c r="Q688">
        <v>13</v>
      </c>
      <c r="R688" t="s">
        <v>3621</v>
      </c>
      <c r="S688">
        <v>3536</v>
      </c>
    </row>
    <row r="689" spans="1:19" x14ac:dyDescent="0.25">
      <c r="A689">
        <v>9811940</v>
      </c>
      <c r="B689" t="s">
        <v>3622</v>
      </c>
      <c r="C689" s="1" t="s">
        <v>3623</v>
      </c>
      <c r="D689">
        <v>9822555</v>
      </c>
      <c r="E689">
        <v>4</v>
      </c>
      <c r="F689">
        <v>4</v>
      </c>
      <c r="H689" t="s">
        <v>3624</v>
      </c>
      <c r="I689">
        <v>3</v>
      </c>
      <c r="J689" t="s">
        <v>3625</v>
      </c>
      <c r="K689" t="s">
        <v>3626</v>
      </c>
      <c r="M689">
        <v>89691</v>
      </c>
      <c r="O689">
        <v>89691</v>
      </c>
      <c r="P689">
        <v>1</v>
      </c>
      <c r="Q689">
        <v>7</v>
      </c>
      <c r="R689" t="s">
        <v>3627</v>
      </c>
      <c r="S689">
        <v>4651</v>
      </c>
    </row>
    <row r="690" spans="1:19" x14ac:dyDescent="0.25">
      <c r="A690">
        <v>20175392</v>
      </c>
      <c r="B690" t="s">
        <v>3628</v>
      </c>
      <c r="C690" s="1" t="s">
        <v>3629</v>
      </c>
      <c r="D690">
        <v>20176242</v>
      </c>
      <c r="E690">
        <v>1</v>
      </c>
      <c r="F690">
        <v>5</v>
      </c>
      <c r="H690" t="s">
        <v>3630</v>
      </c>
      <c r="J690" t="s">
        <v>3631</v>
      </c>
      <c r="K690" t="s">
        <v>3631</v>
      </c>
      <c r="M690">
        <v>2962427</v>
      </c>
      <c r="O690">
        <v>2962427</v>
      </c>
      <c r="P690">
        <v>1</v>
      </c>
      <c r="Q690">
        <v>4</v>
      </c>
      <c r="R690" t="s">
        <v>3632</v>
      </c>
      <c r="S690">
        <v>1524</v>
      </c>
    </row>
    <row r="691" spans="1:19" x14ac:dyDescent="0.25">
      <c r="A691">
        <v>10704709</v>
      </c>
      <c r="B691" t="s">
        <v>3633</v>
      </c>
      <c r="C691" s="1" t="s">
        <v>3634</v>
      </c>
      <c r="E691">
        <v>1</v>
      </c>
      <c r="F691">
        <v>1</v>
      </c>
      <c r="H691" t="s">
        <v>3635</v>
      </c>
      <c r="J691" t="s">
        <v>3636</v>
      </c>
      <c r="O691">
        <v>913489</v>
      </c>
      <c r="P691">
        <v>1</v>
      </c>
      <c r="Q691">
        <v>1</v>
      </c>
      <c r="R691" t="s">
        <v>3637</v>
      </c>
      <c r="S691">
        <v>198</v>
      </c>
    </row>
    <row r="692" spans="1:19" x14ac:dyDescent="0.25">
      <c r="A692">
        <v>24595120</v>
      </c>
      <c r="B692" t="s">
        <v>3638</v>
      </c>
      <c r="C692" s="1" t="s">
        <v>3639</v>
      </c>
      <c r="D692">
        <v>24595136</v>
      </c>
      <c r="E692">
        <v>2</v>
      </c>
      <c r="F692">
        <v>2</v>
      </c>
      <c r="H692" t="s">
        <v>3640</v>
      </c>
      <c r="J692" t="s">
        <v>3641</v>
      </c>
      <c r="K692" t="s">
        <v>3642</v>
      </c>
      <c r="M692">
        <v>-1</v>
      </c>
      <c r="O692">
        <v>3586815</v>
      </c>
      <c r="P692">
        <v>1</v>
      </c>
      <c r="Q692">
        <v>-1</v>
      </c>
      <c r="R692" t="s">
        <v>3643</v>
      </c>
      <c r="S692">
        <v>73</v>
      </c>
    </row>
    <row r="693" spans="1:19" x14ac:dyDescent="0.25">
      <c r="A693">
        <v>46185167</v>
      </c>
      <c r="B693" t="s">
        <v>3644</v>
      </c>
      <c r="C693" s="1" t="s">
        <v>3645</v>
      </c>
      <c r="E693">
        <v>1</v>
      </c>
      <c r="F693">
        <v>3</v>
      </c>
      <c r="H693" t="s">
        <v>3646</v>
      </c>
      <c r="J693" t="s">
        <v>3647</v>
      </c>
      <c r="K693" t="s">
        <v>3647</v>
      </c>
      <c r="M693">
        <v>1004164</v>
      </c>
      <c r="O693">
        <v>8571449</v>
      </c>
      <c r="P693">
        <v>1</v>
      </c>
      <c r="Q693">
        <v>0</v>
      </c>
      <c r="R693" t="s">
        <v>3648</v>
      </c>
      <c r="S693">
        <v>210</v>
      </c>
    </row>
    <row r="694" spans="1:19" x14ac:dyDescent="0.25">
      <c r="A694">
        <v>11620852</v>
      </c>
      <c r="B694" t="s">
        <v>3649</v>
      </c>
      <c r="C694" s="1" t="s">
        <v>3650</v>
      </c>
      <c r="D694">
        <v>11625875</v>
      </c>
      <c r="E694">
        <v>2</v>
      </c>
      <c r="F694">
        <v>1</v>
      </c>
      <c r="H694" t="s">
        <v>3651</v>
      </c>
      <c r="J694" t="s">
        <v>3652</v>
      </c>
      <c r="N694" t="s">
        <v>3653</v>
      </c>
      <c r="P694">
        <v>1</v>
      </c>
      <c r="Q694">
        <v>1</v>
      </c>
      <c r="R694" t="s">
        <v>3654</v>
      </c>
      <c r="S694">
        <v>80</v>
      </c>
    </row>
    <row r="695" spans="1:19" x14ac:dyDescent="0.25">
      <c r="A695">
        <v>38550656</v>
      </c>
      <c r="B695" t="s">
        <v>3655</v>
      </c>
      <c r="C695" t="s">
        <v>3656</v>
      </c>
      <c r="D695">
        <v>38552358</v>
      </c>
      <c r="E695">
        <v>2</v>
      </c>
      <c r="F695">
        <v>5</v>
      </c>
      <c r="H695" t="s">
        <v>3657</v>
      </c>
      <c r="J695" t="s">
        <v>3658</v>
      </c>
      <c r="O695">
        <v>4241959</v>
      </c>
      <c r="P695">
        <v>1</v>
      </c>
      <c r="Q695">
        <v>-1</v>
      </c>
      <c r="R695" t="s">
        <v>3659</v>
      </c>
      <c r="S695">
        <v>544</v>
      </c>
    </row>
    <row r="696" spans="1:19" x14ac:dyDescent="0.25">
      <c r="A696">
        <v>47740809</v>
      </c>
      <c r="B696" t="s">
        <v>3660</v>
      </c>
      <c r="C696" s="1" t="s">
        <v>3661</v>
      </c>
      <c r="E696">
        <v>1</v>
      </c>
      <c r="F696">
        <v>0</v>
      </c>
      <c r="H696" t="s">
        <v>3662</v>
      </c>
      <c r="J696" t="s">
        <v>3663</v>
      </c>
      <c r="O696">
        <v>7048613</v>
      </c>
      <c r="P696">
        <v>1</v>
      </c>
      <c r="Q696">
        <v>-1</v>
      </c>
      <c r="R696" t="s">
        <v>3664</v>
      </c>
      <c r="S696">
        <v>109</v>
      </c>
    </row>
    <row r="697" spans="1:19" x14ac:dyDescent="0.25">
      <c r="A697">
        <v>45226314</v>
      </c>
      <c r="B697" t="s">
        <v>3665</v>
      </c>
      <c r="C697" s="1" t="s">
        <v>3666</v>
      </c>
      <c r="E697">
        <v>0</v>
      </c>
      <c r="F697">
        <v>2</v>
      </c>
      <c r="H697" t="s">
        <v>3667</v>
      </c>
      <c r="J697" t="s">
        <v>3667</v>
      </c>
      <c r="O697">
        <v>8111265</v>
      </c>
      <c r="P697">
        <v>1</v>
      </c>
      <c r="Q697">
        <v>2</v>
      </c>
      <c r="R697" t="s">
        <v>3668</v>
      </c>
      <c r="S697">
        <v>32</v>
      </c>
    </row>
    <row r="698" spans="1:19" x14ac:dyDescent="0.25">
      <c r="A698">
        <v>50164435</v>
      </c>
      <c r="B698" t="s">
        <v>3669</v>
      </c>
      <c r="C698" s="1" t="s">
        <v>3670</v>
      </c>
      <c r="D698">
        <v>50164468</v>
      </c>
      <c r="E698">
        <v>2</v>
      </c>
      <c r="F698">
        <v>0</v>
      </c>
      <c r="H698" t="s">
        <v>3671</v>
      </c>
      <c r="J698" t="s">
        <v>3672</v>
      </c>
      <c r="K698" t="s">
        <v>3672</v>
      </c>
      <c r="M698">
        <v>202229</v>
      </c>
      <c r="O698">
        <v>8823072</v>
      </c>
      <c r="P698">
        <v>1</v>
      </c>
      <c r="Q698">
        <v>0</v>
      </c>
      <c r="R698" t="s">
        <v>3673</v>
      </c>
      <c r="S698">
        <v>31</v>
      </c>
    </row>
    <row r="699" spans="1:19" x14ac:dyDescent="0.25">
      <c r="A699">
        <v>5657324</v>
      </c>
      <c r="B699" t="s">
        <v>3674</v>
      </c>
      <c r="C699" s="1" t="s">
        <v>3675</v>
      </c>
      <c r="D699">
        <v>5657419</v>
      </c>
      <c r="E699">
        <v>1</v>
      </c>
      <c r="F699">
        <v>0</v>
      </c>
      <c r="H699" t="s">
        <v>3676</v>
      </c>
      <c r="J699" t="s">
        <v>3677</v>
      </c>
      <c r="O699">
        <v>192910</v>
      </c>
      <c r="P699">
        <v>1</v>
      </c>
      <c r="Q699">
        <v>0</v>
      </c>
      <c r="R699" t="s">
        <v>3678</v>
      </c>
      <c r="S699">
        <v>320</v>
      </c>
    </row>
    <row r="700" spans="1:19" x14ac:dyDescent="0.25">
      <c r="A700">
        <v>22585314</v>
      </c>
      <c r="B700" t="s">
        <v>3679</v>
      </c>
      <c r="C700" s="1" t="s">
        <v>3680</v>
      </c>
      <c r="D700">
        <v>22605302</v>
      </c>
      <c r="E700">
        <v>1</v>
      </c>
      <c r="F700">
        <v>0</v>
      </c>
      <c r="H700" t="s">
        <v>3681</v>
      </c>
      <c r="J700" t="s">
        <v>3682</v>
      </c>
      <c r="K700" t="s">
        <v>3682</v>
      </c>
      <c r="M700">
        <v>472495</v>
      </c>
      <c r="O700">
        <v>504612</v>
      </c>
      <c r="P700">
        <v>1</v>
      </c>
      <c r="Q700">
        <v>0</v>
      </c>
      <c r="R700" t="s">
        <v>3683</v>
      </c>
      <c r="S700">
        <v>346</v>
      </c>
    </row>
    <row r="701" spans="1:19" x14ac:dyDescent="0.25">
      <c r="A701">
        <v>29947379</v>
      </c>
      <c r="B701" t="s">
        <v>3684</v>
      </c>
      <c r="C701" s="1" t="s">
        <v>3685</v>
      </c>
      <c r="E701">
        <v>4</v>
      </c>
      <c r="F701">
        <v>2</v>
      </c>
      <c r="H701" t="s">
        <v>3686</v>
      </c>
      <c r="J701" t="s">
        <v>3687</v>
      </c>
      <c r="K701" t="s">
        <v>3688</v>
      </c>
      <c r="M701">
        <v>1630446</v>
      </c>
      <c r="O701">
        <v>978151</v>
      </c>
      <c r="P701">
        <v>1</v>
      </c>
      <c r="Q701">
        <v>1</v>
      </c>
      <c r="R701" t="s">
        <v>819</v>
      </c>
      <c r="S701">
        <v>50</v>
      </c>
    </row>
    <row r="702" spans="1:19" x14ac:dyDescent="0.25">
      <c r="A702">
        <v>46121480</v>
      </c>
      <c r="B702" t="s">
        <v>3689</v>
      </c>
      <c r="C702" s="1" t="s">
        <v>3690</v>
      </c>
      <c r="D702">
        <v>46125257</v>
      </c>
      <c r="E702">
        <v>1</v>
      </c>
      <c r="F702">
        <v>2</v>
      </c>
      <c r="H702" t="s">
        <v>3691</v>
      </c>
      <c r="I702">
        <v>1</v>
      </c>
      <c r="J702" t="s">
        <v>3692</v>
      </c>
      <c r="K702" t="s">
        <v>3693</v>
      </c>
      <c r="M702">
        <v>3730754</v>
      </c>
      <c r="O702">
        <v>4481357</v>
      </c>
      <c r="P702">
        <v>1</v>
      </c>
      <c r="Q702">
        <v>2</v>
      </c>
      <c r="R702" t="s">
        <v>3694</v>
      </c>
      <c r="S702">
        <v>629</v>
      </c>
    </row>
    <row r="703" spans="1:19" x14ac:dyDescent="0.25">
      <c r="A703">
        <v>41813371</v>
      </c>
      <c r="B703" t="s">
        <v>3695</v>
      </c>
      <c r="C703" s="1" t="s">
        <v>3696</v>
      </c>
      <c r="E703">
        <v>0</v>
      </c>
      <c r="F703">
        <v>7</v>
      </c>
      <c r="H703" t="s">
        <v>3697</v>
      </c>
      <c r="J703" t="s">
        <v>3698</v>
      </c>
      <c r="K703" t="s">
        <v>3698</v>
      </c>
      <c r="M703">
        <v>4370109</v>
      </c>
      <c r="O703">
        <v>6719196</v>
      </c>
      <c r="P703">
        <v>1</v>
      </c>
      <c r="Q703">
        <v>0</v>
      </c>
      <c r="R703" t="s">
        <v>3699</v>
      </c>
      <c r="S703">
        <v>142</v>
      </c>
    </row>
    <row r="704" spans="1:19" x14ac:dyDescent="0.25">
      <c r="A704">
        <v>46019413</v>
      </c>
      <c r="B704" t="s">
        <v>3700</v>
      </c>
      <c r="C704" s="1" t="s">
        <v>3701</v>
      </c>
      <c r="D704">
        <v>46029585</v>
      </c>
      <c r="E704">
        <v>1</v>
      </c>
      <c r="F704">
        <v>6</v>
      </c>
      <c r="H704" t="s">
        <v>3702</v>
      </c>
      <c r="J704" t="s">
        <v>3703</v>
      </c>
      <c r="K704" t="s">
        <v>3704</v>
      </c>
      <c r="M704">
        <v>5653141</v>
      </c>
      <c r="O704">
        <v>5653141</v>
      </c>
      <c r="P704">
        <v>1</v>
      </c>
      <c r="Q704">
        <v>-1</v>
      </c>
      <c r="R704" t="s">
        <v>3705</v>
      </c>
      <c r="S704">
        <v>75</v>
      </c>
    </row>
    <row r="705" spans="1:19" x14ac:dyDescent="0.25">
      <c r="A705">
        <v>13508510</v>
      </c>
      <c r="B705" t="s">
        <v>3706</v>
      </c>
      <c r="C705" s="1" t="s">
        <v>3707</v>
      </c>
      <c r="D705">
        <v>13508770</v>
      </c>
      <c r="E705">
        <v>4</v>
      </c>
      <c r="F705">
        <v>6</v>
      </c>
      <c r="H705" t="s">
        <v>3708</v>
      </c>
      <c r="J705" t="s">
        <v>3709</v>
      </c>
      <c r="K705" t="s">
        <v>3710</v>
      </c>
      <c r="M705">
        <v>1714907</v>
      </c>
      <c r="O705">
        <v>1736231</v>
      </c>
      <c r="P705">
        <v>1</v>
      </c>
      <c r="Q705">
        <v>6</v>
      </c>
      <c r="R705" t="s">
        <v>3711</v>
      </c>
      <c r="S705">
        <v>468</v>
      </c>
    </row>
    <row r="706" spans="1:19" x14ac:dyDescent="0.25">
      <c r="A706">
        <v>23523083</v>
      </c>
      <c r="B706" t="s">
        <v>3712</v>
      </c>
      <c r="C706" s="1" t="s">
        <v>3713</v>
      </c>
      <c r="E706">
        <v>0</v>
      </c>
      <c r="F706">
        <v>4</v>
      </c>
      <c r="H706" t="s">
        <v>3714</v>
      </c>
      <c r="I706">
        <v>1</v>
      </c>
      <c r="J706" t="s">
        <v>3715</v>
      </c>
      <c r="K706" t="s">
        <v>3715</v>
      </c>
      <c r="M706">
        <v>727208</v>
      </c>
      <c r="O706">
        <v>1463725</v>
      </c>
      <c r="P706">
        <v>1</v>
      </c>
      <c r="Q706">
        <v>1</v>
      </c>
      <c r="R706" t="s">
        <v>3716</v>
      </c>
      <c r="S706">
        <v>94</v>
      </c>
    </row>
    <row r="707" spans="1:19" x14ac:dyDescent="0.25">
      <c r="A707">
        <v>3818258</v>
      </c>
      <c r="B707" t="s">
        <v>3717</v>
      </c>
      <c r="C707" s="1" t="s">
        <v>3718</v>
      </c>
      <c r="D707">
        <v>5176980</v>
      </c>
      <c r="E707">
        <v>2</v>
      </c>
      <c r="F707">
        <v>0</v>
      </c>
      <c r="H707" t="s">
        <v>3719</v>
      </c>
      <c r="J707" t="s">
        <v>3720</v>
      </c>
      <c r="O707">
        <v>218340</v>
      </c>
      <c r="P707">
        <v>1</v>
      </c>
      <c r="Q707">
        <v>0</v>
      </c>
      <c r="R707" t="s">
        <v>3721</v>
      </c>
      <c r="S707">
        <v>873</v>
      </c>
    </row>
    <row r="708" spans="1:19" x14ac:dyDescent="0.25">
      <c r="A708">
        <v>29622061</v>
      </c>
      <c r="B708" t="s">
        <v>3722</v>
      </c>
      <c r="C708" s="1" t="s">
        <v>3723</v>
      </c>
      <c r="D708">
        <v>29622142</v>
      </c>
      <c r="E708">
        <v>1</v>
      </c>
      <c r="F708">
        <v>0</v>
      </c>
      <c r="H708" t="s">
        <v>3724</v>
      </c>
      <c r="J708" t="s">
        <v>3725</v>
      </c>
      <c r="K708" t="s">
        <v>3726</v>
      </c>
      <c r="M708">
        <v>1386966</v>
      </c>
      <c r="O708">
        <v>1386966</v>
      </c>
      <c r="P708">
        <v>1</v>
      </c>
      <c r="Q708">
        <v>0</v>
      </c>
      <c r="R708" t="s">
        <v>3727</v>
      </c>
      <c r="S708">
        <v>1182</v>
      </c>
    </row>
    <row r="709" spans="1:19" x14ac:dyDescent="0.25">
      <c r="A709">
        <v>1846034</v>
      </c>
      <c r="B709" t="s">
        <v>3728</v>
      </c>
      <c r="C709" s="1" t="s">
        <v>3729</v>
      </c>
      <c r="E709">
        <v>7</v>
      </c>
      <c r="F709">
        <v>0</v>
      </c>
      <c r="H709" t="s">
        <v>3730</v>
      </c>
      <c r="I709">
        <v>2</v>
      </c>
      <c r="J709" t="s">
        <v>3731</v>
      </c>
      <c r="K709" t="s">
        <v>3732</v>
      </c>
      <c r="M709">
        <v>112911</v>
      </c>
      <c r="O709">
        <v>112911</v>
      </c>
      <c r="P709">
        <v>1</v>
      </c>
      <c r="Q709">
        <v>5</v>
      </c>
      <c r="R709" t="s">
        <v>3733</v>
      </c>
      <c r="S709">
        <v>13975</v>
      </c>
    </row>
    <row r="710" spans="1:19" x14ac:dyDescent="0.25">
      <c r="A710">
        <v>13774284</v>
      </c>
      <c r="B710" t="s">
        <v>3734</v>
      </c>
      <c r="C710" s="1" t="s">
        <v>3735</v>
      </c>
      <c r="D710">
        <v>13775795</v>
      </c>
      <c r="E710">
        <v>3</v>
      </c>
      <c r="F710">
        <v>4</v>
      </c>
      <c r="H710" t="s">
        <v>3736</v>
      </c>
      <c r="J710" t="s">
        <v>3737</v>
      </c>
      <c r="K710" t="s">
        <v>3737</v>
      </c>
      <c r="M710">
        <v>32043</v>
      </c>
      <c r="O710">
        <v>1887077</v>
      </c>
      <c r="P710">
        <v>1</v>
      </c>
      <c r="Q710">
        <v>1</v>
      </c>
      <c r="R710" t="s">
        <v>3738</v>
      </c>
      <c r="S710">
        <v>330</v>
      </c>
    </row>
    <row r="711" spans="1:19" x14ac:dyDescent="0.25">
      <c r="A711">
        <v>2269831</v>
      </c>
      <c r="B711" t="s">
        <v>3739</v>
      </c>
      <c r="C711" s="1" t="s">
        <v>3740</v>
      </c>
      <c r="D711">
        <v>2270020</v>
      </c>
      <c r="E711">
        <v>2</v>
      </c>
      <c r="F711">
        <v>0</v>
      </c>
      <c r="H711" t="s">
        <v>3741</v>
      </c>
      <c r="J711" t="s">
        <v>3742</v>
      </c>
      <c r="K711" t="s">
        <v>3743</v>
      </c>
      <c r="M711">
        <v>104060</v>
      </c>
      <c r="O711">
        <v>104060</v>
      </c>
      <c r="P711">
        <v>1</v>
      </c>
      <c r="Q711">
        <v>0</v>
      </c>
      <c r="R711" t="s">
        <v>213</v>
      </c>
      <c r="S711">
        <v>438</v>
      </c>
    </row>
    <row r="712" spans="1:19" x14ac:dyDescent="0.25">
      <c r="A712">
        <v>29036725</v>
      </c>
      <c r="B712" t="s">
        <v>3744</v>
      </c>
      <c r="C712" s="1" t="s">
        <v>3745</v>
      </c>
      <c r="D712">
        <v>29038698</v>
      </c>
      <c r="E712">
        <v>2</v>
      </c>
      <c r="F712">
        <v>0</v>
      </c>
      <c r="H712" t="s">
        <v>3746</v>
      </c>
      <c r="I712">
        <v>1</v>
      </c>
      <c r="J712" t="s">
        <v>3747</v>
      </c>
      <c r="O712">
        <v>188740</v>
      </c>
      <c r="P712">
        <v>1</v>
      </c>
      <c r="Q712">
        <v>2</v>
      </c>
      <c r="R712" t="s">
        <v>3748</v>
      </c>
      <c r="S712">
        <v>3293</v>
      </c>
    </row>
    <row r="713" spans="1:19" x14ac:dyDescent="0.25">
      <c r="A713">
        <v>35900046</v>
      </c>
      <c r="B713" t="s">
        <v>3749</v>
      </c>
      <c r="C713" s="1" t="s">
        <v>3750</v>
      </c>
      <c r="D713">
        <v>35900535</v>
      </c>
      <c r="E713">
        <v>1</v>
      </c>
      <c r="F713">
        <v>0</v>
      </c>
      <c r="H713" t="s">
        <v>3751</v>
      </c>
      <c r="J713" t="s">
        <v>3752</v>
      </c>
      <c r="K713" t="s">
        <v>3753</v>
      </c>
      <c r="M713">
        <v>2649707</v>
      </c>
      <c r="O713">
        <v>2649707</v>
      </c>
      <c r="P713">
        <v>1</v>
      </c>
      <c r="Q713">
        <v>1</v>
      </c>
      <c r="R713" t="s">
        <v>3754</v>
      </c>
      <c r="S713">
        <v>253</v>
      </c>
    </row>
    <row r="714" spans="1:19" x14ac:dyDescent="0.25">
      <c r="A714">
        <v>28822936</v>
      </c>
      <c r="B714" t="s">
        <v>3755</v>
      </c>
      <c r="C714" s="1" t="s">
        <v>3756</v>
      </c>
      <c r="E714">
        <v>0</v>
      </c>
      <c r="F714">
        <v>3</v>
      </c>
      <c r="H714" t="s">
        <v>3757</v>
      </c>
      <c r="J714" t="s">
        <v>3757</v>
      </c>
      <c r="O714">
        <v>1155409</v>
      </c>
      <c r="P714">
        <v>1</v>
      </c>
      <c r="Q714">
        <v>0</v>
      </c>
      <c r="R714" t="s">
        <v>3758</v>
      </c>
      <c r="S714">
        <v>95</v>
      </c>
    </row>
    <row r="715" spans="1:19" x14ac:dyDescent="0.25">
      <c r="A715">
        <v>22331831</v>
      </c>
      <c r="B715" t="s">
        <v>3759</v>
      </c>
      <c r="C715" s="1" t="s">
        <v>3760</v>
      </c>
      <c r="E715">
        <v>1</v>
      </c>
      <c r="F715">
        <v>0</v>
      </c>
      <c r="H715" t="s">
        <v>3761</v>
      </c>
      <c r="J715" t="s">
        <v>3762</v>
      </c>
      <c r="K715" t="s">
        <v>3762</v>
      </c>
      <c r="M715">
        <v>13302</v>
      </c>
      <c r="O715">
        <v>2850179</v>
      </c>
      <c r="P715">
        <v>1</v>
      </c>
      <c r="Q715">
        <v>0</v>
      </c>
      <c r="R715" t="s">
        <v>3763</v>
      </c>
      <c r="S715">
        <v>420</v>
      </c>
    </row>
    <row r="716" spans="1:19" x14ac:dyDescent="0.25">
      <c r="A716">
        <v>30733870</v>
      </c>
      <c r="B716" t="s">
        <v>3764</v>
      </c>
      <c r="C716" t="s">
        <v>3765</v>
      </c>
      <c r="E716">
        <v>1</v>
      </c>
      <c r="F716">
        <v>1</v>
      </c>
      <c r="H716" t="s">
        <v>3766</v>
      </c>
      <c r="J716" t="s">
        <v>3767</v>
      </c>
      <c r="K716" t="s">
        <v>3767</v>
      </c>
      <c r="M716">
        <v>227619</v>
      </c>
      <c r="O716">
        <v>4788197</v>
      </c>
      <c r="P716">
        <v>1</v>
      </c>
      <c r="Q716">
        <v>0</v>
      </c>
      <c r="R716" t="s">
        <v>3768</v>
      </c>
      <c r="S716">
        <v>88</v>
      </c>
    </row>
    <row r="717" spans="1:19" x14ac:dyDescent="0.25">
      <c r="A717">
        <v>20365317</v>
      </c>
      <c r="B717" t="s">
        <v>3769</v>
      </c>
      <c r="C717" s="1" t="s">
        <v>3770</v>
      </c>
      <c r="E717">
        <v>1</v>
      </c>
      <c r="F717">
        <v>0</v>
      </c>
      <c r="H717" t="s">
        <v>3771</v>
      </c>
      <c r="J717" t="s">
        <v>3772</v>
      </c>
      <c r="O717">
        <v>945722</v>
      </c>
      <c r="P717">
        <v>1</v>
      </c>
      <c r="Q717">
        <v>0</v>
      </c>
      <c r="R717" t="s">
        <v>3773</v>
      </c>
      <c r="S717">
        <v>116</v>
      </c>
    </row>
    <row r="718" spans="1:19" x14ac:dyDescent="0.25">
      <c r="A718">
        <v>29113157</v>
      </c>
      <c r="B718" t="s">
        <v>3774</v>
      </c>
      <c r="C718" s="1" t="s">
        <v>3775</v>
      </c>
      <c r="E718">
        <v>2</v>
      </c>
      <c r="F718">
        <v>2</v>
      </c>
      <c r="H718" t="s">
        <v>3776</v>
      </c>
      <c r="J718" t="s">
        <v>3777</v>
      </c>
      <c r="O718">
        <v>2775299</v>
      </c>
      <c r="P718">
        <v>1</v>
      </c>
      <c r="Q718">
        <v>0</v>
      </c>
      <c r="R718" t="s">
        <v>3778</v>
      </c>
      <c r="S718">
        <v>830</v>
      </c>
    </row>
    <row r="719" spans="1:19" x14ac:dyDescent="0.25">
      <c r="A719">
        <v>42000532</v>
      </c>
      <c r="B719" t="s">
        <v>3779</v>
      </c>
      <c r="C719" s="1" t="s">
        <v>3780</v>
      </c>
      <c r="D719">
        <v>42042553</v>
      </c>
      <c r="E719">
        <v>1</v>
      </c>
      <c r="F719">
        <v>0</v>
      </c>
      <c r="H719" t="s">
        <v>3781</v>
      </c>
      <c r="J719" t="s">
        <v>3782</v>
      </c>
      <c r="K719" t="s">
        <v>3783</v>
      </c>
      <c r="M719">
        <v>4284627</v>
      </c>
      <c r="O719">
        <v>777287</v>
      </c>
      <c r="P719">
        <v>1</v>
      </c>
      <c r="Q719">
        <v>1</v>
      </c>
      <c r="R719" t="s">
        <v>3784</v>
      </c>
      <c r="S719">
        <v>52</v>
      </c>
    </row>
    <row r="720" spans="1:19" x14ac:dyDescent="0.25">
      <c r="A720">
        <v>22944114</v>
      </c>
      <c r="B720" t="s">
        <v>3785</v>
      </c>
      <c r="C720" s="1" t="s">
        <v>3786</v>
      </c>
      <c r="E720">
        <v>0</v>
      </c>
      <c r="F720">
        <v>1</v>
      </c>
      <c r="H720" t="s">
        <v>3787</v>
      </c>
      <c r="J720" t="s">
        <v>3787</v>
      </c>
      <c r="O720">
        <v>1991149</v>
      </c>
      <c r="P720">
        <v>1</v>
      </c>
      <c r="Q720">
        <v>1</v>
      </c>
      <c r="R720" t="s">
        <v>3788</v>
      </c>
      <c r="S720">
        <v>273</v>
      </c>
    </row>
    <row r="721" spans="1:19" x14ac:dyDescent="0.25">
      <c r="A721">
        <v>8342199</v>
      </c>
      <c r="B721" t="s">
        <v>3789</v>
      </c>
      <c r="C721" s="1" t="s">
        <v>3790</v>
      </c>
      <c r="D721">
        <v>8342211</v>
      </c>
      <c r="E721">
        <v>5</v>
      </c>
      <c r="F721">
        <v>1</v>
      </c>
      <c r="H721" t="s">
        <v>3791</v>
      </c>
      <c r="J721" t="s">
        <v>3792</v>
      </c>
      <c r="K721" t="s">
        <v>3792</v>
      </c>
      <c r="M721">
        <v>1011616</v>
      </c>
      <c r="O721">
        <v>907736</v>
      </c>
      <c r="P721">
        <v>1</v>
      </c>
      <c r="Q721">
        <v>1</v>
      </c>
      <c r="R721" t="s">
        <v>2494</v>
      </c>
      <c r="S721">
        <v>394</v>
      </c>
    </row>
    <row r="722" spans="1:19" x14ac:dyDescent="0.25">
      <c r="A722">
        <v>34164156</v>
      </c>
      <c r="B722" t="s">
        <v>3793</v>
      </c>
      <c r="C722" s="1" t="s">
        <v>3794</v>
      </c>
      <c r="E722">
        <v>0</v>
      </c>
      <c r="F722">
        <v>4</v>
      </c>
      <c r="H722" t="s">
        <v>3795</v>
      </c>
      <c r="J722" t="s">
        <v>3796</v>
      </c>
      <c r="K722" t="s">
        <v>3796</v>
      </c>
      <c r="M722">
        <v>5360144</v>
      </c>
      <c r="O722">
        <v>5360144</v>
      </c>
      <c r="P722">
        <v>1</v>
      </c>
      <c r="Q722">
        <v>0</v>
      </c>
      <c r="R722" t="s">
        <v>3797</v>
      </c>
      <c r="S722">
        <v>142</v>
      </c>
    </row>
    <row r="723" spans="1:19" x14ac:dyDescent="0.25">
      <c r="A723">
        <v>32193748</v>
      </c>
      <c r="B723" t="s">
        <v>3798</v>
      </c>
      <c r="C723" s="1" t="s">
        <v>3799</v>
      </c>
      <c r="D723">
        <v>32193785</v>
      </c>
      <c r="E723">
        <v>2</v>
      </c>
      <c r="F723">
        <v>1</v>
      </c>
      <c r="H723" t="s">
        <v>3800</v>
      </c>
      <c r="J723" t="s">
        <v>3801</v>
      </c>
      <c r="O723">
        <v>1293000</v>
      </c>
      <c r="P723">
        <v>1</v>
      </c>
      <c r="Q723">
        <v>0</v>
      </c>
      <c r="R723" t="s">
        <v>3802</v>
      </c>
      <c r="S723">
        <v>54</v>
      </c>
    </row>
    <row r="724" spans="1:19" x14ac:dyDescent="0.25">
      <c r="A724">
        <v>27140619</v>
      </c>
      <c r="B724" t="s">
        <v>3803</v>
      </c>
      <c r="C724" s="1" t="s">
        <v>3804</v>
      </c>
      <c r="E724">
        <v>0</v>
      </c>
      <c r="F724">
        <v>3</v>
      </c>
      <c r="H724" t="s">
        <v>3805</v>
      </c>
      <c r="J724" t="s">
        <v>3805</v>
      </c>
      <c r="O724">
        <v>2105488</v>
      </c>
      <c r="P724">
        <v>1</v>
      </c>
      <c r="Q724">
        <v>0</v>
      </c>
      <c r="R724" t="s">
        <v>3806</v>
      </c>
      <c r="S724">
        <v>399</v>
      </c>
    </row>
    <row r="725" spans="1:19" x14ac:dyDescent="0.25">
      <c r="A725">
        <v>4268815</v>
      </c>
      <c r="B725" t="s">
        <v>3807</v>
      </c>
      <c r="C725" s="1" t="s">
        <v>3808</v>
      </c>
      <c r="E725">
        <v>0</v>
      </c>
      <c r="F725">
        <v>7</v>
      </c>
      <c r="H725" t="s">
        <v>3809</v>
      </c>
      <c r="J725" t="s">
        <v>3810</v>
      </c>
      <c r="O725">
        <v>248665</v>
      </c>
      <c r="P725">
        <v>1</v>
      </c>
      <c r="Q725">
        <v>1</v>
      </c>
      <c r="R725" t="s">
        <v>3811</v>
      </c>
      <c r="S725">
        <v>2400</v>
      </c>
    </row>
    <row r="726" spans="1:19" x14ac:dyDescent="0.25">
      <c r="A726">
        <v>14115844</v>
      </c>
      <c r="B726" t="s">
        <v>3812</v>
      </c>
      <c r="C726" s="1" t="s">
        <v>3813</v>
      </c>
      <c r="D726">
        <v>14115859</v>
      </c>
      <c r="E726">
        <v>1</v>
      </c>
      <c r="F726">
        <v>2</v>
      </c>
      <c r="H726" t="s">
        <v>3814</v>
      </c>
      <c r="J726" t="s">
        <v>3815</v>
      </c>
      <c r="K726" t="s">
        <v>3815</v>
      </c>
      <c r="M726">
        <v>1941765</v>
      </c>
      <c r="O726">
        <v>1941765</v>
      </c>
      <c r="P726">
        <v>1</v>
      </c>
      <c r="Q726">
        <v>2</v>
      </c>
      <c r="R726" t="s">
        <v>3816</v>
      </c>
      <c r="S726">
        <v>49</v>
      </c>
    </row>
    <row r="727" spans="1:19" x14ac:dyDescent="0.25">
      <c r="A727">
        <v>20465557</v>
      </c>
      <c r="B727" t="s">
        <v>3817</v>
      </c>
      <c r="C727" s="1" t="s">
        <v>3818</v>
      </c>
      <c r="D727">
        <v>20465669</v>
      </c>
      <c r="E727">
        <v>3</v>
      </c>
      <c r="F727">
        <v>5</v>
      </c>
      <c r="H727" t="s">
        <v>3819</v>
      </c>
      <c r="J727" t="s">
        <v>3820</v>
      </c>
      <c r="O727">
        <v>3081903</v>
      </c>
      <c r="P727">
        <v>1</v>
      </c>
      <c r="Q727">
        <v>2</v>
      </c>
      <c r="R727" t="s">
        <v>3821</v>
      </c>
      <c r="S727">
        <v>207</v>
      </c>
    </row>
    <row r="728" spans="1:19" x14ac:dyDescent="0.25">
      <c r="A728">
        <v>23186581</v>
      </c>
      <c r="B728" t="s">
        <v>3822</v>
      </c>
      <c r="C728" s="1" t="s">
        <v>3823</v>
      </c>
      <c r="E728">
        <v>0</v>
      </c>
      <c r="F728">
        <v>10</v>
      </c>
      <c r="H728" t="s">
        <v>3824</v>
      </c>
      <c r="J728" t="s">
        <v>3825</v>
      </c>
      <c r="O728">
        <v>2924094</v>
      </c>
      <c r="P728">
        <v>1</v>
      </c>
      <c r="Q728">
        <v>0</v>
      </c>
      <c r="R728" t="s">
        <v>3826</v>
      </c>
      <c r="S728">
        <v>65</v>
      </c>
    </row>
    <row r="729" spans="1:19" x14ac:dyDescent="0.25">
      <c r="A729">
        <v>35080494</v>
      </c>
      <c r="B729" t="s">
        <v>3827</v>
      </c>
      <c r="C729" s="1" t="s">
        <v>3828</v>
      </c>
      <c r="D729">
        <v>35081710</v>
      </c>
      <c r="E729">
        <v>2</v>
      </c>
      <c r="F729">
        <v>0</v>
      </c>
      <c r="H729" t="s">
        <v>3829</v>
      </c>
      <c r="J729" t="s">
        <v>3830</v>
      </c>
      <c r="K729" t="s">
        <v>3831</v>
      </c>
      <c r="M729">
        <v>5840411</v>
      </c>
      <c r="O729">
        <v>5840411</v>
      </c>
      <c r="P729">
        <v>1</v>
      </c>
      <c r="Q729">
        <v>3</v>
      </c>
      <c r="R729" t="s">
        <v>3832</v>
      </c>
      <c r="S729">
        <v>132</v>
      </c>
    </row>
    <row r="730" spans="1:19" x14ac:dyDescent="0.25">
      <c r="A730">
        <v>44557697</v>
      </c>
      <c r="B730" t="s">
        <v>3833</v>
      </c>
      <c r="C730" s="1" t="s">
        <v>3834</v>
      </c>
      <c r="D730">
        <v>44576237</v>
      </c>
      <c r="E730">
        <v>1</v>
      </c>
      <c r="F730">
        <v>4</v>
      </c>
      <c r="H730" t="s">
        <v>3835</v>
      </c>
      <c r="I730">
        <v>2</v>
      </c>
      <c r="J730" t="s">
        <v>3836</v>
      </c>
      <c r="O730">
        <v>7718756</v>
      </c>
      <c r="P730">
        <v>1</v>
      </c>
      <c r="Q730">
        <v>3</v>
      </c>
      <c r="R730" t="s">
        <v>3837</v>
      </c>
      <c r="S730">
        <v>211</v>
      </c>
    </row>
    <row r="731" spans="1:19" x14ac:dyDescent="0.25">
      <c r="A731">
        <v>5753917</v>
      </c>
      <c r="B731" t="s">
        <v>3838</v>
      </c>
      <c r="C731" s="1" t="s">
        <v>3839</v>
      </c>
      <c r="D731">
        <v>5754164</v>
      </c>
      <c r="E731">
        <v>1</v>
      </c>
      <c r="F731">
        <v>7</v>
      </c>
      <c r="H731" t="s">
        <v>3840</v>
      </c>
      <c r="I731">
        <v>2</v>
      </c>
      <c r="J731" t="s">
        <v>3841</v>
      </c>
      <c r="O731">
        <v>563679</v>
      </c>
      <c r="P731">
        <v>1</v>
      </c>
      <c r="Q731">
        <v>3</v>
      </c>
      <c r="R731" t="s">
        <v>3842</v>
      </c>
      <c r="S731">
        <v>427</v>
      </c>
    </row>
    <row r="732" spans="1:19" x14ac:dyDescent="0.25">
      <c r="A732">
        <v>37860600</v>
      </c>
      <c r="B732" t="s">
        <v>3843</v>
      </c>
      <c r="C732" s="1" t="s">
        <v>3844</v>
      </c>
      <c r="E732">
        <v>3</v>
      </c>
      <c r="F732">
        <v>6</v>
      </c>
      <c r="H732" t="s">
        <v>3845</v>
      </c>
      <c r="I732">
        <v>1</v>
      </c>
      <c r="J732" t="s">
        <v>3846</v>
      </c>
      <c r="K732" t="s">
        <v>3846</v>
      </c>
      <c r="M732">
        <v>2339356</v>
      </c>
      <c r="O732">
        <v>2339356</v>
      </c>
      <c r="P732">
        <v>1</v>
      </c>
      <c r="Q732">
        <v>1</v>
      </c>
      <c r="R732" t="s">
        <v>3847</v>
      </c>
      <c r="S732">
        <v>539</v>
      </c>
    </row>
    <row r="733" spans="1:19" x14ac:dyDescent="0.25">
      <c r="A733">
        <v>25230457</v>
      </c>
      <c r="B733" t="s">
        <v>3848</v>
      </c>
      <c r="C733" s="1" t="s">
        <v>3849</v>
      </c>
      <c r="D733">
        <v>25230665</v>
      </c>
      <c r="E733">
        <v>2</v>
      </c>
      <c r="F733">
        <v>0</v>
      </c>
      <c r="H733" t="s">
        <v>3850</v>
      </c>
      <c r="J733" t="s">
        <v>3851</v>
      </c>
      <c r="O733">
        <v>2953469</v>
      </c>
      <c r="P733">
        <v>1</v>
      </c>
      <c r="Q733">
        <v>0</v>
      </c>
      <c r="R733" t="s">
        <v>3852</v>
      </c>
      <c r="S733">
        <v>75</v>
      </c>
    </row>
    <row r="734" spans="1:19" x14ac:dyDescent="0.25">
      <c r="A734">
        <v>23810847</v>
      </c>
      <c r="B734" t="s">
        <v>3853</v>
      </c>
      <c r="C734" s="1" t="s">
        <v>3854</v>
      </c>
      <c r="D734">
        <v>23817020</v>
      </c>
      <c r="E734">
        <v>1</v>
      </c>
      <c r="F734">
        <v>0</v>
      </c>
      <c r="H734" t="s">
        <v>3855</v>
      </c>
      <c r="J734" t="s">
        <v>3856</v>
      </c>
      <c r="K734" t="s">
        <v>3857</v>
      </c>
      <c r="M734">
        <v>1473751</v>
      </c>
      <c r="O734">
        <v>3665640</v>
      </c>
      <c r="P734">
        <v>1</v>
      </c>
      <c r="Q734">
        <v>0</v>
      </c>
      <c r="R734" t="s">
        <v>3858</v>
      </c>
      <c r="S734">
        <v>996</v>
      </c>
    </row>
    <row r="735" spans="1:19" x14ac:dyDescent="0.25">
      <c r="A735">
        <v>45827437</v>
      </c>
      <c r="B735" t="s">
        <v>3859</v>
      </c>
      <c r="C735" s="1" t="s">
        <v>3860</v>
      </c>
      <c r="E735">
        <v>0</v>
      </c>
      <c r="F735">
        <v>0</v>
      </c>
      <c r="H735" t="s">
        <v>3861</v>
      </c>
      <c r="I735">
        <v>3</v>
      </c>
      <c r="J735" t="s">
        <v>3861</v>
      </c>
      <c r="O735">
        <v>1525945</v>
      </c>
      <c r="P735">
        <v>1</v>
      </c>
      <c r="Q735">
        <v>1</v>
      </c>
      <c r="R735" t="s">
        <v>3862</v>
      </c>
      <c r="S735">
        <v>122</v>
      </c>
    </row>
    <row r="736" spans="1:19" x14ac:dyDescent="0.25">
      <c r="A736">
        <v>3209776</v>
      </c>
      <c r="B736" t="s">
        <v>3863</v>
      </c>
      <c r="C736" s="1" t="s">
        <v>3864</v>
      </c>
      <c r="E736">
        <v>1</v>
      </c>
      <c r="F736">
        <v>2</v>
      </c>
      <c r="H736" t="s">
        <v>3865</v>
      </c>
      <c r="J736" t="s">
        <v>3866</v>
      </c>
      <c r="O736">
        <v>371587</v>
      </c>
      <c r="P736">
        <v>1</v>
      </c>
      <c r="Q736">
        <v>2</v>
      </c>
      <c r="R736" t="s">
        <v>3867</v>
      </c>
      <c r="S736">
        <v>1641</v>
      </c>
    </row>
    <row r="737" spans="1:19" x14ac:dyDescent="0.25">
      <c r="A737">
        <v>26321932</v>
      </c>
      <c r="B737" t="s">
        <v>3868</v>
      </c>
      <c r="C737" s="1" t="s">
        <v>3869</v>
      </c>
      <c r="D737">
        <v>35959558</v>
      </c>
      <c r="E737">
        <v>2</v>
      </c>
      <c r="F737">
        <v>0</v>
      </c>
      <c r="H737" t="s">
        <v>3870</v>
      </c>
      <c r="I737">
        <v>1</v>
      </c>
      <c r="J737" t="s">
        <v>3871</v>
      </c>
      <c r="O737">
        <v>2204806</v>
      </c>
      <c r="P737">
        <v>1</v>
      </c>
      <c r="Q737">
        <v>2</v>
      </c>
      <c r="R737" t="s">
        <v>3872</v>
      </c>
      <c r="S737">
        <v>798</v>
      </c>
    </row>
    <row r="738" spans="1:19" x14ac:dyDescent="0.25">
      <c r="A738">
        <v>253468</v>
      </c>
      <c r="B738" t="s">
        <v>3873</v>
      </c>
      <c r="C738" s="1" t="s">
        <v>3874</v>
      </c>
      <c r="D738">
        <v>253504</v>
      </c>
      <c r="E738">
        <v>7</v>
      </c>
      <c r="F738">
        <v>0</v>
      </c>
      <c r="H738" t="s">
        <v>3875</v>
      </c>
      <c r="I738">
        <v>6</v>
      </c>
      <c r="J738" t="s">
        <v>3876</v>
      </c>
      <c r="K738" t="s">
        <v>3877</v>
      </c>
      <c r="L738" t="s">
        <v>3878</v>
      </c>
      <c r="M738">
        <v>-1</v>
      </c>
      <c r="N738" t="s">
        <v>3878</v>
      </c>
      <c r="O738">
        <v>20007</v>
      </c>
      <c r="P738">
        <v>1</v>
      </c>
      <c r="Q738">
        <v>18</v>
      </c>
      <c r="R738" t="s">
        <v>3879</v>
      </c>
      <c r="S738">
        <v>23785</v>
      </c>
    </row>
    <row r="739" spans="1:19" x14ac:dyDescent="0.25">
      <c r="A739">
        <v>30293737</v>
      </c>
      <c r="B739" t="s">
        <v>3880</v>
      </c>
      <c r="C739" s="1" t="s">
        <v>3881</v>
      </c>
      <c r="E739">
        <v>1</v>
      </c>
      <c r="F739">
        <v>0</v>
      </c>
      <c r="H739" t="s">
        <v>3882</v>
      </c>
      <c r="J739" t="s">
        <v>3883</v>
      </c>
      <c r="K739" t="s">
        <v>3883</v>
      </c>
      <c r="M739">
        <v>2338906</v>
      </c>
      <c r="O739">
        <v>4738175</v>
      </c>
      <c r="P739">
        <v>1</v>
      </c>
      <c r="Q739">
        <v>2</v>
      </c>
      <c r="R739" t="s">
        <v>2771</v>
      </c>
      <c r="S739">
        <v>368</v>
      </c>
    </row>
    <row r="740" spans="1:19" x14ac:dyDescent="0.25">
      <c r="A740">
        <v>33014214</v>
      </c>
      <c r="B740" t="s">
        <v>3884</v>
      </c>
      <c r="C740" s="1" t="s">
        <v>3885</v>
      </c>
      <c r="E740">
        <v>0</v>
      </c>
      <c r="F740">
        <v>2</v>
      </c>
      <c r="H740" t="s">
        <v>3886</v>
      </c>
      <c r="I740">
        <v>1</v>
      </c>
      <c r="J740" t="s">
        <v>3886</v>
      </c>
      <c r="O740">
        <v>695215</v>
      </c>
      <c r="P740">
        <v>1</v>
      </c>
      <c r="Q740">
        <v>0</v>
      </c>
      <c r="R740" t="s">
        <v>3887</v>
      </c>
      <c r="S740">
        <v>147</v>
      </c>
    </row>
    <row r="741" spans="1:19" x14ac:dyDescent="0.25">
      <c r="A741">
        <v>40566565</v>
      </c>
      <c r="B741" t="s">
        <v>3888</v>
      </c>
      <c r="C741" s="1" t="s">
        <v>3889</v>
      </c>
      <c r="E741">
        <v>2</v>
      </c>
      <c r="F741">
        <v>6</v>
      </c>
      <c r="H741" t="s">
        <v>3890</v>
      </c>
      <c r="J741" t="s">
        <v>3891</v>
      </c>
      <c r="K741" t="s">
        <v>3891</v>
      </c>
      <c r="M741">
        <v>3380868</v>
      </c>
      <c r="O741">
        <v>3380868</v>
      </c>
      <c r="P741">
        <v>1</v>
      </c>
      <c r="Q741">
        <v>0</v>
      </c>
      <c r="R741" t="s">
        <v>3892</v>
      </c>
      <c r="S741">
        <v>82</v>
      </c>
    </row>
    <row r="742" spans="1:19" x14ac:dyDescent="0.25">
      <c r="A742">
        <v>23470528</v>
      </c>
      <c r="B742" t="s">
        <v>3893</v>
      </c>
      <c r="C742" s="1" t="s">
        <v>3894</v>
      </c>
      <c r="E742">
        <v>0</v>
      </c>
      <c r="F742">
        <v>0</v>
      </c>
      <c r="H742" t="s">
        <v>3895</v>
      </c>
      <c r="J742" t="s">
        <v>3895</v>
      </c>
      <c r="O742">
        <v>3602801</v>
      </c>
      <c r="P742">
        <v>1</v>
      </c>
      <c r="Q742">
        <v>1</v>
      </c>
      <c r="R742" t="s">
        <v>3896</v>
      </c>
      <c r="S742">
        <v>366</v>
      </c>
    </row>
    <row r="743" spans="1:19" x14ac:dyDescent="0.25">
      <c r="A743">
        <v>3595033</v>
      </c>
      <c r="B743" t="s">
        <v>3897</v>
      </c>
      <c r="C743" t="s">
        <v>3898</v>
      </c>
      <c r="D743">
        <v>3595046</v>
      </c>
      <c r="E743">
        <v>1</v>
      </c>
      <c r="F743">
        <v>1</v>
      </c>
      <c r="H743" t="s">
        <v>3899</v>
      </c>
      <c r="J743" t="s">
        <v>3900</v>
      </c>
      <c r="O743">
        <v>146780</v>
      </c>
      <c r="P743">
        <v>1</v>
      </c>
      <c r="Q743">
        <v>1</v>
      </c>
      <c r="R743" t="s">
        <v>3901</v>
      </c>
      <c r="S743">
        <v>113</v>
      </c>
    </row>
    <row r="744" spans="1:19" x14ac:dyDescent="0.25">
      <c r="A744">
        <v>17196162</v>
      </c>
      <c r="B744" t="s">
        <v>3902</v>
      </c>
      <c r="C744" t="s">
        <v>3903</v>
      </c>
      <c r="E744">
        <v>1</v>
      </c>
      <c r="F744">
        <v>1</v>
      </c>
      <c r="H744" t="s">
        <v>3904</v>
      </c>
      <c r="J744" t="s">
        <v>3905</v>
      </c>
      <c r="K744" t="s">
        <v>3906</v>
      </c>
      <c r="M744">
        <v>1253312</v>
      </c>
      <c r="O744">
        <v>2501988</v>
      </c>
      <c r="P744">
        <v>1</v>
      </c>
      <c r="Q744">
        <v>1</v>
      </c>
      <c r="R744" t="s">
        <v>3907</v>
      </c>
      <c r="S744">
        <v>254</v>
      </c>
    </row>
    <row r="745" spans="1:19" x14ac:dyDescent="0.25">
      <c r="A745">
        <v>7573110</v>
      </c>
      <c r="B745" t="s">
        <v>3908</v>
      </c>
      <c r="C745" s="1" t="s">
        <v>3909</v>
      </c>
      <c r="D745">
        <v>7573258</v>
      </c>
      <c r="E745">
        <v>4</v>
      </c>
      <c r="F745">
        <v>1</v>
      </c>
      <c r="H745" t="s">
        <v>3910</v>
      </c>
      <c r="J745" t="s">
        <v>3911</v>
      </c>
      <c r="K745" t="s">
        <v>3911</v>
      </c>
      <c r="M745">
        <v>1000551</v>
      </c>
      <c r="O745">
        <v>615780</v>
      </c>
      <c r="P745">
        <v>1</v>
      </c>
      <c r="Q745">
        <v>1</v>
      </c>
      <c r="R745" t="s">
        <v>3912</v>
      </c>
      <c r="S745">
        <v>2993</v>
      </c>
    </row>
    <row r="746" spans="1:19" x14ac:dyDescent="0.25">
      <c r="A746">
        <v>17684041</v>
      </c>
      <c r="B746" t="s">
        <v>3913</v>
      </c>
      <c r="C746" s="1" t="s">
        <v>3914</v>
      </c>
      <c r="E746">
        <v>1</v>
      </c>
      <c r="F746">
        <v>0</v>
      </c>
      <c r="H746" t="s">
        <v>3915</v>
      </c>
      <c r="I746">
        <v>1</v>
      </c>
      <c r="J746" t="s">
        <v>3916</v>
      </c>
      <c r="O746">
        <v>2535783</v>
      </c>
      <c r="P746">
        <v>1</v>
      </c>
      <c r="Q746">
        <v>0</v>
      </c>
      <c r="R746" t="s">
        <v>3917</v>
      </c>
      <c r="S746">
        <v>671</v>
      </c>
    </row>
    <row r="747" spans="1:19" x14ac:dyDescent="0.25">
      <c r="A747">
        <v>9050579</v>
      </c>
      <c r="B747" t="s">
        <v>3918</v>
      </c>
      <c r="C747" s="1" t="s">
        <v>3919</v>
      </c>
      <c r="D747">
        <v>9051318</v>
      </c>
      <c r="E747">
        <v>2</v>
      </c>
      <c r="F747">
        <v>7</v>
      </c>
      <c r="H747" t="s">
        <v>3920</v>
      </c>
      <c r="J747" t="s">
        <v>3921</v>
      </c>
      <c r="O747">
        <v>1017310</v>
      </c>
      <c r="P747">
        <v>1</v>
      </c>
      <c r="Q747">
        <v>0</v>
      </c>
      <c r="R747" t="s">
        <v>3922</v>
      </c>
      <c r="S747">
        <v>240</v>
      </c>
    </row>
    <row r="748" spans="1:19" x14ac:dyDescent="0.25">
      <c r="A748">
        <v>49811842</v>
      </c>
      <c r="B748" t="s">
        <v>3923</v>
      </c>
      <c r="C748" s="1" t="s">
        <v>3924</v>
      </c>
      <c r="E748">
        <v>1</v>
      </c>
      <c r="F748">
        <v>5</v>
      </c>
      <c r="H748" t="s">
        <v>3925</v>
      </c>
      <c r="J748" t="s">
        <v>3926</v>
      </c>
      <c r="K748" t="s">
        <v>3926</v>
      </c>
      <c r="M748">
        <v>2980717</v>
      </c>
      <c r="O748">
        <v>9640223</v>
      </c>
      <c r="P748">
        <v>1</v>
      </c>
      <c r="Q748">
        <v>0</v>
      </c>
      <c r="R748" t="s">
        <v>3927</v>
      </c>
      <c r="S748">
        <v>36</v>
      </c>
    </row>
    <row r="749" spans="1:19" x14ac:dyDescent="0.25">
      <c r="A749">
        <v>39401144</v>
      </c>
      <c r="B749" t="s">
        <v>3928</v>
      </c>
      <c r="C749" s="1" t="s">
        <v>3929</v>
      </c>
      <c r="E749">
        <v>1</v>
      </c>
      <c r="F749">
        <v>4</v>
      </c>
      <c r="H749" t="s">
        <v>3930</v>
      </c>
      <c r="I749">
        <v>1</v>
      </c>
      <c r="J749" t="s">
        <v>3931</v>
      </c>
      <c r="O749">
        <v>1487781</v>
      </c>
      <c r="P749">
        <v>1</v>
      </c>
      <c r="Q749">
        <v>2</v>
      </c>
      <c r="R749" t="s">
        <v>3932</v>
      </c>
      <c r="S749">
        <v>945</v>
      </c>
    </row>
    <row r="750" spans="1:19" x14ac:dyDescent="0.25">
      <c r="A750">
        <v>3628449</v>
      </c>
      <c r="B750" t="s">
        <v>3933</v>
      </c>
      <c r="C750" s="1" t="s">
        <v>3934</v>
      </c>
      <c r="D750">
        <v>3631592</v>
      </c>
      <c r="E750">
        <v>2</v>
      </c>
      <c r="F750">
        <v>6</v>
      </c>
      <c r="H750" t="s">
        <v>3935</v>
      </c>
      <c r="I750">
        <v>1</v>
      </c>
      <c r="J750" t="s">
        <v>3936</v>
      </c>
      <c r="K750" t="s">
        <v>3937</v>
      </c>
      <c r="M750">
        <v>206019</v>
      </c>
      <c r="O750">
        <v>206019</v>
      </c>
      <c r="P750">
        <v>1</v>
      </c>
      <c r="Q750">
        <v>1</v>
      </c>
      <c r="R750" t="s">
        <v>1446</v>
      </c>
      <c r="S750">
        <v>385</v>
      </c>
    </row>
    <row r="751" spans="1:19" x14ac:dyDescent="0.25">
      <c r="A751">
        <v>49230738</v>
      </c>
      <c r="B751" t="s">
        <v>3938</v>
      </c>
      <c r="C751" s="1" t="s">
        <v>3939</v>
      </c>
      <c r="E751">
        <v>1</v>
      </c>
      <c r="F751">
        <v>5</v>
      </c>
      <c r="H751" t="s">
        <v>3940</v>
      </c>
      <c r="J751" t="s">
        <v>3941</v>
      </c>
      <c r="K751" t="s">
        <v>3942</v>
      </c>
      <c r="M751">
        <v>337621</v>
      </c>
      <c r="O751">
        <v>337621</v>
      </c>
      <c r="P751">
        <v>1</v>
      </c>
      <c r="Q751">
        <v>0</v>
      </c>
      <c r="R751" t="s">
        <v>3943</v>
      </c>
      <c r="S751">
        <v>116</v>
      </c>
    </row>
    <row r="752" spans="1:19" x14ac:dyDescent="0.25">
      <c r="A752">
        <v>43711403</v>
      </c>
      <c r="B752" t="s">
        <v>3944</v>
      </c>
      <c r="C752" s="1" t="s">
        <v>3945</v>
      </c>
      <c r="E752">
        <v>2</v>
      </c>
      <c r="F752">
        <v>0</v>
      </c>
      <c r="H752" t="s">
        <v>3946</v>
      </c>
      <c r="J752" t="s">
        <v>3947</v>
      </c>
      <c r="K752" t="s">
        <v>3947</v>
      </c>
      <c r="M752">
        <v>7945015</v>
      </c>
      <c r="O752">
        <v>7945015</v>
      </c>
      <c r="P752">
        <v>1</v>
      </c>
      <c r="Q752">
        <v>0</v>
      </c>
      <c r="R752" t="s">
        <v>3948</v>
      </c>
      <c r="S752">
        <v>97</v>
      </c>
    </row>
    <row r="753" spans="1:19" x14ac:dyDescent="0.25">
      <c r="A753">
        <v>51555954</v>
      </c>
      <c r="B753" t="s">
        <v>3949</v>
      </c>
      <c r="C753" s="1" t="s">
        <v>3950</v>
      </c>
      <c r="E753">
        <v>1</v>
      </c>
      <c r="F753">
        <v>5</v>
      </c>
      <c r="H753" t="s">
        <v>3951</v>
      </c>
      <c r="J753" t="s">
        <v>3952</v>
      </c>
      <c r="O753">
        <v>3283414</v>
      </c>
      <c r="P753">
        <v>1</v>
      </c>
      <c r="Q753">
        <v>0</v>
      </c>
      <c r="R753" t="s">
        <v>3953</v>
      </c>
      <c r="S753">
        <v>37</v>
      </c>
    </row>
    <row r="754" spans="1:19" x14ac:dyDescent="0.25">
      <c r="A754">
        <v>31961613</v>
      </c>
      <c r="B754" t="s">
        <v>3954</v>
      </c>
      <c r="C754" s="1" t="s">
        <v>3955</v>
      </c>
      <c r="E754">
        <v>1</v>
      </c>
      <c r="F754">
        <v>0</v>
      </c>
      <c r="H754" t="s">
        <v>3956</v>
      </c>
      <c r="J754" t="s">
        <v>3957</v>
      </c>
      <c r="O754">
        <v>4730700</v>
      </c>
      <c r="P754">
        <v>1</v>
      </c>
      <c r="Q754">
        <v>1</v>
      </c>
      <c r="R754" t="s">
        <v>3958</v>
      </c>
      <c r="S754">
        <v>793</v>
      </c>
    </row>
    <row r="755" spans="1:19" x14ac:dyDescent="0.25">
      <c r="A755">
        <v>14477263</v>
      </c>
      <c r="B755" t="s">
        <v>3959</v>
      </c>
      <c r="C755" s="1" t="s">
        <v>3960</v>
      </c>
      <c r="D755">
        <v>24060435</v>
      </c>
      <c r="E755">
        <v>1</v>
      </c>
      <c r="F755">
        <v>6</v>
      </c>
      <c r="H755" t="s">
        <v>3961</v>
      </c>
      <c r="J755" t="s">
        <v>3962</v>
      </c>
      <c r="K755" t="s">
        <v>3963</v>
      </c>
      <c r="M755">
        <v>1179880</v>
      </c>
      <c r="O755">
        <v>1179880</v>
      </c>
      <c r="P755">
        <v>1</v>
      </c>
      <c r="Q755">
        <v>3</v>
      </c>
      <c r="R755" t="s">
        <v>3964</v>
      </c>
      <c r="S755">
        <v>350</v>
      </c>
    </row>
    <row r="756" spans="1:19" x14ac:dyDescent="0.25">
      <c r="A756">
        <v>35300159</v>
      </c>
      <c r="B756" t="s">
        <v>3965</v>
      </c>
      <c r="C756" s="1" t="s">
        <v>3966</v>
      </c>
      <c r="D756">
        <v>35300263</v>
      </c>
      <c r="E756">
        <v>1</v>
      </c>
      <c r="F756">
        <v>0</v>
      </c>
      <c r="H756" t="s">
        <v>3967</v>
      </c>
      <c r="J756" t="s">
        <v>3968</v>
      </c>
      <c r="K756" t="s">
        <v>3968</v>
      </c>
      <c r="M756">
        <v>188456</v>
      </c>
      <c r="O756">
        <v>4168397</v>
      </c>
      <c r="P756">
        <v>1</v>
      </c>
      <c r="Q756">
        <v>3</v>
      </c>
      <c r="R756" t="s">
        <v>3969</v>
      </c>
      <c r="S756">
        <v>4428</v>
      </c>
    </row>
    <row r="757" spans="1:19" x14ac:dyDescent="0.25">
      <c r="A757">
        <v>955105</v>
      </c>
      <c r="B757" t="s">
        <v>3970</v>
      </c>
      <c r="C757" t="s">
        <v>3971</v>
      </c>
      <c r="E757">
        <v>4</v>
      </c>
      <c r="F757">
        <v>0</v>
      </c>
      <c r="H757" t="s">
        <v>3972</v>
      </c>
      <c r="I757">
        <v>5</v>
      </c>
      <c r="J757" t="s">
        <v>3973</v>
      </c>
      <c r="K757" t="s">
        <v>3974</v>
      </c>
      <c r="M757">
        <v>213269</v>
      </c>
      <c r="O757">
        <v>117881</v>
      </c>
      <c r="P757">
        <v>1</v>
      </c>
      <c r="Q757">
        <v>13</v>
      </c>
      <c r="R757" t="s">
        <v>3975</v>
      </c>
      <c r="S757">
        <v>8116</v>
      </c>
    </row>
    <row r="758" spans="1:19" x14ac:dyDescent="0.25">
      <c r="A758">
        <v>48372630</v>
      </c>
      <c r="B758" t="s">
        <v>3976</v>
      </c>
      <c r="C758" s="1" t="s">
        <v>3977</v>
      </c>
      <c r="E758">
        <v>0</v>
      </c>
      <c r="F758">
        <v>2</v>
      </c>
      <c r="H758" t="s">
        <v>3978</v>
      </c>
      <c r="J758" t="s">
        <v>3978</v>
      </c>
      <c r="O758">
        <v>3226741</v>
      </c>
      <c r="P758">
        <v>1</v>
      </c>
      <c r="Q758">
        <v>0</v>
      </c>
      <c r="R758" t="s">
        <v>3979</v>
      </c>
      <c r="S758">
        <v>220</v>
      </c>
    </row>
    <row r="759" spans="1:19" x14ac:dyDescent="0.25">
      <c r="A759">
        <v>11237032</v>
      </c>
      <c r="B759" t="s">
        <v>3980</v>
      </c>
      <c r="C759" s="1" t="s">
        <v>3981</v>
      </c>
      <c r="E759">
        <v>3</v>
      </c>
      <c r="F759">
        <v>0</v>
      </c>
      <c r="H759" t="s">
        <v>3982</v>
      </c>
      <c r="I759">
        <v>3</v>
      </c>
      <c r="J759" t="s">
        <v>3983</v>
      </c>
      <c r="O759">
        <v>311352</v>
      </c>
      <c r="P759">
        <v>1</v>
      </c>
      <c r="Q759">
        <v>6</v>
      </c>
      <c r="R759" t="s">
        <v>3984</v>
      </c>
      <c r="S759">
        <v>1445</v>
      </c>
    </row>
    <row r="760" spans="1:19" x14ac:dyDescent="0.25">
      <c r="A760">
        <v>45459598</v>
      </c>
      <c r="B760" t="s">
        <v>3985</v>
      </c>
      <c r="C760" s="1" t="s">
        <v>3986</v>
      </c>
      <c r="E760">
        <v>2</v>
      </c>
      <c r="F760">
        <v>3</v>
      </c>
      <c r="H760" t="s">
        <v>3987</v>
      </c>
      <c r="J760" t="s">
        <v>3988</v>
      </c>
      <c r="O760">
        <v>2736638</v>
      </c>
      <c r="P760">
        <v>1</v>
      </c>
      <c r="Q760">
        <v>2</v>
      </c>
      <c r="R760" t="s">
        <v>3989</v>
      </c>
      <c r="S760">
        <v>313</v>
      </c>
    </row>
    <row r="761" spans="1:19" x14ac:dyDescent="0.25">
      <c r="A761">
        <v>15086891</v>
      </c>
      <c r="B761" t="s">
        <v>3990</v>
      </c>
      <c r="C761" s="1" t="s">
        <v>3991</v>
      </c>
      <c r="E761">
        <v>2</v>
      </c>
      <c r="F761">
        <v>0</v>
      </c>
      <c r="H761" t="s">
        <v>3992</v>
      </c>
      <c r="J761" t="s">
        <v>3993</v>
      </c>
      <c r="K761" t="s">
        <v>3994</v>
      </c>
      <c r="M761">
        <v>699931</v>
      </c>
      <c r="O761">
        <v>699931</v>
      </c>
      <c r="P761">
        <v>1</v>
      </c>
      <c r="Q761">
        <v>1</v>
      </c>
      <c r="R761" t="s">
        <v>3995</v>
      </c>
      <c r="S761">
        <v>461</v>
      </c>
    </row>
    <row r="762" spans="1:19" x14ac:dyDescent="0.25">
      <c r="A762">
        <v>39233973</v>
      </c>
      <c r="B762" t="s">
        <v>3996</v>
      </c>
      <c r="C762" s="1" t="s">
        <v>3997</v>
      </c>
      <c r="D762">
        <v>39234024</v>
      </c>
      <c r="E762">
        <v>3</v>
      </c>
      <c r="F762">
        <v>3</v>
      </c>
      <c r="H762" t="s">
        <v>3998</v>
      </c>
      <c r="I762">
        <v>2</v>
      </c>
      <c r="J762" t="s">
        <v>3999</v>
      </c>
      <c r="K762" t="s">
        <v>4000</v>
      </c>
      <c r="M762">
        <v>7579547</v>
      </c>
      <c r="O762">
        <v>4859229</v>
      </c>
      <c r="P762">
        <v>1</v>
      </c>
      <c r="Q762">
        <v>6</v>
      </c>
      <c r="R762" t="s">
        <v>4001</v>
      </c>
      <c r="S762">
        <v>13203</v>
      </c>
    </row>
    <row r="763" spans="1:19" x14ac:dyDescent="0.25">
      <c r="A763">
        <v>49290581</v>
      </c>
      <c r="B763" t="s">
        <v>4002</v>
      </c>
      <c r="C763" s="1" t="s">
        <v>4003</v>
      </c>
      <c r="D763">
        <v>49290756</v>
      </c>
      <c r="E763">
        <v>3</v>
      </c>
      <c r="F763">
        <v>2</v>
      </c>
      <c r="H763" t="s">
        <v>4004</v>
      </c>
      <c r="J763" t="s">
        <v>4005</v>
      </c>
      <c r="K763" t="s">
        <v>4006</v>
      </c>
      <c r="M763">
        <v>4794649</v>
      </c>
      <c r="O763">
        <v>4794649</v>
      </c>
      <c r="P763">
        <v>1</v>
      </c>
      <c r="Q763">
        <v>4</v>
      </c>
      <c r="R763" t="s">
        <v>4007</v>
      </c>
      <c r="S763">
        <v>103</v>
      </c>
    </row>
    <row r="764" spans="1:19" x14ac:dyDescent="0.25">
      <c r="A764">
        <v>15734988</v>
      </c>
      <c r="B764" t="s">
        <v>4008</v>
      </c>
      <c r="C764" t="s">
        <v>4009</v>
      </c>
      <c r="E764">
        <v>1</v>
      </c>
      <c r="F764">
        <v>4</v>
      </c>
      <c r="H764" t="s">
        <v>4010</v>
      </c>
      <c r="J764" t="s">
        <v>4011</v>
      </c>
      <c r="O764">
        <v>2230241</v>
      </c>
      <c r="P764">
        <v>1</v>
      </c>
      <c r="Q764">
        <v>-1</v>
      </c>
      <c r="R764" t="s">
        <v>4012</v>
      </c>
      <c r="S764">
        <v>4153</v>
      </c>
    </row>
    <row r="765" spans="1:19" x14ac:dyDescent="0.25">
      <c r="A765">
        <v>45394823</v>
      </c>
      <c r="B765" t="s">
        <v>4013</v>
      </c>
      <c r="C765" s="1" t="s">
        <v>4014</v>
      </c>
      <c r="E765">
        <v>1</v>
      </c>
      <c r="F765">
        <v>0</v>
      </c>
      <c r="H765" t="s">
        <v>4015</v>
      </c>
      <c r="J765" t="s">
        <v>4016</v>
      </c>
      <c r="K765" t="s">
        <v>4017</v>
      </c>
      <c r="M765">
        <v>8229192</v>
      </c>
      <c r="O765">
        <v>7357103</v>
      </c>
      <c r="P765">
        <v>1</v>
      </c>
      <c r="Q765">
        <v>0</v>
      </c>
      <c r="R765" t="s">
        <v>4018</v>
      </c>
      <c r="S765">
        <v>34</v>
      </c>
    </row>
    <row r="766" spans="1:19" x14ac:dyDescent="0.25">
      <c r="A766">
        <v>9588393</v>
      </c>
      <c r="B766" t="s">
        <v>4019</v>
      </c>
      <c r="C766" s="1" t="s">
        <v>4020</v>
      </c>
      <c r="D766">
        <v>9588445</v>
      </c>
      <c r="E766">
        <v>3</v>
      </c>
      <c r="F766">
        <v>8</v>
      </c>
      <c r="H766" t="s">
        <v>4021</v>
      </c>
      <c r="I766">
        <v>2</v>
      </c>
      <c r="J766" t="s">
        <v>4022</v>
      </c>
      <c r="K766" t="s">
        <v>4023</v>
      </c>
      <c r="M766">
        <v>749973</v>
      </c>
      <c r="O766">
        <v>749973</v>
      </c>
      <c r="P766">
        <v>1</v>
      </c>
      <c r="Q766">
        <v>4</v>
      </c>
      <c r="R766" t="s">
        <v>4024</v>
      </c>
      <c r="S766">
        <v>1178</v>
      </c>
    </row>
    <row r="767" spans="1:19" x14ac:dyDescent="0.25">
      <c r="A767">
        <v>39774628</v>
      </c>
      <c r="B767" t="s">
        <v>4025</v>
      </c>
      <c r="C767" s="1" t="s">
        <v>4026</v>
      </c>
      <c r="D767">
        <v>39895554</v>
      </c>
      <c r="E767">
        <v>1</v>
      </c>
      <c r="F767">
        <v>0</v>
      </c>
      <c r="H767" t="s">
        <v>4027</v>
      </c>
      <c r="J767" t="s">
        <v>4028</v>
      </c>
      <c r="K767" t="s">
        <v>4029</v>
      </c>
      <c r="M767">
        <v>-1</v>
      </c>
      <c r="O767">
        <v>4253453</v>
      </c>
      <c r="P767">
        <v>1</v>
      </c>
      <c r="Q767">
        <v>0</v>
      </c>
      <c r="R767" t="s">
        <v>4030</v>
      </c>
      <c r="S767">
        <v>334</v>
      </c>
    </row>
    <row r="768" spans="1:19" x14ac:dyDescent="0.25">
      <c r="A768">
        <v>15902073</v>
      </c>
      <c r="B768" t="s">
        <v>4031</v>
      </c>
      <c r="C768" s="1" t="s">
        <v>4032</v>
      </c>
      <c r="E768">
        <v>2</v>
      </c>
      <c r="F768">
        <v>3</v>
      </c>
      <c r="H768" t="s">
        <v>4033</v>
      </c>
      <c r="J768" t="s">
        <v>4034</v>
      </c>
      <c r="O768">
        <v>2219487</v>
      </c>
      <c r="P768">
        <v>1</v>
      </c>
      <c r="Q768">
        <v>0</v>
      </c>
      <c r="R768" t="s">
        <v>4035</v>
      </c>
      <c r="S768">
        <v>141</v>
      </c>
    </row>
    <row r="769" spans="1:19" x14ac:dyDescent="0.25">
      <c r="A769">
        <v>52464273</v>
      </c>
      <c r="B769" t="s">
        <v>4036</v>
      </c>
      <c r="C769" s="1" t="s">
        <v>4037</v>
      </c>
      <c r="D769">
        <v>52464411</v>
      </c>
      <c r="E769">
        <v>1</v>
      </c>
      <c r="F769">
        <v>0</v>
      </c>
      <c r="H769" t="s">
        <v>4038</v>
      </c>
      <c r="J769" t="s">
        <v>4039</v>
      </c>
      <c r="O769">
        <v>9220399</v>
      </c>
      <c r="P769">
        <v>1</v>
      </c>
      <c r="Q769">
        <v>1</v>
      </c>
      <c r="R769" t="s">
        <v>4040</v>
      </c>
      <c r="S769">
        <v>1014</v>
      </c>
    </row>
    <row r="770" spans="1:19" x14ac:dyDescent="0.25">
      <c r="A770">
        <v>36912112</v>
      </c>
      <c r="B770" t="s">
        <v>4041</v>
      </c>
      <c r="C770" s="1" t="s">
        <v>4042</v>
      </c>
      <c r="D770">
        <v>36912516</v>
      </c>
      <c r="E770">
        <v>2</v>
      </c>
      <c r="F770">
        <v>0</v>
      </c>
      <c r="H770" t="s">
        <v>4043</v>
      </c>
      <c r="J770" t="s">
        <v>4044</v>
      </c>
      <c r="K770" t="s">
        <v>4045</v>
      </c>
      <c r="M770">
        <v>360211</v>
      </c>
      <c r="O770">
        <v>4721831</v>
      </c>
      <c r="P770">
        <v>1</v>
      </c>
      <c r="Q770">
        <v>1</v>
      </c>
      <c r="R770" t="s">
        <v>4046</v>
      </c>
      <c r="S770">
        <v>499</v>
      </c>
    </row>
    <row r="771" spans="1:19" x14ac:dyDescent="0.25">
      <c r="A771">
        <v>51099331</v>
      </c>
      <c r="B771" t="s">
        <v>4047</v>
      </c>
      <c r="C771" s="1" t="s">
        <v>4048</v>
      </c>
      <c r="E771">
        <v>1</v>
      </c>
      <c r="F771">
        <v>5</v>
      </c>
      <c r="H771" t="s">
        <v>4049</v>
      </c>
      <c r="J771" t="s">
        <v>4050</v>
      </c>
      <c r="K771" t="s">
        <v>4050</v>
      </c>
      <c r="M771">
        <v>2370483</v>
      </c>
      <c r="O771">
        <v>5798267</v>
      </c>
      <c r="P771">
        <v>1</v>
      </c>
      <c r="Q771">
        <v>0</v>
      </c>
      <c r="R771" t="s">
        <v>4051</v>
      </c>
      <c r="S771">
        <v>177</v>
      </c>
    </row>
    <row r="772" spans="1:19" x14ac:dyDescent="0.25">
      <c r="A772">
        <v>5941887</v>
      </c>
      <c r="B772" t="s">
        <v>4052</v>
      </c>
      <c r="C772" s="1" t="s">
        <v>4053</v>
      </c>
      <c r="E772">
        <v>2</v>
      </c>
      <c r="F772">
        <v>2</v>
      </c>
      <c r="H772" t="s">
        <v>4054</v>
      </c>
      <c r="I772">
        <v>1</v>
      </c>
      <c r="J772" t="s">
        <v>4055</v>
      </c>
      <c r="K772" t="s">
        <v>4056</v>
      </c>
      <c r="M772">
        <v>163809</v>
      </c>
      <c r="O772">
        <v>378170</v>
      </c>
      <c r="P772">
        <v>1</v>
      </c>
      <c r="Q772">
        <v>2</v>
      </c>
      <c r="R772" t="s">
        <v>4057</v>
      </c>
      <c r="S772">
        <v>281</v>
      </c>
    </row>
    <row r="773" spans="1:19" x14ac:dyDescent="0.25">
      <c r="A773">
        <v>16215759</v>
      </c>
      <c r="B773" t="s">
        <v>4058</v>
      </c>
      <c r="C773" s="1" t="s">
        <v>4059</v>
      </c>
      <c r="E773">
        <v>0</v>
      </c>
      <c r="F773">
        <v>4</v>
      </c>
      <c r="H773" t="s">
        <v>4060</v>
      </c>
      <c r="J773" t="s">
        <v>4061</v>
      </c>
      <c r="K773" t="s">
        <v>4061</v>
      </c>
      <c r="M773">
        <v>881229</v>
      </c>
      <c r="O773">
        <v>2319210</v>
      </c>
      <c r="P773">
        <v>1</v>
      </c>
      <c r="Q773">
        <v>1</v>
      </c>
      <c r="R773" t="s">
        <v>4062</v>
      </c>
      <c r="S773">
        <v>130</v>
      </c>
    </row>
    <row r="774" spans="1:19" x14ac:dyDescent="0.25">
      <c r="A774">
        <v>34780347</v>
      </c>
      <c r="B774" t="s">
        <v>4063</v>
      </c>
      <c r="C774" s="1" t="s">
        <v>4064</v>
      </c>
      <c r="D774">
        <v>34780471</v>
      </c>
      <c r="E774">
        <v>1</v>
      </c>
      <c r="F774">
        <v>4</v>
      </c>
      <c r="H774" t="s">
        <v>4065</v>
      </c>
      <c r="J774" t="s">
        <v>4066</v>
      </c>
      <c r="K774" t="s">
        <v>4067</v>
      </c>
      <c r="M774">
        <v>-1</v>
      </c>
      <c r="O774">
        <v>5725848</v>
      </c>
      <c r="P774">
        <v>1</v>
      </c>
      <c r="Q774">
        <v>-4</v>
      </c>
      <c r="R774" t="s">
        <v>3463</v>
      </c>
      <c r="S774">
        <v>120</v>
      </c>
    </row>
    <row r="775" spans="1:19" x14ac:dyDescent="0.25">
      <c r="A775">
        <v>48817506</v>
      </c>
      <c r="B775" t="s">
        <v>4068</v>
      </c>
      <c r="C775" s="1" t="s">
        <v>4069</v>
      </c>
      <c r="D775">
        <v>48875307</v>
      </c>
      <c r="E775">
        <v>1</v>
      </c>
      <c r="F775">
        <v>8</v>
      </c>
      <c r="H775" t="s">
        <v>4070</v>
      </c>
      <c r="J775" t="s">
        <v>4071</v>
      </c>
      <c r="K775" t="s">
        <v>4072</v>
      </c>
      <c r="M775">
        <v>248567</v>
      </c>
      <c r="O775">
        <v>4694398</v>
      </c>
      <c r="P775">
        <v>1</v>
      </c>
      <c r="Q775">
        <v>-2</v>
      </c>
      <c r="R775" t="s">
        <v>4073</v>
      </c>
      <c r="S775">
        <v>309</v>
      </c>
    </row>
    <row r="776" spans="1:19" x14ac:dyDescent="0.25">
      <c r="A776">
        <v>4740688</v>
      </c>
      <c r="B776" t="s">
        <v>4074</v>
      </c>
      <c r="C776" s="1" t="s">
        <v>4075</v>
      </c>
      <c r="D776">
        <v>4804106</v>
      </c>
      <c r="E776">
        <v>1</v>
      </c>
      <c r="F776">
        <v>0</v>
      </c>
      <c r="H776" t="s">
        <v>4076</v>
      </c>
      <c r="I776">
        <v>1</v>
      </c>
      <c r="J776" t="s">
        <v>4077</v>
      </c>
      <c r="K776" t="s">
        <v>4078</v>
      </c>
      <c r="M776">
        <v>5056</v>
      </c>
      <c r="O776">
        <v>5056</v>
      </c>
      <c r="P776">
        <v>1</v>
      </c>
      <c r="Q776">
        <v>5</v>
      </c>
      <c r="R776" t="s">
        <v>4079</v>
      </c>
      <c r="S776">
        <v>572</v>
      </c>
    </row>
    <row r="777" spans="1:19" x14ac:dyDescent="0.25">
      <c r="A777">
        <v>16753679</v>
      </c>
      <c r="B777" t="s">
        <v>4080</v>
      </c>
      <c r="C777" s="1" t="s">
        <v>4081</v>
      </c>
      <c r="D777">
        <v>16804465</v>
      </c>
      <c r="E777">
        <v>1</v>
      </c>
      <c r="F777">
        <v>0</v>
      </c>
      <c r="H777" t="s">
        <v>4082</v>
      </c>
      <c r="I777">
        <v>0</v>
      </c>
      <c r="J777" t="s">
        <v>4083</v>
      </c>
      <c r="K777" t="s">
        <v>4084</v>
      </c>
      <c r="M777">
        <v>1226963</v>
      </c>
      <c r="O777">
        <v>1989019</v>
      </c>
      <c r="P777">
        <v>1</v>
      </c>
      <c r="Q777">
        <v>1</v>
      </c>
      <c r="R777" t="s">
        <v>4085</v>
      </c>
      <c r="S777">
        <v>945</v>
      </c>
    </row>
    <row r="778" spans="1:19" x14ac:dyDescent="0.25">
      <c r="A778">
        <v>32702464</v>
      </c>
      <c r="B778" t="s">
        <v>4086</v>
      </c>
      <c r="C778" s="1" t="s">
        <v>4087</v>
      </c>
      <c r="E778">
        <v>0</v>
      </c>
      <c r="F778">
        <v>2</v>
      </c>
      <c r="H778" t="s">
        <v>4088</v>
      </c>
      <c r="J778" t="s">
        <v>4089</v>
      </c>
      <c r="K778" t="s">
        <v>4089</v>
      </c>
      <c r="M778">
        <v>3329664</v>
      </c>
      <c r="O778">
        <v>4712494</v>
      </c>
      <c r="P778">
        <v>1</v>
      </c>
      <c r="Q778">
        <v>1</v>
      </c>
      <c r="R778" t="s">
        <v>4090</v>
      </c>
      <c r="S778">
        <v>139</v>
      </c>
    </row>
    <row r="779" spans="1:19" x14ac:dyDescent="0.25">
      <c r="A779">
        <v>33722346</v>
      </c>
      <c r="B779" t="s">
        <v>4091</v>
      </c>
      <c r="C779" s="1" t="s">
        <v>4092</v>
      </c>
      <c r="E779">
        <v>1</v>
      </c>
      <c r="F779">
        <v>1</v>
      </c>
      <c r="H779" t="s">
        <v>4093</v>
      </c>
      <c r="J779" t="s">
        <v>4094</v>
      </c>
      <c r="O779">
        <v>2000584</v>
      </c>
      <c r="P779">
        <v>1</v>
      </c>
      <c r="Q779">
        <v>0</v>
      </c>
      <c r="R779" t="s">
        <v>4095</v>
      </c>
      <c r="S779">
        <v>125</v>
      </c>
    </row>
    <row r="780" spans="1:19" x14ac:dyDescent="0.25">
      <c r="A780">
        <v>47025323</v>
      </c>
      <c r="B780" t="s">
        <v>4096</v>
      </c>
      <c r="C780" s="1" t="s">
        <v>4097</v>
      </c>
      <c r="D780">
        <v>47092691</v>
      </c>
      <c r="E780">
        <v>2</v>
      </c>
      <c r="F780">
        <v>1</v>
      </c>
      <c r="H780" t="s">
        <v>4098</v>
      </c>
      <c r="I780">
        <v>3</v>
      </c>
      <c r="J780" t="s">
        <v>4099</v>
      </c>
      <c r="K780" t="s">
        <v>4100</v>
      </c>
      <c r="M780">
        <v>4269486</v>
      </c>
      <c r="O780">
        <v>4269486</v>
      </c>
      <c r="P780">
        <v>1</v>
      </c>
      <c r="Q780">
        <v>0</v>
      </c>
      <c r="R780" t="s">
        <v>4101</v>
      </c>
      <c r="S780">
        <v>1128</v>
      </c>
    </row>
    <row r="781" spans="1:19" x14ac:dyDescent="0.25">
      <c r="A781">
        <v>14882461</v>
      </c>
      <c r="B781" t="s">
        <v>4102</v>
      </c>
      <c r="C781" s="1" t="s">
        <v>4103</v>
      </c>
      <c r="E781">
        <v>2</v>
      </c>
      <c r="F781">
        <v>3</v>
      </c>
      <c r="H781" t="s">
        <v>4104</v>
      </c>
      <c r="J781" t="s">
        <v>4105</v>
      </c>
      <c r="K781" t="s">
        <v>4105</v>
      </c>
      <c r="M781">
        <v>6782</v>
      </c>
      <c r="O781">
        <v>2073133</v>
      </c>
      <c r="P781">
        <v>1</v>
      </c>
      <c r="Q781">
        <v>-1</v>
      </c>
      <c r="R781" t="s">
        <v>4106</v>
      </c>
      <c r="S781">
        <v>744</v>
      </c>
    </row>
    <row r="782" spans="1:19" x14ac:dyDescent="0.25">
      <c r="A782">
        <v>13710896</v>
      </c>
      <c r="B782" t="s">
        <v>4107</v>
      </c>
      <c r="C782" s="1" t="s">
        <v>4108</v>
      </c>
      <c r="D782">
        <v>13713341</v>
      </c>
      <c r="E782">
        <v>1</v>
      </c>
      <c r="F782">
        <v>0</v>
      </c>
      <c r="H782" t="s">
        <v>4109</v>
      </c>
      <c r="J782" t="s">
        <v>4110</v>
      </c>
      <c r="K782" t="s">
        <v>4110</v>
      </c>
      <c r="M782">
        <v>1876718</v>
      </c>
      <c r="O782">
        <v>1876718</v>
      </c>
      <c r="P782">
        <v>1</v>
      </c>
      <c r="Q782">
        <v>5</v>
      </c>
      <c r="R782" t="s">
        <v>4111</v>
      </c>
      <c r="S782">
        <v>358</v>
      </c>
    </row>
    <row r="783" spans="1:19" x14ac:dyDescent="0.25">
      <c r="A783">
        <v>45462559</v>
      </c>
      <c r="B783" t="s">
        <v>4112</v>
      </c>
      <c r="C783" s="1" t="s">
        <v>4113</v>
      </c>
      <c r="E783">
        <v>1</v>
      </c>
      <c r="F783">
        <v>2</v>
      </c>
      <c r="H783" t="s">
        <v>4114</v>
      </c>
      <c r="J783" t="s">
        <v>4115</v>
      </c>
      <c r="O783">
        <v>8400745</v>
      </c>
      <c r="P783">
        <v>1</v>
      </c>
      <c r="Q783">
        <v>0</v>
      </c>
      <c r="R783" t="s">
        <v>4116</v>
      </c>
      <c r="S783">
        <v>76</v>
      </c>
    </row>
    <row r="784" spans="1:19" x14ac:dyDescent="0.25">
      <c r="A784">
        <v>38822898</v>
      </c>
      <c r="B784" t="s">
        <v>4117</v>
      </c>
      <c r="C784" s="1" t="s">
        <v>4118</v>
      </c>
      <c r="D784">
        <v>38824295</v>
      </c>
      <c r="E784">
        <v>2</v>
      </c>
      <c r="F784">
        <v>0</v>
      </c>
      <c r="H784" t="s">
        <v>4119</v>
      </c>
      <c r="J784" t="s">
        <v>4120</v>
      </c>
      <c r="K784" t="s">
        <v>4121</v>
      </c>
      <c r="M784">
        <v>-1</v>
      </c>
      <c r="O784">
        <v>1658734</v>
      </c>
      <c r="P784">
        <v>1</v>
      </c>
      <c r="Q784">
        <v>2</v>
      </c>
      <c r="R784" t="s">
        <v>4122</v>
      </c>
      <c r="S784">
        <v>112</v>
      </c>
    </row>
    <row r="785" spans="1:19" x14ac:dyDescent="0.25">
      <c r="A785">
        <v>50001225</v>
      </c>
      <c r="B785" t="s">
        <v>4123</v>
      </c>
      <c r="C785" s="1" t="s">
        <v>4124</v>
      </c>
      <c r="E785">
        <v>3</v>
      </c>
      <c r="F785">
        <v>3</v>
      </c>
      <c r="H785" t="s">
        <v>4125</v>
      </c>
      <c r="J785" t="s">
        <v>4126</v>
      </c>
      <c r="K785" t="s">
        <v>4126</v>
      </c>
      <c r="M785">
        <v>9248776</v>
      </c>
      <c r="O785">
        <v>9248776</v>
      </c>
      <c r="P785">
        <v>1</v>
      </c>
      <c r="Q785">
        <v>0</v>
      </c>
      <c r="R785" t="s">
        <v>4127</v>
      </c>
      <c r="S785">
        <v>44</v>
      </c>
    </row>
    <row r="786" spans="1:19" x14ac:dyDescent="0.25">
      <c r="A786">
        <v>11307344</v>
      </c>
      <c r="B786" t="s">
        <v>4128</v>
      </c>
      <c r="C786" s="1" t="s">
        <v>4129</v>
      </c>
      <c r="D786">
        <v>11307526</v>
      </c>
      <c r="E786">
        <v>1</v>
      </c>
      <c r="F786">
        <v>5</v>
      </c>
      <c r="H786" t="s">
        <v>4130</v>
      </c>
      <c r="J786" t="s">
        <v>4131</v>
      </c>
      <c r="O786">
        <v>218592</v>
      </c>
      <c r="P786">
        <v>1</v>
      </c>
      <c r="Q786">
        <v>0</v>
      </c>
      <c r="R786" t="s">
        <v>3266</v>
      </c>
      <c r="S786">
        <v>164</v>
      </c>
    </row>
    <row r="787" spans="1:19" x14ac:dyDescent="0.25">
      <c r="A787">
        <v>26513159</v>
      </c>
      <c r="B787" t="s">
        <v>4132</v>
      </c>
      <c r="C787" s="1" t="s">
        <v>4133</v>
      </c>
      <c r="E787">
        <v>0</v>
      </c>
      <c r="F787">
        <v>0</v>
      </c>
      <c r="H787" t="s">
        <v>4134</v>
      </c>
      <c r="J787" t="s">
        <v>4135</v>
      </c>
      <c r="K787" t="s">
        <v>4135</v>
      </c>
      <c r="M787">
        <v>3652819</v>
      </c>
      <c r="O787">
        <v>3652819</v>
      </c>
      <c r="P787">
        <v>1</v>
      </c>
      <c r="Q787">
        <v>1</v>
      </c>
      <c r="R787" t="s">
        <v>4136</v>
      </c>
      <c r="S787">
        <v>293</v>
      </c>
    </row>
    <row r="788" spans="1:19" x14ac:dyDescent="0.25">
      <c r="A788">
        <v>27946569</v>
      </c>
      <c r="B788" t="s">
        <v>4137</v>
      </c>
      <c r="C788" s="1" t="s">
        <v>4138</v>
      </c>
      <c r="E788">
        <v>1</v>
      </c>
      <c r="F788">
        <v>1</v>
      </c>
      <c r="H788" t="s">
        <v>4139</v>
      </c>
      <c r="I788">
        <v>1</v>
      </c>
      <c r="J788" t="s">
        <v>4140</v>
      </c>
      <c r="K788" t="s">
        <v>4141</v>
      </c>
      <c r="M788">
        <v>1405130</v>
      </c>
      <c r="O788">
        <v>1405130</v>
      </c>
      <c r="P788">
        <v>1</v>
      </c>
      <c r="Q788">
        <v>6</v>
      </c>
      <c r="R788" t="s">
        <v>4142</v>
      </c>
      <c r="S788">
        <v>1218</v>
      </c>
    </row>
    <row r="789" spans="1:19" x14ac:dyDescent="0.25">
      <c r="A789">
        <v>33041551</v>
      </c>
      <c r="B789" t="s">
        <v>4143</v>
      </c>
      <c r="C789" s="1" t="s">
        <v>4144</v>
      </c>
      <c r="E789">
        <v>1</v>
      </c>
      <c r="F789">
        <v>0</v>
      </c>
      <c r="H789" t="s">
        <v>4145</v>
      </c>
      <c r="J789" t="s">
        <v>4146</v>
      </c>
      <c r="O789">
        <v>2618719</v>
      </c>
      <c r="P789">
        <v>1</v>
      </c>
      <c r="Q789">
        <v>0</v>
      </c>
      <c r="R789" t="s">
        <v>4147</v>
      </c>
      <c r="S789">
        <v>357</v>
      </c>
    </row>
    <row r="790" spans="1:19" x14ac:dyDescent="0.25">
      <c r="A790">
        <v>29802918</v>
      </c>
      <c r="B790" t="s">
        <v>4148</v>
      </c>
      <c r="C790" s="1" t="s">
        <v>4149</v>
      </c>
      <c r="E790">
        <v>0</v>
      </c>
      <c r="F790">
        <v>2</v>
      </c>
      <c r="H790" t="s">
        <v>4150</v>
      </c>
      <c r="J790" t="s">
        <v>4151</v>
      </c>
      <c r="K790" t="s">
        <v>4151</v>
      </c>
      <c r="M790">
        <v>4820289</v>
      </c>
      <c r="O790">
        <v>4820289</v>
      </c>
      <c r="P790">
        <v>1</v>
      </c>
      <c r="Q790">
        <v>0</v>
      </c>
      <c r="R790" t="s">
        <v>4152</v>
      </c>
      <c r="S790">
        <v>101</v>
      </c>
    </row>
    <row r="791" spans="1:19" x14ac:dyDescent="0.25">
      <c r="A791">
        <v>638766</v>
      </c>
      <c r="B791" t="s">
        <v>4153</v>
      </c>
      <c r="C791" t="s">
        <v>4154</v>
      </c>
      <c r="D791">
        <v>646477</v>
      </c>
      <c r="E791">
        <v>1</v>
      </c>
      <c r="F791">
        <v>0</v>
      </c>
      <c r="H791" t="s">
        <v>4155</v>
      </c>
      <c r="J791" t="s">
        <v>4156</v>
      </c>
      <c r="N791" t="s">
        <v>4157</v>
      </c>
      <c r="O791">
        <v>15778</v>
      </c>
      <c r="P791">
        <v>1</v>
      </c>
      <c r="Q791">
        <v>0</v>
      </c>
      <c r="R791" t="s">
        <v>4158</v>
      </c>
      <c r="S791">
        <v>241</v>
      </c>
    </row>
    <row r="792" spans="1:19" x14ac:dyDescent="0.25">
      <c r="A792">
        <v>18287401</v>
      </c>
      <c r="B792" t="s">
        <v>4159</v>
      </c>
      <c r="C792" s="1" t="s">
        <v>4160</v>
      </c>
      <c r="D792">
        <v>18287945</v>
      </c>
      <c r="E792">
        <v>1</v>
      </c>
      <c r="F792">
        <v>0</v>
      </c>
      <c r="H792" t="s">
        <v>4161</v>
      </c>
      <c r="J792" t="s">
        <v>4162</v>
      </c>
      <c r="O792">
        <v>1525840</v>
      </c>
      <c r="P792">
        <v>1</v>
      </c>
      <c r="Q792">
        <v>0</v>
      </c>
      <c r="R792" t="s">
        <v>4163</v>
      </c>
      <c r="S792">
        <v>961</v>
      </c>
    </row>
    <row r="793" spans="1:19" x14ac:dyDescent="0.25">
      <c r="A793">
        <v>49738817</v>
      </c>
      <c r="B793" t="s">
        <v>4164</v>
      </c>
      <c r="C793" s="1" t="s">
        <v>4165</v>
      </c>
      <c r="E793">
        <v>1</v>
      </c>
      <c r="F793">
        <v>1</v>
      </c>
      <c r="H793" t="s">
        <v>4166</v>
      </c>
      <c r="J793" t="s">
        <v>4167</v>
      </c>
      <c r="K793" t="s">
        <v>4167</v>
      </c>
      <c r="M793">
        <v>6722100</v>
      </c>
      <c r="O793">
        <v>2971177</v>
      </c>
      <c r="P793">
        <v>1</v>
      </c>
      <c r="Q793">
        <v>0</v>
      </c>
      <c r="R793" t="s">
        <v>4168</v>
      </c>
      <c r="S793">
        <v>24</v>
      </c>
    </row>
    <row r="794" spans="1:19" x14ac:dyDescent="0.25">
      <c r="A794">
        <v>23814844</v>
      </c>
      <c r="B794" t="s">
        <v>4169</v>
      </c>
      <c r="C794" s="1" t="s">
        <v>4170</v>
      </c>
      <c r="E794">
        <v>1</v>
      </c>
      <c r="F794">
        <v>0</v>
      </c>
      <c r="H794" t="s">
        <v>4171</v>
      </c>
      <c r="J794" t="s">
        <v>4172</v>
      </c>
      <c r="K794" t="s">
        <v>4173</v>
      </c>
      <c r="M794">
        <v>134725</v>
      </c>
      <c r="O794">
        <v>2613886</v>
      </c>
      <c r="P794">
        <v>1</v>
      </c>
      <c r="Q794">
        <v>0</v>
      </c>
      <c r="R794" t="s">
        <v>4174</v>
      </c>
      <c r="S794">
        <v>13</v>
      </c>
    </row>
    <row r="795" spans="1:19" x14ac:dyDescent="0.25">
      <c r="A795">
        <v>44680111</v>
      </c>
      <c r="B795" t="s">
        <v>4175</v>
      </c>
      <c r="C795" t="s">
        <v>4176</v>
      </c>
      <c r="D795">
        <v>44707877</v>
      </c>
      <c r="E795">
        <v>1</v>
      </c>
      <c r="F795">
        <v>1</v>
      </c>
      <c r="H795" t="s">
        <v>4177</v>
      </c>
      <c r="J795" t="s">
        <v>4178</v>
      </c>
      <c r="K795" t="s">
        <v>4178</v>
      </c>
      <c r="M795">
        <v>1562662</v>
      </c>
      <c r="O795">
        <v>1911755</v>
      </c>
      <c r="P795">
        <v>1</v>
      </c>
      <c r="Q795">
        <v>0</v>
      </c>
      <c r="R795" t="s">
        <v>4179</v>
      </c>
      <c r="S795">
        <v>36</v>
      </c>
    </row>
    <row r="796" spans="1:19" x14ac:dyDescent="0.25">
      <c r="A796">
        <v>16091598</v>
      </c>
      <c r="B796" t="s">
        <v>4180</v>
      </c>
      <c r="C796" s="1" t="s">
        <v>4181</v>
      </c>
      <c r="E796">
        <v>1</v>
      </c>
      <c r="F796">
        <v>0</v>
      </c>
      <c r="H796" t="s">
        <v>4182</v>
      </c>
      <c r="J796" t="s">
        <v>4183</v>
      </c>
      <c r="O796">
        <v>2296636</v>
      </c>
      <c r="P796">
        <v>1</v>
      </c>
      <c r="Q796">
        <v>3</v>
      </c>
      <c r="R796" t="s">
        <v>4184</v>
      </c>
      <c r="S796">
        <v>1326</v>
      </c>
    </row>
    <row r="797" spans="1:19" x14ac:dyDescent="0.25">
      <c r="A797">
        <v>38818550</v>
      </c>
      <c r="B797" t="s">
        <v>4185</v>
      </c>
      <c r="C797" s="1" t="s">
        <v>4186</v>
      </c>
      <c r="E797">
        <v>1</v>
      </c>
      <c r="F797">
        <v>1</v>
      </c>
      <c r="H797" t="s">
        <v>4187</v>
      </c>
      <c r="J797" t="s">
        <v>4188</v>
      </c>
      <c r="O797">
        <v>6688949</v>
      </c>
      <c r="P797">
        <v>1</v>
      </c>
      <c r="Q797">
        <v>5</v>
      </c>
      <c r="R797" t="s">
        <v>4189</v>
      </c>
      <c r="S797">
        <v>200</v>
      </c>
    </row>
    <row r="798" spans="1:19" x14ac:dyDescent="0.25">
      <c r="A798">
        <v>38267656</v>
      </c>
      <c r="B798" t="s">
        <v>4190</v>
      </c>
      <c r="C798" s="1" t="s">
        <v>4191</v>
      </c>
      <c r="D798">
        <v>38268504</v>
      </c>
      <c r="E798">
        <v>3</v>
      </c>
      <c r="F798">
        <v>4</v>
      </c>
      <c r="H798" t="s">
        <v>4192</v>
      </c>
      <c r="I798">
        <v>0</v>
      </c>
      <c r="J798" t="s">
        <v>4193</v>
      </c>
      <c r="O798">
        <v>3664871</v>
      </c>
      <c r="P798">
        <v>1</v>
      </c>
      <c r="Q798">
        <v>0</v>
      </c>
      <c r="R798" t="s">
        <v>4194</v>
      </c>
      <c r="S798">
        <v>159</v>
      </c>
    </row>
    <row r="799" spans="1:19" x14ac:dyDescent="0.25">
      <c r="A799">
        <v>16804698</v>
      </c>
      <c r="B799" t="s">
        <v>4195</v>
      </c>
      <c r="C799" s="1" t="s">
        <v>4196</v>
      </c>
      <c r="E799">
        <v>1</v>
      </c>
      <c r="F799">
        <v>0</v>
      </c>
      <c r="H799" t="s">
        <v>4197</v>
      </c>
      <c r="J799" t="s">
        <v>4198</v>
      </c>
      <c r="O799">
        <v>2163853</v>
      </c>
      <c r="P799">
        <v>1</v>
      </c>
      <c r="Q799">
        <v>2</v>
      </c>
      <c r="R799" t="s">
        <v>4199</v>
      </c>
      <c r="S799">
        <v>484</v>
      </c>
    </row>
    <row r="800" spans="1:19" x14ac:dyDescent="0.25">
      <c r="A800">
        <v>31087693</v>
      </c>
      <c r="B800" t="s">
        <v>4200</v>
      </c>
      <c r="C800" s="1" t="s">
        <v>4201</v>
      </c>
      <c r="E800">
        <v>3</v>
      </c>
      <c r="F800">
        <v>3</v>
      </c>
      <c r="H800" t="s">
        <v>4202</v>
      </c>
      <c r="J800" t="s">
        <v>4203</v>
      </c>
      <c r="K800" t="s">
        <v>4204</v>
      </c>
      <c r="M800">
        <v>502381</v>
      </c>
      <c r="O800">
        <v>4985851</v>
      </c>
      <c r="P800">
        <v>1</v>
      </c>
      <c r="Q800">
        <v>2</v>
      </c>
      <c r="R800" t="s">
        <v>4205</v>
      </c>
      <c r="S800">
        <v>194</v>
      </c>
    </row>
    <row r="801" spans="1:19" x14ac:dyDescent="0.25">
      <c r="A801">
        <v>12222581</v>
      </c>
      <c r="B801" t="s">
        <v>4206</v>
      </c>
      <c r="C801" s="1" t="s">
        <v>4207</v>
      </c>
      <c r="D801">
        <v>12222907</v>
      </c>
      <c r="E801">
        <v>2</v>
      </c>
      <c r="F801">
        <v>1</v>
      </c>
      <c r="H801" t="s">
        <v>4208</v>
      </c>
      <c r="J801" t="s">
        <v>4209</v>
      </c>
      <c r="K801" t="s">
        <v>4209</v>
      </c>
      <c r="M801">
        <v>389966</v>
      </c>
      <c r="O801">
        <v>1509812</v>
      </c>
      <c r="P801">
        <v>1</v>
      </c>
      <c r="Q801">
        <v>0</v>
      </c>
      <c r="R801" t="s">
        <v>4210</v>
      </c>
      <c r="S801">
        <v>675</v>
      </c>
    </row>
    <row r="802" spans="1:19" x14ac:dyDescent="0.25">
      <c r="A802">
        <v>11705488</v>
      </c>
      <c r="B802" t="s">
        <v>4211</v>
      </c>
      <c r="C802" s="1" t="s">
        <v>4212</v>
      </c>
      <c r="E802">
        <v>2</v>
      </c>
      <c r="F802">
        <v>0</v>
      </c>
      <c r="H802" t="s">
        <v>4213</v>
      </c>
      <c r="J802" t="s">
        <v>4214</v>
      </c>
      <c r="K802" t="s">
        <v>4214</v>
      </c>
      <c r="M802">
        <v>1279541</v>
      </c>
      <c r="O802">
        <v>1279541</v>
      </c>
      <c r="P802">
        <v>1</v>
      </c>
      <c r="Q802">
        <v>0</v>
      </c>
      <c r="R802" t="s">
        <v>4215</v>
      </c>
      <c r="S802">
        <v>526</v>
      </c>
    </row>
    <row r="803" spans="1:19" x14ac:dyDescent="0.25">
      <c r="A803">
        <v>7635102</v>
      </c>
      <c r="B803" t="s">
        <v>4216</v>
      </c>
      <c r="C803" s="1" t="s">
        <v>4217</v>
      </c>
      <c r="E803">
        <v>1</v>
      </c>
      <c r="F803">
        <v>2</v>
      </c>
      <c r="H803" t="s">
        <v>4218</v>
      </c>
      <c r="I803">
        <v>1</v>
      </c>
      <c r="J803" t="s">
        <v>4219</v>
      </c>
      <c r="O803">
        <v>680272</v>
      </c>
      <c r="P803">
        <v>1</v>
      </c>
      <c r="Q803">
        <v>1</v>
      </c>
      <c r="R803" t="s">
        <v>4220</v>
      </c>
      <c r="S803">
        <v>914</v>
      </c>
    </row>
    <row r="804" spans="1:19" x14ac:dyDescent="0.25">
      <c r="A804">
        <v>25187538</v>
      </c>
      <c r="B804" t="s">
        <v>4221</v>
      </c>
      <c r="C804" s="1" t="s">
        <v>4222</v>
      </c>
      <c r="D804">
        <v>25187608</v>
      </c>
      <c r="E804">
        <v>2</v>
      </c>
      <c r="F804">
        <v>0</v>
      </c>
      <c r="H804" t="s">
        <v>4223</v>
      </c>
      <c r="I804">
        <v>1</v>
      </c>
      <c r="J804" t="s">
        <v>4224</v>
      </c>
      <c r="O804">
        <v>555220</v>
      </c>
      <c r="P804">
        <v>1</v>
      </c>
      <c r="Q804">
        <v>5</v>
      </c>
      <c r="R804" t="s">
        <v>4225</v>
      </c>
      <c r="S804">
        <v>293</v>
      </c>
    </row>
    <row r="805" spans="1:19" x14ac:dyDescent="0.25">
      <c r="A805">
        <v>36447183</v>
      </c>
      <c r="B805" t="s">
        <v>4226</v>
      </c>
      <c r="C805" s="1" t="s">
        <v>4227</v>
      </c>
      <c r="D805">
        <v>36447266</v>
      </c>
      <c r="E805">
        <v>4</v>
      </c>
      <c r="F805">
        <v>0</v>
      </c>
      <c r="H805" t="s">
        <v>4228</v>
      </c>
      <c r="J805" t="s">
        <v>4229</v>
      </c>
      <c r="K805" t="s">
        <v>4230</v>
      </c>
      <c r="M805">
        <v>519413</v>
      </c>
      <c r="O805">
        <v>1554717</v>
      </c>
      <c r="P805">
        <v>1</v>
      </c>
      <c r="Q805">
        <v>0</v>
      </c>
      <c r="R805" t="s">
        <v>4231</v>
      </c>
      <c r="S805">
        <v>153</v>
      </c>
    </row>
    <row r="806" spans="1:19" x14ac:dyDescent="0.25">
      <c r="A806">
        <v>39258924</v>
      </c>
      <c r="B806" t="s">
        <v>4232</v>
      </c>
      <c r="C806" s="1" t="s">
        <v>4233</v>
      </c>
      <c r="D806">
        <v>39259388</v>
      </c>
      <c r="E806">
        <v>1</v>
      </c>
      <c r="F806">
        <v>0</v>
      </c>
      <c r="H806" t="s">
        <v>4234</v>
      </c>
      <c r="J806" t="s">
        <v>4235</v>
      </c>
      <c r="O806">
        <v>2772901</v>
      </c>
      <c r="P806">
        <v>1</v>
      </c>
      <c r="Q806">
        <v>0</v>
      </c>
      <c r="R806" t="s">
        <v>4236</v>
      </c>
      <c r="S806">
        <v>76</v>
      </c>
    </row>
    <row r="807" spans="1:19" x14ac:dyDescent="0.25">
      <c r="A807">
        <v>38764457</v>
      </c>
      <c r="B807" t="s">
        <v>4237</v>
      </c>
      <c r="C807" s="1" t="s">
        <v>4238</v>
      </c>
      <c r="E807">
        <v>1</v>
      </c>
      <c r="F807">
        <v>6</v>
      </c>
      <c r="H807" t="s">
        <v>4239</v>
      </c>
      <c r="J807" t="s">
        <v>4240</v>
      </c>
      <c r="K807" t="s">
        <v>4241</v>
      </c>
      <c r="M807">
        <v>3129778</v>
      </c>
      <c r="O807">
        <v>5714642</v>
      </c>
      <c r="P807">
        <v>1</v>
      </c>
      <c r="Q807">
        <v>-2</v>
      </c>
      <c r="R807" t="s">
        <v>4242</v>
      </c>
      <c r="S807">
        <v>63</v>
      </c>
    </row>
    <row r="808" spans="1:19" x14ac:dyDescent="0.25">
      <c r="A808">
        <v>10373429</v>
      </c>
      <c r="B808" t="s">
        <v>4243</v>
      </c>
      <c r="C808" t="s">
        <v>4244</v>
      </c>
      <c r="E808">
        <v>1</v>
      </c>
      <c r="F808">
        <v>1</v>
      </c>
      <c r="H808" t="s">
        <v>4245</v>
      </c>
      <c r="J808" t="s">
        <v>4246</v>
      </c>
      <c r="O808">
        <v>649692</v>
      </c>
      <c r="P808">
        <v>1</v>
      </c>
      <c r="Q808">
        <v>2</v>
      </c>
      <c r="R808" t="s">
        <v>4247</v>
      </c>
      <c r="S808">
        <v>959</v>
      </c>
    </row>
    <row r="809" spans="1:19" x14ac:dyDescent="0.25">
      <c r="A809">
        <v>39611219</v>
      </c>
      <c r="B809" t="s">
        <v>4248</v>
      </c>
      <c r="C809" s="1" t="s">
        <v>4249</v>
      </c>
      <c r="E809">
        <v>0</v>
      </c>
      <c r="F809">
        <v>3</v>
      </c>
      <c r="H809" t="s">
        <v>4250</v>
      </c>
      <c r="J809" t="s">
        <v>4251</v>
      </c>
      <c r="K809" t="s">
        <v>4251</v>
      </c>
      <c r="M809">
        <v>2069707</v>
      </c>
      <c r="O809">
        <v>6857251</v>
      </c>
      <c r="P809">
        <v>1</v>
      </c>
      <c r="Q809">
        <v>0</v>
      </c>
      <c r="R809" t="s">
        <v>4252</v>
      </c>
      <c r="S809">
        <v>91</v>
      </c>
    </row>
    <row r="810" spans="1:19" x14ac:dyDescent="0.25">
      <c r="A810">
        <v>2400828</v>
      </c>
      <c r="B810" t="s">
        <v>4253</v>
      </c>
      <c r="C810" s="1" t="s">
        <v>4254</v>
      </c>
      <c r="D810">
        <v>2400867</v>
      </c>
      <c r="E810">
        <v>13</v>
      </c>
      <c r="F810">
        <v>0</v>
      </c>
      <c r="H810" t="s">
        <v>4255</v>
      </c>
      <c r="I810">
        <v>34</v>
      </c>
      <c r="J810" t="s">
        <v>4256</v>
      </c>
      <c r="K810" t="s">
        <v>4257</v>
      </c>
      <c r="M810">
        <v>21234</v>
      </c>
      <c r="O810">
        <v>238052</v>
      </c>
      <c r="P810">
        <v>1</v>
      </c>
      <c r="Q810">
        <v>79</v>
      </c>
      <c r="R810" t="s">
        <v>4258</v>
      </c>
      <c r="S810">
        <v>59147</v>
      </c>
    </row>
    <row r="811" spans="1:19" x14ac:dyDescent="0.25">
      <c r="A811">
        <v>33668365</v>
      </c>
      <c r="B811" t="s">
        <v>4259</v>
      </c>
      <c r="C811" s="1" t="s">
        <v>4260</v>
      </c>
      <c r="D811">
        <v>33690281</v>
      </c>
      <c r="E811">
        <v>3</v>
      </c>
      <c r="F811">
        <v>1</v>
      </c>
      <c r="H811" t="s">
        <v>4261</v>
      </c>
      <c r="I811">
        <v>1</v>
      </c>
      <c r="J811" t="s">
        <v>4262</v>
      </c>
      <c r="K811" t="s">
        <v>4263</v>
      </c>
      <c r="M811">
        <v>1785804</v>
      </c>
      <c r="O811">
        <v>1785804</v>
      </c>
      <c r="P811">
        <v>1</v>
      </c>
      <c r="Q811">
        <v>5</v>
      </c>
      <c r="R811" t="s">
        <v>4264</v>
      </c>
      <c r="S811">
        <v>4126</v>
      </c>
    </row>
    <row r="812" spans="1:19" x14ac:dyDescent="0.25">
      <c r="A812">
        <v>38462364</v>
      </c>
      <c r="B812" t="s">
        <v>4265</v>
      </c>
      <c r="C812" s="1" t="s">
        <v>4266</v>
      </c>
      <c r="E812">
        <v>1</v>
      </c>
      <c r="F812">
        <v>3</v>
      </c>
      <c r="H812" t="s">
        <v>4267</v>
      </c>
      <c r="J812" t="s">
        <v>4268</v>
      </c>
      <c r="O812">
        <v>3501515</v>
      </c>
      <c r="P812">
        <v>1</v>
      </c>
      <c r="Q812">
        <v>1</v>
      </c>
      <c r="R812" t="s">
        <v>4269</v>
      </c>
      <c r="S812">
        <v>538</v>
      </c>
    </row>
    <row r="813" spans="1:19" x14ac:dyDescent="0.25">
      <c r="A813">
        <v>30896262</v>
      </c>
      <c r="B813" t="s">
        <v>4270</v>
      </c>
      <c r="C813" s="1" t="s">
        <v>4271</v>
      </c>
      <c r="D813">
        <v>30902241</v>
      </c>
      <c r="E813">
        <v>1</v>
      </c>
      <c r="F813">
        <v>2</v>
      </c>
      <c r="H813" t="s">
        <v>4272</v>
      </c>
      <c r="J813" t="s">
        <v>4273</v>
      </c>
      <c r="O813">
        <v>3195199</v>
      </c>
      <c r="P813">
        <v>1</v>
      </c>
      <c r="Q813">
        <v>0</v>
      </c>
      <c r="R813" t="s">
        <v>4274</v>
      </c>
      <c r="S813">
        <v>60</v>
      </c>
    </row>
    <row r="814" spans="1:19" x14ac:dyDescent="0.25">
      <c r="A814">
        <v>21144401</v>
      </c>
      <c r="B814" t="s">
        <v>4275</v>
      </c>
      <c r="C814" s="1" t="s">
        <v>4276</v>
      </c>
      <c r="E814">
        <v>0</v>
      </c>
      <c r="F814">
        <v>5</v>
      </c>
      <c r="H814" t="s">
        <v>4277</v>
      </c>
      <c r="I814">
        <v>1</v>
      </c>
      <c r="J814" t="s">
        <v>4278</v>
      </c>
      <c r="K814" t="s">
        <v>4278</v>
      </c>
      <c r="M814">
        <v>1195273</v>
      </c>
      <c r="O814">
        <v>1195273</v>
      </c>
      <c r="P814">
        <v>1</v>
      </c>
      <c r="Q814">
        <v>0</v>
      </c>
      <c r="R814" t="s">
        <v>4279</v>
      </c>
      <c r="S814">
        <v>70</v>
      </c>
    </row>
    <row r="815" spans="1:19" x14ac:dyDescent="0.25">
      <c r="A815">
        <v>17414776</v>
      </c>
      <c r="B815" t="s">
        <v>4280</v>
      </c>
      <c r="C815" s="1" t="s">
        <v>4281</v>
      </c>
      <c r="D815">
        <v>17415028</v>
      </c>
      <c r="E815">
        <v>7</v>
      </c>
      <c r="F815">
        <v>0</v>
      </c>
      <c r="H815" t="s">
        <v>4282</v>
      </c>
      <c r="I815">
        <v>31</v>
      </c>
      <c r="J815" t="s">
        <v>4283</v>
      </c>
      <c r="O815">
        <v>1036500</v>
      </c>
      <c r="P815">
        <v>1</v>
      </c>
      <c r="Q815">
        <v>115</v>
      </c>
      <c r="R815" t="s">
        <v>4284</v>
      </c>
      <c r="S815">
        <v>98235</v>
      </c>
    </row>
    <row r="816" spans="1:19" x14ac:dyDescent="0.25">
      <c r="A816">
        <v>12861129</v>
      </c>
      <c r="B816" t="s">
        <v>4285</v>
      </c>
      <c r="C816" s="1" t="s">
        <v>4286</v>
      </c>
      <c r="D816">
        <v>12868870</v>
      </c>
      <c r="E816">
        <v>1</v>
      </c>
      <c r="F816">
        <v>0</v>
      </c>
      <c r="H816" t="s">
        <v>4287</v>
      </c>
      <c r="I816">
        <v>2</v>
      </c>
      <c r="J816" t="s">
        <v>4288</v>
      </c>
      <c r="K816" t="s">
        <v>4288</v>
      </c>
      <c r="M816">
        <v>542270</v>
      </c>
      <c r="O816">
        <v>517781</v>
      </c>
      <c r="P816">
        <v>1</v>
      </c>
      <c r="Q816">
        <v>2</v>
      </c>
      <c r="R816" t="s">
        <v>4289</v>
      </c>
      <c r="S816">
        <v>942</v>
      </c>
    </row>
    <row r="817" spans="1:19" x14ac:dyDescent="0.25">
      <c r="A817">
        <v>11571415</v>
      </c>
      <c r="B817" t="s">
        <v>4290</v>
      </c>
      <c r="C817" s="1" t="s">
        <v>4291</v>
      </c>
      <c r="E817">
        <v>1</v>
      </c>
      <c r="F817">
        <v>2</v>
      </c>
      <c r="H817" t="s">
        <v>4292</v>
      </c>
      <c r="J817" t="s">
        <v>4293</v>
      </c>
      <c r="O817">
        <v>1539434</v>
      </c>
      <c r="P817">
        <v>1</v>
      </c>
      <c r="Q817">
        <v>0</v>
      </c>
      <c r="R817" t="s">
        <v>4294</v>
      </c>
      <c r="S817">
        <v>697</v>
      </c>
    </row>
    <row r="818" spans="1:19" x14ac:dyDescent="0.25">
      <c r="A818">
        <v>16508200</v>
      </c>
      <c r="B818" t="s">
        <v>4295</v>
      </c>
      <c r="C818" t="s">
        <v>4296</v>
      </c>
      <c r="D818">
        <v>16509149</v>
      </c>
      <c r="E818">
        <v>1</v>
      </c>
      <c r="F818">
        <v>4</v>
      </c>
      <c r="H818" t="s">
        <v>4297</v>
      </c>
      <c r="I818">
        <v>1</v>
      </c>
      <c r="J818" t="s">
        <v>4298</v>
      </c>
      <c r="O818">
        <v>521070</v>
      </c>
      <c r="P818">
        <v>1</v>
      </c>
      <c r="Q818">
        <v>12</v>
      </c>
      <c r="R818" t="s">
        <v>4299</v>
      </c>
      <c r="S818">
        <v>1632</v>
      </c>
    </row>
    <row r="819" spans="1:19" x14ac:dyDescent="0.25">
      <c r="A819">
        <v>44303189</v>
      </c>
      <c r="B819" t="s">
        <v>4300</v>
      </c>
      <c r="C819" s="1" t="s">
        <v>4301</v>
      </c>
      <c r="D819">
        <v>44304586</v>
      </c>
      <c r="E819">
        <v>4</v>
      </c>
      <c r="F819">
        <v>6</v>
      </c>
      <c r="H819" t="s">
        <v>4302</v>
      </c>
      <c r="I819">
        <v>4</v>
      </c>
      <c r="J819" t="s">
        <v>4303</v>
      </c>
      <c r="K819" t="s">
        <v>4304</v>
      </c>
      <c r="M819">
        <v>555336</v>
      </c>
      <c r="O819">
        <v>555336</v>
      </c>
      <c r="P819">
        <v>1</v>
      </c>
      <c r="Q819">
        <v>5</v>
      </c>
      <c r="R819" t="s">
        <v>4305</v>
      </c>
      <c r="S819">
        <v>1026</v>
      </c>
    </row>
    <row r="820" spans="1:19" x14ac:dyDescent="0.25">
      <c r="A820">
        <v>19666138</v>
      </c>
      <c r="B820" t="s">
        <v>4306</v>
      </c>
      <c r="C820" s="1" t="s">
        <v>4307</v>
      </c>
      <c r="E820">
        <v>2</v>
      </c>
      <c r="F820">
        <v>1</v>
      </c>
      <c r="H820" t="s">
        <v>4308</v>
      </c>
      <c r="J820" t="s">
        <v>4309</v>
      </c>
      <c r="K820" t="s">
        <v>4310</v>
      </c>
      <c r="M820">
        <v>1324</v>
      </c>
      <c r="O820">
        <v>2933125</v>
      </c>
      <c r="P820">
        <v>1</v>
      </c>
      <c r="Q820">
        <v>0</v>
      </c>
      <c r="R820" t="s">
        <v>4311</v>
      </c>
      <c r="S820">
        <v>59</v>
      </c>
    </row>
    <row r="821" spans="1:19" x14ac:dyDescent="0.25">
      <c r="A821">
        <v>40752131</v>
      </c>
      <c r="B821" t="s">
        <v>4312</v>
      </c>
      <c r="C821" s="1" t="s">
        <v>4313</v>
      </c>
      <c r="D821">
        <v>40756038</v>
      </c>
      <c r="E821">
        <v>1</v>
      </c>
      <c r="F821">
        <v>0</v>
      </c>
      <c r="H821" t="s">
        <v>4314</v>
      </c>
      <c r="I821">
        <v>1</v>
      </c>
      <c r="J821" t="s">
        <v>4315</v>
      </c>
      <c r="K821" t="s">
        <v>4316</v>
      </c>
      <c r="M821">
        <v>3613931</v>
      </c>
      <c r="O821">
        <v>3613931</v>
      </c>
      <c r="P821">
        <v>1</v>
      </c>
      <c r="Q821">
        <v>1</v>
      </c>
      <c r="R821" t="s">
        <v>4317</v>
      </c>
      <c r="S821">
        <v>395</v>
      </c>
    </row>
    <row r="822" spans="1:19" x14ac:dyDescent="0.25">
      <c r="A822">
        <v>15696396</v>
      </c>
      <c r="B822" t="s">
        <v>4318</v>
      </c>
      <c r="C822" s="1" t="s">
        <v>4319</v>
      </c>
      <c r="E822">
        <v>0</v>
      </c>
      <c r="F822">
        <v>3</v>
      </c>
      <c r="H822" t="s">
        <v>4320</v>
      </c>
      <c r="J822" t="s">
        <v>4321</v>
      </c>
      <c r="K822" t="s">
        <v>4321</v>
      </c>
      <c r="M822">
        <v>1839777</v>
      </c>
      <c r="O822">
        <v>2218373</v>
      </c>
      <c r="P822">
        <v>1</v>
      </c>
      <c r="Q822">
        <v>1</v>
      </c>
      <c r="R822" t="s">
        <v>4322</v>
      </c>
      <c r="S822">
        <v>470</v>
      </c>
    </row>
    <row r="823" spans="1:19" x14ac:dyDescent="0.25">
      <c r="A823">
        <v>37750903</v>
      </c>
      <c r="B823" t="s">
        <v>4323</v>
      </c>
      <c r="C823" s="1" t="s">
        <v>4324</v>
      </c>
      <c r="D823">
        <v>37754785</v>
      </c>
      <c r="E823">
        <v>2</v>
      </c>
      <c r="F823">
        <v>4</v>
      </c>
      <c r="H823" t="s">
        <v>4325</v>
      </c>
      <c r="J823" t="s">
        <v>4326</v>
      </c>
      <c r="K823" t="s">
        <v>4327</v>
      </c>
      <c r="M823">
        <v>2402272</v>
      </c>
      <c r="O823">
        <v>4082675</v>
      </c>
      <c r="P823">
        <v>1</v>
      </c>
      <c r="Q823">
        <v>0</v>
      </c>
      <c r="R823" t="s">
        <v>4328</v>
      </c>
      <c r="S823">
        <v>133</v>
      </c>
    </row>
    <row r="824" spans="1:19" x14ac:dyDescent="0.25">
      <c r="A824">
        <v>20944121</v>
      </c>
      <c r="B824" t="s">
        <v>4329</v>
      </c>
      <c r="C824" s="1" t="s">
        <v>4330</v>
      </c>
      <c r="E824">
        <v>1</v>
      </c>
      <c r="F824">
        <v>5</v>
      </c>
      <c r="H824" t="s">
        <v>4331</v>
      </c>
      <c r="J824" t="s">
        <v>4332</v>
      </c>
      <c r="K824" t="s">
        <v>4333</v>
      </c>
      <c r="M824">
        <v>2902661</v>
      </c>
      <c r="O824">
        <v>3164330</v>
      </c>
      <c r="P824">
        <v>1</v>
      </c>
      <c r="Q824">
        <v>0</v>
      </c>
      <c r="R824" t="s">
        <v>989</v>
      </c>
      <c r="S824">
        <v>132</v>
      </c>
    </row>
    <row r="825" spans="1:19" x14ac:dyDescent="0.25">
      <c r="A825">
        <v>33611534</v>
      </c>
      <c r="B825" t="s">
        <v>4334</v>
      </c>
      <c r="C825" s="1" t="s">
        <v>4335</v>
      </c>
      <c r="E825">
        <v>0</v>
      </c>
      <c r="F825">
        <v>1</v>
      </c>
      <c r="H825" t="s">
        <v>4336</v>
      </c>
      <c r="J825" t="s">
        <v>4336</v>
      </c>
      <c r="O825">
        <v>4220923</v>
      </c>
      <c r="P825">
        <v>1</v>
      </c>
      <c r="Q825">
        <v>1</v>
      </c>
      <c r="R825" t="s">
        <v>4337</v>
      </c>
      <c r="S825">
        <v>40</v>
      </c>
    </row>
    <row r="826" spans="1:19" x14ac:dyDescent="0.25">
      <c r="A826">
        <v>47632230</v>
      </c>
      <c r="B826" t="s">
        <v>4338</v>
      </c>
      <c r="C826" s="1" t="s">
        <v>4339</v>
      </c>
      <c r="D826">
        <v>47633246</v>
      </c>
      <c r="E826">
        <v>1</v>
      </c>
      <c r="F826">
        <v>4</v>
      </c>
      <c r="H826" t="s">
        <v>4340</v>
      </c>
      <c r="I826">
        <v>2</v>
      </c>
      <c r="J826" t="s">
        <v>4341</v>
      </c>
      <c r="K826" t="s">
        <v>4342</v>
      </c>
      <c r="M826">
        <v>9038255</v>
      </c>
      <c r="O826">
        <v>9038255</v>
      </c>
      <c r="P826">
        <v>1</v>
      </c>
      <c r="Q826">
        <v>-1</v>
      </c>
      <c r="R826" t="s">
        <v>819</v>
      </c>
      <c r="S826">
        <v>128</v>
      </c>
    </row>
    <row r="827" spans="1:19" x14ac:dyDescent="0.25">
      <c r="A827">
        <v>47480221</v>
      </c>
      <c r="B827" t="s">
        <v>4343</v>
      </c>
      <c r="C827" s="1" t="s">
        <v>4344</v>
      </c>
      <c r="D827">
        <v>47481661</v>
      </c>
      <c r="E827">
        <v>1</v>
      </c>
      <c r="F827">
        <v>2</v>
      </c>
      <c r="H827" t="s">
        <v>4345</v>
      </c>
      <c r="J827" t="s">
        <v>4346</v>
      </c>
      <c r="O827">
        <v>5530553</v>
      </c>
      <c r="P827">
        <v>1</v>
      </c>
      <c r="Q827">
        <v>0</v>
      </c>
      <c r="R827" t="s">
        <v>4347</v>
      </c>
      <c r="S827">
        <v>43</v>
      </c>
    </row>
    <row r="828" spans="1:19" x14ac:dyDescent="0.25">
      <c r="A828">
        <v>31581106</v>
      </c>
      <c r="B828" t="s">
        <v>4348</v>
      </c>
      <c r="C828" s="1" t="s">
        <v>4349</v>
      </c>
      <c r="E828">
        <v>0</v>
      </c>
      <c r="F828">
        <v>1</v>
      </c>
      <c r="H828" t="s">
        <v>4350</v>
      </c>
      <c r="I828">
        <v>2</v>
      </c>
      <c r="J828" t="s">
        <v>4350</v>
      </c>
      <c r="O828">
        <v>3909196</v>
      </c>
      <c r="P828">
        <v>1</v>
      </c>
      <c r="Q828">
        <v>2</v>
      </c>
      <c r="R828" t="s">
        <v>4351</v>
      </c>
      <c r="S828">
        <v>251</v>
      </c>
    </row>
    <row r="829" spans="1:19" x14ac:dyDescent="0.25">
      <c r="A829">
        <v>24251089</v>
      </c>
      <c r="B829" t="s">
        <v>4352</v>
      </c>
      <c r="C829" s="1" t="s">
        <v>4353</v>
      </c>
      <c r="E829">
        <v>2</v>
      </c>
      <c r="F829">
        <v>1</v>
      </c>
      <c r="H829" t="s">
        <v>4354</v>
      </c>
      <c r="I829">
        <v>1</v>
      </c>
      <c r="J829" t="s">
        <v>4355</v>
      </c>
      <c r="K829" t="s">
        <v>4356</v>
      </c>
      <c r="M829">
        <v>2747829</v>
      </c>
      <c r="O829">
        <v>2747829</v>
      </c>
      <c r="P829">
        <v>1</v>
      </c>
      <c r="Q829">
        <v>0</v>
      </c>
      <c r="R829" t="s">
        <v>4357</v>
      </c>
      <c r="S829">
        <v>36</v>
      </c>
    </row>
    <row r="830" spans="1:19" x14ac:dyDescent="0.25">
      <c r="A830">
        <v>25619061</v>
      </c>
      <c r="B830" t="s">
        <v>4358</v>
      </c>
      <c r="C830" s="1" t="s">
        <v>4359</v>
      </c>
      <c r="D830">
        <v>25619135</v>
      </c>
      <c r="E830">
        <v>4</v>
      </c>
      <c r="F830">
        <v>0</v>
      </c>
      <c r="H830" t="s">
        <v>4360</v>
      </c>
      <c r="J830" t="s">
        <v>4361</v>
      </c>
      <c r="O830">
        <v>900284</v>
      </c>
      <c r="P830">
        <v>1</v>
      </c>
      <c r="Q830">
        <v>0</v>
      </c>
      <c r="R830" t="s">
        <v>3453</v>
      </c>
      <c r="S830">
        <v>28</v>
      </c>
    </row>
    <row r="831" spans="1:19" x14ac:dyDescent="0.25">
      <c r="A831">
        <v>33405839</v>
      </c>
      <c r="B831" t="s">
        <v>4362</v>
      </c>
      <c r="C831" s="1" t="s">
        <v>4363</v>
      </c>
      <c r="E831">
        <v>1</v>
      </c>
      <c r="F831">
        <v>4</v>
      </c>
      <c r="H831" t="s">
        <v>4364</v>
      </c>
      <c r="J831" t="s">
        <v>4365</v>
      </c>
      <c r="K831" t="s">
        <v>4366</v>
      </c>
      <c r="M831">
        <v>5284246</v>
      </c>
      <c r="O831">
        <v>4437867</v>
      </c>
      <c r="P831">
        <v>1</v>
      </c>
      <c r="Q831">
        <v>0</v>
      </c>
      <c r="R831" t="s">
        <v>4367</v>
      </c>
      <c r="S831">
        <v>128</v>
      </c>
    </row>
    <row r="832" spans="1:19" x14ac:dyDescent="0.25">
      <c r="A832">
        <v>50148245</v>
      </c>
      <c r="B832" t="s">
        <v>4368</v>
      </c>
      <c r="C832" s="1" t="s">
        <v>4369</v>
      </c>
      <c r="E832">
        <v>0</v>
      </c>
      <c r="F832">
        <v>3</v>
      </c>
      <c r="H832" t="s">
        <v>4370</v>
      </c>
      <c r="J832" t="s">
        <v>4370</v>
      </c>
      <c r="O832">
        <v>9733629</v>
      </c>
      <c r="P832">
        <v>1</v>
      </c>
      <c r="Q832">
        <v>0</v>
      </c>
      <c r="R832" t="s">
        <v>4371</v>
      </c>
      <c r="S832">
        <v>26</v>
      </c>
    </row>
    <row r="833" spans="1:19" x14ac:dyDescent="0.25">
      <c r="A833">
        <v>31912408</v>
      </c>
      <c r="B833" t="s">
        <v>4372</v>
      </c>
      <c r="C833" s="1" t="s">
        <v>4373</v>
      </c>
      <c r="E833">
        <v>0</v>
      </c>
      <c r="F833">
        <v>0</v>
      </c>
      <c r="H833" t="s">
        <v>4374</v>
      </c>
      <c r="J833" t="s">
        <v>4375</v>
      </c>
      <c r="O833">
        <v>1688414</v>
      </c>
      <c r="P833">
        <v>1</v>
      </c>
      <c r="Q833">
        <v>1</v>
      </c>
      <c r="R833" t="s">
        <v>4376</v>
      </c>
      <c r="S833">
        <v>48</v>
      </c>
    </row>
    <row r="834" spans="1:19" x14ac:dyDescent="0.25">
      <c r="A834">
        <v>18407087</v>
      </c>
      <c r="B834" t="s">
        <v>4377</v>
      </c>
      <c r="C834" s="1" t="s">
        <v>4378</v>
      </c>
      <c r="E834">
        <v>1</v>
      </c>
      <c r="F834">
        <v>5</v>
      </c>
      <c r="H834" t="s">
        <v>4379</v>
      </c>
      <c r="J834" t="s">
        <v>4380</v>
      </c>
      <c r="N834" t="s">
        <v>4381</v>
      </c>
      <c r="O834">
        <v>2656889</v>
      </c>
      <c r="P834">
        <v>1</v>
      </c>
      <c r="Q834">
        <v>1</v>
      </c>
      <c r="R834" t="s">
        <v>4382</v>
      </c>
      <c r="S834">
        <v>99</v>
      </c>
    </row>
    <row r="835" spans="1:19" x14ac:dyDescent="0.25">
      <c r="A835">
        <v>31332266</v>
      </c>
      <c r="B835" t="s">
        <v>4383</v>
      </c>
      <c r="C835" s="1" t="s">
        <v>4384</v>
      </c>
      <c r="E835">
        <v>0</v>
      </c>
      <c r="F835">
        <v>5</v>
      </c>
      <c r="H835" t="s">
        <v>4385</v>
      </c>
      <c r="J835" t="s">
        <v>4386</v>
      </c>
      <c r="K835" t="s">
        <v>4386</v>
      </c>
      <c r="M835">
        <v>1265535</v>
      </c>
      <c r="O835">
        <v>1265535</v>
      </c>
      <c r="P835">
        <v>1</v>
      </c>
      <c r="Q835">
        <v>1</v>
      </c>
      <c r="R835" t="s">
        <v>4387</v>
      </c>
      <c r="S835">
        <v>113</v>
      </c>
    </row>
    <row r="836" spans="1:19" x14ac:dyDescent="0.25">
      <c r="A836">
        <v>24193487</v>
      </c>
      <c r="B836" t="s">
        <v>4388</v>
      </c>
      <c r="C836" s="1" t="s">
        <v>4389</v>
      </c>
      <c r="E836">
        <v>3</v>
      </c>
      <c r="F836">
        <v>3</v>
      </c>
      <c r="H836" t="s">
        <v>4390</v>
      </c>
      <c r="J836" t="s">
        <v>4391</v>
      </c>
      <c r="K836" t="s">
        <v>4392</v>
      </c>
      <c r="M836">
        <v>1639556</v>
      </c>
      <c r="O836">
        <v>3414980</v>
      </c>
      <c r="P836">
        <v>1</v>
      </c>
      <c r="Q836">
        <v>0</v>
      </c>
      <c r="R836" t="s">
        <v>4393</v>
      </c>
      <c r="S836">
        <v>690</v>
      </c>
    </row>
    <row r="837" spans="1:19" x14ac:dyDescent="0.25">
      <c r="A837">
        <v>29997354</v>
      </c>
      <c r="B837" t="s">
        <v>4394</v>
      </c>
      <c r="C837" s="1" t="s">
        <v>4395</v>
      </c>
      <c r="D837">
        <v>29997459</v>
      </c>
      <c r="E837">
        <v>1</v>
      </c>
      <c r="F837">
        <v>0</v>
      </c>
      <c r="H837" t="s">
        <v>4396</v>
      </c>
      <c r="J837" t="s">
        <v>4397</v>
      </c>
      <c r="O837">
        <v>4660984</v>
      </c>
      <c r="P837">
        <v>1</v>
      </c>
      <c r="Q837">
        <v>0</v>
      </c>
      <c r="R837" t="s">
        <v>4398</v>
      </c>
      <c r="S837">
        <v>41</v>
      </c>
    </row>
    <row r="838" spans="1:19" x14ac:dyDescent="0.25">
      <c r="A838">
        <v>37725393</v>
      </c>
      <c r="B838" t="s">
        <v>4399</v>
      </c>
      <c r="C838" s="1" t="s">
        <v>4400</v>
      </c>
      <c r="E838">
        <v>4</v>
      </c>
      <c r="F838">
        <v>3</v>
      </c>
      <c r="H838" t="s">
        <v>4401</v>
      </c>
      <c r="J838" t="s">
        <v>4402</v>
      </c>
      <c r="K838" t="s">
        <v>4403</v>
      </c>
      <c r="M838">
        <v>4062354</v>
      </c>
      <c r="O838">
        <v>6365749</v>
      </c>
      <c r="P838">
        <v>1</v>
      </c>
      <c r="Q838">
        <v>-1</v>
      </c>
      <c r="R838" t="s">
        <v>4404</v>
      </c>
      <c r="S838">
        <v>154</v>
      </c>
    </row>
    <row r="839" spans="1:19" x14ac:dyDescent="0.25">
      <c r="A839">
        <v>41021200</v>
      </c>
      <c r="B839" t="s">
        <v>4405</v>
      </c>
      <c r="C839" s="1" t="s">
        <v>4406</v>
      </c>
      <c r="D839">
        <v>41021996</v>
      </c>
      <c r="E839">
        <v>1</v>
      </c>
      <c r="F839">
        <v>4</v>
      </c>
      <c r="H839" t="s">
        <v>4407</v>
      </c>
      <c r="I839">
        <v>0</v>
      </c>
      <c r="J839" t="s">
        <v>4408</v>
      </c>
      <c r="O839">
        <v>6530540</v>
      </c>
      <c r="P839">
        <v>1</v>
      </c>
      <c r="Q839">
        <v>1</v>
      </c>
      <c r="R839" t="s">
        <v>4409</v>
      </c>
      <c r="S839">
        <v>70</v>
      </c>
    </row>
    <row r="840" spans="1:19" x14ac:dyDescent="0.25">
      <c r="A840">
        <v>53379202</v>
      </c>
      <c r="B840" t="s">
        <v>4410</v>
      </c>
      <c r="C840" s="1" t="s">
        <v>4411</v>
      </c>
      <c r="D840">
        <v>53380873</v>
      </c>
      <c r="E840">
        <v>2</v>
      </c>
      <c r="F840">
        <v>0</v>
      </c>
      <c r="H840" t="s">
        <v>4412</v>
      </c>
      <c r="J840" t="s">
        <v>4413</v>
      </c>
      <c r="O840">
        <v>2654773</v>
      </c>
      <c r="P840">
        <v>1</v>
      </c>
      <c r="Q840">
        <v>0</v>
      </c>
      <c r="R840" t="s">
        <v>4414</v>
      </c>
      <c r="S840">
        <v>24</v>
      </c>
    </row>
    <row r="841" spans="1:19" x14ac:dyDescent="0.25">
      <c r="A841">
        <v>20092284</v>
      </c>
      <c r="B841" t="s">
        <v>4415</v>
      </c>
      <c r="C841" s="1" t="s">
        <v>4416</v>
      </c>
      <c r="E841">
        <v>1</v>
      </c>
      <c r="F841">
        <v>2</v>
      </c>
      <c r="H841" t="s">
        <v>4417</v>
      </c>
      <c r="J841" t="s">
        <v>4418</v>
      </c>
      <c r="K841" t="s">
        <v>4419</v>
      </c>
      <c r="M841">
        <v>2889058</v>
      </c>
      <c r="O841">
        <v>2889058</v>
      </c>
      <c r="P841">
        <v>1</v>
      </c>
      <c r="Q841">
        <v>-1</v>
      </c>
      <c r="R841" t="s">
        <v>2494</v>
      </c>
      <c r="S841">
        <v>28</v>
      </c>
    </row>
    <row r="842" spans="1:19" x14ac:dyDescent="0.25">
      <c r="A842">
        <v>8081571</v>
      </c>
      <c r="B842" t="s">
        <v>4420</v>
      </c>
      <c r="C842" s="1" t="s">
        <v>4421</v>
      </c>
      <c r="E842">
        <v>3</v>
      </c>
      <c r="F842">
        <v>1</v>
      </c>
      <c r="H842" t="s">
        <v>4422</v>
      </c>
      <c r="J842" t="s">
        <v>4423</v>
      </c>
      <c r="K842" t="s">
        <v>4423</v>
      </c>
      <c r="M842">
        <v>85821</v>
      </c>
      <c r="O842">
        <v>85821</v>
      </c>
      <c r="P842">
        <v>1</v>
      </c>
      <c r="Q842">
        <v>1</v>
      </c>
      <c r="R842" t="s">
        <v>4424</v>
      </c>
      <c r="S842">
        <v>284</v>
      </c>
    </row>
    <row r="843" spans="1:19" x14ac:dyDescent="0.25">
      <c r="A843">
        <v>7059697</v>
      </c>
      <c r="B843" t="s">
        <v>4425</v>
      </c>
      <c r="C843" s="1" t="s">
        <v>4426</v>
      </c>
      <c r="E843">
        <v>2</v>
      </c>
      <c r="F843">
        <v>0</v>
      </c>
      <c r="H843" t="s">
        <v>4427</v>
      </c>
      <c r="J843" t="s">
        <v>4428</v>
      </c>
      <c r="O843">
        <v>722531</v>
      </c>
      <c r="P843">
        <v>1</v>
      </c>
      <c r="Q843">
        <v>3</v>
      </c>
      <c r="R843" t="s">
        <v>4429</v>
      </c>
      <c r="S843">
        <v>731</v>
      </c>
    </row>
    <row r="844" spans="1:19" x14ac:dyDescent="0.25">
      <c r="A844">
        <v>47108869</v>
      </c>
      <c r="B844" t="s">
        <v>4430</v>
      </c>
      <c r="C844" s="1" t="s">
        <v>4431</v>
      </c>
      <c r="E844">
        <v>2</v>
      </c>
      <c r="F844">
        <v>2</v>
      </c>
      <c r="H844" t="s">
        <v>4432</v>
      </c>
      <c r="J844" t="s">
        <v>4433</v>
      </c>
      <c r="K844" t="s">
        <v>4434</v>
      </c>
      <c r="M844">
        <v>8884551</v>
      </c>
      <c r="O844">
        <v>8884551</v>
      </c>
      <c r="P844">
        <v>1</v>
      </c>
      <c r="Q844">
        <v>-1</v>
      </c>
      <c r="R844" t="s">
        <v>4435</v>
      </c>
      <c r="S844">
        <v>183</v>
      </c>
    </row>
    <row r="845" spans="1:19" x14ac:dyDescent="0.25">
      <c r="A845">
        <v>29515006</v>
      </c>
      <c r="B845" t="s">
        <v>4436</v>
      </c>
      <c r="C845" s="1" t="s">
        <v>4437</v>
      </c>
      <c r="D845">
        <v>49856822</v>
      </c>
      <c r="E845">
        <v>2</v>
      </c>
      <c r="F845">
        <v>4</v>
      </c>
      <c r="H845" t="s">
        <v>4438</v>
      </c>
      <c r="I845">
        <v>1</v>
      </c>
      <c r="J845" t="s">
        <v>4439</v>
      </c>
      <c r="K845" t="s">
        <v>4440</v>
      </c>
      <c r="M845">
        <v>4247477</v>
      </c>
      <c r="O845">
        <v>4247477</v>
      </c>
      <c r="P845">
        <v>1</v>
      </c>
      <c r="Q845">
        <v>39</v>
      </c>
      <c r="R845" t="s">
        <v>4441</v>
      </c>
      <c r="S845">
        <v>1204</v>
      </c>
    </row>
    <row r="846" spans="1:19" x14ac:dyDescent="0.25">
      <c r="A846">
        <v>35486112</v>
      </c>
      <c r="B846" t="s">
        <v>4442</v>
      </c>
      <c r="C846" s="1" t="s">
        <v>4443</v>
      </c>
      <c r="D846">
        <v>35486323</v>
      </c>
      <c r="E846">
        <v>1</v>
      </c>
      <c r="F846">
        <v>1</v>
      </c>
      <c r="H846" t="s">
        <v>4444</v>
      </c>
      <c r="J846" t="s">
        <v>4445</v>
      </c>
      <c r="K846" t="s">
        <v>4446</v>
      </c>
      <c r="M846">
        <v>-1</v>
      </c>
      <c r="O846">
        <v>5246145</v>
      </c>
      <c r="P846">
        <v>1</v>
      </c>
      <c r="Q846">
        <v>0</v>
      </c>
      <c r="R846" t="s">
        <v>4447</v>
      </c>
      <c r="S846">
        <v>269</v>
      </c>
    </row>
    <row r="847" spans="1:19" x14ac:dyDescent="0.25">
      <c r="A847">
        <v>27475866</v>
      </c>
      <c r="B847" t="s">
        <v>4448</v>
      </c>
      <c r="C847" s="1" t="s">
        <v>4449</v>
      </c>
      <c r="E847">
        <v>2</v>
      </c>
      <c r="F847">
        <v>7</v>
      </c>
      <c r="H847" t="s">
        <v>4450</v>
      </c>
      <c r="I847">
        <v>0</v>
      </c>
      <c r="J847" t="s">
        <v>4451</v>
      </c>
      <c r="K847" t="s">
        <v>4451</v>
      </c>
      <c r="M847">
        <v>19679</v>
      </c>
      <c r="O847">
        <v>4350685</v>
      </c>
      <c r="P847">
        <v>1</v>
      </c>
      <c r="Q847">
        <v>0</v>
      </c>
      <c r="R847" t="s">
        <v>4452</v>
      </c>
      <c r="S847">
        <v>246</v>
      </c>
    </row>
    <row r="848" spans="1:19" x14ac:dyDescent="0.25">
      <c r="A848">
        <v>28843735</v>
      </c>
      <c r="B848" t="s">
        <v>4453</v>
      </c>
      <c r="C848" s="1" t="s">
        <v>4454</v>
      </c>
      <c r="D848">
        <v>28844605</v>
      </c>
      <c r="E848">
        <v>4</v>
      </c>
      <c r="F848">
        <v>1</v>
      </c>
      <c r="H848" t="s">
        <v>4455</v>
      </c>
      <c r="J848" t="s">
        <v>4456</v>
      </c>
      <c r="O848">
        <v>131930</v>
      </c>
      <c r="P848">
        <v>1</v>
      </c>
      <c r="Q848">
        <v>3</v>
      </c>
      <c r="R848" t="s">
        <v>4457</v>
      </c>
      <c r="S848">
        <v>490</v>
      </c>
    </row>
    <row r="849" spans="1:19" x14ac:dyDescent="0.25">
      <c r="A849">
        <v>14511285</v>
      </c>
      <c r="B849" t="s">
        <v>4458</v>
      </c>
      <c r="C849" s="1" t="s">
        <v>4459</v>
      </c>
      <c r="E849">
        <v>1</v>
      </c>
      <c r="F849">
        <v>0</v>
      </c>
      <c r="H849" t="s">
        <v>4460</v>
      </c>
      <c r="J849" t="s">
        <v>4461</v>
      </c>
      <c r="O849">
        <v>1452067</v>
      </c>
      <c r="P849">
        <v>1</v>
      </c>
      <c r="Q849">
        <v>0</v>
      </c>
      <c r="R849" t="s">
        <v>4462</v>
      </c>
      <c r="S849">
        <v>2403</v>
      </c>
    </row>
    <row r="850" spans="1:19" x14ac:dyDescent="0.25">
      <c r="A850">
        <v>47640209</v>
      </c>
      <c r="B850" t="s">
        <v>4463</v>
      </c>
      <c r="C850" s="1" t="s">
        <v>4464</v>
      </c>
      <c r="E850">
        <v>0</v>
      </c>
      <c r="F850">
        <v>2</v>
      </c>
      <c r="H850" t="s">
        <v>4465</v>
      </c>
      <c r="J850" t="s">
        <v>4465</v>
      </c>
      <c r="O850">
        <v>7569510</v>
      </c>
      <c r="P850">
        <v>1</v>
      </c>
      <c r="Q850">
        <v>0</v>
      </c>
      <c r="R850" t="s">
        <v>4466</v>
      </c>
      <c r="S850">
        <v>19</v>
      </c>
    </row>
    <row r="851" spans="1:19" x14ac:dyDescent="0.25">
      <c r="A851">
        <v>35255819</v>
      </c>
      <c r="B851" t="s">
        <v>4467</v>
      </c>
      <c r="C851" s="1" t="s">
        <v>4468</v>
      </c>
      <c r="D851">
        <v>35256011</v>
      </c>
      <c r="E851">
        <v>1</v>
      </c>
      <c r="F851">
        <v>8</v>
      </c>
      <c r="H851" t="s">
        <v>4469</v>
      </c>
      <c r="J851" t="s">
        <v>4470</v>
      </c>
      <c r="K851" t="s">
        <v>4470</v>
      </c>
      <c r="M851">
        <v>7199218</v>
      </c>
      <c r="O851">
        <v>3762536</v>
      </c>
      <c r="P851">
        <v>1</v>
      </c>
      <c r="Q851">
        <v>0</v>
      </c>
      <c r="R851" t="s">
        <v>4168</v>
      </c>
      <c r="S851">
        <v>48</v>
      </c>
    </row>
    <row r="852" spans="1:19" x14ac:dyDescent="0.25">
      <c r="A852">
        <v>24179325</v>
      </c>
      <c r="B852" t="s">
        <v>4471</v>
      </c>
      <c r="C852" s="1" t="s">
        <v>4472</v>
      </c>
      <c r="D852">
        <v>24179372</v>
      </c>
      <c r="E852">
        <v>1</v>
      </c>
      <c r="F852">
        <v>0</v>
      </c>
      <c r="H852" t="s">
        <v>4473</v>
      </c>
      <c r="J852" t="s">
        <v>4474</v>
      </c>
      <c r="O852">
        <v>1463191</v>
      </c>
      <c r="P852">
        <v>1</v>
      </c>
      <c r="Q852">
        <v>0</v>
      </c>
      <c r="R852" t="s">
        <v>4475</v>
      </c>
      <c r="S852">
        <v>176</v>
      </c>
    </row>
    <row r="853" spans="1:19" x14ac:dyDescent="0.25">
      <c r="A853">
        <v>50986974</v>
      </c>
      <c r="B853" t="s">
        <v>4476</v>
      </c>
      <c r="C853" s="1" t="s">
        <v>4477</v>
      </c>
      <c r="E853">
        <v>0</v>
      </c>
      <c r="F853">
        <v>2</v>
      </c>
      <c r="H853" t="s">
        <v>4478</v>
      </c>
      <c r="J853" t="s">
        <v>4479</v>
      </c>
      <c r="K853" t="s">
        <v>4479</v>
      </c>
      <c r="M853">
        <v>3242154</v>
      </c>
      <c r="O853">
        <v>3242154</v>
      </c>
      <c r="P853">
        <v>1</v>
      </c>
      <c r="Q853">
        <v>0</v>
      </c>
      <c r="R853" t="s">
        <v>4480</v>
      </c>
      <c r="S853">
        <v>34</v>
      </c>
    </row>
    <row r="854" spans="1:19" x14ac:dyDescent="0.25">
      <c r="A854">
        <v>48899878</v>
      </c>
      <c r="B854" t="s">
        <v>4481</v>
      </c>
      <c r="C854" s="1" t="s">
        <v>4482</v>
      </c>
      <c r="D854">
        <v>48903323</v>
      </c>
      <c r="E854">
        <v>1</v>
      </c>
      <c r="F854">
        <v>6</v>
      </c>
      <c r="H854" t="s">
        <v>4483</v>
      </c>
      <c r="J854" t="s">
        <v>4484</v>
      </c>
      <c r="K854" t="s">
        <v>4485</v>
      </c>
      <c r="M854">
        <v>965146</v>
      </c>
      <c r="O854">
        <v>4652234</v>
      </c>
      <c r="P854">
        <v>1</v>
      </c>
      <c r="Q854">
        <v>1</v>
      </c>
      <c r="R854" t="s">
        <v>4486</v>
      </c>
      <c r="S854">
        <v>88</v>
      </c>
    </row>
    <row r="855" spans="1:19" x14ac:dyDescent="0.25">
      <c r="A855">
        <v>10238936</v>
      </c>
      <c r="B855" t="s">
        <v>4487</v>
      </c>
      <c r="C855" s="1" t="s">
        <v>4488</v>
      </c>
      <c r="D855">
        <v>10238953</v>
      </c>
      <c r="E855">
        <v>3</v>
      </c>
      <c r="F855">
        <v>5</v>
      </c>
      <c r="H855" t="s">
        <v>4489</v>
      </c>
      <c r="J855" t="s">
        <v>4490</v>
      </c>
      <c r="O855">
        <v>75170</v>
      </c>
      <c r="P855">
        <v>1</v>
      </c>
      <c r="Q855">
        <v>-1</v>
      </c>
      <c r="R855" t="s">
        <v>4491</v>
      </c>
      <c r="S855">
        <v>65</v>
      </c>
    </row>
    <row r="856" spans="1:19" x14ac:dyDescent="0.25">
      <c r="A856">
        <v>24205109</v>
      </c>
      <c r="B856" t="s">
        <v>4492</v>
      </c>
      <c r="C856" s="1" t="s">
        <v>4493</v>
      </c>
      <c r="D856">
        <v>24205152</v>
      </c>
      <c r="E856">
        <v>2</v>
      </c>
      <c r="F856">
        <v>9</v>
      </c>
      <c r="H856" t="s">
        <v>4494</v>
      </c>
      <c r="I856">
        <v>1</v>
      </c>
      <c r="J856" t="s">
        <v>4495</v>
      </c>
      <c r="K856" t="s">
        <v>4496</v>
      </c>
      <c r="M856">
        <v>-1</v>
      </c>
      <c r="O856">
        <v>2846001</v>
      </c>
      <c r="P856">
        <v>1</v>
      </c>
      <c r="Q856">
        <v>3</v>
      </c>
      <c r="R856" t="s">
        <v>4497</v>
      </c>
      <c r="S856">
        <v>509</v>
      </c>
    </row>
    <row r="857" spans="1:19" x14ac:dyDescent="0.25">
      <c r="A857">
        <v>14277746</v>
      </c>
      <c r="B857" t="s">
        <v>4498</v>
      </c>
      <c r="C857" s="1" t="s">
        <v>4499</v>
      </c>
      <c r="D857">
        <v>14278336</v>
      </c>
      <c r="E857">
        <v>3</v>
      </c>
      <c r="F857">
        <v>3</v>
      </c>
      <c r="H857" t="s">
        <v>4500</v>
      </c>
      <c r="J857" t="s">
        <v>4501</v>
      </c>
      <c r="K857" t="s">
        <v>4502</v>
      </c>
      <c r="M857">
        <v>1574497</v>
      </c>
      <c r="O857">
        <v>1574497</v>
      </c>
      <c r="P857">
        <v>1</v>
      </c>
      <c r="Q857">
        <v>0</v>
      </c>
      <c r="R857" t="s">
        <v>4503</v>
      </c>
      <c r="S857">
        <v>2711</v>
      </c>
    </row>
    <row r="858" spans="1:19" x14ac:dyDescent="0.25">
      <c r="A858">
        <v>41986546</v>
      </c>
      <c r="B858" t="s">
        <v>4504</v>
      </c>
      <c r="C858" s="1" t="s">
        <v>4505</v>
      </c>
      <c r="E858">
        <v>1</v>
      </c>
      <c r="F858">
        <v>2</v>
      </c>
      <c r="H858" t="s">
        <v>4506</v>
      </c>
      <c r="J858" t="s">
        <v>4507</v>
      </c>
      <c r="K858" t="s">
        <v>4507</v>
      </c>
      <c r="M858">
        <v>4284627</v>
      </c>
      <c r="O858">
        <v>7404736</v>
      </c>
      <c r="P858">
        <v>1</v>
      </c>
      <c r="Q858">
        <v>0</v>
      </c>
      <c r="R858" t="s">
        <v>413</v>
      </c>
      <c r="S858">
        <v>26</v>
      </c>
    </row>
    <row r="859" spans="1:19" x14ac:dyDescent="0.25">
      <c r="A859">
        <v>1898055</v>
      </c>
      <c r="B859" t="s">
        <v>4508</v>
      </c>
      <c r="C859" s="1" t="s">
        <v>4509</v>
      </c>
      <c r="D859">
        <v>1904936</v>
      </c>
      <c r="E859">
        <v>3</v>
      </c>
      <c r="F859">
        <v>0</v>
      </c>
      <c r="H859" t="s">
        <v>4510</v>
      </c>
      <c r="J859" t="s">
        <v>4511</v>
      </c>
      <c r="K859" t="s">
        <v>4512</v>
      </c>
      <c r="M859">
        <v>53788</v>
      </c>
      <c r="O859">
        <v>53788</v>
      </c>
      <c r="P859">
        <v>1</v>
      </c>
      <c r="Q859">
        <v>1</v>
      </c>
      <c r="R859" t="s">
        <v>4513</v>
      </c>
      <c r="S859">
        <v>535</v>
      </c>
    </row>
    <row r="860" spans="1:19" x14ac:dyDescent="0.25">
      <c r="A860">
        <v>47620095</v>
      </c>
      <c r="B860" t="s">
        <v>4514</v>
      </c>
      <c r="C860" s="1" t="s">
        <v>4515</v>
      </c>
      <c r="D860">
        <v>47620200</v>
      </c>
      <c r="E860">
        <v>3</v>
      </c>
      <c r="F860">
        <v>2</v>
      </c>
      <c r="H860" t="s">
        <v>4516</v>
      </c>
      <c r="J860" t="s">
        <v>4517</v>
      </c>
      <c r="O860">
        <v>9028255</v>
      </c>
      <c r="P860">
        <v>1</v>
      </c>
      <c r="Q860">
        <v>-1</v>
      </c>
      <c r="R860" t="s">
        <v>213</v>
      </c>
      <c r="S860">
        <v>38</v>
      </c>
    </row>
    <row r="861" spans="1:19" x14ac:dyDescent="0.25">
      <c r="A861">
        <v>12348168</v>
      </c>
      <c r="B861" t="s">
        <v>4518</v>
      </c>
      <c r="C861" s="1" t="s">
        <v>4519</v>
      </c>
      <c r="D861">
        <v>12349308</v>
      </c>
      <c r="E861">
        <v>2</v>
      </c>
      <c r="F861">
        <v>0</v>
      </c>
      <c r="H861" t="s">
        <v>4520</v>
      </c>
      <c r="I861">
        <v>3</v>
      </c>
      <c r="J861" t="s">
        <v>4521</v>
      </c>
      <c r="K861" t="s">
        <v>4522</v>
      </c>
      <c r="M861">
        <v>1503606</v>
      </c>
      <c r="O861">
        <v>1503606</v>
      </c>
      <c r="P861">
        <v>1</v>
      </c>
      <c r="Q861">
        <v>7</v>
      </c>
      <c r="R861" t="s">
        <v>4523</v>
      </c>
      <c r="S861">
        <v>15837</v>
      </c>
    </row>
    <row r="862" spans="1:19" x14ac:dyDescent="0.25">
      <c r="A862">
        <v>10509836</v>
      </c>
      <c r="B862" t="s">
        <v>4524</v>
      </c>
      <c r="C862" s="1" t="s">
        <v>4525</v>
      </c>
      <c r="D862">
        <v>10510996</v>
      </c>
      <c r="E862">
        <v>1</v>
      </c>
      <c r="F862">
        <v>3</v>
      </c>
      <c r="H862" t="s">
        <v>4526</v>
      </c>
      <c r="I862">
        <v>1</v>
      </c>
      <c r="J862" t="s">
        <v>4527</v>
      </c>
      <c r="O862">
        <v>1205019</v>
      </c>
      <c r="P862">
        <v>1</v>
      </c>
      <c r="Q862">
        <v>1</v>
      </c>
      <c r="R862" t="s">
        <v>4024</v>
      </c>
      <c r="S862">
        <v>10523</v>
      </c>
    </row>
    <row r="863" spans="1:19" x14ac:dyDescent="0.25">
      <c r="A863">
        <v>46092192</v>
      </c>
      <c r="B863" t="s">
        <v>4528</v>
      </c>
      <c r="C863" s="1" t="s">
        <v>4529</v>
      </c>
      <c r="E863">
        <v>0</v>
      </c>
      <c r="F863">
        <v>3</v>
      </c>
      <c r="H863" t="s">
        <v>4530</v>
      </c>
      <c r="J863" t="s">
        <v>4531</v>
      </c>
      <c r="K863" t="s">
        <v>4532</v>
      </c>
      <c r="M863">
        <v>6092629</v>
      </c>
      <c r="O863">
        <v>6092629</v>
      </c>
      <c r="P863">
        <v>1</v>
      </c>
      <c r="Q863">
        <v>0</v>
      </c>
      <c r="R863" t="s">
        <v>4533</v>
      </c>
      <c r="S863">
        <v>81</v>
      </c>
    </row>
    <row r="864" spans="1:19" x14ac:dyDescent="0.25">
      <c r="A864">
        <v>6904674</v>
      </c>
      <c r="B864" t="s">
        <v>4534</v>
      </c>
      <c r="C864" s="1" t="s">
        <v>4535</v>
      </c>
      <c r="E864">
        <v>2</v>
      </c>
      <c r="F864">
        <v>1</v>
      </c>
      <c r="H864" t="s">
        <v>4536</v>
      </c>
      <c r="J864" t="s">
        <v>4537</v>
      </c>
      <c r="O864">
        <v>501379</v>
      </c>
      <c r="P864">
        <v>1</v>
      </c>
      <c r="Q864">
        <v>0</v>
      </c>
      <c r="R864" t="s">
        <v>4538</v>
      </c>
      <c r="S864">
        <v>2565</v>
      </c>
    </row>
    <row r="865" spans="1:19" x14ac:dyDescent="0.25">
      <c r="A865">
        <v>51311461</v>
      </c>
      <c r="B865" t="s">
        <v>4539</v>
      </c>
      <c r="C865" s="1" t="s">
        <v>4540</v>
      </c>
      <c r="E865">
        <v>0</v>
      </c>
      <c r="F865">
        <v>1</v>
      </c>
      <c r="H865" t="s">
        <v>4541</v>
      </c>
      <c r="J865" t="s">
        <v>4541</v>
      </c>
      <c r="O865">
        <v>8871955</v>
      </c>
      <c r="P865">
        <v>1</v>
      </c>
      <c r="Q865">
        <v>0</v>
      </c>
      <c r="R865" t="s">
        <v>4542</v>
      </c>
      <c r="S865">
        <v>33</v>
      </c>
    </row>
    <row r="866" spans="1:19" x14ac:dyDescent="0.25">
      <c r="A866">
        <v>11818235</v>
      </c>
      <c r="B866" t="s">
        <v>4543</v>
      </c>
      <c r="C866" s="1" t="s">
        <v>4544</v>
      </c>
      <c r="D866">
        <v>11818452</v>
      </c>
      <c r="E866">
        <v>1</v>
      </c>
      <c r="F866">
        <v>0</v>
      </c>
      <c r="H866" t="s">
        <v>4545</v>
      </c>
      <c r="I866">
        <v>2</v>
      </c>
      <c r="J866" t="s">
        <v>4546</v>
      </c>
      <c r="K866" t="s">
        <v>4547</v>
      </c>
      <c r="M866">
        <v>1130266</v>
      </c>
      <c r="O866">
        <v>1130266</v>
      </c>
      <c r="P866">
        <v>1</v>
      </c>
      <c r="Q866">
        <v>4</v>
      </c>
      <c r="R866" t="s">
        <v>3056</v>
      </c>
      <c r="S866">
        <v>5496</v>
      </c>
    </row>
    <row r="867" spans="1:19" x14ac:dyDescent="0.25">
      <c r="A867">
        <v>11895064</v>
      </c>
      <c r="B867" t="s">
        <v>4548</v>
      </c>
      <c r="C867" s="1" t="s">
        <v>4549</v>
      </c>
      <c r="E867">
        <v>1</v>
      </c>
      <c r="F867">
        <v>1</v>
      </c>
      <c r="H867" t="s">
        <v>4550</v>
      </c>
      <c r="I867">
        <v>1</v>
      </c>
      <c r="J867" t="s">
        <v>4551</v>
      </c>
      <c r="K867" t="s">
        <v>4552</v>
      </c>
      <c r="M867">
        <v>775856</v>
      </c>
      <c r="O867">
        <v>775856</v>
      </c>
      <c r="P867">
        <v>1</v>
      </c>
      <c r="Q867">
        <v>2</v>
      </c>
      <c r="R867" t="s">
        <v>4553</v>
      </c>
      <c r="S867">
        <v>3317</v>
      </c>
    </row>
    <row r="868" spans="1:19" x14ac:dyDescent="0.25">
      <c r="A868">
        <v>25027871</v>
      </c>
      <c r="B868" t="s">
        <v>4554</v>
      </c>
      <c r="C868" s="1" t="s">
        <v>4555</v>
      </c>
      <c r="D868">
        <v>25027902</v>
      </c>
      <c r="E868">
        <v>2</v>
      </c>
      <c r="F868">
        <v>1</v>
      </c>
      <c r="H868" t="s">
        <v>4556</v>
      </c>
      <c r="J868" t="s">
        <v>4557</v>
      </c>
      <c r="O868">
        <v>1084075</v>
      </c>
      <c r="P868">
        <v>1</v>
      </c>
      <c r="Q868">
        <v>0</v>
      </c>
      <c r="R868" t="s">
        <v>4558</v>
      </c>
      <c r="S868">
        <v>30</v>
      </c>
    </row>
    <row r="869" spans="1:19" x14ac:dyDescent="0.25">
      <c r="A869">
        <v>43910090</v>
      </c>
      <c r="B869" t="s">
        <v>4559</v>
      </c>
      <c r="C869" s="1" t="s">
        <v>4560</v>
      </c>
      <c r="D869">
        <v>43910202</v>
      </c>
      <c r="E869">
        <v>2</v>
      </c>
      <c r="F869">
        <v>2</v>
      </c>
      <c r="H869" t="s">
        <v>4561</v>
      </c>
      <c r="J869" t="s">
        <v>4562</v>
      </c>
      <c r="K869" t="s">
        <v>4563</v>
      </c>
      <c r="M869">
        <v>1529673</v>
      </c>
      <c r="O869">
        <v>6491668</v>
      </c>
      <c r="P869">
        <v>1</v>
      </c>
      <c r="Q869">
        <v>0</v>
      </c>
      <c r="R869" t="s">
        <v>4564</v>
      </c>
      <c r="S869">
        <v>58</v>
      </c>
    </row>
    <row r="870" spans="1:19" x14ac:dyDescent="0.25">
      <c r="A870">
        <v>33463291</v>
      </c>
      <c r="B870" t="s">
        <v>4565</v>
      </c>
      <c r="C870" s="1" t="s">
        <v>4566</v>
      </c>
      <c r="D870">
        <v>33463402</v>
      </c>
      <c r="E870">
        <v>1</v>
      </c>
      <c r="F870">
        <v>1</v>
      </c>
      <c r="H870" t="s">
        <v>4567</v>
      </c>
      <c r="J870" t="s">
        <v>4568</v>
      </c>
      <c r="O870">
        <v>3464829</v>
      </c>
      <c r="P870">
        <v>1</v>
      </c>
      <c r="Q870">
        <v>-1</v>
      </c>
      <c r="R870" t="s">
        <v>4569</v>
      </c>
      <c r="S870">
        <v>205</v>
      </c>
    </row>
    <row r="871" spans="1:19" x14ac:dyDescent="0.25">
      <c r="A871">
        <v>31548289</v>
      </c>
      <c r="B871" t="s">
        <v>4570</v>
      </c>
      <c r="C871" s="1" t="s">
        <v>4571</v>
      </c>
      <c r="E871">
        <v>1</v>
      </c>
      <c r="F871">
        <v>0</v>
      </c>
      <c r="H871" t="s">
        <v>4572</v>
      </c>
      <c r="J871" t="s">
        <v>4573</v>
      </c>
      <c r="O871">
        <v>5022016</v>
      </c>
      <c r="P871">
        <v>1</v>
      </c>
      <c r="Q871">
        <v>4</v>
      </c>
      <c r="R871" t="s">
        <v>4574</v>
      </c>
      <c r="S871">
        <v>199</v>
      </c>
    </row>
    <row r="872" spans="1:19" x14ac:dyDescent="0.25">
      <c r="A872">
        <v>27932345</v>
      </c>
      <c r="B872" t="s">
        <v>4575</v>
      </c>
      <c r="C872" s="1" t="s">
        <v>4576</v>
      </c>
      <c r="D872">
        <v>27935645</v>
      </c>
      <c r="E872">
        <v>3</v>
      </c>
      <c r="F872">
        <v>0</v>
      </c>
      <c r="H872" t="s">
        <v>4577</v>
      </c>
      <c r="I872">
        <v>7</v>
      </c>
      <c r="J872" t="s">
        <v>4578</v>
      </c>
      <c r="K872" t="s">
        <v>4579</v>
      </c>
      <c r="M872">
        <v>1939568</v>
      </c>
      <c r="O872">
        <v>4122396</v>
      </c>
      <c r="P872">
        <v>1</v>
      </c>
      <c r="Q872">
        <v>42</v>
      </c>
      <c r="R872" t="s">
        <v>4580</v>
      </c>
      <c r="S872">
        <v>35527</v>
      </c>
    </row>
    <row r="873" spans="1:19" x14ac:dyDescent="0.25">
      <c r="A873">
        <v>16125901</v>
      </c>
      <c r="B873" t="s">
        <v>4581</v>
      </c>
      <c r="C873" s="1" t="s">
        <v>4582</v>
      </c>
      <c r="D873">
        <v>16126065</v>
      </c>
      <c r="E873">
        <v>3</v>
      </c>
      <c r="F873">
        <v>3</v>
      </c>
      <c r="H873" t="s">
        <v>4583</v>
      </c>
      <c r="I873">
        <v>0</v>
      </c>
      <c r="J873" t="s">
        <v>4584</v>
      </c>
      <c r="K873" t="s">
        <v>4585</v>
      </c>
      <c r="M873">
        <v>15168</v>
      </c>
      <c r="O873">
        <v>2152781</v>
      </c>
      <c r="P873">
        <v>1</v>
      </c>
      <c r="Q873">
        <v>0</v>
      </c>
      <c r="R873" t="s">
        <v>4586</v>
      </c>
      <c r="S873">
        <v>127</v>
      </c>
    </row>
    <row r="874" spans="1:19" x14ac:dyDescent="0.25">
      <c r="A874">
        <v>2253462</v>
      </c>
      <c r="B874" t="s">
        <v>4587</v>
      </c>
      <c r="C874" s="1" t="s">
        <v>4588</v>
      </c>
      <c r="D874">
        <v>2253927</v>
      </c>
      <c r="E874">
        <v>3</v>
      </c>
      <c r="F874">
        <v>0</v>
      </c>
      <c r="H874" t="s">
        <v>4589</v>
      </c>
      <c r="J874" t="s">
        <v>4590</v>
      </c>
      <c r="O874">
        <v>161424</v>
      </c>
      <c r="P874">
        <v>1</v>
      </c>
      <c r="Q874">
        <v>1</v>
      </c>
      <c r="R874" t="s">
        <v>4591</v>
      </c>
      <c r="S874">
        <v>145</v>
      </c>
    </row>
    <row r="875" spans="1:19" x14ac:dyDescent="0.25">
      <c r="A875">
        <v>51195385</v>
      </c>
      <c r="B875" t="s">
        <v>4592</v>
      </c>
      <c r="C875" s="1" t="s">
        <v>4593</v>
      </c>
      <c r="E875">
        <v>1</v>
      </c>
      <c r="F875">
        <v>1</v>
      </c>
      <c r="H875" t="s">
        <v>4594</v>
      </c>
      <c r="J875" t="s">
        <v>4595</v>
      </c>
      <c r="K875" t="s">
        <v>4596</v>
      </c>
      <c r="M875">
        <v>4120177</v>
      </c>
      <c r="O875">
        <v>4120177</v>
      </c>
      <c r="P875">
        <v>1</v>
      </c>
      <c r="Q875">
        <v>-2</v>
      </c>
      <c r="R875" t="s">
        <v>4597</v>
      </c>
      <c r="S875">
        <v>22</v>
      </c>
    </row>
    <row r="876" spans="1:19" x14ac:dyDescent="0.25">
      <c r="A876">
        <v>42762893</v>
      </c>
      <c r="B876" t="s">
        <v>4598</v>
      </c>
      <c r="C876" s="1" t="s">
        <v>4599</v>
      </c>
      <c r="E876">
        <v>1</v>
      </c>
      <c r="F876">
        <v>0</v>
      </c>
      <c r="H876" t="s">
        <v>4600</v>
      </c>
      <c r="J876" t="s">
        <v>4601</v>
      </c>
      <c r="K876" t="s">
        <v>4602</v>
      </c>
      <c r="M876">
        <v>4042468</v>
      </c>
      <c r="O876">
        <v>5609222</v>
      </c>
      <c r="P876">
        <v>1</v>
      </c>
      <c r="Q876">
        <v>0</v>
      </c>
      <c r="R876" t="s">
        <v>4603</v>
      </c>
      <c r="S876">
        <v>117</v>
      </c>
    </row>
    <row r="877" spans="1:19" x14ac:dyDescent="0.25">
      <c r="A877">
        <v>12425850</v>
      </c>
      <c r="B877" t="s">
        <v>4604</v>
      </c>
      <c r="C877" s="1" t="s">
        <v>4605</v>
      </c>
      <c r="D877">
        <v>12426368</v>
      </c>
      <c r="E877">
        <v>2</v>
      </c>
      <c r="F877">
        <v>1</v>
      </c>
      <c r="H877" t="s">
        <v>4606</v>
      </c>
      <c r="I877">
        <v>1</v>
      </c>
      <c r="J877" t="s">
        <v>4607</v>
      </c>
      <c r="O877">
        <v>1483518</v>
      </c>
      <c r="P877">
        <v>1</v>
      </c>
      <c r="Q877">
        <v>5</v>
      </c>
      <c r="R877" t="s">
        <v>4608</v>
      </c>
      <c r="S877">
        <v>4441</v>
      </c>
    </row>
    <row r="878" spans="1:19" x14ac:dyDescent="0.25">
      <c r="A878">
        <v>25349068</v>
      </c>
      <c r="B878" t="s">
        <v>4609</v>
      </c>
      <c r="C878" s="1" t="s">
        <v>4610</v>
      </c>
      <c r="D878">
        <v>25349332</v>
      </c>
      <c r="E878">
        <v>2</v>
      </c>
      <c r="F878">
        <v>3</v>
      </c>
      <c r="H878" t="s">
        <v>4611</v>
      </c>
      <c r="J878" t="s">
        <v>4612</v>
      </c>
      <c r="K878" t="s">
        <v>4613</v>
      </c>
      <c r="M878">
        <v>2193767</v>
      </c>
      <c r="O878">
        <v>3790140</v>
      </c>
      <c r="P878">
        <v>1</v>
      </c>
      <c r="Q878">
        <v>0</v>
      </c>
      <c r="R878" t="s">
        <v>4614</v>
      </c>
      <c r="S878">
        <v>5749</v>
      </c>
    </row>
    <row r="879" spans="1:19" x14ac:dyDescent="0.25">
      <c r="A879">
        <v>43267040</v>
      </c>
      <c r="B879" t="s">
        <v>4615</v>
      </c>
      <c r="C879" s="1" t="s">
        <v>4616</v>
      </c>
      <c r="D879">
        <v>43267293</v>
      </c>
      <c r="E879">
        <v>1</v>
      </c>
      <c r="F879">
        <v>4</v>
      </c>
      <c r="H879" t="s">
        <v>4617</v>
      </c>
      <c r="J879" t="s">
        <v>4618</v>
      </c>
      <c r="N879" t="s">
        <v>4619</v>
      </c>
      <c r="P879">
        <v>1</v>
      </c>
      <c r="Q879">
        <v>0</v>
      </c>
      <c r="R879" t="s">
        <v>4620</v>
      </c>
      <c r="S879">
        <v>213</v>
      </c>
    </row>
    <row r="880" spans="1:19" x14ac:dyDescent="0.25">
      <c r="A880">
        <v>4545258</v>
      </c>
      <c r="B880" t="s">
        <v>4621</v>
      </c>
      <c r="C880" s="1" t="s">
        <v>4622</v>
      </c>
      <c r="D880">
        <v>4545354</v>
      </c>
      <c r="E880">
        <v>3</v>
      </c>
      <c r="F880">
        <v>0</v>
      </c>
      <c r="H880" t="s">
        <v>4623</v>
      </c>
      <c r="I880">
        <v>1</v>
      </c>
      <c r="J880" t="s">
        <v>4624</v>
      </c>
      <c r="K880" t="s">
        <v>4625</v>
      </c>
      <c r="M880">
        <v>546782</v>
      </c>
      <c r="O880">
        <v>546782</v>
      </c>
      <c r="P880">
        <v>1</v>
      </c>
      <c r="Q880">
        <v>1</v>
      </c>
      <c r="R880" t="s">
        <v>4626</v>
      </c>
      <c r="S880">
        <v>8114</v>
      </c>
    </row>
    <row r="881" spans="1:19" x14ac:dyDescent="0.25">
      <c r="A881">
        <v>13555076</v>
      </c>
      <c r="B881" t="s">
        <v>4627</v>
      </c>
      <c r="C881" s="1" t="s">
        <v>4628</v>
      </c>
      <c r="D881">
        <v>13555092</v>
      </c>
      <c r="E881">
        <v>1</v>
      </c>
      <c r="F881">
        <v>1</v>
      </c>
      <c r="H881" t="s">
        <v>4629</v>
      </c>
      <c r="J881" t="s">
        <v>4630</v>
      </c>
      <c r="O881">
        <v>401432</v>
      </c>
      <c r="P881">
        <v>1</v>
      </c>
      <c r="Q881">
        <v>1</v>
      </c>
      <c r="R881" t="s">
        <v>4631</v>
      </c>
      <c r="S881">
        <v>38</v>
      </c>
    </row>
    <row r="882" spans="1:19" x14ac:dyDescent="0.25">
      <c r="A882">
        <v>15653917</v>
      </c>
      <c r="B882" t="s">
        <v>4632</v>
      </c>
      <c r="C882" s="1" t="s">
        <v>4633</v>
      </c>
      <c r="E882">
        <v>5</v>
      </c>
      <c r="F882">
        <v>4</v>
      </c>
      <c r="H882" t="s">
        <v>4634</v>
      </c>
      <c r="J882" t="s">
        <v>4635</v>
      </c>
      <c r="K882" t="s">
        <v>4636</v>
      </c>
      <c r="M882">
        <v>1255274</v>
      </c>
      <c r="O882">
        <v>1255274</v>
      </c>
      <c r="P882">
        <v>1</v>
      </c>
      <c r="Q882">
        <v>6</v>
      </c>
      <c r="R882" t="s">
        <v>4637</v>
      </c>
      <c r="S882">
        <v>6756</v>
      </c>
    </row>
    <row r="883" spans="1:19" x14ac:dyDescent="0.25">
      <c r="A883">
        <v>40965307</v>
      </c>
      <c r="B883" t="s">
        <v>4638</v>
      </c>
      <c r="C883" s="1" t="s">
        <v>4639</v>
      </c>
      <c r="D883">
        <v>40966568</v>
      </c>
      <c r="E883">
        <v>1</v>
      </c>
      <c r="F883">
        <v>0</v>
      </c>
      <c r="H883" t="s">
        <v>4640</v>
      </c>
      <c r="J883" t="s">
        <v>4641</v>
      </c>
      <c r="O883">
        <v>2597190</v>
      </c>
      <c r="P883">
        <v>1</v>
      </c>
      <c r="Q883">
        <v>0</v>
      </c>
      <c r="R883" t="s">
        <v>4642</v>
      </c>
      <c r="S883">
        <v>145</v>
      </c>
    </row>
    <row r="884" spans="1:19" x14ac:dyDescent="0.25">
      <c r="A884">
        <v>27886352</v>
      </c>
      <c r="B884" t="s">
        <v>4643</v>
      </c>
      <c r="C884" t="s">
        <v>4644</v>
      </c>
      <c r="D884">
        <v>27886418</v>
      </c>
      <c r="E884">
        <v>1</v>
      </c>
      <c r="F884">
        <v>1</v>
      </c>
      <c r="H884" t="s">
        <v>4645</v>
      </c>
      <c r="J884" t="s">
        <v>4646</v>
      </c>
      <c r="K884" t="s">
        <v>4647</v>
      </c>
      <c r="M884">
        <v>2833965</v>
      </c>
      <c r="O884">
        <v>4440846</v>
      </c>
      <c r="P884">
        <v>1</v>
      </c>
      <c r="Q884">
        <v>-4</v>
      </c>
      <c r="R884" t="s">
        <v>4648</v>
      </c>
      <c r="S884">
        <v>335</v>
      </c>
    </row>
    <row r="885" spans="1:19" x14ac:dyDescent="0.25">
      <c r="A885">
        <v>14243330</v>
      </c>
      <c r="B885" t="s">
        <v>4649</v>
      </c>
      <c r="C885" s="1" t="s">
        <v>4650</v>
      </c>
      <c r="E885">
        <v>0</v>
      </c>
      <c r="F885">
        <v>0</v>
      </c>
      <c r="H885" t="s">
        <v>4651</v>
      </c>
      <c r="J885" t="s">
        <v>4651</v>
      </c>
      <c r="O885">
        <v>794226</v>
      </c>
      <c r="P885">
        <v>1</v>
      </c>
      <c r="Q885">
        <v>1</v>
      </c>
      <c r="R885" t="s">
        <v>4652</v>
      </c>
      <c r="S885">
        <v>108</v>
      </c>
    </row>
    <row r="886" spans="1:19" x14ac:dyDescent="0.25">
      <c r="A886">
        <v>21552390</v>
      </c>
      <c r="B886" t="s">
        <v>4653</v>
      </c>
      <c r="C886" s="1" t="s">
        <v>4654</v>
      </c>
      <c r="E886">
        <v>1</v>
      </c>
      <c r="F886">
        <v>0</v>
      </c>
      <c r="H886" t="s">
        <v>4655</v>
      </c>
      <c r="J886" t="s">
        <v>4656</v>
      </c>
      <c r="K886" t="s">
        <v>4656</v>
      </c>
      <c r="M886">
        <v>727208</v>
      </c>
      <c r="O886">
        <v>2986952</v>
      </c>
      <c r="P886">
        <v>1</v>
      </c>
      <c r="Q886">
        <v>0</v>
      </c>
      <c r="R886" t="s">
        <v>4657</v>
      </c>
      <c r="S886">
        <v>52</v>
      </c>
    </row>
    <row r="887" spans="1:19" x14ac:dyDescent="0.25">
      <c r="A887">
        <v>39580105</v>
      </c>
      <c r="B887" t="s">
        <v>4658</v>
      </c>
      <c r="C887" s="1" t="s">
        <v>4659</v>
      </c>
      <c r="D887">
        <v>39582174</v>
      </c>
      <c r="E887">
        <v>1</v>
      </c>
      <c r="F887">
        <v>0</v>
      </c>
      <c r="H887" t="s">
        <v>4660</v>
      </c>
      <c r="J887" t="s">
        <v>4661</v>
      </c>
      <c r="O887">
        <v>966100</v>
      </c>
      <c r="P887">
        <v>1</v>
      </c>
      <c r="Q887">
        <v>2</v>
      </c>
      <c r="R887" t="s">
        <v>4662</v>
      </c>
      <c r="S887">
        <v>32</v>
      </c>
    </row>
    <row r="888" spans="1:19" x14ac:dyDescent="0.25">
      <c r="A888">
        <v>4918425</v>
      </c>
      <c r="B888" t="s">
        <v>4663</v>
      </c>
      <c r="C888" s="1" t="s">
        <v>4664</v>
      </c>
      <c r="D888">
        <v>4918435</v>
      </c>
      <c r="E888">
        <v>4</v>
      </c>
      <c r="F888">
        <v>0</v>
      </c>
      <c r="H888" t="s">
        <v>4665</v>
      </c>
      <c r="I888">
        <v>8</v>
      </c>
      <c r="J888" t="s">
        <v>4666</v>
      </c>
      <c r="K888" t="s">
        <v>4666</v>
      </c>
      <c r="M888">
        <v>596361</v>
      </c>
      <c r="N888" t="s">
        <v>4667</v>
      </c>
      <c r="O888">
        <v>586817</v>
      </c>
      <c r="P888">
        <v>1</v>
      </c>
      <c r="Q888">
        <v>53</v>
      </c>
      <c r="R888" t="s">
        <v>4668</v>
      </c>
      <c r="S888">
        <v>112783</v>
      </c>
    </row>
    <row r="889" spans="1:19" x14ac:dyDescent="0.25">
      <c r="A889">
        <v>13864845</v>
      </c>
      <c r="B889" t="s">
        <v>4669</v>
      </c>
      <c r="C889" s="1" t="s">
        <v>4670</v>
      </c>
      <c r="E889">
        <v>1</v>
      </c>
      <c r="F889">
        <v>0</v>
      </c>
      <c r="H889" t="s">
        <v>4671</v>
      </c>
      <c r="I889">
        <v>1</v>
      </c>
      <c r="J889" t="s">
        <v>4672</v>
      </c>
      <c r="O889">
        <v>733087</v>
      </c>
      <c r="P889">
        <v>1</v>
      </c>
      <c r="Q889">
        <v>1</v>
      </c>
      <c r="R889" t="s">
        <v>4673</v>
      </c>
      <c r="S889">
        <v>632</v>
      </c>
    </row>
    <row r="890" spans="1:19" x14ac:dyDescent="0.25">
      <c r="A890">
        <v>11276665</v>
      </c>
      <c r="B890" t="s">
        <v>4674</v>
      </c>
      <c r="C890" s="1" t="s">
        <v>4675</v>
      </c>
      <c r="E890">
        <v>0</v>
      </c>
      <c r="F890">
        <v>2</v>
      </c>
      <c r="H890" t="s">
        <v>4676</v>
      </c>
      <c r="I890">
        <v>1</v>
      </c>
      <c r="J890" t="s">
        <v>4676</v>
      </c>
      <c r="O890">
        <v>1366887</v>
      </c>
      <c r="P890">
        <v>1</v>
      </c>
      <c r="Q890">
        <v>0</v>
      </c>
      <c r="R890" t="s">
        <v>4677</v>
      </c>
      <c r="S890">
        <v>332</v>
      </c>
    </row>
    <row r="891" spans="1:19" x14ac:dyDescent="0.25">
      <c r="A891">
        <v>13624764</v>
      </c>
      <c r="B891" t="s">
        <v>4678</v>
      </c>
      <c r="C891" t="s">
        <v>4679</v>
      </c>
      <c r="D891">
        <v>13629282</v>
      </c>
      <c r="E891">
        <v>1</v>
      </c>
      <c r="F891">
        <v>1</v>
      </c>
      <c r="H891" t="s">
        <v>4680</v>
      </c>
      <c r="J891" t="s">
        <v>4681</v>
      </c>
      <c r="O891">
        <v>1199662</v>
      </c>
      <c r="P891">
        <v>1</v>
      </c>
      <c r="Q891">
        <v>0</v>
      </c>
      <c r="R891" t="s">
        <v>4682</v>
      </c>
      <c r="S891">
        <v>1086</v>
      </c>
    </row>
    <row r="892" spans="1:19" x14ac:dyDescent="0.25">
      <c r="A892">
        <v>36685564</v>
      </c>
      <c r="B892" t="s">
        <v>4683</v>
      </c>
      <c r="C892" s="1" t="s">
        <v>4684</v>
      </c>
      <c r="D892">
        <v>36688149</v>
      </c>
      <c r="E892">
        <v>1</v>
      </c>
      <c r="F892">
        <v>3</v>
      </c>
      <c r="H892" t="s">
        <v>4685</v>
      </c>
      <c r="I892">
        <v>0</v>
      </c>
      <c r="J892" t="s">
        <v>4686</v>
      </c>
      <c r="K892" t="s">
        <v>4687</v>
      </c>
      <c r="M892">
        <v>1405065</v>
      </c>
      <c r="O892">
        <v>461887</v>
      </c>
      <c r="P892">
        <v>1</v>
      </c>
      <c r="Q892">
        <v>0</v>
      </c>
      <c r="R892" t="s">
        <v>4688</v>
      </c>
      <c r="S892">
        <v>79</v>
      </c>
    </row>
    <row r="893" spans="1:19" x14ac:dyDescent="0.25">
      <c r="A893">
        <v>26871440</v>
      </c>
      <c r="B893" t="s">
        <v>4689</v>
      </c>
      <c r="C893" s="1" t="s">
        <v>4690</v>
      </c>
      <c r="D893">
        <v>26871899</v>
      </c>
      <c r="E893">
        <v>1</v>
      </c>
      <c r="F893">
        <v>0</v>
      </c>
      <c r="H893" t="s">
        <v>4691</v>
      </c>
      <c r="J893" t="s">
        <v>4692</v>
      </c>
      <c r="O893">
        <v>616400</v>
      </c>
      <c r="P893">
        <v>1</v>
      </c>
      <c r="Q893">
        <v>0</v>
      </c>
      <c r="R893" t="s">
        <v>4693</v>
      </c>
      <c r="S893">
        <v>591</v>
      </c>
    </row>
    <row r="894" spans="1:19" x14ac:dyDescent="0.25">
      <c r="A894">
        <v>13629390</v>
      </c>
      <c r="B894" t="s">
        <v>4694</v>
      </c>
      <c r="C894" s="1" t="s">
        <v>4695</v>
      </c>
      <c r="D894">
        <v>13630093</v>
      </c>
      <c r="E894">
        <v>2</v>
      </c>
      <c r="F894">
        <v>2</v>
      </c>
      <c r="H894" t="s">
        <v>4696</v>
      </c>
      <c r="J894" t="s">
        <v>4697</v>
      </c>
      <c r="O894">
        <v>1777329</v>
      </c>
      <c r="P894">
        <v>1</v>
      </c>
      <c r="Q894">
        <v>0</v>
      </c>
      <c r="R894" t="s">
        <v>4698</v>
      </c>
      <c r="S894">
        <v>256</v>
      </c>
    </row>
    <row r="895" spans="1:19" x14ac:dyDescent="0.25">
      <c r="A895">
        <v>31437159</v>
      </c>
      <c r="B895" t="s">
        <v>4699</v>
      </c>
      <c r="C895" s="1" t="s">
        <v>4700</v>
      </c>
      <c r="E895">
        <v>2</v>
      </c>
      <c r="F895">
        <v>3</v>
      </c>
      <c r="H895" t="s">
        <v>4701</v>
      </c>
      <c r="J895" t="s">
        <v>4702</v>
      </c>
      <c r="O895">
        <v>4977957</v>
      </c>
      <c r="P895">
        <v>1</v>
      </c>
      <c r="Q895">
        <v>0</v>
      </c>
      <c r="R895" t="s">
        <v>4703</v>
      </c>
      <c r="S895">
        <v>36</v>
      </c>
    </row>
    <row r="896" spans="1:19" x14ac:dyDescent="0.25">
      <c r="A896">
        <v>2707501</v>
      </c>
      <c r="B896" t="s">
        <v>4704</v>
      </c>
      <c r="C896" s="1" t="s">
        <v>4705</v>
      </c>
      <c r="E896">
        <v>1</v>
      </c>
      <c r="F896">
        <v>2</v>
      </c>
      <c r="H896" t="s">
        <v>4706</v>
      </c>
      <c r="I896">
        <v>2</v>
      </c>
      <c r="J896" t="s">
        <v>4707</v>
      </c>
      <c r="O896">
        <v>325296</v>
      </c>
      <c r="P896">
        <v>1</v>
      </c>
      <c r="Q896">
        <v>2</v>
      </c>
      <c r="R896" t="s">
        <v>4708</v>
      </c>
      <c r="S896">
        <v>14400</v>
      </c>
    </row>
    <row r="897" spans="1:19" x14ac:dyDescent="0.25">
      <c r="A897">
        <v>48548687</v>
      </c>
      <c r="B897" t="s">
        <v>4709</v>
      </c>
      <c r="C897" s="1" t="s">
        <v>4710</v>
      </c>
      <c r="D897">
        <v>48549745</v>
      </c>
      <c r="E897">
        <v>1</v>
      </c>
      <c r="F897">
        <v>0</v>
      </c>
      <c r="H897" t="s">
        <v>4711</v>
      </c>
      <c r="I897">
        <v>1</v>
      </c>
      <c r="J897" t="s">
        <v>4712</v>
      </c>
      <c r="O897">
        <v>288439</v>
      </c>
      <c r="P897">
        <v>1</v>
      </c>
      <c r="Q897">
        <v>3</v>
      </c>
      <c r="R897" t="s">
        <v>4713</v>
      </c>
      <c r="S897">
        <v>149</v>
      </c>
    </row>
    <row r="898" spans="1:19" x14ac:dyDescent="0.25">
      <c r="A898">
        <v>893658</v>
      </c>
      <c r="B898" t="s">
        <v>4714</v>
      </c>
      <c r="C898" s="1" t="s">
        <v>4715</v>
      </c>
      <c r="D898">
        <v>893710</v>
      </c>
      <c r="E898">
        <v>6</v>
      </c>
      <c r="F898">
        <v>1</v>
      </c>
      <c r="H898" t="s">
        <v>4716</v>
      </c>
      <c r="I898">
        <v>1</v>
      </c>
      <c r="J898" t="s">
        <v>4717</v>
      </c>
      <c r="O898">
        <v>67706</v>
      </c>
      <c r="P898">
        <v>1</v>
      </c>
      <c r="Q898">
        <v>2</v>
      </c>
      <c r="R898" t="s">
        <v>4718</v>
      </c>
      <c r="S898">
        <v>533</v>
      </c>
    </row>
    <row r="899" spans="1:19" x14ac:dyDescent="0.25">
      <c r="A899">
        <v>11961869</v>
      </c>
      <c r="B899" t="s">
        <v>4719</v>
      </c>
      <c r="C899" s="1" t="s">
        <v>4720</v>
      </c>
      <c r="E899">
        <v>2</v>
      </c>
      <c r="F899">
        <v>1</v>
      </c>
      <c r="H899" t="s">
        <v>4721</v>
      </c>
      <c r="J899" t="s">
        <v>4722</v>
      </c>
      <c r="O899">
        <v>415357</v>
      </c>
      <c r="P899">
        <v>1</v>
      </c>
      <c r="Q899">
        <v>3</v>
      </c>
      <c r="R899" t="s">
        <v>4723</v>
      </c>
      <c r="S899">
        <v>1587</v>
      </c>
    </row>
    <row r="900" spans="1:19" x14ac:dyDescent="0.25">
      <c r="A900">
        <v>44273221</v>
      </c>
      <c r="B900" t="s">
        <v>4724</v>
      </c>
      <c r="C900" s="1" t="s">
        <v>4725</v>
      </c>
      <c r="D900">
        <v>44371121</v>
      </c>
      <c r="E900">
        <v>1</v>
      </c>
      <c r="F900">
        <v>0</v>
      </c>
      <c r="H900" t="s">
        <v>4726</v>
      </c>
      <c r="J900" t="s">
        <v>4727</v>
      </c>
      <c r="O900">
        <v>5538089</v>
      </c>
      <c r="P900">
        <v>1</v>
      </c>
      <c r="Q900">
        <v>0</v>
      </c>
      <c r="R900" t="s">
        <v>4728</v>
      </c>
      <c r="S900">
        <v>47</v>
      </c>
    </row>
    <row r="901" spans="1:19" x14ac:dyDescent="0.25">
      <c r="A901">
        <v>33260304</v>
      </c>
      <c r="B901" t="s">
        <v>4729</v>
      </c>
      <c r="C901" s="1" t="s">
        <v>4730</v>
      </c>
      <c r="D901">
        <v>33281244</v>
      </c>
      <c r="E901">
        <v>1</v>
      </c>
      <c r="F901">
        <v>5</v>
      </c>
      <c r="H901" t="s">
        <v>4731</v>
      </c>
      <c r="J901" t="s">
        <v>4732</v>
      </c>
      <c r="K901" t="s">
        <v>4733</v>
      </c>
      <c r="M901">
        <v>5327149</v>
      </c>
      <c r="O901">
        <v>5327149</v>
      </c>
      <c r="P901">
        <v>1</v>
      </c>
      <c r="Q901">
        <v>0</v>
      </c>
      <c r="R901" t="s">
        <v>4734</v>
      </c>
      <c r="S901">
        <v>297</v>
      </c>
    </row>
    <row r="902" spans="1:19" x14ac:dyDescent="0.25">
      <c r="A902">
        <v>46949385</v>
      </c>
      <c r="B902" t="s">
        <v>4735</v>
      </c>
      <c r="C902" s="1" t="s">
        <v>4736</v>
      </c>
      <c r="E902">
        <v>1</v>
      </c>
      <c r="F902">
        <v>0</v>
      </c>
      <c r="H902" t="s">
        <v>4737</v>
      </c>
      <c r="J902" t="s">
        <v>4738</v>
      </c>
      <c r="O902">
        <v>2188537</v>
      </c>
      <c r="P902">
        <v>1</v>
      </c>
      <c r="Q902">
        <v>0</v>
      </c>
      <c r="R902" t="s">
        <v>4739</v>
      </c>
      <c r="S902">
        <v>49</v>
      </c>
    </row>
    <row r="903" spans="1:19" x14ac:dyDescent="0.25">
      <c r="A903">
        <v>20392516</v>
      </c>
      <c r="B903" t="s">
        <v>4740</v>
      </c>
      <c r="C903" s="1" t="s">
        <v>4741</v>
      </c>
      <c r="D903">
        <v>20393238</v>
      </c>
      <c r="E903">
        <v>2</v>
      </c>
      <c r="F903">
        <v>0</v>
      </c>
      <c r="H903" t="s">
        <v>4742</v>
      </c>
      <c r="I903">
        <v>1</v>
      </c>
      <c r="J903" t="s">
        <v>4743</v>
      </c>
      <c r="O903">
        <v>3068815</v>
      </c>
      <c r="P903">
        <v>1</v>
      </c>
      <c r="Q903">
        <v>2</v>
      </c>
      <c r="R903" t="s">
        <v>4744</v>
      </c>
      <c r="S903">
        <v>1555</v>
      </c>
    </row>
    <row r="904" spans="1:19" x14ac:dyDescent="0.25">
      <c r="A904">
        <v>12010794</v>
      </c>
      <c r="B904" t="s">
        <v>4745</v>
      </c>
      <c r="C904" s="1" t="s">
        <v>4746</v>
      </c>
      <c r="E904">
        <v>1</v>
      </c>
      <c r="F904">
        <v>0</v>
      </c>
      <c r="H904" t="s">
        <v>4747</v>
      </c>
      <c r="J904" t="s">
        <v>4748</v>
      </c>
      <c r="O904">
        <v>1607549</v>
      </c>
      <c r="P904">
        <v>1</v>
      </c>
      <c r="Q904">
        <v>0</v>
      </c>
      <c r="R904" t="s">
        <v>4749</v>
      </c>
      <c r="S904">
        <v>155</v>
      </c>
    </row>
    <row r="905" spans="1:19" x14ac:dyDescent="0.25">
      <c r="A905">
        <v>16063720</v>
      </c>
      <c r="B905" t="s">
        <v>4750</v>
      </c>
      <c r="C905" s="1" t="s">
        <v>4751</v>
      </c>
      <c r="E905">
        <v>2</v>
      </c>
      <c r="F905">
        <v>2</v>
      </c>
      <c r="H905" t="s">
        <v>4752</v>
      </c>
      <c r="J905" t="s">
        <v>4753</v>
      </c>
      <c r="K905" t="s">
        <v>4754</v>
      </c>
      <c r="M905">
        <v>1630678</v>
      </c>
      <c r="O905">
        <v>1630678</v>
      </c>
      <c r="P905">
        <v>1</v>
      </c>
      <c r="Q905">
        <v>0</v>
      </c>
      <c r="R905" t="s">
        <v>4755</v>
      </c>
      <c r="S905">
        <v>1808</v>
      </c>
    </row>
    <row r="906" spans="1:19" x14ac:dyDescent="0.25">
      <c r="A906">
        <v>137400</v>
      </c>
      <c r="B906" t="s">
        <v>4756</v>
      </c>
      <c r="C906" s="1" t="s">
        <v>4757</v>
      </c>
      <c r="D906">
        <v>137431</v>
      </c>
      <c r="E906">
        <v>2</v>
      </c>
      <c r="F906">
        <v>0</v>
      </c>
      <c r="H906" t="s">
        <v>4758</v>
      </c>
      <c r="I906">
        <v>6</v>
      </c>
      <c r="J906" t="s">
        <v>4759</v>
      </c>
      <c r="K906" t="s">
        <v>4760</v>
      </c>
      <c r="L906" t="s">
        <v>4761</v>
      </c>
      <c r="M906">
        <v>5640</v>
      </c>
      <c r="N906" t="s">
        <v>4762</v>
      </c>
      <c r="O906">
        <v>19490</v>
      </c>
      <c r="P906">
        <v>1</v>
      </c>
      <c r="Q906">
        <v>24</v>
      </c>
      <c r="R906" t="s">
        <v>4763</v>
      </c>
      <c r="S906">
        <v>9332</v>
      </c>
    </row>
    <row r="907" spans="1:19" x14ac:dyDescent="0.25">
      <c r="A907">
        <v>27264507</v>
      </c>
      <c r="B907" t="s">
        <v>4764</v>
      </c>
      <c r="C907" s="1" t="s">
        <v>4765</v>
      </c>
      <c r="E907">
        <v>0</v>
      </c>
      <c r="F907">
        <v>1</v>
      </c>
      <c r="H907" t="s">
        <v>4766</v>
      </c>
      <c r="J907" t="s">
        <v>4766</v>
      </c>
      <c r="O907">
        <v>2991069</v>
      </c>
      <c r="P907">
        <v>1</v>
      </c>
      <c r="Q907">
        <v>1</v>
      </c>
      <c r="R907" t="s">
        <v>4767</v>
      </c>
      <c r="S907">
        <v>39</v>
      </c>
    </row>
    <row r="908" spans="1:19" x14ac:dyDescent="0.25">
      <c r="A908">
        <v>14224772</v>
      </c>
      <c r="B908" t="s">
        <v>4768</v>
      </c>
      <c r="C908" s="1" t="s">
        <v>4769</v>
      </c>
      <c r="E908">
        <v>2</v>
      </c>
      <c r="F908">
        <v>0</v>
      </c>
      <c r="H908" t="s">
        <v>4770</v>
      </c>
      <c r="J908" t="s">
        <v>4771</v>
      </c>
      <c r="K908" t="s">
        <v>4771</v>
      </c>
      <c r="M908">
        <v>939860</v>
      </c>
      <c r="O908">
        <v>149080</v>
      </c>
      <c r="P908">
        <v>1</v>
      </c>
      <c r="Q908">
        <v>0</v>
      </c>
      <c r="R908" t="s">
        <v>4772</v>
      </c>
      <c r="S908">
        <v>490</v>
      </c>
    </row>
    <row r="909" spans="1:19" x14ac:dyDescent="0.25">
      <c r="A909">
        <v>46084375</v>
      </c>
      <c r="B909" t="s">
        <v>4773</v>
      </c>
      <c r="C909" s="1" t="s">
        <v>4774</v>
      </c>
      <c r="E909">
        <v>1</v>
      </c>
      <c r="F909">
        <v>1</v>
      </c>
      <c r="H909" t="s">
        <v>4775</v>
      </c>
      <c r="J909" t="s">
        <v>4776</v>
      </c>
      <c r="O909">
        <v>8308479</v>
      </c>
      <c r="P909">
        <v>1</v>
      </c>
      <c r="Q909">
        <v>2</v>
      </c>
      <c r="R909" t="s">
        <v>4777</v>
      </c>
      <c r="S909">
        <v>1319</v>
      </c>
    </row>
    <row r="910" spans="1:19" x14ac:dyDescent="0.25">
      <c r="A910">
        <v>26321060</v>
      </c>
      <c r="B910" t="s">
        <v>4778</v>
      </c>
      <c r="C910" s="1" t="s">
        <v>4779</v>
      </c>
      <c r="D910">
        <v>26321150</v>
      </c>
      <c r="E910">
        <v>2</v>
      </c>
      <c r="F910">
        <v>3</v>
      </c>
      <c r="H910" t="s">
        <v>4780</v>
      </c>
      <c r="J910" t="s">
        <v>4781</v>
      </c>
      <c r="O910">
        <v>2363867</v>
      </c>
      <c r="P910">
        <v>1</v>
      </c>
      <c r="Q910">
        <v>2</v>
      </c>
      <c r="R910" t="s">
        <v>2771</v>
      </c>
      <c r="S910">
        <v>61</v>
      </c>
    </row>
    <row r="911" spans="1:19" x14ac:dyDescent="0.25">
      <c r="A911">
        <v>51726922</v>
      </c>
      <c r="B911" t="s">
        <v>4782</v>
      </c>
      <c r="C911" s="1" t="s">
        <v>4783</v>
      </c>
      <c r="D911">
        <v>51727264</v>
      </c>
      <c r="E911">
        <v>1</v>
      </c>
      <c r="F911">
        <v>1</v>
      </c>
      <c r="H911" t="s">
        <v>4784</v>
      </c>
      <c r="J911" t="s">
        <v>4785</v>
      </c>
      <c r="O911">
        <v>6827430</v>
      </c>
      <c r="P911">
        <v>1</v>
      </c>
      <c r="Q911">
        <v>0</v>
      </c>
      <c r="R911" t="s">
        <v>4786</v>
      </c>
      <c r="S911">
        <v>52</v>
      </c>
    </row>
    <row r="912" spans="1:19" x14ac:dyDescent="0.25">
      <c r="A912">
        <v>2449386</v>
      </c>
      <c r="B912" t="s">
        <v>4787</v>
      </c>
      <c r="C912" t="s">
        <v>4788</v>
      </c>
      <c r="D912">
        <v>2449404</v>
      </c>
      <c r="E912">
        <v>7</v>
      </c>
      <c r="F912">
        <v>0</v>
      </c>
      <c r="H912" t="s">
        <v>4789</v>
      </c>
      <c r="I912">
        <v>1</v>
      </c>
      <c r="J912" t="s">
        <v>4790</v>
      </c>
      <c r="K912" t="s">
        <v>4791</v>
      </c>
      <c r="M912">
        <v>3622940</v>
      </c>
      <c r="O912">
        <v>286888</v>
      </c>
      <c r="P912">
        <v>1</v>
      </c>
      <c r="Q912">
        <v>10</v>
      </c>
      <c r="R912" t="s">
        <v>4792</v>
      </c>
      <c r="S912">
        <v>26664</v>
      </c>
    </row>
    <row r="913" spans="1:19" x14ac:dyDescent="0.25">
      <c r="A913">
        <v>36176388</v>
      </c>
      <c r="B913" t="s">
        <v>4793</v>
      </c>
      <c r="C913" s="1" t="s">
        <v>4794</v>
      </c>
      <c r="E913">
        <v>0</v>
      </c>
      <c r="F913">
        <v>0</v>
      </c>
      <c r="H913" t="s">
        <v>4795</v>
      </c>
      <c r="J913" t="s">
        <v>4795</v>
      </c>
      <c r="O913">
        <v>824528</v>
      </c>
      <c r="P913">
        <v>1</v>
      </c>
      <c r="Q913">
        <v>2</v>
      </c>
      <c r="R913" t="s">
        <v>4796</v>
      </c>
      <c r="S913">
        <v>80</v>
      </c>
    </row>
    <row r="914" spans="1:19" x14ac:dyDescent="0.25">
      <c r="A914">
        <v>53362112</v>
      </c>
      <c r="B914" t="s">
        <v>4797</v>
      </c>
      <c r="C914" s="1" t="s">
        <v>4798</v>
      </c>
      <c r="E914">
        <v>0</v>
      </c>
      <c r="F914">
        <v>5</v>
      </c>
      <c r="H914" t="s">
        <v>4799</v>
      </c>
      <c r="J914" t="s">
        <v>4799</v>
      </c>
      <c r="O914">
        <v>3531423</v>
      </c>
      <c r="P914">
        <v>1</v>
      </c>
      <c r="Q914">
        <v>-1</v>
      </c>
      <c r="R914" t="s">
        <v>351</v>
      </c>
      <c r="S914">
        <v>22</v>
      </c>
    </row>
    <row r="915" spans="1:19" x14ac:dyDescent="0.25">
      <c r="A915">
        <v>26134872</v>
      </c>
      <c r="B915" t="s">
        <v>4800</v>
      </c>
      <c r="C915" s="1" t="s">
        <v>4801</v>
      </c>
      <c r="E915">
        <v>0</v>
      </c>
      <c r="F915">
        <v>0</v>
      </c>
      <c r="H915" t="s">
        <v>4802</v>
      </c>
      <c r="J915" t="s">
        <v>4802</v>
      </c>
      <c r="O915">
        <v>62653</v>
      </c>
      <c r="P915">
        <v>1</v>
      </c>
      <c r="Q915">
        <v>1</v>
      </c>
      <c r="R915" t="s">
        <v>4803</v>
      </c>
      <c r="S915">
        <v>70</v>
      </c>
    </row>
    <row r="916" spans="1:19" x14ac:dyDescent="0.25">
      <c r="A916">
        <v>35387485</v>
      </c>
      <c r="B916" t="s">
        <v>4804</v>
      </c>
      <c r="C916" s="1" t="s">
        <v>4805</v>
      </c>
      <c r="D916">
        <v>35393438</v>
      </c>
      <c r="E916">
        <v>4</v>
      </c>
      <c r="F916">
        <v>5</v>
      </c>
      <c r="H916" t="s">
        <v>4806</v>
      </c>
      <c r="I916">
        <v>1</v>
      </c>
      <c r="J916" t="s">
        <v>4807</v>
      </c>
      <c r="O916">
        <v>890669</v>
      </c>
      <c r="P916">
        <v>1</v>
      </c>
      <c r="Q916">
        <v>1</v>
      </c>
      <c r="R916" t="s">
        <v>4808</v>
      </c>
      <c r="S916">
        <v>233</v>
      </c>
    </row>
    <row r="917" spans="1:19" x14ac:dyDescent="0.25">
      <c r="A917">
        <v>4632497</v>
      </c>
      <c r="B917" t="s">
        <v>4809</v>
      </c>
      <c r="C917" s="1" t="s">
        <v>4810</v>
      </c>
      <c r="D917">
        <v>4697089</v>
      </c>
      <c r="E917">
        <v>1</v>
      </c>
      <c r="F917">
        <v>0</v>
      </c>
      <c r="H917" t="s">
        <v>4811</v>
      </c>
      <c r="J917" t="s">
        <v>4812</v>
      </c>
      <c r="O917">
        <v>567761</v>
      </c>
      <c r="P917">
        <v>1</v>
      </c>
      <c r="Q917">
        <v>3</v>
      </c>
      <c r="R917" t="s">
        <v>4813</v>
      </c>
      <c r="S917">
        <v>1302</v>
      </c>
    </row>
    <row r="918" spans="1:19" x14ac:dyDescent="0.25">
      <c r="A918">
        <v>33549300</v>
      </c>
      <c r="B918" t="s">
        <v>4814</v>
      </c>
      <c r="C918" s="1" t="s">
        <v>4815</v>
      </c>
      <c r="E918">
        <v>1</v>
      </c>
      <c r="F918">
        <v>0</v>
      </c>
      <c r="H918" t="s">
        <v>4816</v>
      </c>
      <c r="J918" t="s">
        <v>4817</v>
      </c>
      <c r="K918" t="s">
        <v>4818</v>
      </c>
      <c r="M918">
        <v>-1</v>
      </c>
      <c r="O918">
        <v>2565651</v>
      </c>
      <c r="P918">
        <v>1</v>
      </c>
      <c r="Q918">
        <v>0</v>
      </c>
      <c r="R918" t="s">
        <v>4819</v>
      </c>
      <c r="S918">
        <v>603</v>
      </c>
    </row>
    <row r="919" spans="1:19" x14ac:dyDescent="0.25">
      <c r="A919">
        <v>33714118</v>
      </c>
      <c r="B919" t="s">
        <v>4820</v>
      </c>
      <c r="C919" s="1" t="s">
        <v>4821</v>
      </c>
      <c r="D919">
        <v>33725780</v>
      </c>
      <c r="E919">
        <v>1</v>
      </c>
      <c r="F919">
        <v>0</v>
      </c>
      <c r="H919" t="s">
        <v>4822</v>
      </c>
      <c r="J919" t="s">
        <v>4823</v>
      </c>
      <c r="O919">
        <v>4175733</v>
      </c>
      <c r="P919">
        <v>1</v>
      </c>
      <c r="Q919">
        <v>0</v>
      </c>
      <c r="R919" t="s">
        <v>4824</v>
      </c>
      <c r="S919">
        <v>125</v>
      </c>
    </row>
    <row r="920" spans="1:19" x14ac:dyDescent="0.25">
      <c r="A920">
        <v>52502551</v>
      </c>
      <c r="B920" t="s">
        <v>4825</v>
      </c>
      <c r="C920" s="1" t="s">
        <v>4826</v>
      </c>
      <c r="E920">
        <v>0</v>
      </c>
      <c r="F920">
        <v>7</v>
      </c>
      <c r="H920" t="s">
        <v>4827</v>
      </c>
      <c r="J920" t="s">
        <v>4828</v>
      </c>
      <c r="K920" t="s">
        <v>4828</v>
      </c>
      <c r="M920">
        <v>6073369</v>
      </c>
      <c r="O920">
        <v>6073369</v>
      </c>
      <c r="P920">
        <v>1</v>
      </c>
      <c r="Q920">
        <v>0</v>
      </c>
      <c r="R920" t="s">
        <v>4829</v>
      </c>
      <c r="S920">
        <v>48</v>
      </c>
    </row>
    <row r="921" spans="1:19" x14ac:dyDescent="0.25">
      <c r="A921">
        <v>32513621</v>
      </c>
      <c r="B921" t="s">
        <v>4830</v>
      </c>
      <c r="C921" s="1" t="s">
        <v>4831</v>
      </c>
      <c r="D921">
        <v>32513664</v>
      </c>
      <c r="E921">
        <v>1</v>
      </c>
      <c r="F921">
        <v>0</v>
      </c>
      <c r="H921" t="s">
        <v>4832</v>
      </c>
      <c r="J921" t="s">
        <v>4833</v>
      </c>
      <c r="O921">
        <v>774513</v>
      </c>
      <c r="P921">
        <v>1</v>
      </c>
      <c r="Q921">
        <v>0</v>
      </c>
      <c r="R921" t="s">
        <v>4834</v>
      </c>
      <c r="S921">
        <v>286</v>
      </c>
    </row>
    <row r="922" spans="1:19" x14ac:dyDescent="0.25">
      <c r="A922">
        <v>41664371</v>
      </c>
      <c r="B922" t="s">
        <v>4835</v>
      </c>
      <c r="C922" s="1" t="s">
        <v>4836</v>
      </c>
      <c r="E922">
        <v>1</v>
      </c>
      <c r="F922">
        <v>3</v>
      </c>
      <c r="H922" t="s">
        <v>4837</v>
      </c>
      <c r="J922" t="s">
        <v>4838</v>
      </c>
      <c r="O922">
        <v>4906653</v>
      </c>
      <c r="P922">
        <v>1</v>
      </c>
      <c r="Q922">
        <v>-2</v>
      </c>
      <c r="R922" t="s">
        <v>4839</v>
      </c>
      <c r="S922">
        <v>44</v>
      </c>
    </row>
    <row r="923" spans="1:19" x14ac:dyDescent="0.25">
      <c r="A923">
        <v>25656651</v>
      </c>
      <c r="B923" t="s">
        <v>4840</v>
      </c>
      <c r="C923" s="1" t="s">
        <v>4841</v>
      </c>
      <c r="D923">
        <v>25656673</v>
      </c>
      <c r="E923">
        <v>1</v>
      </c>
      <c r="F923">
        <v>0</v>
      </c>
      <c r="H923" t="s">
        <v>4842</v>
      </c>
      <c r="J923" t="s">
        <v>4843</v>
      </c>
      <c r="O923">
        <v>1493294</v>
      </c>
      <c r="P923">
        <v>1</v>
      </c>
      <c r="Q923">
        <v>-1</v>
      </c>
      <c r="R923" t="s">
        <v>4844</v>
      </c>
      <c r="S923">
        <v>220</v>
      </c>
    </row>
    <row r="924" spans="1:19" x14ac:dyDescent="0.25">
      <c r="A924">
        <v>31954972</v>
      </c>
      <c r="B924" t="s">
        <v>4845</v>
      </c>
      <c r="C924" s="1" t="s">
        <v>4846</v>
      </c>
      <c r="D924">
        <v>31955618</v>
      </c>
      <c r="E924">
        <v>1</v>
      </c>
      <c r="F924">
        <v>1</v>
      </c>
      <c r="H924" t="s">
        <v>4847</v>
      </c>
      <c r="I924">
        <v>1</v>
      </c>
      <c r="J924" t="s">
        <v>4848</v>
      </c>
      <c r="K924" t="s">
        <v>4848</v>
      </c>
      <c r="M924">
        <v>1997093</v>
      </c>
      <c r="O924">
        <v>1997093</v>
      </c>
      <c r="P924">
        <v>1</v>
      </c>
      <c r="Q924">
        <v>6</v>
      </c>
      <c r="R924" t="s">
        <v>4849</v>
      </c>
      <c r="S924">
        <v>215</v>
      </c>
    </row>
    <row r="925" spans="1:19" x14ac:dyDescent="0.25">
      <c r="A925">
        <v>35230616</v>
      </c>
      <c r="B925" t="s">
        <v>4850</v>
      </c>
      <c r="C925" s="1" t="s">
        <v>4851</v>
      </c>
      <c r="D925">
        <v>35231119</v>
      </c>
      <c r="E925">
        <v>1</v>
      </c>
      <c r="F925">
        <v>4</v>
      </c>
      <c r="H925" t="s">
        <v>4852</v>
      </c>
      <c r="J925" t="s">
        <v>4853</v>
      </c>
      <c r="K925" t="s">
        <v>4853</v>
      </c>
      <c r="M925">
        <v>1264804</v>
      </c>
      <c r="O925">
        <v>1073662</v>
      </c>
      <c r="P925">
        <v>1</v>
      </c>
      <c r="Q925">
        <v>1</v>
      </c>
      <c r="R925" t="s">
        <v>4854</v>
      </c>
      <c r="S925">
        <v>1581</v>
      </c>
    </row>
    <row r="926" spans="1:19" x14ac:dyDescent="0.25">
      <c r="A926">
        <v>32554924</v>
      </c>
      <c r="B926" t="s">
        <v>4855</v>
      </c>
      <c r="C926" s="1" t="s">
        <v>4856</v>
      </c>
      <c r="E926">
        <v>3</v>
      </c>
      <c r="F926">
        <v>2</v>
      </c>
      <c r="H926" t="s">
        <v>4857</v>
      </c>
      <c r="J926" t="s">
        <v>4858</v>
      </c>
      <c r="O926">
        <v>5319068</v>
      </c>
      <c r="P926">
        <v>1</v>
      </c>
      <c r="Q926">
        <v>0</v>
      </c>
      <c r="R926" t="s">
        <v>4859</v>
      </c>
      <c r="S926">
        <v>56</v>
      </c>
    </row>
    <row r="927" spans="1:19" x14ac:dyDescent="0.25">
      <c r="A927">
        <v>31315852</v>
      </c>
      <c r="B927" t="s">
        <v>4860</v>
      </c>
      <c r="C927" s="1" t="s">
        <v>4861</v>
      </c>
      <c r="E927">
        <v>2</v>
      </c>
      <c r="F927">
        <v>1</v>
      </c>
      <c r="H927" t="s">
        <v>4862</v>
      </c>
      <c r="J927" t="s">
        <v>4863</v>
      </c>
      <c r="K927" t="s">
        <v>4864</v>
      </c>
      <c r="M927">
        <v>-1</v>
      </c>
      <c r="O927">
        <v>2041850</v>
      </c>
      <c r="P927">
        <v>1</v>
      </c>
      <c r="Q927">
        <v>0</v>
      </c>
      <c r="R927" t="s">
        <v>4865</v>
      </c>
      <c r="S927">
        <v>406</v>
      </c>
    </row>
    <row r="928" spans="1:19" x14ac:dyDescent="0.25">
      <c r="A928">
        <v>20879914</v>
      </c>
      <c r="B928" t="s">
        <v>4866</v>
      </c>
      <c r="C928" s="1" t="s">
        <v>4867</v>
      </c>
      <c r="D928">
        <v>20883994</v>
      </c>
      <c r="E928">
        <v>1</v>
      </c>
      <c r="F928">
        <v>0</v>
      </c>
      <c r="H928" t="s">
        <v>4868</v>
      </c>
      <c r="J928" t="s">
        <v>4869</v>
      </c>
      <c r="K928" t="s">
        <v>4870</v>
      </c>
      <c r="M928">
        <v>3153039</v>
      </c>
      <c r="O928">
        <v>3153039</v>
      </c>
      <c r="P928">
        <v>1</v>
      </c>
      <c r="Q928">
        <v>0</v>
      </c>
      <c r="R928" t="s">
        <v>4871</v>
      </c>
      <c r="S928">
        <v>1118</v>
      </c>
    </row>
    <row r="929" spans="1:19" x14ac:dyDescent="0.25">
      <c r="A929">
        <v>42761052</v>
      </c>
      <c r="B929" t="s">
        <v>4872</v>
      </c>
      <c r="C929" s="1" t="s">
        <v>4873</v>
      </c>
      <c r="D929">
        <v>44897711</v>
      </c>
      <c r="E929">
        <v>1</v>
      </c>
      <c r="F929">
        <v>0</v>
      </c>
      <c r="H929" t="s">
        <v>4874</v>
      </c>
      <c r="J929" t="s">
        <v>4875</v>
      </c>
      <c r="K929" t="s">
        <v>4876</v>
      </c>
      <c r="M929">
        <v>2838509</v>
      </c>
      <c r="O929">
        <v>2838509</v>
      </c>
      <c r="P929">
        <v>1</v>
      </c>
      <c r="Q929">
        <v>0</v>
      </c>
      <c r="R929" t="s">
        <v>4877</v>
      </c>
      <c r="S929">
        <v>354</v>
      </c>
    </row>
    <row r="930" spans="1:19" x14ac:dyDescent="0.25">
      <c r="A930">
        <v>24054996</v>
      </c>
      <c r="B930" t="s">
        <v>4878</v>
      </c>
      <c r="C930" s="1" t="s">
        <v>4879</v>
      </c>
      <c r="E930">
        <v>0</v>
      </c>
      <c r="F930">
        <v>0</v>
      </c>
      <c r="H930" t="s">
        <v>4880</v>
      </c>
      <c r="I930">
        <v>1</v>
      </c>
      <c r="J930" t="s">
        <v>4881</v>
      </c>
      <c r="O930">
        <v>588868</v>
      </c>
      <c r="P930">
        <v>1</v>
      </c>
      <c r="Q930">
        <v>1</v>
      </c>
      <c r="R930" t="s">
        <v>4882</v>
      </c>
      <c r="S930">
        <v>63</v>
      </c>
    </row>
    <row r="931" spans="1:19" x14ac:dyDescent="0.25">
      <c r="A931">
        <v>24990202</v>
      </c>
      <c r="B931" t="s">
        <v>4883</v>
      </c>
      <c r="C931" s="1" t="s">
        <v>4884</v>
      </c>
      <c r="D931">
        <v>25202453</v>
      </c>
      <c r="E931">
        <v>1</v>
      </c>
      <c r="F931">
        <v>4</v>
      </c>
      <c r="H931" t="s">
        <v>4885</v>
      </c>
      <c r="J931" t="s">
        <v>4886</v>
      </c>
      <c r="K931" t="s">
        <v>4887</v>
      </c>
      <c r="M931">
        <v>1804311</v>
      </c>
      <c r="O931">
        <v>1804311</v>
      </c>
      <c r="P931">
        <v>1</v>
      </c>
      <c r="Q931">
        <v>1</v>
      </c>
      <c r="R931" t="s">
        <v>4888</v>
      </c>
      <c r="S931">
        <v>71</v>
      </c>
    </row>
    <row r="932" spans="1:19" x14ac:dyDescent="0.25">
      <c r="A932">
        <v>49673317</v>
      </c>
      <c r="B932" t="s">
        <v>4889</v>
      </c>
      <c r="C932" s="1" t="s">
        <v>4890</v>
      </c>
      <c r="E932">
        <v>0</v>
      </c>
      <c r="F932">
        <v>6</v>
      </c>
      <c r="H932" t="s">
        <v>4891</v>
      </c>
      <c r="J932" t="s">
        <v>4892</v>
      </c>
      <c r="K932" t="s">
        <v>4892</v>
      </c>
      <c r="M932">
        <v>3429605</v>
      </c>
      <c r="O932">
        <v>3429605</v>
      </c>
      <c r="P932">
        <v>1</v>
      </c>
      <c r="Q932">
        <v>0</v>
      </c>
      <c r="R932" t="s">
        <v>4893</v>
      </c>
      <c r="S932">
        <v>44</v>
      </c>
    </row>
    <row r="933" spans="1:19" x14ac:dyDescent="0.25">
      <c r="A933">
        <v>48468549</v>
      </c>
      <c r="B933" t="s">
        <v>4894</v>
      </c>
      <c r="C933" s="1" t="s">
        <v>4895</v>
      </c>
      <c r="D933">
        <v>48469003</v>
      </c>
      <c r="E933">
        <v>1</v>
      </c>
      <c r="F933">
        <v>0</v>
      </c>
      <c r="H933" t="s">
        <v>4896</v>
      </c>
      <c r="J933" t="s">
        <v>4897</v>
      </c>
      <c r="K933" t="s">
        <v>4898</v>
      </c>
      <c r="M933">
        <v>8315472</v>
      </c>
      <c r="O933">
        <v>8315472</v>
      </c>
      <c r="P933">
        <v>1</v>
      </c>
      <c r="Q933">
        <v>0</v>
      </c>
      <c r="R933" t="s">
        <v>4899</v>
      </c>
      <c r="S933">
        <v>75</v>
      </c>
    </row>
    <row r="934" spans="1:19" x14ac:dyDescent="0.25">
      <c r="A934">
        <v>22573436</v>
      </c>
      <c r="B934" t="s">
        <v>4900</v>
      </c>
      <c r="C934" s="1" t="s">
        <v>4901</v>
      </c>
      <c r="D934">
        <v>22573465</v>
      </c>
      <c r="E934">
        <v>1</v>
      </c>
      <c r="F934">
        <v>0</v>
      </c>
      <c r="H934" t="s">
        <v>4902</v>
      </c>
      <c r="J934" t="s">
        <v>4903</v>
      </c>
      <c r="O934">
        <v>3449832</v>
      </c>
      <c r="P934">
        <v>1</v>
      </c>
      <c r="Q934">
        <v>0</v>
      </c>
      <c r="R934" t="s">
        <v>213</v>
      </c>
      <c r="S934">
        <v>288</v>
      </c>
    </row>
    <row r="935" spans="1:19" x14ac:dyDescent="0.25">
      <c r="A935">
        <v>45952683</v>
      </c>
      <c r="B935" t="s">
        <v>4904</v>
      </c>
      <c r="C935" s="1" t="s">
        <v>4905</v>
      </c>
      <c r="E935">
        <v>1</v>
      </c>
      <c r="F935">
        <v>2</v>
      </c>
      <c r="H935" t="s">
        <v>4906</v>
      </c>
      <c r="I935">
        <v>1</v>
      </c>
      <c r="J935" t="s">
        <v>4907</v>
      </c>
      <c r="K935" t="s">
        <v>4907</v>
      </c>
      <c r="M935">
        <v>4930974</v>
      </c>
      <c r="O935">
        <v>4930974</v>
      </c>
      <c r="P935">
        <v>1</v>
      </c>
      <c r="Q935">
        <v>1</v>
      </c>
      <c r="R935" t="s">
        <v>4908</v>
      </c>
      <c r="S935">
        <v>46</v>
      </c>
    </row>
    <row r="936" spans="1:19" x14ac:dyDescent="0.25">
      <c r="A936">
        <v>773629</v>
      </c>
      <c r="B936" t="s">
        <v>4909</v>
      </c>
      <c r="C936" s="1" t="s">
        <v>4910</v>
      </c>
      <c r="D936">
        <v>773866</v>
      </c>
      <c r="E936">
        <v>2</v>
      </c>
      <c r="F936">
        <v>0</v>
      </c>
      <c r="H936" t="s">
        <v>4911</v>
      </c>
      <c r="I936">
        <v>1</v>
      </c>
      <c r="J936" t="s">
        <v>4912</v>
      </c>
      <c r="O936">
        <v>1432</v>
      </c>
      <c r="P936">
        <v>1</v>
      </c>
      <c r="Q936">
        <v>3</v>
      </c>
      <c r="R936" t="s">
        <v>4913</v>
      </c>
      <c r="S936">
        <v>5046</v>
      </c>
    </row>
    <row r="937" spans="1:19" x14ac:dyDescent="0.25">
      <c r="A937">
        <v>32107225</v>
      </c>
      <c r="B937" t="s">
        <v>4914</v>
      </c>
      <c r="C937" s="1" t="s">
        <v>4915</v>
      </c>
      <c r="D937">
        <v>32107559</v>
      </c>
      <c r="E937">
        <v>3</v>
      </c>
      <c r="F937">
        <v>3</v>
      </c>
      <c r="H937" t="s">
        <v>4916</v>
      </c>
      <c r="J937" t="s">
        <v>4917</v>
      </c>
      <c r="K937" t="s">
        <v>4918</v>
      </c>
      <c r="M937">
        <v>5037551</v>
      </c>
      <c r="O937">
        <v>5241598</v>
      </c>
      <c r="P937">
        <v>1</v>
      </c>
      <c r="Q937">
        <v>0</v>
      </c>
      <c r="R937" t="s">
        <v>1359</v>
      </c>
      <c r="S937">
        <v>103</v>
      </c>
    </row>
    <row r="938" spans="1:19" x14ac:dyDescent="0.25">
      <c r="A938">
        <v>29994174</v>
      </c>
      <c r="B938" t="s">
        <v>4919</v>
      </c>
      <c r="C938" t="s">
        <v>4920</v>
      </c>
      <c r="E938">
        <v>1</v>
      </c>
      <c r="F938">
        <v>1</v>
      </c>
      <c r="H938" t="s">
        <v>4921</v>
      </c>
      <c r="J938" t="s">
        <v>4922</v>
      </c>
      <c r="O938">
        <v>4786760</v>
      </c>
      <c r="P938">
        <v>1</v>
      </c>
      <c r="Q938">
        <v>0</v>
      </c>
      <c r="R938" t="s">
        <v>4923</v>
      </c>
      <c r="S938">
        <v>38</v>
      </c>
    </row>
    <row r="939" spans="1:19" x14ac:dyDescent="0.25">
      <c r="A939">
        <v>33550094</v>
      </c>
      <c r="B939" t="s">
        <v>4924</v>
      </c>
      <c r="C939" s="1" t="s">
        <v>4925</v>
      </c>
      <c r="E939">
        <v>2</v>
      </c>
      <c r="F939">
        <v>5</v>
      </c>
      <c r="H939" t="s">
        <v>4926</v>
      </c>
      <c r="J939" t="s">
        <v>4927</v>
      </c>
      <c r="K939" t="s">
        <v>4927</v>
      </c>
      <c r="M939">
        <v>1033581</v>
      </c>
      <c r="O939">
        <v>4990543</v>
      </c>
      <c r="P939">
        <v>1</v>
      </c>
      <c r="Q939">
        <v>0</v>
      </c>
      <c r="R939" t="s">
        <v>2771</v>
      </c>
      <c r="S939">
        <v>345</v>
      </c>
    </row>
    <row r="940" spans="1:19" x14ac:dyDescent="0.25">
      <c r="A940">
        <v>41127022</v>
      </c>
      <c r="B940" t="s">
        <v>4928</v>
      </c>
      <c r="C940" s="1" t="s">
        <v>4929</v>
      </c>
      <c r="E940">
        <v>0</v>
      </c>
      <c r="F940">
        <v>3</v>
      </c>
      <c r="H940" t="s">
        <v>4930</v>
      </c>
      <c r="J940" t="s">
        <v>4930</v>
      </c>
      <c r="O940">
        <v>5393285</v>
      </c>
      <c r="P940">
        <v>1</v>
      </c>
      <c r="Q940">
        <v>0</v>
      </c>
      <c r="R940" t="s">
        <v>4931</v>
      </c>
      <c r="S940">
        <v>34</v>
      </c>
    </row>
    <row r="941" spans="1:19" x14ac:dyDescent="0.25">
      <c r="A941">
        <v>7514249</v>
      </c>
      <c r="B941" t="s">
        <v>4932</v>
      </c>
      <c r="C941" s="1" t="s">
        <v>4933</v>
      </c>
      <c r="E941">
        <v>2</v>
      </c>
      <c r="F941">
        <v>3</v>
      </c>
      <c r="H941" t="s">
        <v>4934</v>
      </c>
      <c r="I941">
        <v>2</v>
      </c>
      <c r="J941" t="s">
        <v>4935</v>
      </c>
      <c r="K941" t="s">
        <v>4936</v>
      </c>
      <c r="M941">
        <v>635608</v>
      </c>
      <c r="O941">
        <v>959016</v>
      </c>
      <c r="P941">
        <v>1</v>
      </c>
      <c r="Q941">
        <v>2</v>
      </c>
      <c r="R941" t="s">
        <v>4937</v>
      </c>
      <c r="S941">
        <v>4190</v>
      </c>
    </row>
    <row r="942" spans="1:19" x14ac:dyDescent="0.25">
      <c r="A942">
        <v>27000095</v>
      </c>
      <c r="B942" t="s">
        <v>4938</v>
      </c>
      <c r="C942" s="1" t="s">
        <v>4939</v>
      </c>
      <c r="D942">
        <v>27030613</v>
      </c>
      <c r="E942">
        <v>3</v>
      </c>
      <c r="F942">
        <v>8</v>
      </c>
      <c r="H942" t="s">
        <v>4940</v>
      </c>
      <c r="I942">
        <v>1</v>
      </c>
      <c r="J942" t="s">
        <v>4941</v>
      </c>
      <c r="K942" t="s">
        <v>4942</v>
      </c>
      <c r="M942">
        <v>960432</v>
      </c>
      <c r="O942">
        <v>960432</v>
      </c>
      <c r="P942">
        <v>1</v>
      </c>
      <c r="Q942">
        <v>2</v>
      </c>
      <c r="R942" t="s">
        <v>4943</v>
      </c>
      <c r="S942">
        <v>874</v>
      </c>
    </row>
    <row r="943" spans="1:19" x14ac:dyDescent="0.25">
      <c r="A943">
        <v>24122419</v>
      </c>
      <c r="B943" t="s">
        <v>4944</v>
      </c>
      <c r="C943" s="1" t="s">
        <v>4945</v>
      </c>
      <c r="E943">
        <v>0</v>
      </c>
      <c r="F943">
        <v>4</v>
      </c>
      <c r="H943" t="s">
        <v>4946</v>
      </c>
      <c r="I943">
        <v>1</v>
      </c>
      <c r="J943" t="s">
        <v>4947</v>
      </c>
      <c r="K943" t="s">
        <v>4947</v>
      </c>
      <c r="M943">
        <v>2041498</v>
      </c>
      <c r="O943">
        <v>2041498</v>
      </c>
      <c r="P943">
        <v>1</v>
      </c>
      <c r="Q943">
        <v>1</v>
      </c>
      <c r="R943" t="s">
        <v>4948</v>
      </c>
      <c r="S943">
        <v>151</v>
      </c>
    </row>
    <row r="944" spans="1:19" x14ac:dyDescent="0.25">
      <c r="A944">
        <v>51171667</v>
      </c>
      <c r="B944" t="s">
        <v>4949</v>
      </c>
      <c r="C944" s="1" t="s">
        <v>4950</v>
      </c>
      <c r="D944">
        <v>51178162</v>
      </c>
      <c r="E944">
        <v>1</v>
      </c>
      <c r="F944">
        <v>0</v>
      </c>
      <c r="H944" t="s">
        <v>4951</v>
      </c>
      <c r="J944" t="s">
        <v>4952</v>
      </c>
      <c r="O944">
        <v>538211</v>
      </c>
      <c r="P944">
        <v>1</v>
      </c>
      <c r="Q944">
        <v>1</v>
      </c>
      <c r="R944" t="s">
        <v>4953</v>
      </c>
      <c r="S944">
        <v>37</v>
      </c>
    </row>
    <row r="945" spans="1:19" x14ac:dyDescent="0.25">
      <c r="A945">
        <v>51010938</v>
      </c>
      <c r="B945" t="s">
        <v>4954</v>
      </c>
      <c r="C945" s="1" t="s">
        <v>4955</v>
      </c>
      <c r="E945">
        <v>0</v>
      </c>
      <c r="F945">
        <v>5</v>
      </c>
      <c r="H945" t="s">
        <v>4956</v>
      </c>
      <c r="J945" t="s">
        <v>4957</v>
      </c>
      <c r="K945" t="s">
        <v>4957</v>
      </c>
      <c r="M945">
        <v>1501700</v>
      </c>
      <c r="O945">
        <v>1501700</v>
      </c>
      <c r="P945">
        <v>1</v>
      </c>
      <c r="Q945">
        <v>0</v>
      </c>
      <c r="R945" t="s">
        <v>4958</v>
      </c>
      <c r="S945">
        <v>35</v>
      </c>
    </row>
    <row r="946" spans="1:19" x14ac:dyDescent="0.25">
      <c r="A946">
        <v>33754093</v>
      </c>
      <c r="B946" t="s">
        <v>4959</v>
      </c>
      <c r="C946" s="1" t="s">
        <v>4960</v>
      </c>
      <c r="E946">
        <v>1</v>
      </c>
      <c r="F946">
        <v>9</v>
      </c>
      <c r="H946" t="s">
        <v>4961</v>
      </c>
      <c r="J946" t="s">
        <v>4962</v>
      </c>
      <c r="K946" t="s">
        <v>4963</v>
      </c>
      <c r="M946">
        <v>-1</v>
      </c>
      <c r="O946">
        <v>1793423</v>
      </c>
      <c r="P946">
        <v>1</v>
      </c>
      <c r="Q946">
        <v>1</v>
      </c>
      <c r="R946" t="s">
        <v>4964</v>
      </c>
      <c r="S946">
        <v>32</v>
      </c>
    </row>
    <row r="947" spans="1:19" x14ac:dyDescent="0.25">
      <c r="A947">
        <v>22531347</v>
      </c>
      <c r="B947" t="s">
        <v>4965</v>
      </c>
      <c r="C947" t="s">
        <v>4966</v>
      </c>
      <c r="D947">
        <v>22531450</v>
      </c>
      <c r="E947">
        <v>2</v>
      </c>
      <c r="F947">
        <v>0</v>
      </c>
      <c r="H947" t="s">
        <v>4967</v>
      </c>
      <c r="J947" t="s">
        <v>4968</v>
      </c>
      <c r="O947">
        <v>3382091</v>
      </c>
      <c r="P947">
        <v>1</v>
      </c>
      <c r="Q947">
        <v>0</v>
      </c>
      <c r="R947" t="s">
        <v>4969</v>
      </c>
      <c r="S947">
        <v>40</v>
      </c>
    </row>
    <row r="948" spans="1:19" x14ac:dyDescent="0.25">
      <c r="A948">
        <v>48384494</v>
      </c>
      <c r="B948" t="s">
        <v>4970</v>
      </c>
      <c r="C948" s="1" t="s">
        <v>4971</v>
      </c>
      <c r="E948">
        <v>1</v>
      </c>
      <c r="F948">
        <v>0</v>
      </c>
      <c r="H948" t="s">
        <v>4972</v>
      </c>
      <c r="J948" t="s">
        <v>4973</v>
      </c>
      <c r="K948" t="s">
        <v>4974</v>
      </c>
      <c r="M948">
        <v>5086766</v>
      </c>
      <c r="O948">
        <v>5086766</v>
      </c>
      <c r="P948">
        <v>1</v>
      </c>
      <c r="Q948">
        <v>0</v>
      </c>
      <c r="R948" t="s">
        <v>4975</v>
      </c>
      <c r="S948">
        <v>192</v>
      </c>
    </row>
    <row r="949" spans="1:19" x14ac:dyDescent="0.25">
      <c r="A949">
        <v>4902526</v>
      </c>
      <c r="B949" t="s">
        <v>4976</v>
      </c>
      <c r="C949" s="1" t="s">
        <v>4977</v>
      </c>
      <c r="E949">
        <v>2</v>
      </c>
      <c r="F949">
        <v>0</v>
      </c>
      <c r="H949" t="s">
        <v>4978</v>
      </c>
      <c r="J949" t="s">
        <v>4979</v>
      </c>
      <c r="O949">
        <v>339332</v>
      </c>
      <c r="P949">
        <v>1</v>
      </c>
      <c r="Q949">
        <v>3</v>
      </c>
      <c r="R949" t="s">
        <v>4980</v>
      </c>
      <c r="S949">
        <v>659</v>
      </c>
    </row>
    <row r="950" spans="1:19" x14ac:dyDescent="0.25">
      <c r="A950">
        <v>7198281</v>
      </c>
      <c r="B950" t="s">
        <v>4981</v>
      </c>
      <c r="C950" s="1" t="s">
        <v>4982</v>
      </c>
      <c r="D950">
        <v>7198324</v>
      </c>
      <c r="E950">
        <v>2</v>
      </c>
      <c r="F950">
        <v>0</v>
      </c>
      <c r="H950" t="s">
        <v>4983</v>
      </c>
      <c r="J950" t="s">
        <v>4984</v>
      </c>
      <c r="K950" t="s">
        <v>4985</v>
      </c>
      <c r="M950">
        <v>11343</v>
      </c>
      <c r="O950">
        <v>913102</v>
      </c>
      <c r="P950">
        <v>1</v>
      </c>
      <c r="Q950">
        <v>2</v>
      </c>
      <c r="R950" t="s">
        <v>4986</v>
      </c>
      <c r="S950">
        <v>5104</v>
      </c>
    </row>
    <row r="951" spans="1:19" x14ac:dyDescent="0.25">
      <c r="A951">
        <v>26068629</v>
      </c>
      <c r="B951" t="s">
        <v>4987</v>
      </c>
      <c r="C951" t="s">
        <v>4988</v>
      </c>
      <c r="D951">
        <v>26100448</v>
      </c>
      <c r="E951">
        <v>2</v>
      </c>
      <c r="F951">
        <v>1</v>
      </c>
      <c r="H951" t="s">
        <v>4989</v>
      </c>
      <c r="J951" t="s">
        <v>4990</v>
      </c>
      <c r="O951">
        <v>474719</v>
      </c>
      <c r="P951">
        <v>1</v>
      </c>
      <c r="Q951">
        <v>3</v>
      </c>
      <c r="R951" t="s">
        <v>4991</v>
      </c>
      <c r="S951">
        <v>1090</v>
      </c>
    </row>
    <row r="952" spans="1:19" x14ac:dyDescent="0.25">
      <c r="A952">
        <v>17028541</v>
      </c>
      <c r="B952" t="s">
        <v>4992</v>
      </c>
      <c r="C952" s="1" t="s">
        <v>4993</v>
      </c>
      <c r="E952">
        <v>1</v>
      </c>
      <c r="F952">
        <v>0</v>
      </c>
      <c r="H952" t="s">
        <v>4994</v>
      </c>
      <c r="J952" t="s">
        <v>4995</v>
      </c>
      <c r="O952">
        <v>1177198</v>
      </c>
      <c r="P952">
        <v>1</v>
      </c>
      <c r="Q952">
        <v>0</v>
      </c>
      <c r="R952" t="s">
        <v>4996</v>
      </c>
      <c r="S952">
        <v>54</v>
      </c>
    </row>
    <row r="953" spans="1:19" x14ac:dyDescent="0.25">
      <c r="A953">
        <v>47134777</v>
      </c>
      <c r="B953" t="s">
        <v>4997</v>
      </c>
      <c r="C953" s="1" t="s">
        <v>4998</v>
      </c>
      <c r="E953">
        <v>0</v>
      </c>
      <c r="F953">
        <v>2</v>
      </c>
      <c r="H953" t="s">
        <v>4999</v>
      </c>
      <c r="J953" t="s">
        <v>5000</v>
      </c>
      <c r="K953" t="s">
        <v>5000</v>
      </c>
      <c r="M953">
        <v>8179844</v>
      </c>
      <c r="O953">
        <v>8179844</v>
      </c>
      <c r="P953">
        <v>1</v>
      </c>
      <c r="Q953">
        <v>0</v>
      </c>
      <c r="R953" t="s">
        <v>5001</v>
      </c>
      <c r="S953">
        <v>46</v>
      </c>
    </row>
    <row r="954" spans="1:19" x14ac:dyDescent="0.25">
      <c r="A954">
        <v>51878939</v>
      </c>
      <c r="B954" t="s">
        <v>5002</v>
      </c>
      <c r="C954" s="1" t="s">
        <v>5003</v>
      </c>
      <c r="E954">
        <v>1</v>
      </c>
      <c r="F954">
        <v>6</v>
      </c>
      <c r="H954" t="s">
        <v>5004</v>
      </c>
      <c r="J954" t="s">
        <v>5005</v>
      </c>
      <c r="K954" t="s">
        <v>5006</v>
      </c>
      <c r="M954">
        <v>8066624</v>
      </c>
      <c r="O954">
        <v>8066624</v>
      </c>
      <c r="P954">
        <v>1</v>
      </c>
      <c r="Q954">
        <v>0</v>
      </c>
      <c r="R954" t="s">
        <v>5007</v>
      </c>
      <c r="S954">
        <v>52</v>
      </c>
    </row>
    <row r="955" spans="1:19" x14ac:dyDescent="0.25">
      <c r="A955">
        <v>23596884</v>
      </c>
      <c r="B955" t="s">
        <v>5008</v>
      </c>
      <c r="C955" s="1" t="s">
        <v>5009</v>
      </c>
      <c r="E955">
        <v>1</v>
      </c>
      <c r="F955">
        <v>9</v>
      </c>
      <c r="H955" t="s">
        <v>5010</v>
      </c>
      <c r="J955" t="s">
        <v>5011</v>
      </c>
      <c r="K955" t="s">
        <v>5012</v>
      </c>
      <c r="M955">
        <v>1470114</v>
      </c>
      <c r="O955">
        <v>1470114</v>
      </c>
      <c r="P955">
        <v>1</v>
      </c>
      <c r="Q955">
        <v>0</v>
      </c>
      <c r="R955" t="s">
        <v>2867</v>
      </c>
      <c r="S955">
        <v>153</v>
      </c>
    </row>
    <row r="956" spans="1:19" x14ac:dyDescent="0.25">
      <c r="A956">
        <v>49619916</v>
      </c>
      <c r="B956" t="s">
        <v>5013</v>
      </c>
      <c r="C956" s="1" t="s">
        <v>5014</v>
      </c>
      <c r="D956">
        <v>49620734</v>
      </c>
      <c r="E956">
        <v>1</v>
      </c>
      <c r="F956">
        <v>2</v>
      </c>
      <c r="H956" t="s">
        <v>5015</v>
      </c>
      <c r="J956" t="s">
        <v>5016</v>
      </c>
      <c r="O956">
        <v>3868889</v>
      </c>
      <c r="P956">
        <v>1</v>
      </c>
      <c r="Q956">
        <v>0</v>
      </c>
      <c r="R956" t="s">
        <v>1655</v>
      </c>
      <c r="S956">
        <v>411</v>
      </c>
    </row>
    <row r="957" spans="1:19" x14ac:dyDescent="0.25">
      <c r="A957">
        <v>20532705</v>
      </c>
      <c r="B957" t="s">
        <v>5017</v>
      </c>
      <c r="C957" s="1" t="s">
        <v>5018</v>
      </c>
      <c r="D957">
        <v>21603241</v>
      </c>
      <c r="E957">
        <v>4</v>
      </c>
      <c r="F957">
        <v>0</v>
      </c>
      <c r="H957" t="s">
        <v>5019</v>
      </c>
      <c r="I957">
        <v>2</v>
      </c>
      <c r="J957" t="s">
        <v>5020</v>
      </c>
      <c r="O957">
        <v>207741</v>
      </c>
      <c r="P957">
        <v>1</v>
      </c>
      <c r="Q957">
        <v>11</v>
      </c>
      <c r="R957" t="s">
        <v>5021</v>
      </c>
      <c r="S957">
        <v>6227</v>
      </c>
    </row>
    <row r="958" spans="1:19" x14ac:dyDescent="0.25">
      <c r="A958">
        <v>11897847</v>
      </c>
      <c r="B958" t="s">
        <v>5022</v>
      </c>
      <c r="C958" s="1" t="s">
        <v>5023</v>
      </c>
      <c r="E958">
        <v>1</v>
      </c>
      <c r="F958">
        <v>0</v>
      </c>
      <c r="H958" t="s">
        <v>5024</v>
      </c>
      <c r="J958" t="s">
        <v>5025</v>
      </c>
      <c r="K958" t="s">
        <v>5025</v>
      </c>
      <c r="M958">
        <v>694184</v>
      </c>
      <c r="O958">
        <v>1458148</v>
      </c>
      <c r="P958">
        <v>1</v>
      </c>
      <c r="Q958">
        <v>0</v>
      </c>
      <c r="R958" t="s">
        <v>5026</v>
      </c>
      <c r="S958">
        <v>1895</v>
      </c>
    </row>
    <row r="959" spans="1:19" x14ac:dyDescent="0.25">
      <c r="A959">
        <v>53195626</v>
      </c>
      <c r="B959" t="s">
        <v>5027</v>
      </c>
      <c r="C959" s="1" t="s">
        <v>5028</v>
      </c>
      <c r="E959">
        <v>1</v>
      </c>
      <c r="F959">
        <v>2</v>
      </c>
      <c r="H959" t="s">
        <v>5029</v>
      </c>
      <c r="J959" t="s">
        <v>5030</v>
      </c>
      <c r="O959">
        <v>2527474</v>
      </c>
      <c r="P959">
        <v>1</v>
      </c>
      <c r="Q959">
        <v>1</v>
      </c>
      <c r="R959" t="s">
        <v>5031</v>
      </c>
      <c r="S959">
        <v>45</v>
      </c>
    </row>
    <row r="960" spans="1:19" x14ac:dyDescent="0.25">
      <c r="A960">
        <v>36969668</v>
      </c>
      <c r="B960" t="s">
        <v>5032</v>
      </c>
      <c r="C960" s="1" t="s">
        <v>5033</v>
      </c>
      <c r="E960">
        <v>4</v>
      </c>
      <c r="F960">
        <v>8</v>
      </c>
      <c r="H960" t="s">
        <v>5034</v>
      </c>
      <c r="I960">
        <v>5</v>
      </c>
      <c r="J960" t="s">
        <v>5035</v>
      </c>
      <c r="O960">
        <v>1817912</v>
      </c>
      <c r="P960">
        <v>1</v>
      </c>
      <c r="Q960">
        <v>39</v>
      </c>
      <c r="R960" t="s">
        <v>5036</v>
      </c>
      <c r="S960">
        <v>7270</v>
      </c>
    </row>
    <row r="961" spans="1:19" x14ac:dyDescent="0.25">
      <c r="A961">
        <v>41625316</v>
      </c>
      <c r="B961" t="s">
        <v>5037</v>
      </c>
      <c r="C961" s="1" t="s">
        <v>5038</v>
      </c>
      <c r="E961">
        <v>0</v>
      </c>
      <c r="F961">
        <v>3</v>
      </c>
      <c r="H961" t="s">
        <v>5039</v>
      </c>
      <c r="J961" t="s">
        <v>5039</v>
      </c>
      <c r="O961">
        <v>6509235</v>
      </c>
      <c r="P961">
        <v>1</v>
      </c>
      <c r="Q961">
        <v>1</v>
      </c>
      <c r="R961" t="s">
        <v>5040</v>
      </c>
      <c r="S961">
        <v>618</v>
      </c>
    </row>
    <row r="962" spans="1:19" x14ac:dyDescent="0.25">
      <c r="A962">
        <v>9829488</v>
      </c>
      <c r="B962" t="s">
        <v>5041</v>
      </c>
      <c r="C962" s="1" t="s">
        <v>5042</v>
      </c>
      <c r="D962">
        <v>9846120</v>
      </c>
      <c r="E962">
        <v>4</v>
      </c>
      <c r="F962">
        <v>0</v>
      </c>
      <c r="H962" t="s">
        <v>5043</v>
      </c>
      <c r="I962">
        <v>1</v>
      </c>
      <c r="J962" t="s">
        <v>5044</v>
      </c>
      <c r="O962">
        <v>907095</v>
      </c>
      <c r="P962">
        <v>1</v>
      </c>
      <c r="Q962">
        <v>4</v>
      </c>
      <c r="R962" t="s">
        <v>5045</v>
      </c>
      <c r="S962">
        <v>2977</v>
      </c>
    </row>
    <row r="963" spans="1:19" x14ac:dyDescent="0.25">
      <c r="A963">
        <v>48877523</v>
      </c>
      <c r="B963" t="s">
        <v>5046</v>
      </c>
      <c r="C963" s="1" t="s">
        <v>5047</v>
      </c>
      <c r="E963">
        <v>0</v>
      </c>
      <c r="F963">
        <v>2</v>
      </c>
      <c r="H963" t="s">
        <v>5048</v>
      </c>
      <c r="J963" t="s">
        <v>5048</v>
      </c>
      <c r="O963">
        <v>2913333</v>
      </c>
      <c r="P963">
        <v>1</v>
      </c>
      <c r="Q963">
        <v>0</v>
      </c>
      <c r="R963" t="s">
        <v>5049</v>
      </c>
      <c r="S963">
        <v>214</v>
      </c>
    </row>
    <row r="964" spans="1:19" x14ac:dyDescent="0.25">
      <c r="A964">
        <v>47765397</v>
      </c>
      <c r="B964" t="s">
        <v>5050</v>
      </c>
      <c r="C964" s="1" t="s">
        <v>5051</v>
      </c>
      <c r="E964">
        <v>0</v>
      </c>
      <c r="F964">
        <v>6</v>
      </c>
      <c r="H964" t="s">
        <v>5052</v>
      </c>
      <c r="J964" t="s">
        <v>5053</v>
      </c>
      <c r="K964" t="s">
        <v>5053</v>
      </c>
      <c r="M964">
        <v>5167909</v>
      </c>
      <c r="O964">
        <v>8723784</v>
      </c>
      <c r="P964">
        <v>1</v>
      </c>
      <c r="Q964">
        <v>0</v>
      </c>
      <c r="R964" t="s">
        <v>5054</v>
      </c>
      <c r="S964">
        <v>300</v>
      </c>
    </row>
    <row r="965" spans="1:19" x14ac:dyDescent="0.25">
      <c r="A965">
        <v>40239746</v>
      </c>
      <c r="B965" t="s">
        <v>5055</v>
      </c>
      <c r="C965" s="1" t="s">
        <v>5056</v>
      </c>
      <c r="E965">
        <v>0</v>
      </c>
      <c r="F965">
        <v>0</v>
      </c>
      <c r="H965" t="s">
        <v>5057</v>
      </c>
      <c r="J965" t="s">
        <v>5058</v>
      </c>
      <c r="K965" t="s">
        <v>5058</v>
      </c>
      <c r="M965">
        <v>4189597</v>
      </c>
      <c r="O965">
        <v>2477569</v>
      </c>
      <c r="P965">
        <v>1</v>
      </c>
      <c r="Q965">
        <v>2</v>
      </c>
      <c r="R965" t="s">
        <v>5059</v>
      </c>
      <c r="S965">
        <v>654</v>
      </c>
    </row>
    <row r="966" spans="1:19" x14ac:dyDescent="0.25">
      <c r="A966">
        <v>1834047</v>
      </c>
      <c r="B966" t="s">
        <v>5060</v>
      </c>
      <c r="C966" s="1" t="s">
        <v>5061</v>
      </c>
      <c r="D966">
        <v>6788403</v>
      </c>
      <c r="E966">
        <v>3</v>
      </c>
      <c r="F966">
        <v>0</v>
      </c>
      <c r="H966" t="s">
        <v>5062</v>
      </c>
      <c r="J966" t="s">
        <v>5063</v>
      </c>
      <c r="O966">
        <v>80002</v>
      </c>
      <c r="P966">
        <v>1</v>
      </c>
      <c r="Q966">
        <v>5</v>
      </c>
      <c r="R966" t="s">
        <v>5064</v>
      </c>
      <c r="S966">
        <v>1539</v>
      </c>
    </row>
    <row r="967" spans="1:19" x14ac:dyDescent="0.25">
      <c r="A967">
        <v>14799270</v>
      </c>
      <c r="B967" t="s">
        <v>5065</v>
      </c>
      <c r="C967" s="1" t="s">
        <v>5066</v>
      </c>
      <c r="E967">
        <v>0</v>
      </c>
      <c r="F967">
        <v>5</v>
      </c>
      <c r="H967" t="s">
        <v>5067</v>
      </c>
      <c r="J967" t="s">
        <v>5068</v>
      </c>
      <c r="K967" t="s">
        <v>5068</v>
      </c>
      <c r="M967">
        <v>987283</v>
      </c>
      <c r="O967">
        <v>987283</v>
      </c>
      <c r="P967">
        <v>1</v>
      </c>
      <c r="Q967">
        <v>0</v>
      </c>
      <c r="R967" t="s">
        <v>5069</v>
      </c>
      <c r="S967">
        <v>265</v>
      </c>
    </row>
    <row r="968" spans="1:19" x14ac:dyDescent="0.25">
      <c r="A968">
        <v>37468621</v>
      </c>
      <c r="B968" t="s">
        <v>5070</v>
      </c>
      <c r="C968" s="1" t="s">
        <v>5071</v>
      </c>
      <c r="D968">
        <v>37471486</v>
      </c>
      <c r="E968">
        <v>1</v>
      </c>
      <c r="F968">
        <v>1</v>
      </c>
      <c r="H968" t="s">
        <v>5072</v>
      </c>
      <c r="J968" t="s">
        <v>5073</v>
      </c>
      <c r="K968" t="s">
        <v>5073</v>
      </c>
      <c r="M968">
        <v>3214843</v>
      </c>
      <c r="O968">
        <v>6387661</v>
      </c>
      <c r="P968">
        <v>1</v>
      </c>
      <c r="Q968">
        <v>0</v>
      </c>
      <c r="R968" t="s">
        <v>5074</v>
      </c>
      <c r="S968">
        <v>161</v>
      </c>
    </row>
    <row r="969" spans="1:19" x14ac:dyDescent="0.25">
      <c r="A969">
        <v>38812042</v>
      </c>
      <c r="B969" t="s">
        <v>5075</v>
      </c>
      <c r="C969" s="1" t="s">
        <v>5076</v>
      </c>
      <c r="D969">
        <v>38812162</v>
      </c>
      <c r="E969">
        <v>1</v>
      </c>
      <c r="F969">
        <v>1</v>
      </c>
      <c r="H969" t="s">
        <v>5077</v>
      </c>
      <c r="J969" t="s">
        <v>5078</v>
      </c>
      <c r="O969">
        <v>975566</v>
      </c>
      <c r="P969">
        <v>1</v>
      </c>
      <c r="Q969">
        <v>0</v>
      </c>
      <c r="R969" t="s">
        <v>3034</v>
      </c>
      <c r="S969">
        <v>41</v>
      </c>
    </row>
    <row r="970" spans="1:19" x14ac:dyDescent="0.25">
      <c r="A970">
        <v>24823741</v>
      </c>
      <c r="B970" t="s">
        <v>5079</v>
      </c>
      <c r="C970" s="1" t="s">
        <v>5080</v>
      </c>
      <c r="E970">
        <v>0</v>
      </c>
      <c r="F970">
        <v>2</v>
      </c>
      <c r="H970" t="s">
        <v>5081</v>
      </c>
      <c r="I970">
        <v>0</v>
      </c>
      <c r="J970" t="s">
        <v>5081</v>
      </c>
      <c r="O970">
        <v>1291846</v>
      </c>
      <c r="P970">
        <v>1</v>
      </c>
      <c r="Q970">
        <v>0</v>
      </c>
      <c r="R970" t="s">
        <v>5082</v>
      </c>
      <c r="S970">
        <v>170</v>
      </c>
    </row>
    <row r="971" spans="1:19" x14ac:dyDescent="0.25">
      <c r="A971">
        <v>53348003</v>
      </c>
      <c r="B971" t="s">
        <v>5083</v>
      </c>
      <c r="C971" s="1" t="s">
        <v>5084</v>
      </c>
      <c r="D971">
        <v>53348025</v>
      </c>
      <c r="E971">
        <v>2</v>
      </c>
      <c r="F971">
        <v>1</v>
      </c>
      <c r="H971" t="s">
        <v>5085</v>
      </c>
      <c r="J971" t="s">
        <v>5086</v>
      </c>
      <c r="K971" t="s">
        <v>5087</v>
      </c>
      <c r="M971">
        <v>2024469</v>
      </c>
      <c r="O971">
        <v>10501514</v>
      </c>
      <c r="P971">
        <v>1</v>
      </c>
      <c r="Q971">
        <v>0</v>
      </c>
      <c r="R971" t="s">
        <v>5088</v>
      </c>
      <c r="S971">
        <v>56</v>
      </c>
    </row>
    <row r="972" spans="1:19" x14ac:dyDescent="0.25">
      <c r="A972">
        <v>51017248</v>
      </c>
      <c r="B972" t="s">
        <v>5089</v>
      </c>
      <c r="C972" s="1" t="s">
        <v>5090</v>
      </c>
      <c r="E972">
        <v>0</v>
      </c>
      <c r="F972">
        <v>0</v>
      </c>
      <c r="H972" t="s">
        <v>5091</v>
      </c>
      <c r="J972" t="s">
        <v>5092</v>
      </c>
      <c r="K972" t="s">
        <v>5092</v>
      </c>
      <c r="M972">
        <v>541591</v>
      </c>
      <c r="O972">
        <v>9987404</v>
      </c>
      <c r="P972">
        <v>1</v>
      </c>
      <c r="Q972">
        <v>0</v>
      </c>
      <c r="R972" t="s">
        <v>5093</v>
      </c>
      <c r="S972">
        <v>21</v>
      </c>
    </row>
    <row r="973" spans="1:19" x14ac:dyDescent="0.25">
      <c r="A973">
        <v>28947489</v>
      </c>
      <c r="B973" t="s">
        <v>5094</v>
      </c>
      <c r="C973" s="1" t="s">
        <v>5095</v>
      </c>
      <c r="D973">
        <v>28947515</v>
      </c>
      <c r="E973">
        <v>1</v>
      </c>
      <c r="F973">
        <v>1</v>
      </c>
      <c r="H973" t="s">
        <v>5096</v>
      </c>
      <c r="J973" t="s">
        <v>5097</v>
      </c>
      <c r="K973" t="s">
        <v>5097</v>
      </c>
      <c r="M973">
        <v>1983854</v>
      </c>
      <c r="O973">
        <v>1517459</v>
      </c>
      <c r="P973">
        <v>1</v>
      </c>
      <c r="Q973">
        <v>3</v>
      </c>
      <c r="R973" t="s">
        <v>5098</v>
      </c>
      <c r="S973">
        <v>4290</v>
      </c>
    </row>
    <row r="974" spans="1:19" x14ac:dyDescent="0.25">
      <c r="A974">
        <v>26411839</v>
      </c>
      <c r="B974" t="s">
        <v>5099</v>
      </c>
      <c r="C974" s="1" t="s">
        <v>5100</v>
      </c>
      <c r="D974">
        <v>26412532</v>
      </c>
      <c r="E974">
        <v>1</v>
      </c>
      <c r="F974">
        <v>12</v>
      </c>
      <c r="H974" t="s">
        <v>5101</v>
      </c>
      <c r="I974">
        <v>1</v>
      </c>
      <c r="J974" t="s">
        <v>5102</v>
      </c>
      <c r="K974" t="s">
        <v>5103</v>
      </c>
      <c r="M974">
        <v>2362657</v>
      </c>
      <c r="O974">
        <v>2362657</v>
      </c>
      <c r="P974">
        <v>1</v>
      </c>
      <c r="Q974">
        <v>1</v>
      </c>
      <c r="R974" t="s">
        <v>3218</v>
      </c>
      <c r="S974">
        <v>106</v>
      </c>
    </row>
    <row r="975" spans="1:19" x14ac:dyDescent="0.25">
      <c r="A975">
        <v>20828858</v>
      </c>
      <c r="B975" t="s">
        <v>5104</v>
      </c>
      <c r="C975" s="1" t="s">
        <v>5105</v>
      </c>
      <c r="E975">
        <v>0</v>
      </c>
      <c r="F975">
        <v>0</v>
      </c>
      <c r="H975" t="s">
        <v>5106</v>
      </c>
      <c r="I975">
        <v>1</v>
      </c>
      <c r="J975" t="s">
        <v>5107</v>
      </c>
      <c r="K975" t="s">
        <v>5107</v>
      </c>
      <c r="M975">
        <v>865662</v>
      </c>
      <c r="O975">
        <v>865662</v>
      </c>
      <c r="P975">
        <v>1</v>
      </c>
      <c r="Q975">
        <v>1</v>
      </c>
      <c r="R975" t="s">
        <v>5108</v>
      </c>
      <c r="S975">
        <v>256</v>
      </c>
    </row>
    <row r="976" spans="1:19" x14ac:dyDescent="0.25">
      <c r="A976">
        <v>2196825</v>
      </c>
      <c r="B976" t="s">
        <v>5109</v>
      </c>
      <c r="C976" s="1" t="s">
        <v>5110</v>
      </c>
      <c r="D976">
        <v>2196830</v>
      </c>
      <c r="E976">
        <v>3</v>
      </c>
      <c r="F976">
        <v>2</v>
      </c>
      <c r="H976" t="s">
        <v>5111</v>
      </c>
      <c r="I976">
        <v>1</v>
      </c>
      <c r="J976" t="s">
        <v>5112</v>
      </c>
      <c r="K976" t="s">
        <v>5113</v>
      </c>
      <c r="M976">
        <v>45935</v>
      </c>
      <c r="O976">
        <v>83846</v>
      </c>
      <c r="P976">
        <v>1</v>
      </c>
      <c r="Q976">
        <v>15</v>
      </c>
      <c r="R976" t="s">
        <v>5114</v>
      </c>
      <c r="S976">
        <v>10490</v>
      </c>
    </row>
    <row r="977" spans="1:19" x14ac:dyDescent="0.25">
      <c r="A977">
        <v>4820819</v>
      </c>
      <c r="B977" t="s">
        <v>5115</v>
      </c>
      <c r="C977" s="1" t="s">
        <v>5116</v>
      </c>
      <c r="D977">
        <v>4825084</v>
      </c>
      <c r="E977">
        <v>4</v>
      </c>
      <c r="F977">
        <v>2</v>
      </c>
      <c r="H977" t="s">
        <v>5117</v>
      </c>
      <c r="I977">
        <v>1</v>
      </c>
      <c r="J977" t="s">
        <v>5118</v>
      </c>
      <c r="K977" t="s">
        <v>5119</v>
      </c>
      <c r="M977">
        <v>86421</v>
      </c>
      <c r="O977">
        <v>563157</v>
      </c>
      <c r="P977">
        <v>1</v>
      </c>
      <c r="Q977">
        <v>3</v>
      </c>
      <c r="R977" t="s">
        <v>5120</v>
      </c>
      <c r="S977">
        <v>7830</v>
      </c>
    </row>
    <row r="978" spans="1:19" x14ac:dyDescent="0.25">
      <c r="A978">
        <v>27210007</v>
      </c>
      <c r="B978" t="s">
        <v>5121</v>
      </c>
      <c r="C978" s="1" t="s">
        <v>5122</v>
      </c>
      <c r="E978">
        <v>2</v>
      </c>
      <c r="F978">
        <v>0</v>
      </c>
      <c r="H978" t="s">
        <v>5123</v>
      </c>
      <c r="J978" t="s">
        <v>5124</v>
      </c>
      <c r="O978">
        <v>304974</v>
      </c>
      <c r="P978">
        <v>1</v>
      </c>
      <c r="Q978">
        <v>0</v>
      </c>
      <c r="R978" t="s">
        <v>5125</v>
      </c>
      <c r="S978">
        <v>80</v>
      </c>
    </row>
    <row r="979" spans="1:19" x14ac:dyDescent="0.25">
      <c r="A979">
        <v>36103001</v>
      </c>
      <c r="B979" t="s">
        <v>5126</v>
      </c>
      <c r="C979" s="1" t="s">
        <v>5127</v>
      </c>
      <c r="D979">
        <v>36108003</v>
      </c>
      <c r="E979">
        <v>1</v>
      </c>
      <c r="F979">
        <v>1</v>
      </c>
      <c r="H979" t="s">
        <v>5128</v>
      </c>
      <c r="I979">
        <v>1</v>
      </c>
      <c r="J979" t="s">
        <v>5129</v>
      </c>
      <c r="K979" t="s">
        <v>5130</v>
      </c>
      <c r="M979">
        <v>1630171</v>
      </c>
      <c r="O979">
        <v>5103877</v>
      </c>
      <c r="P979">
        <v>1</v>
      </c>
      <c r="Q979">
        <v>0</v>
      </c>
      <c r="R979" t="s">
        <v>5131</v>
      </c>
      <c r="S979">
        <v>1313</v>
      </c>
    </row>
    <row r="980" spans="1:19" x14ac:dyDescent="0.25">
      <c r="A980">
        <v>49372160</v>
      </c>
      <c r="B980" t="s">
        <v>5132</v>
      </c>
      <c r="C980" s="1" t="s">
        <v>5133</v>
      </c>
      <c r="E980">
        <v>0</v>
      </c>
      <c r="F980">
        <v>1</v>
      </c>
      <c r="H980" t="s">
        <v>5134</v>
      </c>
      <c r="J980" t="s">
        <v>5134</v>
      </c>
      <c r="O980">
        <v>24065</v>
      </c>
      <c r="P980">
        <v>1</v>
      </c>
      <c r="Q980">
        <v>0</v>
      </c>
      <c r="R980" t="s">
        <v>5135</v>
      </c>
      <c r="S980">
        <v>76</v>
      </c>
    </row>
    <row r="981" spans="1:19" x14ac:dyDescent="0.25">
      <c r="A981">
        <v>50364575</v>
      </c>
      <c r="B981" t="s">
        <v>5136</v>
      </c>
      <c r="C981" s="1" t="s">
        <v>5137</v>
      </c>
      <c r="E981">
        <v>0</v>
      </c>
      <c r="F981">
        <v>0</v>
      </c>
      <c r="H981" t="s">
        <v>5138</v>
      </c>
      <c r="J981" t="s">
        <v>5138</v>
      </c>
      <c r="O981">
        <v>5005049</v>
      </c>
      <c r="P981">
        <v>1</v>
      </c>
      <c r="Q981">
        <v>0</v>
      </c>
      <c r="R981" t="s">
        <v>5139</v>
      </c>
      <c r="S981">
        <v>14</v>
      </c>
    </row>
    <row r="982" spans="1:19" x14ac:dyDescent="0.25">
      <c r="A982">
        <v>29333877</v>
      </c>
      <c r="B982" t="s">
        <v>5140</v>
      </c>
      <c r="C982" s="1" t="s">
        <v>5141</v>
      </c>
      <c r="E982">
        <v>0</v>
      </c>
      <c r="F982">
        <v>8</v>
      </c>
      <c r="H982" t="s">
        <v>5142</v>
      </c>
      <c r="J982" t="s">
        <v>5142</v>
      </c>
      <c r="O982">
        <v>1056713</v>
      </c>
      <c r="P982">
        <v>1</v>
      </c>
      <c r="Q982">
        <v>0</v>
      </c>
      <c r="R982" t="s">
        <v>5143</v>
      </c>
      <c r="S982">
        <v>25</v>
      </c>
    </row>
    <row r="983" spans="1:19" x14ac:dyDescent="0.25">
      <c r="A983">
        <v>39650052</v>
      </c>
      <c r="B983" t="s">
        <v>5144</v>
      </c>
      <c r="C983" s="1" t="s">
        <v>5145</v>
      </c>
      <c r="D983">
        <v>39650725</v>
      </c>
      <c r="E983">
        <v>2</v>
      </c>
      <c r="F983">
        <v>3</v>
      </c>
      <c r="H983" t="s">
        <v>5146</v>
      </c>
      <c r="I983">
        <v>4</v>
      </c>
      <c r="J983" t="s">
        <v>5147</v>
      </c>
      <c r="K983" t="s">
        <v>5147</v>
      </c>
      <c r="M983">
        <v>272109</v>
      </c>
      <c r="O983">
        <v>2118781</v>
      </c>
      <c r="P983">
        <v>1</v>
      </c>
      <c r="Q983">
        <v>11</v>
      </c>
      <c r="R983" t="s">
        <v>5148</v>
      </c>
      <c r="S983">
        <v>3193</v>
      </c>
    </row>
    <row r="984" spans="1:19" x14ac:dyDescent="0.25">
      <c r="A984">
        <v>34769443</v>
      </c>
      <c r="B984" t="s">
        <v>5149</v>
      </c>
      <c r="C984" s="1" t="s">
        <v>5150</v>
      </c>
      <c r="D984">
        <v>34808916</v>
      </c>
      <c r="E984">
        <v>1</v>
      </c>
      <c r="F984">
        <v>0</v>
      </c>
      <c r="H984" t="s">
        <v>5151</v>
      </c>
      <c r="J984" t="s">
        <v>5152</v>
      </c>
      <c r="O984">
        <v>5784558</v>
      </c>
      <c r="P984">
        <v>1</v>
      </c>
      <c r="Q984">
        <v>0</v>
      </c>
      <c r="R984" t="s">
        <v>5153</v>
      </c>
      <c r="S984">
        <v>47</v>
      </c>
    </row>
    <row r="985" spans="1:19" x14ac:dyDescent="0.25">
      <c r="A985">
        <v>22571758</v>
      </c>
      <c r="B985" t="s">
        <v>5154</v>
      </c>
      <c r="C985" s="1" t="s">
        <v>5155</v>
      </c>
      <c r="E985">
        <v>2</v>
      </c>
      <c r="F985">
        <v>7</v>
      </c>
      <c r="H985" t="s">
        <v>5156</v>
      </c>
      <c r="I985">
        <v>3</v>
      </c>
      <c r="J985" t="s">
        <v>5157</v>
      </c>
      <c r="K985" t="s">
        <v>5158</v>
      </c>
      <c r="M985">
        <v>-1</v>
      </c>
      <c r="O985">
        <v>267304</v>
      </c>
      <c r="P985">
        <v>1</v>
      </c>
      <c r="Q985">
        <v>11</v>
      </c>
      <c r="R985" t="s">
        <v>5159</v>
      </c>
      <c r="S985">
        <v>626</v>
      </c>
    </row>
    <row r="986" spans="1:19" x14ac:dyDescent="0.25">
      <c r="A986">
        <v>11609862</v>
      </c>
      <c r="B986" t="s">
        <v>5160</v>
      </c>
      <c r="C986" s="1" t="s">
        <v>5161</v>
      </c>
      <c r="D986">
        <v>11609996</v>
      </c>
      <c r="E986">
        <v>1</v>
      </c>
      <c r="F986">
        <v>1</v>
      </c>
      <c r="H986" t="s">
        <v>5162</v>
      </c>
      <c r="I986">
        <v>7</v>
      </c>
      <c r="J986" t="s">
        <v>5163</v>
      </c>
      <c r="K986" t="s">
        <v>5163</v>
      </c>
      <c r="M986">
        <v>472495</v>
      </c>
      <c r="O986">
        <v>541786</v>
      </c>
      <c r="P986">
        <v>1</v>
      </c>
      <c r="Q986">
        <v>8</v>
      </c>
      <c r="R986" t="s">
        <v>5164</v>
      </c>
      <c r="S986">
        <v>6101</v>
      </c>
    </row>
    <row r="987" spans="1:19" x14ac:dyDescent="0.25">
      <c r="A987">
        <v>40836385</v>
      </c>
      <c r="B987" t="s">
        <v>5165</v>
      </c>
      <c r="C987" s="1" t="s">
        <v>5166</v>
      </c>
      <c r="D987">
        <v>40836898</v>
      </c>
      <c r="E987">
        <v>1</v>
      </c>
      <c r="F987">
        <v>0</v>
      </c>
      <c r="H987" t="s">
        <v>5167</v>
      </c>
      <c r="J987" t="s">
        <v>5168</v>
      </c>
      <c r="K987" t="s">
        <v>5169</v>
      </c>
      <c r="M987">
        <v>6844327</v>
      </c>
      <c r="O987">
        <v>6844327</v>
      </c>
      <c r="P987">
        <v>1</v>
      </c>
      <c r="Q987">
        <v>-2</v>
      </c>
      <c r="R987" t="s">
        <v>5170</v>
      </c>
      <c r="S987">
        <v>122</v>
      </c>
    </row>
    <row r="988" spans="1:19" x14ac:dyDescent="0.25">
      <c r="A988">
        <v>12275556</v>
      </c>
      <c r="B988" t="s">
        <v>5171</v>
      </c>
      <c r="C988" s="1" t="s">
        <v>5172</v>
      </c>
      <c r="E988">
        <v>2</v>
      </c>
      <c r="F988">
        <v>3</v>
      </c>
      <c r="H988" t="s">
        <v>5173</v>
      </c>
      <c r="J988" t="s">
        <v>5174</v>
      </c>
      <c r="K988" t="s">
        <v>5175</v>
      </c>
      <c r="M988">
        <v>345657</v>
      </c>
      <c r="O988">
        <v>345657</v>
      </c>
      <c r="P988">
        <v>1</v>
      </c>
      <c r="Q988">
        <v>1</v>
      </c>
      <c r="R988" t="s">
        <v>5176</v>
      </c>
      <c r="S988">
        <v>456</v>
      </c>
    </row>
    <row r="989" spans="1:19" x14ac:dyDescent="0.25">
      <c r="A989">
        <v>21296212</v>
      </c>
      <c r="B989" t="s">
        <v>5177</v>
      </c>
      <c r="C989" s="1" t="s">
        <v>5178</v>
      </c>
      <c r="E989">
        <v>3</v>
      </c>
      <c r="F989">
        <v>1</v>
      </c>
      <c r="H989" t="s">
        <v>5179</v>
      </c>
      <c r="J989" t="s">
        <v>5180</v>
      </c>
      <c r="O989">
        <v>1361673</v>
      </c>
      <c r="P989">
        <v>1</v>
      </c>
      <c r="Q989">
        <v>1</v>
      </c>
      <c r="R989" t="s">
        <v>1359</v>
      </c>
      <c r="S989">
        <v>191</v>
      </c>
    </row>
    <row r="990" spans="1:19" x14ac:dyDescent="0.25">
      <c r="A990">
        <v>43631789</v>
      </c>
      <c r="B990" t="s">
        <v>5181</v>
      </c>
      <c r="C990" s="1" t="s">
        <v>5182</v>
      </c>
      <c r="E990">
        <v>1</v>
      </c>
      <c r="F990">
        <v>0</v>
      </c>
      <c r="H990" t="s">
        <v>5183</v>
      </c>
      <c r="J990" t="s">
        <v>5184</v>
      </c>
      <c r="K990" t="s">
        <v>5185</v>
      </c>
      <c r="M990">
        <v>6690199</v>
      </c>
      <c r="O990">
        <v>6690199</v>
      </c>
      <c r="P990">
        <v>1</v>
      </c>
      <c r="Q990">
        <v>0</v>
      </c>
      <c r="R990" t="s">
        <v>213</v>
      </c>
      <c r="S990">
        <v>66</v>
      </c>
    </row>
    <row r="991" spans="1:19" x14ac:dyDescent="0.25">
      <c r="A991">
        <v>46659695</v>
      </c>
      <c r="B991" t="s">
        <v>5186</v>
      </c>
      <c r="C991" s="1" t="s">
        <v>5187</v>
      </c>
      <c r="E991">
        <v>1</v>
      </c>
      <c r="F991">
        <v>1</v>
      </c>
      <c r="H991" t="s">
        <v>5188</v>
      </c>
      <c r="J991" t="s">
        <v>5189</v>
      </c>
      <c r="K991" t="s">
        <v>5189</v>
      </c>
      <c r="M991">
        <v>6394185</v>
      </c>
      <c r="O991">
        <v>5646111</v>
      </c>
      <c r="P991">
        <v>1</v>
      </c>
      <c r="Q991">
        <v>0</v>
      </c>
      <c r="R991" t="s">
        <v>5190</v>
      </c>
      <c r="S991">
        <v>299</v>
      </c>
    </row>
    <row r="992" spans="1:19" x14ac:dyDescent="0.25">
      <c r="A992">
        <v>31150036</v>
      </c>
      <c r="B992" t="s">
        <v>5191</v>
      </c>
      <c r="C992" s="1" t="s">
        <v>5192</v>
      </c>
      <c r="E992">
        <v>1</v>
      </c>
      <c r="F992">
        <v>0</v>
      </c>
      <c r="H992" t="s">
        <v>5193</v>
      </c>
      <c r="J992" t="s">
        <v>5194</v>
      </c>
      <c r="O992">
        <v>266435</v>
      </c>
      <c r="P992">
        <v>1</v>
      </c>
      <c r="Q992">
        <v>1</v>
      </c>
      <c r="R992" t="s">
        <v>5195</v>
      </c>
      <c r="S992">
        <v>560</v>
      </c>
    </row>
    <row r="993" spans="1:19" x14ac:dyDescent="0.25">
      <c r="A993">
        <v>37502342</v>
      </c>
      <c r="B993" t="s">
        <v>5196</v>
      </c>
      <c r="C993" s="1" t="s">
        <v>5197</v>
      </c>
      <c r="E993">
        <v>0</v>
      </c>
      <c r="F993">
        <v>2</v>
      </c>
      <c r="H993" t="s">
        <v>5198</v>
      </c>
      <c r="J993" t="s">
        <v>5199</v>
      </c>
      <c r="K993" t="s">
        <v>5199</v>
      </c>
      <c r="M993">
        <v>4441586</v>
      </c>
      <c r="O993">
        <v>4441586</v>
      </c>
      <c r="P993">
        <v>1</v>
      </c>
      <c r="Q993">
        <v>0</v>
      </c>
      <c r="R993" t="s">
        <v>5200</v>
      </c>
      <c r="S993">
        <v>84</v>
      </c>
    </row>
    <row r="994" spans="1:19" x14ac:dyDescent="0.25">
      <c r="A994">
        <v>31004573</v>
      </c>
      <c r="B994" t="s">
        <v>5201</v>
      </c>
      <c r="C994" s="1" t="s">
        <v>5202</v>
      </c>
      <c r="E994">
        <v>1</v>
      </c>
      <c r="F994">
        <v>0</v>
      </c>
      <c r="H994" t="s">
        <v>5203</v>
      </c>
      <c r="I994">
        <v>2</v>
      </c>
      <c r="J994" t="s">
        <v>5204</v>
      </c>
      <c r="O994">
        <v>710032</v>
      </c>
      <c r="P994">
        <v>1</v>
      </c>
      <c r="Q994">
        <v>2</v>
      </c>
      <c r="R994" t="s">
        <v>5205</v>
      </c>
      <c r="S994">
        <v>1324</v>
      </c>
    </row>
    <row r="995" spans="1:19" x14ac:dyDescent="0.25">
      <c r="A995">
        <v>2854527</v>
      </c>
      <c r="B995" t="s">
        <v>5206</v>
      </c>
      <c r="C995" t="s">
        <v>5207</v>
      </c>
      <c r="E995">
        <v>3</v>
      </c>
      <c r="F995">
        <v>4</v>
      </c>
      <c r="H995" t="s">
        <v>5208</v>
      </c>
      <c r="I995">
        <v>1</v>
      </c>
      <c r="J995" t="s">
        <v>5209</v>
      </c>
      <c r="K995" t="s">
        <v>5209</v>
      </c>
      <c r="M995">
        <v>2369867</v>
      </c>
      <c r="N995" t="s">
        <v>5210</v>
      </c>
      <c r="P995">
        <v>1</v>
      </c>
      <c r="Q995">
        <v>15</v>
      </c>
      <c r="R995" t="s">
        <v>989</v>
      </c>
      <c r="S995">
        <v>52006</v>
      </c>
    </row>
    <row r="996" spans="1:19" x14ac:dyDescent="0.25">
      <c r="A996">
        <v>23031950</v>
      </c>
      <c r="B996" t="s">
        <v>5211</v>
      </c>
      <c r="C996" s="1" t="s">
        <v>5212</v>
      </c>
      <c r="E996">
        <v>1</v>
      </c>
      <c r="F996">
        <v>0</v>
      </c>
      <c r="H996" t="s">
        <v>5213</v>
      </c>
      <c r="J996" t="s">
        <v>5214</v>
      </c>
      <c r="O996">
        <v>1545744</v>
      </c>
      <c r="P996">
        <v>1</v>
      </c>
      <c r="Q996">
        <v>0</v>
      </c>
      <c r="R996" t="s">
        <v>5215</v>
      </c>
      <c r="S996">
        <v>487</v>
      </c>
    </row>
    <row r="997" spans="1:19" x14ac:dyDescent="0.25">
      <c r="A997">
        <v>36752872</v>
      </c>
      <c r="B997" t="s">
        <v>5216</v>
      </c>
      <c r="C997" s="1" t="s">
        <v>5217</v>
      </c>
      <c r="D997">
        <v>36754967</v>
      </c>
      <c r="E997">
        <v>2</v>
      </c>
      <c r="F997">
        <v>12</v>
      </c>
      <c r="H997" t="s">
        <v>5218</v>
      </c>
      <c r="J997" t="s">
        <v>5219</v>
      </c>
      <c r="K997" t="s">
        <v>5220</v>
      </c>
      <c r="M997">
        <v>6040234</v>
      </c>
      <c r="O997">
        <v>6040234</v>
      </c>
      <c r="P997">
        <v>1</v>
      </c>
      <c r="Q997">
        <v>-2</v>
      </c>
      <c r="R997" t="s">
        <v>759</v>
      </c>
      <c r="S997">
        <v>450</v>
      </c>
    </row>
    <row r="998" spans="1:19" x14ac:dyDescent="0.25">
      <c r="A998">
        <v>24718654</v>
      </c>
      <c r="B998" t="s">
        <v>5221</v>
      </c>
      <c r="C998" s="1" t="s">
        <v>5222</v>
      </c>
      <c r="E998">
        <v>1</v>
      </c>
      <c r="F998">
        <v>0</v>
      </c>
      <c r="H998" t="s">
        <v>5223</v>
      </c>
      <c r="J998" t="s">
        <v>5224</v>
      </c>
      <c r="K998" t="s">
        <v>5224</v>
      </c>
      <c r="M998">
        <v>2476755</v>
      </c>
      <c r="O998">
        <v>3829670</v>
      </c>
      <c r="P998">
        <v>1</v>
      </c>
      <c r="Q998">
        <v>0</v>
      </c>
      <c r="R998" t="s">
        <v>855</v>
      </c>
      <c r="S998">
        <v>57</v>
      </c>
    </row>
    <row r="999" spans="1:19" x14ac:dyDescent="0.25">
      <c r="A999">
        <v>15458556</v>
      </c>
      <c r="B999" t="s">
        <v>5225</v>
      </c>
      <c r="C999" s="1" t="s">
        <v>5226</v>
      </c>
      <c r="D999">
        <v>15458854</v>
      </c>
      <c r="E999">
        <v>1</v>
      </c>
      <c r="F999">
        <v>0</v>
      </c>
      <c r="H999" t="s">
        <v>5227</v>
      </c>
      <c r="J999" t="s">
        <v>5228</v>
      </c>
      <c r="K999" t="s">
        <v>5229</v>
      </c>
      <c r="M999">
        <v>573032</v>
      </c>
      <c r="O999">
        <v>2165029</v>
      </c>
      <c r="P999">
        <v>1</v>
      </c>
      <c r="Q999">
        <v>-1</v>
      </c>
      <c r="R999" t="s">
        <v>5230</v>
      </c>
      <c r="S999">
        <v>108</v>
      </c>
    </row>
    <row r="1000" spans="1:19" x14ac:dyDescent="0.25">
      <c r="A1000">
        <v>48263343</v>
      </c>
      <c r="B1000" t="s">
        <v>5231</v>
      </c>
      <c r="C1000" s="1" t="s">
        <v>5232</v>
      </c>
      <c r="E1000">
        <v>1</v>
      </c>
      <c r="F1000">
        <v>1</v>
      </c>
      <c r="H1000" t="s">
        <v>5233</v>
      </c>
      <c r="J1000" t="s">
        <v>5234</v>
      </c>
      <c r="K1000" t="s">
        <v>5234</v>
      </c>
      <c r="M1000">
        <v>4839827</v>
      </c>
      <c r="O1000">
        <v>9136161</v>
      </c>
      <c r="P1000">
        <v>1</v>
      </c>
      <c r="Q1000">
        <v>0</v>
      </c>
      <c r="R1000" t="s">
        <v>5235</v>
      </c>
      <c r="S1000">
        <v>359</v>
      </c>
    </row>
    <row r="1001" spans="1:19" x14ac:dyDescent="0.25">
      <c r="A1001">
        <v>42206303</v>
      </c>
      <c r="B1001" t="s">
        <v>5236</v>
      </c>
      <c r="C1001" s="1" t="s">
        <v>5237</v>
      </c>
      <c r="D1001">
        <v>42217611</v>
      </c>
      <c r="E1001">
        <v>1</v>
      </c>
      <c r="F1001">
        <v>0</v>
      </c>
      <c r="H1001" t="s">
        <v>5238</v>
      </c>
      <c r="I1001">
        <v>1</v>
      </c>
      <c r="J1001" t="s">
        <v>5239</v>
      </c>
      <c r="O1001">
        <v>7558024</v>
      </c>
      <c r="P1001">
        <v>1</v>
      </c>
      <c r="Q1001">
        <v>0</v>
      </c>
      <c r="R1001" t="s">
        <v>5240</v>
      </c>
      <c r="S1001">
        <v>2244</v>
      </c>
    </row>
    <row r="1002" spans="1:19" x14ac:dyDescent="0.25">
      <c r="A1002">
        <v>39007565</v>
      </c>
      <c r="B1002" t="s">
        <v>5241</v>
      </c>
      <c r="C1002" s="1" t="s">
        <v>5242</v>
      </c>
      <c r="D1002">
        <v>39007765</v>
      </c>
      <c r="E1002">
        <v>1</v>
      </c>
      <c r="F1002">
        <v>1</v>
      </c>
      <c r="H1002" t="s">
        <v>5243</v>
      </c>
      <c r="I1002">
        <v>1</v>
      </c>
      <c r="J1002" t="s">
        <v>5244</v>
      </c>
      <c r="K1002" t="s">
        <v>5245</v>
      </c>
      <c r="M1002">
        <v>102937</v>
      </c>
      <c r="O1002">
        <v>102937</v>
      </c>
      <c r="P1002">
        <v>1</v>
      </c>
      <c r="Q1002">
        <v>0</v>
      </c>
      <c r="R1002" t="s">
        <v>5246</v>
      </c>
      <c r="S1002">
        <v>55</v>
      </c>
    </row>
    <row r="1003" spans="1:19" x14ac:dyDescent="0.25">
      <c r="A1003">
        <v>53324435</v>
      </c>
      <c r="B1003" t="s">
        <v>5247</v>
      </c>
      <c r="C1003" s="1" t="s">
        <v>5248</v>
      </c>
      <c r="E1003">
        <v>1</v>
      </c>
      <c r="F1003">
        <v>0</v>
      </c>
      <c r="H1003" t="s">
        <v>5249</v>
      </c>
      <c r="J1003" t="s">
        <v>5250</v>
      </c>
      <c r="O1003">
        <v>5551593</v>
      </c>
      <c r="P1003">
        <v>1</v>
      </c>
      <c r="Q1003">
        <v>0</v>
      </c>
      <c r="R1003" t="s">
        <v>5251</v>
      </c>
      <c r="S1003">
        <v>20</v>
      </c>
    </row>
    <row r="1004" spans="1:19" x14ac:dyDescent="0.25">
      <c r="A1004">
        <v>10532323</v>
      </c>
      <c r="B1004" t="s">
        <v>5252</v>
      </c>
      <c r="C1004" s="1" t="s">
        <v>5253</v>
      </c>
      <c r="D1004">
        <v>10554407</v>
      </c>
      <c r="E1004">
        <v>2</v>
      </c>
      <c r="F1004">
        <v>0</v>
      </c>
      <c r="H1004" t="s">
        <v>5254</v>
      </c>
      <c r="I1004">
        <v>0</v>
      </c>
      <c r="J1004" t="s">
        <v>5255</v>
      </c>
      <c r="K1004" t="s">
        <v>5256</v>
      </c>
      <c r="M1004">
        <v>319875</v>
      </c>
      <c r="O1004">
        <v>273506</v>
      </c>
      <c r="P1004">
        <v>1</v>
      </c>
      <c r="Q1004">
        <v>2</v>
      </c>
      <c r="R1004" t="s">
        <v>780</v>
      </c>
      <c r="S1004">
        <v>68</v>
      </c>
    </row>
    <row r="1005" spans="1:19" x14ac:dyDescent="0.25">
      <c r="A1005">
        <v>18033602</v>
      </c>
      <c r="B1005" t="s">
        <v>5257</v>
      </c>
      <c r="C1005" s="1" t="s">
        <v>5258</v>
      </c>
      <c r="D1005">
        <v>18046395</v>
      </c>
      <c r="E1005">
        <v>2</v>
      </c>
      <c r="F1005">
        <v>9</v>
      </c>
      <c r="H1005" t="s">
        <v>5259</v>
      </c>
      <c r="J1005" t="s">
        <v>5260</v>
      </c>
      <c r="K1005" t="s">
        <v>5261</v>
      </c>
      <c r="M1005">
        <v>1197775</v>
      </c>
      <c r="O1005">
        <v>1197775</v>
      </c>
      <c r="P1005">
        <v>1</v>
      </c>
      <c r="Q1005">
        <v>0</v>
      </c>
      <c r="R1005" t="s">
        <v>5262</v>
      </c>
      <c r="S1005">
        <v>1833</v>
      </c>
    </row>
    <row r="1006" spans="1:19" x14ac:dyDescent="0.25">
      <c r="A1006">
        <v>24186278</v>
      </c>
      <c r="B1006" t="s">
        <v>5263</v>
      </c>
      <c r="C1006" s="1" t="s">
        <v>5264</v>
      </c>
      <c r="E1006">
        <v>2</v>
      </c>
      <c r="F1006">
        <v>0</v>
      </c>
      <c r="H1006" t="s">
        <v>5265</v>
      </c>
      <c r="J1006" t="s">
        <v>5266</v>
      </c>
      <c r="K1006" t="s">
        <v>5267</v>
      </c>
      <c r="M1006">
        <v>2630486</v>
      </c>
      <c r="O1006">
        <v>2630486</v>
      </c>
      <c r="P1006">
        <v>1</v>
      </c>
      <c r="Q1006">
        <v>0</v>
      </c>
      <c r="R1006" t="s">
        <v>5268</v>
      </c>
      <c r="S1006">
        <v>1533</v>
      </c>
    </row>
    <row r="1007" spans="1:19" x14ac:dyDescent="0.25">
      <c r="A1007">
        <v>46989949</v>
      </c>
      <c r="B1007" t="s">
        <v>5269</v>
      </c>
      <c r="C1007" t="s">
        <v>5270</v>
      </c>
      <c r="E1007">
        <v>0</v>
      </c>
      <c r="F1007">
        <v>2</v>
      </c>
      <c r="H1007" t="s">
        <v>5271</v>
      </c>
      <c r="J1007" t="s">
        <v>5271</v>
      </c>
      <c r="O1007">
        <v>6417945</v>
      </c>
      <c r="P1007">
        <v>1</v>
      </c>
      <c r="Q1007">
        <v>0</v>
      </c>
      <c r="R1007" t="s">
        <v>5272</v>
      </c>
      <c r="S1007">
        <v>51</v>
      </c>
    </row>
    <row r="1008" spans="1:19" x14ac:dyDescent="0.25">
      <c r="A1008">
        <v>32527223</v>
      </c>
      <c r="B1008" t="s">
        <v>5273</v>
      </c>
      <c r="C1008" s="1" t="s">
        <v>5274</v>
      </c>
      <c r="D1008">
        <v>32531284</v>
      </c>
      <c r="E1008">
        <v>1</v>
      </c>
      <c r="F1008">
        <v>0</v>
      </c>
      <c r="H1008" t="s">
        <v>5275</v>
      </c>
      <c r="I1008">
        <v>1</v>
      </c>
      <c r="J1008" t="s">
        <v>5276</v>
      </c>
      <c r="K1008" t="s">
        <v>5276</v>
      </c>
      <c r="M1008">
        <v>3771427</v>
      </c>
      <c r="O1008">
        <v>3771427</v>
      </c>
      <c r="P1008">
        <v>1</v>
      </c>
      <c r="Q1008">
        <v>4</v>
      </c>
      <c r="R1008" t="s">
        <v>5277</v>
      </c>
      <c r="S1008">
        <v>1001</v>
      </c>
    </row>
    <row r="1009" spans="1:19" x14ac:dyDescent="0.25">
      <c r="A1009">
        <v>19034359</v>
      </c>
      <c r="B1009" t="s">
        <v>5278</v>
      </c>
      <c r="C1009" s="1" t="s">
        <v>5279</v>
      </c>
      <c r="D1009">
        <v>19034418</v>
      </c>
      <c r="E1009">
        <v>1</v>
      </c>
      <c r="F1009">
        <v>0</v>
      </c>
      <c r="H1009" t="s">
        <v>5280</v>
      </c>
      <c r="J1009" t="s">
        <v>5281</v>
      </c>
      <c r="O1009">
        <v>980799</v>
      </c>
      <c r="P1009">
        <v>1</v>
      </c>
      <c r="Q1009">
        <v>0</v>
      </c>
      <c r="R1009" t="s">
        <v>5282</v>
      </c>
      <c r="S1009">
        <v>72</v>
      </c>
    </row>
    <row r="1010" spans="1:19" x14ac:dyDescent="0.25">
      <c r="A1010">
        <v>44210812</v>
      </c>
      <c r="B1010" t="s">
        <v>5283</v>
      </c>
      <c r="C1010" s="1" t="s">
        <v>5284</v>
      </c>
      <c r="D1010">
        <v>44211380</v>
      </c>
      <c r="E1010">
        <v>4</v>
      </c>
      <c r="F1010">
        <v>8</v>
      </c>
      <c r="H1010" t="s">
        <v>5285</v>
      </c>
      <c r="J1010" t="s">
        <v>5286</v>
      </c>
      <c r="K1010" t="s">
        <v>5286</v>
      </c>
      <c r="M1010">
        <v>6202327</v>
      </c>
      <c r="O1010">
        <v>6202327</v>
      </c>
      <c r="P1010">
        <v>1</v>
      </c>
      <c r="Q1010">
        <v>4</v>
      </c>
      <c r="R1010" t="s">
        <v>5287</v>
      </c>
      <c r="S1010">
        <v>863</v>
      </c>
    </row>
    <row r="1011" spans="1:19" x14ac:dyDescent="0.25">
      <c r="A1011">
        <v>31249874</v>
      </c>
      <c r="B1011" t="s">
        <v>5288</v>
      </c>
      <c r="C1011" s="1" t="s">
        <v>5289</v>
      </c>
      <c r="D1011">
        <v>31250169</v>
      </c>
      <c r="E1011">
        <v>2</v>
      </c>
      <c r="F1011">
        <v>1</v>
      </c>
      <c r="H1011" t="s">
        <v>5290</v>
      </c>
      <c r="J1011" t="s">
        <v>5291</v>
      </c>
      <c r="O1011">
        <v>2352158</v>
      </c>
      <c r="P1011">
        <v>1</v>
      </c>
      <c r="Q1011">
        <v>5</v>
      </c>
      <c r="R1011" t="s">
        <v>5292</v>
      </c>
      <c r="S1011">
        <v>802</v>
      </c>
    </row>
    <row r="1012" spans="1:19" x14ac:dyDescent="0.25">
      <c r="A1012">
        <v>1056563</v>
      </c>
      <c r="B1012" t="s">
        <v>5293</v>
      </c>
      <c r="C1012" s="1" t="s">
        <v>5294</v>
      </c>
      <c r="D1012">
        <v>1056628</v>
      </c>
      <c r="E1012">
        <v>8</v>
      </c>
      <c r="F1012">
        <v>2</v>
      </c>
      <c r="H1012" t="s">
        <v>5295</v>
      </c>
      <c r="I1012">
        <v>1</v>
      </c>
      <c r="J1012" t="s">
        <v>5296</v>
      </c>
      <c r="K1012" t="s">
        <v>5296</v>
      </c>
      <c r="M1012">
        <v>120292</v>
      </c>
      <c r="O1012">
        <v>129753</v>
      </c>
      <c r="P1012">
        <v>1</v>
      </c>
      <c r="Q1012">
        <v>3</v>
      </c>
      <c r="R1012" t="s">
        <v>5297</v>
      </c>
      <c r="S1012">
        <v>481</v>
      </c>
    </row>
    <row r="1013" spans="1:19" x14ac:dyDescent="0.25">
      <c r="A1013">
        <v>34876848</v>
      </c>
      <c r="B1013" t="s">
        <v>5298</v>
      </c>
      <c r="C1013" s="1" t="s">
        <v>5299</v>
      </c>
      <c r="D1013">
        <v>34877024</v>
      </c>
      <c r="E1013">
        <v>3</v>
      </c>
      <c r="F1013">
        <v>0</v>
      </c>
      <c r="H1013" t="s">
        <v>5300</v>
      </c>
      <c r="J1013" t="s">
        <v>5301</v>
      </c>
      <c r="O1013">
        <v>891359</v>
      </c>
      <c r="P1013">
        <v>1</v>
      </c>
      <c r="Q1013">
        <v>0</v>
      </c>
      <c r="R1013" t="s">
        <v>5302</v>
      </c>
      <c r="S1013">
        <v>48</v>
      </c>
    </row>
    <row r="1014" spans="1:19" x14ac:dyDescent="0.25">
      <c r="A1014">
        <v>36411542</v>
      </c>
      <c r="B1014" t="s">
        <v>5303</v>
      </c>
      <c r="C1014" s="1" t="s">
        <v>5304</v>
      </c>
      <c r="D1014">
        <v>36412009</v>
      </c>
      <c r="E1014">
        <v>1</v>
      </c>
      <c r="F1014">
        <v>13</v>
      </c>
      <c r="H1014" t="s">
        <v>5305</v>
      </c>
      <c r="J1014" t="s">
        <v>5306</v>
      </c>
      <c r="O1014">
        <v>6152756</v>
      </c>
      <c r="P1014">
        <v>1</v>
      </c>
      <c r="Q1014">
        <v>2</v>
      </c>
      <c r="R1014" t="s">
        <v>5307</v>
      </c>
      <c r="S1014">
        <v>1418</v>
      </c>
    </row>
    <row r="1015" spans="1:19" x14ac:dyDescent="0.25">
      <c r="A1015">
        <v>7667603</v>
      </c>
      <c r="B1015" t="s">
        <v>5308</v>
      </c>
      <c r="C1015" s="1" t="s">
        <v>5309</v>
      </c>
      <c r="D1015">
        <v>12218121</v>
      </c>
      <c r="E1015">
        <v>4</v>
      </c>
      <c r="F1015">
        <v>2</v>
      </c>
      <c r="H1015" t="s">
        <v>5310</v>
      </c>
      <c r="I1015">
        <v>2</v>
      </c>
      <c r="J1015" t="s">
        <v>5311</v>
      </c>
      <c r="K1015" t="s">
        <v>5312</v>
      </c>
      <c r="M1015">
        <v>384985</v>
      </c>
      <c r="O1015">
        <v>111665</v>
      </c>
      <c r="P1015">
        <v>1</v>
      </c>
      <c r="Q1015">
        <v>9</v>
      </c>
      <c r="R1015" t="s">
        <v>5313</v>
      </c>
      <c r="S1015">
        <v>19845</v>
      </c>
    </row>
    <row r="1016" spans="1:19" x14ac:dyDescent="0.25">
      <c r="A1016">
        <v>20104404</v>
      </c>
      <c r="B1016" t="s">
        <v>5314</v>
      </c>
      <c r="C1016" s="1" t="s">
        <v>5315</v>
      </c>
      <c r="E1016">
        <v>3</v>
      </c>
      <c r="F1016">
        <v>3</v>
      </c>
      <c r="H1016" t="s">
        <v>5316</v>
      </c>
      <c r="I1016">
        <v>2</v>
      </c>
      <c r="J1016" t="s">
        <v>5317</v>
      </c>
      <c r="O1016">
        <v>1007510</v>
      </c>
      <c r="P1016">
        <v>1</v>
      </c>
      <c r="Q1016">
        <v>8</v>
      </c>
      <c r="R1016" t="s">
        <v>5318</v>
      </c>
      <c r="S1016">
        <v>1732</v>
      </c>
    </row>
    <row r="1017" spans="1:19" x14ac:dyDescent="0.25">
      <c r="A1017">
        <v>5249978</v>
      </c>
      <c r="B1017" t="s">
        <v>5319</v>
      </c>
      <c r="C1017" s="1" t="s">
        <v>5320</v>
      </c>
      <c r="D1017">
        <v>5250064</v>
      </c>
      <c r="E1017">
        <v>2</v>
      </c>
      <c r="F1017">
        <v>0</v>
      </c>
      <c r="H1017" t="s">
        <v>5321</v>
      </c>
      <c r="J1017" t="s">
        <v>5322</v>
      </c>
      <c r="O1017">
        <v>377739</v>
      </c>
      <c r="P1017">
        <v>1</v>
      </c>
      <c r="Q1017">
        <v>0</v>
      </c>
      <c r="R1017" t="s">
        <v>5323</v>
      </c>
      <c r="S1017">
        <v>225</v>
      </c>
    </row>
    <row r="1018" spans="1:19" x14ac:dyDescent="0.25">
      <c r="A1018">
        <v>38740707</v>
      </c>
      <c r="B1018" t="s">
        <v>5324</v>
      </c>
      <c r="C1018" s="1" t="s">
        <v>5325</v>
      </c>
      <c r="E1018">
        <v>2</v>
      </c>
      <c r="F1018">
        <v>0</v>
      </c>
      <c r="H1018" t="s">
        <v>5326</v>
      </c>
      <c r="J1018" t="s">
        <v>5327</v>
      </c>
      <c r="K1018" t="s">
        <v>5328</v>
      </c>
      <c r="M1018">
        <v>6651006</v>
      </c>
      <c r="O1018">
        <v>6651006</v>
      </c>
      <c r="P1018">
        <v>1</v>
      </c>
      <c r="Q1018">
        <v>1</v>
      </c>
      <c r="R1018" t="s">
        <v>5329</v>
      </c>
      <c r="S1018">
        <v>396</v>
      </c>
    </row>
    <row r="1019" spans="1:19" x14ac:dyDescent="0.25">
      <c r="A1019">
        <v>24708665</v>
      </c>
      <c r="B1019" t="s">
        <v>5330</v>
      </c>
      <c r="C1019" s="1" t="s">
        <v>5331</v>
      </c>
      <c r="E1019">
        <v>1</v>
      </c>
      <c r="F1019">
        <v>2</v>
      </c>
      <c r="H1019" t="s">
        <v>5332</v>
      </c>
      <c r="J1019" t="s">
        <v>5333</v>
      </c>
      <c r="O1019">
        <v>3792038</v>
      </c>
      <c r="P1019">
        <v>1</v>
      </c>
      <c r="Q1019">
        <v>0</v>
      </c>
      <c r="R1019" t="s">
        <v>1333</v>
      </c>
      <c r="S1019">
        <v>69</v>
      </c>
    </row>
    <row r="1020" spans="1:19" x14ac:dyDescent="0.25">
      <c r="A1020">
        <v>10194217</v>
      </c>
      <c r="B1020" t="s">
        <v>5334</v>
      </c>
      <c r="C1020" s="1" t="s">
        <v>5335</v>
      </c>
      <c r="E1020">
        <v>0</v>
      </c>
      <c r="F1020">
        <v>2</v>
      </c>
      <c r="H1020" t="s">
        <v>5336</v>
      </c>
      <c r="J1020" t="s">
        <v>5336</v>
      </c>
      <c r="O1020">
        <v>918022</v>
      </c>
      <c r="P1020">
        <v>1</v>
      </c>
      <c r="Q1020">
        <v>0</v>
      </c>
      <c r="R1020" t="s">
        <v>5337</v>
      </c>
      <c r="S1020">
        <v>171</v>
      </c>
    </row>
    <row r="1021" spans="1:19" x14ac:dyDescent="0.25">
      <c r="A1021">
        <v>52829242</v>
      </c>
      <c r="B1021" t="s">
        <v>5338</v>
      </c>
      <c r="C1021" s="1" t="s">
        <v>5339</v>
      </c>
      <c r="D1021">
        <v>52835430</v>
      </c>
      <c r="E1021">
        <v>2</v>
      </c>
      <c r="F1021">
        <v>1</v>
      </c>
      <c r="H1021" t="s">
        <v>5340</v>
      </c>
      <c r="J1021" t="s">
        <v>5341</v>
      </c>
      <c r="K1021" t="s">
        <v>5342</v>
      </c>
      <c r="M1021">
        <v>104349</v>
      </c>
      <c r="O1021">
        <v>9945500</v>
      </c>
      <c r="P1021">
        <v>1</v>
      </c>
      <c r="Q1021">
        <v>1</v>
      </c>
      <c r="R1021" t="s">
        <v>5343</v>
      </c>
      <c r="S1021">
        <v>61</v>
      </c>
    </row>
    <row r="1022" spans="1:19" x14ac:dyDescent="0.25">
      <c r="A1022">
        <v>44865907</v>
      </c>
      <c r="B1022" t="s">
        <v>5344</v>
      </c>
      <c r="C1022" s="1" t="s">
        <v>5345</v>
      </c>
      <c r="D1022">
        <v>44866097</v>
      </c>
      <c r="E1022">
        <v>1</v>
      </c>
      <c r="F1022">
        <v>0</v>
      </c>
      <c r="H1022" t="s">
        <v>5346</v>
      </c>
      <c r="J1022" t="s">
        <v>5347</v>
      </c>
      <c r="O1022">
        <v>5329573</v>
      </c>
      <c r="P1022">
        <v>1</v>
      </c>
      <c r="Q1022">
        <v>0</v>
      </c>
      <c r="R1022" t="s">
        <v>5348</v>
      </c>
      <c r="S1022">
        <v>42</v>
      </c>
    </row>
    <row r="1023" spans="1:19" x14ac:dyDescent="0.25">
      <c r="A1023">
        <v>24982562</v>
      </c>
      <c r="B1023" t="s">
        <v>5349</v>
      </c>
      <c r="C1023" s="1" t="s">
        <v>5350</v>
      </c>
      <c r="D1023">
        <v>24982627</v>
      </c>
      <c r="E1023">
        <v>1</v>
      </c>
      <c r="F1023">
        <v>0</v>
      </c>
      <c r="H1023" t="s">
        <v>5351</v>
      </c>
      <c r="J1023" t="s">
        <v>5352</v>
      </c>
      <c r="K1023" t="s">
        <v>5352</v>
      </c>
      <c r="M1023">
        <v>1731836</v>
      </c>
      <c r="O1023">
        <v>1731836</v>
      </c>
      <c r="P1023">
        <v>1</v>
      </c>
      <c r="Q1023">
        <v>0</v>
      </c>
      <c r="R1023" t="s">
        <v>5353</v>
      </c>
      <c r="S1023">
        <v>136</v>
      </c>
    </row>
    <row r="1024" spans="1:19" x14ac:dyDescent="0.25">
      <c r="A1024">
        <v>51270780</v>
      </c>
      <c r="B1024" t="s">
        <v>5354</v>
      </c>
      <c r="C1024" s="1" t="s">
        <v>5355</v>
      </c>
      <c r="D1024">
        <v>51280792</v>
      </c>
      <c r="E1024">
        <v>2</v>
      </c>
      <c r="F1024">
        <v>0</v>
      </c>
      <c r="H1024" t="s">
        <v>5356</v>
      </c>
      <c r="J1024" t="s">
        <v>5357</v>
      </c>
      <c r="O1024">
        <v>8020595</v>
      </c>
      <c r="P1024">
        <v>1</v>
      </c>
      <c r="Q1024">
        <v>3</v>
      </c>
      <c r="R1024" t="s">
        <v>5358</v>
      </c>
      <c r="S1024">
        <v>220</v>
      </c>
    </row>
    <row r="1025" spans="1:19" x14ac:dyDescent="0.25">
      <c r="A1025">
        <v>34575270</v>
      </c>
      <c r="B1025" t="s">
        <v>5359</v>
      </c>
      <c r="C1025" s="1" t="s">
        <v>5360</v>
      </c>
      <c r="E1025">
        <v>1</v>
      </c>
      <c r="F1025">
        <v>2</v>
      </c>
      <c r="H1025" t="s">
        <v>5361</v>
      </c>
      <c r="J1025" t="s">
        <v>5362</v>
      </c>
      <c r="K1025" t="s">
        <v>5362</v>
      </c>
      <c r="M1025">
        <v>100297</v>
      </c>
      <c r="O1025">
        <v>5737592</v>
      </c>
      <c r="P1025">
        <v>1</v>
      </c>
      <c r="Q1025">
        <v>-1</v>
      </c>
      <c r="R1025" t="s">
        <v>229</v>
      </c>
      <c r="S1025">
        <v>107</v>
      </c>
    </row>
    <row r="1026" spans="1:19" x14ac:dyDescent="0.25">
      <c r="A1026">
        <v>17354391</v>
      </c>
      <c r="B1026" t="s">
        <v>5363</v>
      </c>
      <c r="C1026" s="1" t="s">
        <v>5364</v>
      </c>
      <c r="D1026">
        <v>17354407</v>
      </c>
      <c r="E1026">
        <v>3</v>
      </c>
      <c r="F1026">
        <v>5</v>
      </c>
      <c r="H1026" t="s">
        <v>5365</v>
      </c>
      <c r="J1026" t="s">
        <v>5366</v>
      </c>
      <c r="K1026" t="s">
        <v>5367</v>
      </c>
      <c r="M1026">
        <v>1917176</v>
      </c>
      <c r="O1026">
        <v>1917176</v>
      </c>
      <c r="P1026">
        <v>1</v>
      </c>
      <c r="Q1026">
        <v>0</v>
      </c>
      <c r="R1026" t="s">
        <v>5368</v>
      </c>
      <c r="S1026">
        <v>781</v>
      </c>
    </row>
    <row r="1027" spans="1:19" x14ac:dyDescent="0.25">
      <c r="A1027">
        <v>4018931</v>
      </c>
      <c r="B1027" t="s">
        <v>5369</v>
      </c>
      <c r="C1027" s="1" t="s">
        <v>5370</v>
      </c>
      <c r="D1027">
        <v>4023903</v>
      </c>
      <c r="E1027">
        <v>3</v>
      </c>
      <c r="F1027">
        <v>1</v>
      </c>
      <c r="H1027" t="s">
        <v>5371</v>
      </c>
      <c r="J1027" t="s">
        <v>5372</v>
      </c>
      <c r="K1027" t="s">
        <v>5373</v>
      </c>
      <c r="M1027">
        <v>1035257</v>
      </c>
      <c r="O1027">
        <v>48523</v>
      </c>
      <c r="P1027">
        <v>1</v>
      </c>
      <c r="Q1027">
        <v>4</v>
      </c>
      <c r="R1027" t="s">
        <v>5374</v>
      </c>
      <c r="S1027">
        <v>12986</v>
      </c>
    </row>
    <row r="1028" spans="1:19" x14ac:dyDescent="0.25">
      <c r="A1028">
        <v>33468902</v>
      </c>
      <c r="B1028" t="s">
        <v>5375</v>
      </c>
      <c r="C1028" s="1" t="s">
        <v>5376</v>
      </c>
      <c r="D1028">
        <v>33469108</v>
      </c>
      <c r="E1028">
        <v>2</v>
      </c>
      <c r="F1028">
        <v>5</v>
      </c>
      <c r="H1028" t="s">
        <v>5377</v>
      </c>
      <c r="J1028" t="s">
        <v>5378</v>
      </c>
      <c r="K1028" t="s">
        <v>5379</v>
      </c>
      <c r="M1028">
        <v>5249307</v>
      </c>
      <c r="O1028">
        <v>130278</v>
      </c>
      <c r="P1028">
        <v>1</v>
      </c>
      <c r="Q1028">
        <v>-4</v>
      </c>
      <c r="R1028" t="s">
        <v>5380</v>
      </c>
      <c r="S1028">
        <v>239</v>
      </c>
    </row>
    <row r="1029" spans="1:19" x14ac:dyDescent="0.25">
      <c r="A1029">
        <v>32676483</v>
      </c>
      <c r="B1029" t="s">
        <v>5381</v>
      </c>
      <c r="C1029" s="1" t="s">
        <v>5382</v>
      </c>
      <c r="E1029">
        <v>1</v>
      </c>
      <c r="F1029">
        <v>1</v>
      </c>
      <c r="H1029" t="s">
        <v>5383</v>
      </c>
      <c r="J1029" t="s">
        <v>5384</v>
      </c>
      <c r="O1029">
        <v>5281287</v>
      </c>
      <c r="P1029">
        <v>1</v>
      </c>
      <c r="Q1029">
        <v>0</v>
      </c>
      <c r="R1029" t="s">
        <v>5385</v>
      </c>
      <c r="S1029">
        <v>1042</v>
      </c>
    </row>
    <row r="1030" spans="1:19" x14ac:dyDescent="0.25">
      <c r="A1030">
        <v>5694973</v>
      </c>
      <c r="B1030" t="s">
        <v>5386</v>
      </c>
      <c r="C1030" s="1" t="s">
        <v>5387</v>
      </c>
      <c r="D1030">
        <v>5695612</v>
      </c>
      <c r="E1030">
        <v>2</v>
      </c>
      <c r="F1030">
        <v>0</v>
      </c>
      <c r="H1030" t="s">
        <v>5388</v>
      </c>
      <c r="J1030" t="s">
        <v>5389</v>
      </c>
      <c r="O1030">
        <v>356849</v>
      </c>
      <c r="P1030">
        <v>1</v>
      </c>
      <c r="Q1030">
        <v>0</v>
      </c>
      <c r="R1030" t="s">
        <v>5390</v>
      </c>
      <c r="S1030">
        <v>1784</v>
      </c>
    </row>
    <row r="1031" spans="1:19" x14ac:dyDescent="0.25">
      <c r="A1031">
        <v>42413846</v>
      </c>
      <c r="B1031" t="s">
        <v>5391</v>
      </c>
      <c r="C1031" s="1" t="s">
        <v>5392</v>
      </c>
      <c r="D1031">
        <v>42414433</v>
      </c>
      <c r="E1031">
        <v>1</v>
      </c>
      <c r="F1031">
        <v>0</v>
      </c>
      <c r="H1031" t="s">
        <v>5393</v>
      </c>
      <c r="I1031">
        <v>1</v>
      </c>
      <c r="J1031" t="s">
        <v>5394</v>
      </c>
      <c r="K1031" t="s">
        <v>5395</v>
      </c>
      <c r="M1031">
        <v>7135893</v>
      </c>
      <c r="O1031">
        <v>7593312</v>
      </c>
      <c r="P1031">
        <v>1</v>
      </c>
      <c r="Q1031">
        <v>0</v>
      </c>
      <c r="R1031" t="s">
        <v>5396</v>
      </c>
      <c r="S1031">
        <v>80</v>
      </c>
    </row>
    <row r="1032" spans="1:19" x14ac:dyDescent="0.25">
      <c r="A1032">
        <v>36657632</v>
      </c>
      <c r="B1032" t="s">
        <v>5397</v>
      </c>
      <c r="C1032" s="1" t="s">
        <v>5398</v>
      </c>
      <c r="D1032">
        <v>36658756</v>
      </c>
      <c r="E1032">
        <v>1</v>
      </c>
      <c r="F1032">
        <v>2</v>
      </c>
      <c r="H1032" t="s">
        <v>5399</v>
      </c>
      <c r="I1032">
        <v>1</v>
      </c>
      <c r="J1032" t="s">
        <v>5400</v>
      </c>
      <c r="K1032" t="s">
        <v>5400</v>
      </c>
      <c r="M1032">
        <v>6309</v>
      </c>
      <c r="O1032">
        <v>6211329</v>
      </c>
      <c r="P1032">
        <v>1</v>
      </c>
      <c r="Q1032">
        <v>1</v>
      </c>
      <c r="R1032" t="s">
        <v>5401</v>
      </c>
      <c r="S1032">
        <v>63</v>
      </c>
    </row>
    <row r="1033" spans="1:19" x14ac:dyDescent="0.25">
      <c r="A1033">
        <v>433913</v>
      </c>
      <c r="B1033" t="s">
        <v>5402</v>
      </c>
      <c r="C1033" t="s">
        <v>5403</v>
      </c>
      <c r="D1033">
        <v>433920</v>
      </c>
      <c r="E1033">
        <v>5</v>
      </c>
      <c r="F1033">
        <v>3</v>
      </c>
      <c r="H1033" t="s">
        <v>5404</v>
      </c>
      <c r="I1033">
        <v>5</v>
      </c>
      <c r="J1033" t="s">
        <v>5405</v>
      </c>
      <c r="N1033" t="s">
        <v>5406</v>
      </c>
      <c r="O1033">
        <v>52551</v>
      </c>
      <c r="P1033">
        <v>1</v>
      </c>
      <c r="Q1033">
        <v>13</v>
      </c>
      <c r="R1033" t="s">
        <v>4631</v>
      </c>
      <c r="S1033">
        <v>8121</v>
      </c>
    </row>
    <row r="1034" spans="1:19" x14ac:dyDescent="0.25">
      <c r="A1034">
        <v>27181774</v>
      </c>
      <c r="B1034" t="s">
        <v>5407</v>
      </c>
      <c r="C1034" s="1" t="s">
        <v>5408</v>
      </c>
      <c r="D1034">
        <v>27182028</v>
      </c>
      <c r="E1034">
        <v>4</v>
      </c>
      <c r="F1034">
        <v>3</v>
      </c>
      <c r="H1034" t="s">
        <v>5409</v>
      </c>
      <c r="I1034">
        <v>1</v>
      </c>
      <c r="J1034" t="s">
        <v>5410</v>
      </c>
      <c r="O1034">
        <v>4006140</v>
      </c>
      <c r="P1034">
        <v>1</v>
      </c>
      <c r="Q1034">
        <v>3</v>
      </c>
      <c r="R1034" t="s">
        <v>5411</v>
      </c>
      <c r="S1034">
        <v>22599</v>
      </c>
    </row>
    <row r="1035" spans="1:19" x14ac:dyDescent="0.25">
      <c r="A1035">
        <v>21517349</v>
      </c>
      <c r="B1035" t="s">
        <v>5412</v>
      </c>
      <c r="C1035" s="1" t="s">
        <v>5413</v>
      </c>
      <c r="E1035">
        <v>0</v>
      </c>
      <c r="F1035">
        <v>1</v>
      </c>
      <c r="H1035" t="s">
        <v>5414</v>
      </c>
      <c r="I1035">
        <v>0</v>
      </c>
      <c r="J1035" t="s">
        <v>5414</v>
      </c>
      <c r="O1035">
        <v>917748</v>
      </c>
      <c r="P1035">
        <v>1</v>
      </c>
      <c r="Q1035">
        <v>2</v>
      </c>
      <c r="R1035" t="s">
        <v>5415</v>
      </c>
      <c r="S1035">
        <v>143</v>
      </c>
    </row>
    <row r="1036" spans="1:19" x14ac:dyDescent="0.25">
      <c r="A1036">
        <v>14289208</v>
      </c>
      <c r="B1036" t="s">
        <v>5416</v>
      </c>
      <c r="C1036" t="s">
        <v>5417</v>
      </c>
      <c r="E1036">
        <v>1</v>
      </c>
      <c r="F1036">
        <v>0</v>
      </c>
      <c r="H1036" t="s">
        <v>5418</v>
      </c>
      <c r="J1036" t="s">
        <v>5419</v>
      </c>
      <c r="K1036" t="s">
        <v>5419</v>
      </c>
      <c r="M1036">
        <v>422353</v>
      </c>
      <c r="O1036">
        <v>496837</v>
      </c>
      <c r="P1036">
        <v>1</v>
      </c>
      <c r="Q1036">
        <v>0</v>
      </c>
      <c r="R1036" t="s">
        <v>5420</v>
      </c>
      <c r="S1036">
        <v>1853</v>
      </c>
    </row>
    <row r="1037" spans="1:19" x14ac:dyDescent="0.25">
      <c r="A1037">
        <v>34004614</v>
      </c>
      <c r="B1037" t="s">
        <v>5421</v>
      </c>
      <c r="C1037" s="1" t="s">
        <v>5422</v>
      </c>
      <c r="D1037">
        <v>34005095</v>
      </c>
      <c r="E1037">
        <v>1</v>
      </c>
      <c r="F1037">
        <v>1</v>
      </c>
      <c r="H1037" t="s">
        <v>5423</v>
      </c>
      <c r="J1037" t="s">
        <v>5424</v>
      </c>
      <c r="K1037" t="s">
        <v>5425</v>
      </c>
      <c r="M1037">
        <v>13302</v>
      </c>
      <c r="O1037">
        <v>5609373</v>
      </c>
      <c r="P1037">
        <v>1</v>
      </c>
      <c r="Q1037">
        <v>0</v>
      </c>
      <c r="R1037" t="s">
        <v>5426</v>
      </c>
      <c r="S1037">
        <v>272</v>
      </c>
    </row>
    <row r="1038" spans="1:19" x14ac:dyDescent="0.25">
      <c r="A1038">
        <v>52958826</v>
      </c>
      <c r="B1038" t="s">
        <v>5427</v>
      </c>
      <c r="C1038" s="1" t="s">
        <v>5428</v>
      </c>
      <c r="E1038">
        <v>0</v>
      </c>
      <c r="F1038">
        <v>4</v>
      </c>
      <c r="H1038" t="s">
        <v>5429</v>
      </c>
      <c r="J1038" t="s">
        <v>5430</v>
      </c>
      <c r="K1038" t="s">
        <v>5430</v>
      </c>
      <c r="M1038">
        <v>8370915</v>
      </c>
      <c r="O1038">
        <v>8370915</v>
      </c>
      <c r="P1038">
        <v>1</v>
      </c>
      <c r="Q1038">
        <v>0</v>
      </c>
      <c r="R1038" t="s">
        <v>5431</v>
      </c>
      <c r="S1038">
        <v>62</v>
      </c>
    </row>
    <row r="1039" spans="1:19" x14ac:dyDescent="0.25">
      <c r="A1039">
        <v>17737068</v>
      </c>
      <c r="B1039" t="s">
        <v>5432</v>
      </c>
      <c r="C1039" s="1" t="s">
        <v>5433</v>
      </c>
      <c r="D1039">
        <v>17737496</v>
      </c>
      <c r="E1039">
        <v>2</v>
      </c>
      <c r="F1039">
        <v>1</v>
      </c>
      <c r="H1039" t="s">
        <v>5434</v>
      </c>
      <c r="J1039" t="s">
        <v>5435</v>
      </c>
      <c r="K1039" t="s">
        <v>5436</v>
      </c>
      <c r="M1039">
        <v>-1</v>
      </c>
      <c r="O1039">
        <v>1672079</v>
      </c>
      <c r="P1039">
        <v>1</v>
      </c>
      <c r="Q1039">
        <v>2</v>
      </c>
      <c r="R1039" t="s">
        <v>5437</v>
      </c>
      <c r="S1039">
        <v>310</v>
      </c>
    </row>
    <row r="1040" spans="1:19" x14ac:dyDescent="0.25">
      <c r="A1040">
        <v>48810683</v>
      </c>
      <c r="B1040" t="s">
        <v>5438</v>
      </c>
      <c r="C1040" s="1" t="s">
        <v>5439</v>
      </c>
      <c r="D1040">
        <v>48811634</v>
      </c>
      <c r="E1040">
        <v>1</v>
      </c>
      <c r="F1040">
        <v>1</v>
      </c>
      <c r="H1040" t="s">
        <v>5440</v>
      </c>
      <c r="J1040" t="s">
        <v>5441</v>
      </c>
      <c r="O1040">
        <v>1089355</v>
      </c>
      <c r="P1040">
        <v>1</v>
      </c>
      <c r="Q1040">
        <v>1</v>
      </c>
      <c r="R1040" t="s">
        <v>5442</v>
      </c>
      <c r="S1040">
        <v>168</v>
      </c>
    </row>
    <row r="1041" spans="1:19" x14ac:dyDescent="0.25">
      <c r="A1041">
        <v>10395787</v>
      </c>
      <c r="B1041" t="s">
        <v>5443</v>
      </c>
      <c r="C1041" s="1" t="s">
        <v>5444</v>
      </c>
      <c r="D1041">
        <v>10514490</v>
      </c>
      <c r="E1041">
        <v>1</v>
      </c>
      <c r="F1041">
        <v>0</v>
      </c>
      <c r="H1041" t="s">
        <v>5445</v>
      </c>
      <c r="J1041" t="s">
        <v>5446</v>
      </c>
      <c r="K1041" t="s">
        <v>5447</v>
      </c>
      <c r="M1041">
        <v>940124</v>
      </c>
      <c r="O1041">
        <v>940124</v>
      </c>
      <c r="P1041">
        <v>1</v>
      </c>
      <c r="Q1041">
        <v>2</v>
      </c>
      <c r="R1041" t="s">
        <v>5448</v>
      </c>
      <c r="S1041">
        <v>1875</v>
      </c>
    </row>
    <row r="1042" spans="1:19" x14ac:dyDescent="0.25">
      <c r="A1042">
        <v>30730958</v>
      </c>
      <c r="B1042" t="s">
        <v>5449</v>
      </c>
      <c r="C1042" s="1" t="s">
        <v>5450</v>
      </c>
      <c r="D1042">
        <v>30731212</v>
      </c>
      <c r="E1042">
        <v>2</v>
      </c>
      <c r="F1042">
        <v>2</v>
      </c>
      <c r="H1042" t="s">
        <v>5451</v>
      </c>
      <c r="J1042" t="s">
        <v>5452</v>
      </c>
      <c r="O1042">
        <v>3989439</v>
      </c>
      <c r="P1042">
        <v>1</v>
      </c>
      <c r="Q1042">
        <v>2</v>
      </c>
      <c r="R1042" t="s">
        <v>5453</v>
      </c>
      <c r="S1042">
        <v>2630</v>
      </c>
    </row>
    <row r="1043" spans="1:19" x14ac:dyDescent="0.25">
      <c r="A1043">
        <v>28649354</v>
      </c>
      <c r="B1043" t="s">
        <v>5454</v>
      </c>
      <c r="C1043" s="1" t="s">
        <v>5455</v>
      </c>
      <c r="D1043">
        <v>28650113</v>
      </c>
      <c r="E1043">
        <v>1</v>
      </c>
      <c r="F1043">
        <v>2</v>
      </c>
      <c r="H1043" t="s">
        <v>5456</v>
      </c>
      <c r="J1043" t="s">
        <v>5457</v>
      </c>
      <c r="O1043">
        <v>607016</v>
      </c>
      <c r="P1043">
        <v>1</v>
      </c>
      <c r="Q1043">
        <v>1</v>
      </c>
      <c r="R1043" t="s">
        <v>5458</v>
      </c>
      <c r="S1043">
        <v>108</v>
      </c>
    </row>
    <row r="1044" spans="1:19" x14ac:dyDescent="0.25">
      <c r="A1044">
        <v>34982486</v>
      </c>
      <c r="B1044" t="s">
        <v>5459</v>
      </c>
      <c r="C1044" s="1" t="s">
        <v>5460</v>
      </c>
      <c r="D1044">
        <v>34982622</v>
      </c>
      <c r="E1044">
        <v>1</v>
      </c>
      <c r="F1044">
        <v>5</v>
      </c>
      <c r="H1044" t="s">
        <v>5461</v>
      </c>
      <c r="J1044" t="s">
        <v>5462</v>
      </c>
      <c r="K1044" t="s">
        <v>5463</v>
      </c>
      <c r="M1044">
        <v>1557526</v>
      </c>
      <c r="O1044">
        <v>4441060</v>
      </c>
      <c r="P1044">
        <v>1</v>
      </c>
      <c r="Q1044">
        <v>-1</v>
      </c>
      <c r="R1044" t="s">
        <v>5464</v>
      </c>
      <c r="S1044">
        <v>714</v>
      </c>
    </row>
    <row r="1045" spans="1:19" x14ac:dyDescent="0.25">
      <c r="A1045">
        <v>23338587</v>
      </c>
      <c r="B1045" t="s">
        <v>5465</v>
      </c>
      <c r="C1045" s="1" t="s">
        <v>5466</v>
      </c>
      <c r="D1045">
        <v>23339202</v>
      </c>
      <c r="E1045">
        <v>1</v>
      </c>
      <c r="F1045">
        <v>0</v>
      </c>
      <c r="H1045" t="s">
        <v>5467</v>
      </c>
      <c r="J1045" t="s">
        <v>5468</v>
      </c>
      <c r="K1045" t="s">
        <v>5469</v>
      </c>
      <c r="M1045">
        <v>-1</v>
      </c>
      <c r="O1045">
        <v>337621</v>
      </c>
      <c r="P1045">
        <v>1</v>
      </c>
      <c r="Q1045">
        <v>0</v>
      </c>
      <c r="R1045" t="s">
        <v>5470</v>
      </c>
      <c r="S1045">
        <v>2249</v>
      </c>
    </row>
    <row r="1046" spans="1:19" x14ac:dyDescent="0.25">
      <c r="A1046">
        <v>36104237</v>
      </c>
      <c r="B1046" t="s">
        <v>5471</v>
      </c>
      <c r="C1046" s="1" t="s">
        <v>5472</v>
      </c>
      <c r="E1046">
        <v>1</v>
      </c>
      <c r="F1046">
        <v>1</v>
      </c>
      <c r="H1046" t="s">
        <v>5473</v>
      </c>
      <c r="J1046" t="s">
        <v>5474</v>
      </c>
      <c r="K1046" t="s">
        <v>5475</v>
      </c>
      <c r="M1046">
        <v>341994</v>
      </c>
      <c r="O1046">
        <v>3742803</v>
      </c>
      <c r="P1046">
        <v>1</v>
      </c>
      <c r="Q1046">
        <v>-1</v>
      </c>
      <c r="R1046" t="s">
        <v>5476</v>
      </c>
      <c r="S1046">
        <v>62</v>
      </c>
    </row>
    <row r="1047" spans="1:19" x14ac:dyDescent="0.25">
      <c r="A1047">
        <v>45809301</v>
      </c>
      <c r="B1047" t="s">
        <v>5477</v>
      </c>
      <c r="C1047" s="1" t="s">
        <v>5478</v>
      </c>
      <c r="D1047">
        <v>45815472</v>
      </c>
      <c r="E1047">
        <v>2</v>
      </c>
      <c r="F1047">
        <v>1</v>
      </c>
      <c r="H1047" t="s">
        <v>5479</v>
      </c>
      <c r="J1047" t="s">
        <v>5480</v>
      </c>
      <c r="O1047">
        <v>1973098</v>
      </c>
      <c r="P1047">
        <v>1</v>
      </c>
      <c r="Q1047">
        <v>1</v>
      </c>
      <c r="R1047" t="s">
        <v>5481</v>
      </c>
      <c r="S1047">
        <v>146</v>
      </c>
    </row>
    <row r="1048" spans="1:19" x14ac:dyDescent="0.25">
      <c r="A1048">
        <v>23331377</v>
      </c>
      <c r="B1048" t="s">
        <v>5482</v>
      </c>
      <c r="C1048" s="1" t="s">
        <v>5483</v>
      </c>
      <c r="D1048">
        <v>23332992</v>
      </c>
      <c r="E1048">
        <v>2</v>
      </c>
      <c r="F1048">
        <v>0</v>
      </c>
      <c r="H1048" t="s">
        <v>5484</v>
      </c>
      <c r="J1048" t="s">
        <v>5485</v>
      </c>
      <c r="K1048" t="s">
        <v>5485</v>
      </c>
      <c r="M1048">
        <v>3503855</v>
      </c>
      <c r="O1048">
        <v>3503855</v>
      </c>
      <c r="P1048">
        <v>1</v>
      </c>
      <c r="Q1048">
        <v>0</v>
      </c>
      <c r="R1048" t="s">
        <v>5486</v>
      </c>
      <c r="S1048">
        <v>56</v>
      </c>
    </row>
    <row r="1049" spans="1:19" x14ac:dyDescent="0.25">
      <c r="A1049">
        <v>45148674</v>
      </c>
      <c r="B1049" t="s">
        <v>5487</v>
      </c>
      <c r="C1049" s="1" t="s">
        <v>5488</v>
      </c>
      <c r="D1049">
        <v>45149416</v>
      </c>
      <c r="E1049">
        <v>2</v>
      </c>
      <c r="F1049">
        <v>0</v>
      </c>
      <c r="H1049" t="s">
        <v>5489</v>
      </c>
      <c r="I1049">
        <v>0</v>
      </c>
      <c r="J1049" t="s">
        <v>5490</v>
      </c>
      <c r="O1049">
        <v>580083</v>
      </c>
      <c r="P1049">
        <v>1</v>
      </c>
      <c r="Q1049">
        <v>1</v>
      </c>
      <c r="R1049" t="s">
        <v>5491</v>
      </c>
      <c r="S1049">
        <v>381</v>
      </c>
    </row>
    <row r="1050" spans="1:19" x14ac:dyDescent="0.25">
      <c r="A1050">
        <v>9682475</v>
      </c>
      <c r="B1050" t="s">
        <v>5492</v>
      </c>
      <c r="C1050" s="1" t="s">
        <v>5493</v>
      </c>
      <c r="E1050">
        <v>1</v>
      </c>
      <c r="F1050">
        <v>1</v>
      </c>
      <c r="H1050" t="s">
        <v>5494</v>
      </c>
      <c r="J1050" t="s">
        <v>5495</v>
      </c>
      <c r="O1050">
        <v>182406</v>
      </c>
      <c r="P1050">
        <v>1</v>
      </c>
      <c r="Q1050">
        <v>1</v>
      </c>
      <c r="R1050" t="s">
        <v>5496</v>
      </c>
      <c r="S1050">
        <v>634</v>
      </c>
    </row>
    <row r="1051" spans="1:19" x14ac:dyDescent="0.25">
      <c r="A1051">
        <v>35207093</v>
      </c>
      <c r="B1051" t="s">
        <v>5497</v>
      </c>
      <c r="C1051" s="1" t="s">
        <v>5498</v>
      </c>
      <c r="D1051">
        <v>35207185</v>
      </c>
      <c r="E1051">
        <v>1</v>
      </c>
      <c r="F1051">
        <v>4</v>
      </c>
      <c r="H1051" t="s">
        <v>5499</v>
      </c>
      <c r="J1051" t="s">
        <v>5500</v>
      </c>
      <c r="K1051" t="s">
        <v>5500</v>
      </c>
      <c r="M1051">
        <v>2000548</v>
      </c>
      <c r="O1051">
        <v>2000548</v>
      </c>
      <c r="P1051">
        <v>1</v>
      </c>
      <c r="Q1051">
        <v>7</v>
      </c>
      <c r="R1051" t="s">
        <v>5501</v>
      </c>
      <c r="S1051">
        <v>33101</v>
      </c>
    </row>
    <row r="1052" spans="1:19" x14ac:dyDescent="0.25">
      <c r="A1052">
        <v>7877065</v>
      </c>
      <c r="B1052" t="s">
        <v>5502</v>
      </c>
      <c r="C1052" s="1" t="s">
        <v>5503</v>
      </c>
      <c r="E1052">
        <v>2</v>
      </c>
      <c r="F1052">
        <v>0</v>
      </c>
      <c r="H1052" t="s">
        <v>5504</v>
      </c>
      <c r="J1052" t="s">
        <v>5505</v>
      </c>
      <c r="O1052">
        <v>843469</v>
      </c>
      <c r="P1052">
        <v>1</v>
      </c>
      <c r="Q1052">
        <v>-1</v>
      </c>
      <c r="R1052" t="s">
        <v>5506</v>
      </c>
      <c r="S1052">
        <v>281</v>
      </c>
    </row>
    <row r="1053" spans="1:19" x14ac:dyDescent="0.25">
      <c r="A1053">
        <v>7091286</v>
      </c>
      <c r="B1053" t="s">
        <v>5507</v>
      </c>
      <c r="C1053" s="1" t="s">
        <v>5508</v>
      </c>
      <c r="E1053">
        <v>2</v>
      </c>
      <c r="F1053">
        <v>0</v>
      </c>
      <c r="H1053" t="s">
        <v>5509</v>
      </c>
      <c r="J1053" t="s">
        <v>5510</v>
      </c>
      <c r="O1053">
        <v>817213</v>
      </c>
      <c r="P1053">
        <v>1</v>
      </c>
      <c r="Q1053">
        <v>0</v>
      </c>
      <c r="R1053" t="s">
        <v>5511</v>
      </c>
      <c r="S1053">
        <v>1436</v>
      </c>
    </row>
    <row r="1054" spans="1:19" x14ac:dyDescent="0.25">
      <c r="A1054">
        <v>12831187</v>
      </c>
      <c r="B1054" t="s">
        <v>5512</v>
      </c>
      <c r="C1054" s="1" t="s">
        <v>5513</v>
      </c>
      <c r="D1054">
        <v>12831539</v>
      </c>
      <c r="E1054">
        <v>4</v>
      </c>
      <c r="F1054">
        <v>0</v>
      </c>
      <c r="H1054" t="s">
        <v>5514</v>
      </c>
      <c r="I1054">
        <v>2</v>
      </c>
      <c r="J1054" t="s">
        <v>5515</v>
      </c>
      <c r="O1054">
        <v>1541750</v>
      </c>
      <c r="P1054">
        <v>1</v>
      </c>
      <c r="Q1054">
        <v>7</v>
      </c>
      <c r="R1054" t="s">
        <v>5516</v>
      </c>
      <c r="S1054">
        <v>1911</v>
      </c>
    </row>
    <row r="1055" spans="1:19" x14ac:dyDescent="0.25">
      <c r="A1055">
        <v>50354381</v>
      </c>
      <c r="B1055" t="s">
        <v>5517</v>
      </c>
      <c r="C1055" s="1" t="s">
        <v>5518</v>
      </c>
      <c r="E1055">
        <v>0</v>
      </c>
      <c r="F1055">
        <v>0</v>
      </c>
      <c r="H1055" t="s">
        <v>5519</v>
      </c>
      <c r="J1055" t="s">
        <v>5519</v>
      </c>
      <c r="O1055">
        <v>9795019</v>
      </c>
      <c r="P1055">
        <v>1</v>
      </c>
      <c r="Q1055">
        <v>0</v>
      </c>
      <c r="R1055" t="s">
        <v>5520</v>
      </c>
      <c r="S1055">
        <v>28</v>
      </c>
    </row>
    <row r="1056" spans="1:19" x14ac:dyDescent="0.25">
      <c r="A1056">
        <v>14016607</v>
      </c>
      <c r="B1056" t="s">
        <v>5521</v>
      </c>
      <c r="C1056" s="1" t="s">
        <v>5522</v>
      </c>
      <c r="D1056">
        <v>14016662</v>
      </c>
      <c r="E1056">
        <v>1</v>
      </c>
      <c r="F1056">
        <v>7</v>
      </c>
      <c r="H1056" t="s">
        <v>5523</v>
      </c>
      <c r="J1056" t="s">
        <v>5524</v>
      </c>
      <c r="K1056" t="s">
        <v>5525</v>
      </c>
      <c r="M1056">
        <v>1609198</v>
      </c>
      <c r="O1056">
        <v>1609198</v>
      </c>
      <c r="P1056">
        <v>1</v>
      </c>
      <c r="Q1056">
        <v>-4</v>
      </c>
      <c r="R1056" t="s">
        <v>213</v>
      </c>
      <c r="S1056">
        <v>477</v>
      </c>
    </row>
    <row r="1057" spans="1:19" x14ac:dyDescent="0.25">
      <c r="A1057">
        <v>21864763</v>
      </c>
      <c r="B1057" t="s">
        <v>5526</v>
      </c>
      <c r="C1057" s="1" t="s">
        <v>5527</v>
      </c>
      <c r="D1057">
        <v>21865953</v>
      </c>
      <c r="E1057">
        <v>1</v>
      </c>
      <c r="F1057">
        <v>10</v>
      </c>
      <c r="H1057" t="s">
        <v>5528</v>
      </c>
      <c r="I1057">
        <v>0</v>
      </c>
      <c r="J1057" t="s">
        <v>5529</v>
      </c>
      <c r="K1057" t="s">
        <v>5529</v>
      </c>
      <c r="M1057">
        <v>3325092</v>
      </c>
      <c r="O1057">
        <v>3325092</v>
      </c>
      <c r="P1057">
        <v>1</v>
      </c>
      <c r="Q1057">
        <v>1</v>
      </c>
      <c r="R1057" t="s">
        <v>5530</v>
      </c>
      <c r="S1057">
        <v>184</v>
      </c>
    </row>
    <row r="1058" spans="1:19" x14ac:dyDescent="0.25">
      <c r="A1058">
        <v>47881454</v>
      </c>
      <c r="B1058" t="s">
        <v>5531</v>
      </c>
      <c r="C1058" s="1" t="s">
        <v>5532</v>
      </c>
      <c r="D1058">
        <v>47881491</v>
      </c>
      <c r="E1058">
        <v>1</v>
      </c>
      <c r="F1058">
        <v>0</v>
      </c>
      <c r="H1058" t="s">
        <v>5533</v>
      </c>
      <c r="J1058" t="s">
        <v>5534</v>
      </c>
      <c r="O1058">
        <v>9116509</v>
      </c>
      <c r="P1058">
        <v>1</v>
      </c>
      <c r="Q1058">
        <v>0</v>
      </c>
      <c r="R1058" t="s">
        <v>5535</v>
      </c>
      <c r="S1058">
        <v>18</v>
      </c>
    </row>
    <row r="1059" spans="1:19" x14ac:dyDescent="0.25">
      <c r="A1059">
        <v>33749589</v>
      </c>
      <c r="B1059" t="s">
        <v>5536</v>
      </c>
      <c r="C1059" s="1" t="s">
        <v>5537</v>
      </c>
      <c r="E1059">
        <v>0</v>
      </c>
      <c r="F1059">
        <v>14</v>
      </c>
      <c r="H1059" t="s">
        <v>5538</v>
      </c>
      <c r="J1059" t="s">
        <v>5539</v>
      </c>
      <c r="K1059" t="s">
        <v>5539</v>
      </c>
      <c r="M1059">
        <v>5159029</v>
      </c>
      <c r="O1059">
        <v>5159029</v>
      </c>
      <c r="P1059">
        <v>1</v>
      </c>
      <c r="Q1059">
        <v>0</v>
      </c>
      <c r="R1059" t="s">
        <v>5540</v>
      </c>
      <c r="S1059">
        <v>52</v>
      </c>
    </row>
    <row r="1060" spans="1:19" x14ac:dyDescent="0.25">
      <c r="A1060">
        <v>19991918</v>
      </c>
      <c r="B1060" t="s">
        <v>5541</v>
      </c>
      <c r="C1060" s="1" t="s">
        <v>5542</v>
      </c>
      <c r="D1060">
        <v>19992103</v>
      </c>
      <c r="E1060">
        <v>3</v>
      </c>
      <c r="F1060">
        <v>3</v>
      </c>
      <c r="H1060" t="s">
        <v>5543</v>
      </c>
      <c r="J1060" t="s">
        <v>5544</v>
      </c>
      <c r="K1060" t="s">
        <v>5544</v>
      </c>
      <c r="M1060">
        <v>2968380</v>
      </c>
      <c r="O1060">
        <v>2968380</v>
      </c>
      <c r="P1060">
        <v>1</v>
      </c>
      <c r="Q1060">
        <v>-2</v>
      </c>
      <c r="R1060" t="s">
        <v>5545</v>
      </c>
      <c r="S1060">
        <v>782</v>
      </c>
    </row>
    <row r="1061" spans="1:19" x14ac:dyDescent="0.25">
      <c r="A1061">
        <v>44973614</v>
      </c>
      <c r="B1061" t="s">
        <v>5546</v>
      </c>
      <c r="C1061" s="1" t="s">
        <v>5547</v>
      </c>
      <c r="E1061">
        <v>0</v>
      </c>
      <c r="F1061">
        <v>3</v>
      </c>
      <c r="H1061" t="s">
        <v>5548</v>
      </c>
      <c r="J1061" t="s">
        <v>5548</v>
      </c>
      <c r="O1061">
        <v>461499</v>
      </c>
      <c r="P1061">
        <v>1</v>
      </c>
      <c r="Q1061">
        <v>0</v>
      </c>
      <c r="R1061" t="s">
        <v>5549</v>
      </c>
      <c r="S1061">
        <v>140</v>
      </c>
    </row>
    <row r="1062" spans="1:19" x14ac:dyDescent="0.25">
      <c r="A1062">
        <v>19025579</v>
      </c>
      <c r="B1062" t="s">
        <v>5550</v>
      </c>
      <c r="C1062" s="1" t="s">
        <v>5551</v>
      </c>
      <c r="D1062">
        <v>19033181</v>
      </c>
      <c r="E1062">
        <v>2</v>
      </c>
      <c r="F1062">
        <v>0</v>
      </c>
      <c r="H1062" t="s">
        <v>5552</v>
      </c>
      <c r="J1062" t="s">
        <v>5553</v>
      </c>
      <c r="O1062">
        <v>427675</v>
      </c>
      <c r="P1062">
        <v>1</v>
      </c>
      <c r="Q1062">
        <v>0</v>
      </c>
      <c r="R1062" t="s">
        <v>5554</v>
      </c>
      <c r="S1062">
        <v>1401</v>
      </c>
    </row>
    <row r="1063" spans="1:19" x14ac:dyDescent="0.25">
      <c r="A1063">
        <v>25310506</v>
      </c>
      <c r="B1063" t="s">
        <v>5555</v>
      </c>
      <c r="C1063" s="1" t="s">
        <v>5556</v>
      </c>
      <c r="D1063">
        <v>25314387</v>
      </c>
      <c r="E1063">
        <v>2</v>
      </c>
      <c r="F1063">
        <v>6</v>
      </c>
      <c r="H1063" t="s">
        <v>5557</v>
      </c>
      <c r="J1063" t="s">
        <v>5558</v>
      </c>
      <c r="K1063" t="s">
        <v>5559</v>
      </c>
      <c r="M1063">
        <v>1984756</v>
      </c>
      <c r="O1063">
        <v>1984756</v>
      </c>
      <c r="P1063">
        <v>1</v>
      </c>
      <c r="Q1063">
        <v>0</v>
      </c>
      <c r="R1063" t="s">
        <v>5560</v>
      </c>
      <c r="S1063">
        <v>174</v>
      </c>
    </row>
    <row r="1064" spans="1:19" x14ac:dyDescent="0.25">
      <c r="A1064">
        <v>35920298</v>
      </c>
      <c r="B1064" t="s">
        <v>5561</v>
      </c>
      <c r="C1064" s="1" t="s">
        <v>5562</v>
      </c>
      <c r="D1064">
        <v>35937399</v>
      </c>
      <c r="E1064">
        <v>2</v>
      </c>
      <c r="F1064">
        <v>0</v>
      </c>
      <c r="H1064" t="s">
        <v>5563</v>
      </c>
      <c r="I1064">
        <v>1</v>
      </c>
      <c r="J1064" t="s">
        <v>5564</v>
      </c>
      <c r="K1064" t="s">
        <v>5564</v>
      </c>
      <c r="M1064">
        <v>5506161</v>
      </c>
      <c r="O1064">
        <v>653457</v>
      </c>
      <c r="P1064">
        <v>1</v>
      </c>
      <c r="Q1064">
        <v>5</v>
      </c>
      <c r="R1064" t="s">
        <v>5565</v>
      </c>
      <c r="S1064">
        <v>1922</v>
      </c>
    </row>
    <row r="1065" spans="1:19" x14ac:dyDescent="0.25">
      <c r="A1065">
        <v>38607785</v>
      </c>
      <c r="B1065" t="s">
        <v>5566</v>
      </c>
      <c r="C1065" s="1" t="s">
        <v>5567</v>
      </c>
      <c r="E1065">
        <v>0</v>
      </c>
      <c r="F1065">
        <v>3</v>
      </c>
      <c r="H1065" t="s">
        <v>5568</v>
      </c>
      <c r="J1065" t="s">
        <v>5569</v>
      </c>
      <c r="K1065" t="s">
        <v>5569</v>
      </c>
      <c r="M1065">
        <v>3210556</v>
      </c>
      <c r="O1065">
        <v>3210556</v>
      </c>
      <c r="P1065">
        <v>1</v>
      </c>
      <c r="Q1065">
        <v>0</v>
      </c>
      <c r="R1065" t="s">
        <v>5570</v>
      </c>
      <c r="S1065">
        <v>45</v>
      </c>
    </row>
    <row r="1066" spans="1:19" x14ac:dyDescent="0.25">
      <c r="A1066">
        <v>32975857</v>
      </c>
      <c r="B1066" t="s">
        <v>5571</v>
      </c>
      <c r="C1066" t="s">
        <v>5572</v>
      </c>
      <c r="E1066">
        <v>1</v>
      </c>
      <c r="F1066">
        <v>1</v>
      </c>
      <c r="H1066" t="s">
        <v>5573</v>
      </c>
      <c r="J1066" t="s">
        <v>5574</v>
      </c>
      <c r="N1066" t="s">
        <v>5575</v>
      </c>
      <c r="P1066">
        <v>1</v>
      </c>
      <c r="Q1066">
        <v>0</v>
      </c>
      <c r="R1066" t="s">
        <v>5576</v>
      </c>
      <c r="S1066">
        <v>89</v>
      </c>
    </row>
    <row r="1067" spans="1:19" x14ac:dyDescent="0.25">
      <c r="A1067">
        <v>42438306</v>
      </c>
      <c r="B1067" t="s">
        <v>5577</v>
      </c>
      <c r="C1067" s="1" t="s">
        <v>5578</v>
      </c>
      <c r="E1067">
        <v>1</v>
      </c>
      <c r="F1067">
        <v>0</v>
      </c>
      <c r="H1067" t="s">
        <v>5579</v>
      </c>
      <c r="J1067" t="s">
        <v>5580</v>
      </c>
      <c r="O1067">
        <v>7616744</v>
      </c>
      <c r="P1067">
        <v>1</v>
      </c>
      <c r="Q1067">
        <v>0</v>
      </c>
      <c r="R1067" t="s">
        <v>5581</v>
      </c>
      <c r="S1067">
        <v>45</v>
      </c>
    </row>
    <row r="1068" spans="1:19" x14ac:dyDescent="0.25">
      <c r="A1068">
        <v>42856918</v>
      </c>
      <c r="B1068" t="s">
        <v>5582</v>
      </c>
      <c r="C1068" s="1" t="s">
        <v>5583</v>
      </c>
      <c r="E1068">
        <v>0</v>
      </c>
      <c r="F1068">
        <v>4</v>
      </c>
      <c r="H1068" t="s">
        <v>5584</v>
      </c>
      <c r="J1068" t="s">
        <v>5584</v>
      </c>
      <c r="O1068">
        <v>2042739</v>
      </c>
      <c r="P1068">
        <v>1</v>
      </c>
      <c r="Q1068">
        <v>1</v>
      </c>
      <c r="R1068" t="s">
        <v>5585</v>
      </c>
      <c r="S1068">
        <v>381</v>
      </c>
    </row>
    <row r="1069" spans="1:19" x14ac:dyDescent="0.25">
      <c r="A1069">
        <v>37932808</v>
      </c>
      <c r="B1069" t="s">
        <v>5586</v>
      </c>
      <c r="C1069" s="1" t="s">
        <v>5587</v>
      </c>
      <c r="E1069">
        <v>1</v>
      </c>
      <c r="F1069">
        <v>2</v>
      </c>
      <c r="H1069" t="s">
        <v>5588</v>
      </c>
      <c r="J1069" t="s">
        <v>5589</v>
      </c>
      <c r="K1069" t="s">
        <v>5590</v>
      </c>
      <c r="M1069">
        <v>266304</v>
      </c>
      <c r="O1069">
        <v>6443142</v>
      </c>
      <c r="P1069">
        <v>1</v>
      </c>
      <c r="Q1069">
        <v>-3</v>
      </c>
      <c r="R1069" t="s">
        <v>4586</v>
      </c>
      <c r="S1069">
        <v>90</v>
      </c>
    </row>
    <row r="1070" spans="1:19" x14ac:dyDescent="0.25">
      <c r="A1070">
        <v>38376658</v>
      </c>
      <c r="B1070" t="s">
        <v>5591</v>
      </c>
      <c r="C1070" s="1" t="s">
        <v>5592</v>
      </c>
      <c r="D1070">
        <v>38377848</v>
      </c>
      <c r="E1070">
        <v>1</v>
      </c>
      <c r="F1070">
        <v>0</v>
      </c>
      <c r="H1070" t="s">
        <v>5593</v>
      </c>
      <c r="J1070" t="s">
        <v>5594</v>
      </c>
      <c r="K1070" t="s">
        <v>5594</v>
      </c>
      <c r="M1070">
        <v>5090771</v>
      </c>
      <c r="O1070">
        <v>4125070</v>
      </c>
      <c r="P1070">
        <v>1</v>
      </c>
      <c r="Q1070">
        <v>1</v>
      </c>
      <c r="R1070" t="s">
        <v>5595</v>
      </c>
      <c r="S1070">
        <v>49</v>
      </c>
    </row>
    <row r="1071" spans="1:19" x14ac:dyDescent="0.25">
      <c r="A1071">
        <v>50416681</v>
      </c>
      <c r="B1071" t="s">
        <v>5596</v>
      </c>
      <c r="C1071" t="s">
        <v>5597</v>
      </c>
      <c r="E1071">
        <v>1</v>
      </c>
      <c r="F1071">
        <v>2</v>
      </c>
      <c r="H1071" t="s">
        <v>5598</v>
      </c>
      <c r="J1071" t="s">
        <v>5599</v>
      </c>
      <c r="O1071">
        <v>9812991</v>
      </c>
      <c r="P1071">
        <v>1</v>
      </c>
      <c r="Q1071">
        <v>0</v>
      </c>
      <c r="R1071" t="s">
        <v>5600</v>
      </c>
      <c r="S1071">
        <v>36</v>
      </c>
    </row>
    <row r="1072" spans="1:19" x14ac:dyDescent="0.25">
      <c r="A1072">
        <v>37266601</v>
      </c>
      <c r="B1072" t="s">
        <v>5601</v>
      </c>
      <c r="C1072" s="1" t="s">
        <v>5602</v>
      </c>
      <c r="D1072">
        <v>37623772</v>
      </c>
      <c r="E1072">
        <v>1</v>
      </c>
      <c r="F1072">
        <v>2</v>
      </c>
      <c r="H1072" t="s">
        <v>5603</v>
      </c>
      <c r="I1072">
        <v>1</v>
      </c>
      <c r="J1072" t="s">
        <v>5604</v>
      </c>
      <c r="K1072" t="s">
        <v>5605</v>
      </c>
      <c r="M1072">
        <v>1467848</v>
      </c>
      <c r="O1072">
        <v>1467848</v>
      </c>
      <c r="P1072">
        <v>1</v>
      </c>
      <c r="Q1072">
        <v>2</v>
      </c>
      <c r="R1072" t="s">
        <v>5606</v>
      </c>
      <c r="S1072">
        <v>598</v>
      </c>
    </row>
    <row r="1073" spans="1:19" x14ac:dyDescent="0.25">
      <c r="A1073">
        <v>9730767</v>
      </c>
      <c r="B1073" t="s">
        <v>5607</v>
      </c>
      <c r="C1073" s="1" t="s">
        <v>5608</v>
      </c>
      <c r="D1073">
        <v>12435513</v>
      </c>
      <c r="E1073">
        <v>1</v>
      </c>
      <c r="F1073">
        <v>0</v>
      </c>
      <c r="H1073" t="s">
        <v>5609</v>
      </c>
      <c r="I1073">
        <v>1</v>
      </c>
      <c r="J1073" t="s">
        <v>5610</v>
      </c>
      <c r="K1073" t="s">
        <v>5611</v>
      </c>
      <c r="M1073">
        <v>1009087</v>
      </c>
      <c r="O1073">
        <v>1009087</v>
      </c>
      <c r="P1073">
        <v>1</v>
      </c>
      <c r="Q1073">
        <v>7</v>
      </c>
      <c r="R1073" t="s">
        <v>5612</v>
      </c>
      <c r="S1073">
        <v>1694</v>
      </c>
    </row>
    <row r="1074" spans="1:19" x14ac:dyDescent="0.25">
      <c r="A1074">
        <v>14834217</v>
      </c>
      <c r="B1074" t="s">
        <v>5613</v>
      </c>
      <c r="C1074" s="1" t="s">
        <v>5614</v>
      </c>
      <c r="D1074">
        <v>14834367</v>
      </c>
      <c r="E1074">
        <v>2</v>
      </c>
      <c r="F1074">
        <v>0</v>
      </c>
      <c r="H1074" t="s">
        <v>5615</v>
      </c>
      <c r="J1074" t="s">
        <v>5616</v>
      </c>
      <c r="O1074">
        <v>1997711</v>
      </c>
      <c r="P1074">
        <v>1</v>
      </c>
      <c r="Q1074">
        <v>1</v>
      </c>
      <c r="R1074" t="s">
        <v>5617</v>
      </c>
      <c r="S1074">
        <v>708</v>
      </c>
    </row>
    <row r="1075" spans="1:19" x14ac:dyDescent="0.25">
      <c r="A1075">
        <v>7068163</v>
      </c>
      <c r="B1075" t="s">
        <v>5618</v>
      </c>
      <c r="C1075" s="1" t="s">
        <v>5619</v>
      </c>
      <c r="E1075">
        <v>1</v>
      </c>
      <c r="F1075">
        <v>0</v>
      </c>
      <c r="H1075" t="s">
        <v>5620</v>
      </c>
      <c r="J1075" t="s">
        <v>5621</v>
      </c>
      <c r="K1075" t="s">
        <v>5621</v>
      </c>
      <c r="M1075">
        <v>1401895</v>
      </c>
      <c r="O1075">
        <v>895308</v>
      </c>
      <c r="P1075">
        <v>1</v>
      </c>
      <c r="Q1075">
        <v>0</v>
      </c>
      <c r="R1075" t="s">
        <v>5622</v>
      </c>
      <c r="S1075">
        <v>608</v>
      </c>
    </row>
    <row r="1076" spans="1:19" x14ac:dyDescent="0.25">
      <c r="A1076">
        <v>45302751</v>
      </c>
      <c r="B1076" t="s">
        <v>5623</v>
      </c>
      <c r="C1076" s="1" t="s">
        <v>5624</v>
      </c>
      <c r="E1076">
        <v>0</v>
      </c>
      <c r="F1076">
        <v>3</v>
      </c>
      <c r="H1076" t="s">
        <v>5625</v>
      </c>
      <c r="J1076" t="s">
        <v>5626</v>
      </c>
      <c r="K1076" t="s">
        <v>5626</v>
      </c>
      <c r="M1076">
        <v>664067</v>
      </c>
      <c r="O1076">
        <v>664067</v>
      </c>
      <c r="P1076">
        <v>1</v>
      </c>
      <c r="Q1076">
        <v>2</v>
      </c>
      <c r="R1076" t="s">
        <v>5627</v>
      </c>
      <c r="S1076">
        <v>44</v>
      </c>
    </row>
    <row r="1077" spans="1:19" x14ac:dyDescent="0.25">
      <c r="A1077">
        <v>37711136</v>
      </c>
      <c r="B1077" t="s">
        <v>5628</v>
      </c>
      <c r="C1077" s="1" t="s">
        <v>5629</v>
      </c>
      <c r="D1077">
        <v>37711407</v>
      </c>
      <c r="E1077">
        <v>1</v>
      </c>
      <c r="F1077">
        <v>1</v>
      </c>
      <c r="H1077" t="s">
        <v>5630</v>
      </c>
      <c r="J1077" t="s">
        <v>5631</v>
      </c>
      <c r="O1077">
        <v>6430659</v>
      </c>
      <c r="P1077">
        <v>1</v>
      </c>
      <c r="Q1077">
        <v>0</v>
      </c>
      <c r="R1077" t="s">
        <v>5632</v>
      </c>
      <c r="S1077">
        <v>2556</v>
      </c>
    </row>
    <row r="1078" spans="1:19" x14ac:dyDescent="0.25">
      <c r="A1078">
        <v>6071224</v>
      </c>
      <c r="B1078" t="s">
        <v>5633</v>
      </c>
      <c r="C1078" s="1" t="s">
        <v>5634</v>
      </c>
      <c r="E1078">
        <v>1</v>
      </c>
      <c r="F1078">
        <v>2</v>
      </c>
      <c r="H1078" t="s">
        <v>5635</v>
      </c>
      <c r="J1078" t="s">
        <v>5636</v>
      </c>
      <c r="O1078">
        <v>441833</v>
      </c>
      <c r="P1078">
        <v>1</v>
      </c>
      <c r="Q1078">
        <v>1</v>
      </c>
      <c r="R1078" t="s">
        <v>5637</v>
      </c>
      <c r="S1078">
        <v>1246</v>
      </c>
    </row>
    <row r="1079" spans="1:19" x14ac:dyDescent="0.25">
      <c r="A1079">
        <v>38398772</v>
      </c>
      <c r="B1079" t="s">
        <v>5638</v>
      </c>
      <c r="C1079" s="1" t="s">
        <v>5639</v>
      </c>
      <c r="D1079">
        <v>38407825</v>
      </c>
      <c r="E1079">
        <v>1</v>
      </c>
      <c r="F1079">
        <v>1</v>
      </c>
      <c r="H1079" t="s">
        <v>5640</v>
      </c>
      <c r="J1079" t="s">
        <v>5641</v>
      </c>
      <c r="K1079" t="s">
        <v>5642</v>
      </c>
      <c r="M1079">
        <v>-1</v>
      </c>
      <c r="O1079">
        <v>116095</v>
      </c>
      <c r="P1079">
        <v>1</v>
      </c>
      <c r="Q1079">
        <v>1</v>
      </c>
      <c r="R1079" t="s">
        <v>5643</v>
      </c>
      <c r="S1079">
        <v>355</v>
      </c>
    </row>
    <row r="1080" spans="1:19" x14ac:dyDescent="0.25">
      <c r="A1080">
        <v>8615785</v>
      </c>
      <c r="B1080" t="s">
        <v>5644</v>
      </c>
      <c r="C1080" s="1" t="s">
        <v>5645</v>
      </c>
      <c r="D1080">
        <v>8615858</v>
      </c>
      <c r="E1080">
        <v>1</v>
      </c>
      <c r="F1080">
        <v>4</v>
      </c>
      <c r="H1080" t="s">
        <v>5646</v>
      </c>
      <c r="J1080" t="s">
        <v>5647</v>
      </c>
      <c r="K1080" t="s">
        <v>5647</v>
      </c>
      <c r="M1080">
        <v>1087280</v>
      </c>
      <c r="O1080">
        <v>1087280</v>
      </c>
      <c r="P1080">
        <v>1</v>
      </c>
      <c r="Q1080">
        <v>0</v>
      </c>
      <c r="R1080" t="s">
        <v>5648</v>
      </c>
      <c r="S1080">
        <v>1013</v>
      </c>
    </row>
    <row r="1081" spans="1:19" x14ac:dyDescent="0.25">
      <c r="A1081">
        <v>51882450</v>
      </c>
      <c r="B1081" t="s">
        <v>5649</v>
      </c>
      <c r="C1081" s="1" t="s">
        <v>5650</v>
      </c>
      <c r="E1081">
        <v>1</v>
      </c>
      <c r="F1081">
        <v>2</v>
      </c>
      <c r="H1081" t="s">
        <v>5651</v>
      </c>
      <c r="J1081" t="s">
        <v>5652</v>
      </c>
      <c r="K1081" t="s">
        <v>5653</v>
      </c>
      <c r="M1081">
        <v>10235769</v>
      </c>
      <c r="O1081">
        <v>10212701</v>
      </c>
      <c r="P1081">
        <v>1</v>
      </c>
      <c r="Q1081">
        <v>1</v>
      </c>
      <c r="R1081" t="s">
        <v>5654</v>
      </c>
      <c r="S1081">
        <v>32</v>
      </c>
    </row>
    <row r="1082" spans="1:19" x14ac:dyDescent="0.25">
      <c r="A1082">
        <v>667250</v>
      </c>
      <c r="B1082" t="s">
        <v>5655</v>
      </c>
      <c r="C1082" s="1" t="s">
        <v>5656</v>
      </c>
      <c r="E1082">
        <v>1</v>
      </c>
      <c r="F1082">
        <v>0</v>
      </c>
      <c r="H1082" t="s">
        <v>5657</v>
      </c>
      <c r="J1082" t="s">
        <v>5658</v>
      </c>
      <c r="N1082" t="s">
        <v>5659</v>
      </c>
      <c r="O1082">
        <v>64941</v>
      </c>
      <c r="P1082">
        <v>1</v>
      </c>
      <c r="Q1082">
        <v>5</v>
      </c>
      <c r="R1082" t="s">
        <v>5660</v>
      </c>
      <c r="S1082">
        <v>8578</v>
      </c>
    </row>
    <row r="1083" spans="1:19" x14ac:dyDescent="0.25">
      <c r="A1083">
        <v>51498297</v>
      </c>
      <c r="B1083" t="s">
        <v>5661</v>
      </c>
      <c r="C1083" s="1" t="s">
        <v>5662</v>
      </c>
      <c r="E1083">
        <v>1</v>
      </c>
      <c r="F1083">
        <v>0</v>
      </c>
      <c r="H1083" t="s">
        <v>5663</v>
      </c>
      <c r="J1083" t="s">
        <v>5664</v>
      </c>
      <c r="O1083">
        <v>9390593</v>
      </c>
      <c r="P1083">
        <v>1</v>
      </c>
      <c r="Q1083">
        <v>0</v>
      </c>
      <c r="R1083" t="s">
        <v>5665</v>
      </c>
      <c r="S1083">
        <v>33</v>
      </c>
    </row>
    <row r="1084" spans="1:19" x14ac:dyDescent="0.25">
      <c r="A1084">
        <v>40155385</v>
      </c>
      <c r="B1084" t="s">
        <v>5666</v>
      </c>
      <c r="C1084" s="1" t="s">
        <v>5667</v>
      </c>
      <c r="E1084">
        <v>0</v>
      </c>
      <c r="F1084">
        <v>2</v>
      </c>
      <c r="H1084" t="s">
        <v>5668</v>
      </c>
      <c r="J1084" t="s">
        <v>5668</v>
      </c>
      <c r="O1084">
        <v>867891</v>
      </c>
      <c r="P1084">
        <v>1</v>
      </c>
      <c r="Q1084">
        <v>0</v>
      </c>
      <c r="R1084" t="s">
        <v>5669</v>
      </c>
      <c r="S1084">
        <v>88</v>
      </c>
    </row>
    <row r="1085" spans="1:19" x14ac:dyDescent="0.25">
      <c r="A1085">
        <v>39465188</v>
      </c>
      <c r="B1085" t="s">
        <v>5670</v>
      </c>
      <c r="C1085" s="1" t="s">
        <v>5671</v>
      </c>
      <c r="E1085">
        <v>1</v>
      </c>
      <c r="F1085">
        <v>0</v>
      </c>
      <c r="H1085" t="s">
        <v>5672</v>
      </c>
      <c r="J1085" t="s">
        <v>5673</v>
      </c>
      <c r="K1085" t="s">
        <v>5674</v>
      </c>
      <c r="M1085">
        <v>4625829</v>
      </c>
      <c r="O1085">
        <v>3818829</v>
      </c>
      <c r="P1085">
        <v>1</v>
      </c>
      <c r="Q1085">
        <v>2</v>
      </c>
      <c r="R1085" t="s">
        <v>5675</v>
      </c>
      <c r="S1085">
        <v>535</v>
      </c>
    </row>
    <row r="1086" spans="1:19" x14ac:dyDescent="0.25">
      <c r="A1086">
        <v>13629483</v>
      </c>
      <c r="B1086" t="s">
        <v>5676</v>
      </c>
      <c r="C1086" s="1" t="s">
        <v>5677</v>
      </c>
      <c r="E1086">
        <v>5</v>
      </c>
      <c r="F1086">
        <v>1</v>
      </c>
      <c r="H1086" t="s">
        <v>5678</v>
      </c>
      <c r="J1086" t="s">
        <v>5679</v>
      </c>
      <c r="K1086" t="s">
        <v>5680</v>
      </c>
      <c r="M1086">
        <v>846892</v>
      </c>
      <c r="O1086">
        <v>1863596</v>
      </c>
      <c r="P1086">
        <v>1</v>
      </c>
      <c r="Q1086">
        <v>0</v>
      </c>
      <c r="R1086" t="s">
        <v>213</v>
      </c>
      <c r="S1086">
        <v>144</v>
      </c>
    </row>
    <row r="1087" spans="1:19" x14ac:dyDescent="0.25">
      <c r="A1087">
        <v>35955239</v>
      </c>
      <c r="B1087" t="s">
        <v>5681</v>
      </c>
      <c r="C1087" s="1" t="s">
        <v>5682</v>
      </c>
      <c r="D1087">
        <v>35956097</v>
      </c>
      <c r="E1087">
        <v>1</v>
      </c>
      <c r="F1087">
        <v>4</v>
      </c>
      <c r="H1087" t="s">
        <v>5683</v>
      </c>
      <c r="J1087" t="s">
        <v>5684</v>
      </c>
      <c r="K1087" t="s">
        <v>5685</v>
      </c>
      <c r="M1087">
        <v>5014218</v>
      </c>
      <c r="O1087">
        <v>1201298</v>
      </c>
      <c r="P1087">
        <v>1</v>
      </c>
      <c r="Q1087">
        <v>1</v>
      </c>
      <c r="R1087" t="s">
        <v>3872</v>
      </c>
      <c r="S1087">
        <v>50</v>
      </c>
    </row>
    <row r="1088" spans="1:19" x14ac:dyDescent="0.25">
      <c r="A1088">
        <v>19090754</v>
      </c>
      <c r="B1088" t="s">
        <v>5686</v>
      </c>
      <c r="C1088" s="1" t="s">
        <v>5687</v>
      </c>
      <c r="E1088">
        <v>0</v>
      </c>
      <c r="F1088">
        <v>2</v>
      </c>
      <c r="H1088" t="s">
        <v>5688</v>
      </c>
      <c r="J1088" t="s">
        <v>5688</v>
      </c>
      <c r="O1088">
        <v>300037</v>
      </c>
      <c r="P1088">
        <v>1</v>
      </c>
      <c r="Q1088">
        <v>0</v>
      </c>
      <c r="R1088" t="s">
        <v>5689</v>
      </c>
      <c r="S1088">
        <v>103</v>
      </c>
    </row>
    <row r="1089" spans="1:19" x14ac:dyDescent="0.25">
      <c r="A1089">
        <v>44762893</v>
      </c>
      <c r="B1089" t="s">
        <v>5690</v>
      </c>
      <c r="C1089" s="1" t="s">
        <v>5691</v>
      </c>
      <c r="E1089">
        <v>1</v>
      </c>
      <c r="F1089">
        <v>0</v>
      </c>
      <c r="H1089" t="s">
        <v>5692</v>
      </c>
      <c r="J1089" t="s">
        <v>5693</v>
      </c>
      <c r="O1089">
        <v>8216273</v>
      </c>
      <c r="P1089">
        <v>1</v>
      </c>
      <c r="Q1089">
        <v>0</v>
      </c>
      <c r="R1089" t="s">
        <v>5694</v>
      </c>
      <c r="S1089">
        <v>642</v>
      </c>
    </row>
    <row r="1090" spans="1:19" x14ac:dyDescent="0.25">
      <c r="A1090">
        <v>28631487</v>
      </c>
      <c r="B1090" t="s">
        <v>5695</v>
      </c>
      <c r="C1090" s="1" t="s">
        <v>5696</v>
      </c>
      <c r="D1090">
        <v>28631948</v>
      </c>
      <c r="E1090">
        <v>3</v>
      </c>
      <c r="F1090">
        <v>1</v>
      </c>
      <c r="H1090" t="s">
        <v>5697</v>
      </c>
      <c r="J1090" t="s">
        <v>5698</v>
      </c>
      <c r="O1090">
        <v>3710933</v>
      </c>
      <c r="P1090">
        <v>1</v>
      </c>
      <c r="Q1090">
        <v>0</v>
      </c>
      <c r="R1090" t="s">
        <v>5353</v>
      </c>
      <c r="S1090">
        <v>625</v>
      </c>
    </row>
    <row r="1091" spans="1:19" x14ac:dyDescent="0.25">
      <c r="A1091">
        <v>45285683</v>
      </c>
      <c r="B1091" t="s">
        <v>5699</v>
      </c>
      <c r="C1091" s="1" t="s">
        <v>5700</v>
      </c>
      <c r="E1091">
        <v>0</v>
      </c>
      <c r="F1091">
        <v>4</v>
      </c>
      <c r="H1091" t="s">
        <v>5701</v>
      </c>
      <c r="J1091" t="s">
        <v>5701</v>
      </c>
      <c r="O1091">
        <v>8117415</v>
      </c>
      <c r="P1091">
        <v>1</v>
      </c>
      <c r="Q1091">
        <v>0</v>
      </c>
      <c r="R1091" t="s">
        <v>5702</v>
      </c>
      <c r="S1091">
        <v>26</v>
      </c>
    </row>
    <row r="1092" spans="1:19" x14ac:dyDescent="0.25">
      <c r="A1092">
        <v>39457368</v>
      </c>
      <c r="B1092" t="s">
        <v>5703</v>
      </c>
      <c r="C1092" s="1" t="s">
        <v>5704</v>
      </c>
      <c r="D1092">
        <v>39458950</v>
      </c>
      <c r="E1092">
        <v>1</v>
      </c>
      <c r="F1092">
        <v>3</v>
      </c>
      <c r="H1092" t="s">
        <v>5705</v>
      </c>
      <c r="J1092" t="s">
        <v>5706</v>
      </c>
      <c r="O1092">
        <v>4898329</v>
      </c>
      <c r="P1092">
        <v>1</v>
      </c>
      <c r="Q1092">
        <v>0</v>
      </c>
      <c r="R1092" t="s">
        <v>5707</v>
      </c>
      <c r="S1092">
        <v>438</v>
      </c>
    </row>
    <row r="1093" spans="1:19" x14ac:dyDescent="0.25">
      <c r="A1093">
        <v>37044089</v>
      </c>
      <c r="B1093" t="s">
        <v>5708</v>
      </c>
      <c r="C1093" s="1" t="s">
        <v>5709</v>
      </c>
      <c r="D1093">
        <v>37045494</v>
      </c>
      <c r="E1093">
        <v>2</v>
      </c>
      <c r="F1093">
        <v>0</v>
      </c>
      <c r="H1093" t="s">
        <v>5710</v>
      </c>
      <c r="J1093" t="s">
        <v>5711</v>
      </c>
      <c r="K1093" t="s">
        <v>5712</v>
      </c>
      <c r="M1093">
        <v>1220355</v>
      </c>
      <c r="N1093" t="s">
        <v>5713</v>
      </c>
      <c r="P1093">
        <v>1</v>
      </c>
      <c r="Q1093">
        <v>1</v>
      </c>
      <c r="R1093" t="s">
        <v>5714</v>
      </c>
      <c r="S1093">
        <v>208</v>
      </c>
    </row>
    <row r="1094" spans="1:19" x14ac:dyDescent="0.25">
      <c r="A1094">
        <v>15173660</v>
      </c>
      <c r="B1094" t="s">
        <v>5715</v>
      </c>
      <c r="C1094" s="1" t="s">
        <v>5716</v>
      </c>
      <c r="E1094">
        <v>1</v>
      </c>
      <c r="F1094">
        <v>2</v>
      </c>
      <c r="H1094" t="s">
        <v>5717</v>
      </c>
      <c r="J1094" t="s">
        <v>5718</v>
      </c>
      <c r="O1094">
        <v>1365948</v>
      </c>
      <c r="P1094">
        <v>1</v>
      </c>
      <c r="Q1094">
        <v>0</v>
      </c>
      <c r="R1094" t="s">
        <v>5719</v>
      </c>
      <c r="S1094">
        <v>153</v>
      </c>
    </row>
    <row r="1095" spans="1:19" x14ac:dyDescent="0.25">
      <c r="A1095">
        <v>21529490</v>
      </c>
      <c r="B1095" t="s">
        <v>5720</v>
      </c>
      <c r="C1095" s="1" t="s">
        <v>5721</v>
      </c>
      <c r="D1095">
        <v>21536208</v>
      </c>
      <c r="E1095">
        <v>2</v>
      </c>
      <c r="F1095">
        <v>0</v>
      </c>
      <c r="H1095" t="s">
        <v>5722</v>
      </c>
      <c r="J1095" t="s">
        <v>5723</v>
      </c>
      <c r="K1095" t="s">
        <v>5724</v>
      </c>
      <c r="M1095">
        <v>984421</v>
      </c>
      <c r="O1095">
        <v>3046026</v>
      </c>
      <c r="P1095">
        <v>1</v>
      </c>
      <c r="Q1095">
        <v>3</v>
      </c>
      <c r="R1095" t="s">
        <v>5725</v>
      </c>
      <c r="S1095">
        <v>1249</v>
      </c>
    </row>
    <row r="1096" spans="1:19" x14ac:dyDescent="0.25">
      <c r="A1096">
        <v>45353760</v>
      </c>
      <c r="B1096" t="s">
        <v>5726</v>
      </c>
      <c r="C1096" s="1" t="s">
        <v>5727</v>
      </c>
      <c r="E1096">
        <v>2</v>
      </c>
      <c r="F1096">
        <v>5</v>
      </c>
      <c r="H1096" t="s">
        <v>5728</v>
      </c>
      <c r="J1096" t="s">
        <v>5729</v>
      </c>
      <c r="N1096" t="s">
        <v>5730</v>
      </c>
      <c r="P1096">
        <v>1</v>
      </c>
      <c r="Q1096">
        <v>0</v>
      </c>
      <c r="R1096" t="s">
        <v>5731</v>
      </c>
      <c r="S1096">
        <v>30</v>
      </c>
    </row>
    <row r="1097" spans="1:19" x14ac:dyDescent="0.25">
      <c r="A1097">
        <v>34287689</v>
      </c>
      <c r="B1097" t="s">
        <v>5732</v>
      </c>
      <c r="C1097" s="1" t="s">
        <v>5733</v>
      </c>
      <c r="E1097">
        <v>0</v>
      </c>
      <c r="F1097">
        <v>6</v>
      </c>
      <c r="H1097" t="s">
        <v>5734</v>
      </c>
      <c r="I1097">
        <v>1</v>
      </c>
      <c r="J1097" t="s">
        <v>5735</v>
      </c>
      <c r="K1097" t="s">
        <v>5735</v>
      </c>
      <c r="M1097">
        <v>1370067</v>
      </c>
      <c r="O1097">
        <v>1370067</v>
      </c>
      <c r="P1097">
        <v>1</v>
      </c>
      <c r="Q1097">
        <v>3</v>
      </c>
      <c r="R1097" t="s">
        <v>5736</v>
      </c>
      <c r="S1097">
        <v>103</v>
      </c>
    </row>
    <row r="1098" spans="1:19" x14ac:dyDescent="0.25">
      <c r="A1098">
        <v>1834530</v>
      </c>
      <c r="B1098" t="s">
        <v>5737</v>
      </c>
      <c r="C1098" s="1" t="s">
        <v>5738</v>
      </c>
      <c r="D1098">
        <v>1835968</v>
      </c>
      <c r="E1098">
        <v>1</v>
      </c>
      <c r="F1098">
        <v>1</v>
      </c>
      <c r="H1098" t="s">
        <v>5739</v>
      </c>
      <c r="I1098">
        <v>0</v>
      </c>
      <c r="J1098" t="s">
        <v>5740</v>
      </c>
      <c r="K1098" t="s">
        <v>5740</v>
      </c>
      <c r="M1098">
        <v>305637</v>
      </c>
      <c r="O1098">
        <v>107945</v>
      </c>
      <c r="P1098">
        <v>1</v>
      </c>
      <c r="Q1098">
        <v>2</v>
      </c>
      <c r="R1098" t="s">
        <v>5741</v>
      </c>
      <c r="S1098">
        <v>2819</v>
      </c>
    </row>
    <row r="1099" spans="1:19" x14ac:dyDescent="0.25">
      <c r="A1099">
        <v>4407215</v>
      </c>
      <c r="B1099" t="s">
        <v>5742</v>
      </c>
      <c r="C1099" s="1" t="s">
        <v>5743</v>
      </c>
      <c r="D1099">
        <v>4407235</v>
      </c>
      <c r="E1099">
        <v>2</v>
      </c>
      <c r="F1099">
        <v>0</v>
      </c>
      <c r="H1099" t="s">
        <v>5744</v>
      </c>
      <c r="J1099" t="s">
        <v>5745</v>
      </c>
      <c r="O1099">
        <v>133584</v>
      </c>
      <c r="P1099">
        <v>1</v>
      </c>
      <c r="Q1099">
        <v>0</v>
      </c>
      <c r="R1099" t="s">
        <v>5746</v>
      </c>
      <c r="S1099">
        <v>29</v>
      </c>
    </row>
    <row r="1100" spans="1:19" x14ac:dyDescent="0.25">
      <c r="A1100">
        <v>13616741</v>
      </c>
      <c r="B1100" t="s">
        <v>5747</v>
      </c>
      <c r="C1100" s="1" t="s">
        <v>5748</v>
      </c>
      <c r="D1100">
        <v>13616742</v>
      </c>
      <c r="E1100">
        <v>1</v>
      </c>
      <c r="F1100">
        <v>0</v>
      </c>
      <c r="H1100" t="s">
        <v>5749</v>
      </c>
      <c r="J1100" t="s">
        <v>5750</v>
      </c>
      <c r="K1100" t="s">
        <v>5750</v>
      </c>
      <c r="M1100">
        <v>1742809</v>
      </c>
      <c r="O1100">
        <v>1742809</v>
      </c>
      <c r="P1100">
        <v>1</v>
      </c>
      <c r="Q1100">
        <v>3</v>
      </c>
      <c r="R1100" t="s">
        <v>5751</v>
      </c>
      <c r="S1100">
        <v>1412</v>
      </c>
    </row>
    <row r="1101" spans="1:19" x14ac:dyDescent="0.25">
      <c r="A1101">
        <v>47981860</v>
      </c>
      <c r="B1101" t="s">
        <v>5752</v>
      </c>
      <c r="C1101" s="1" t="s">
        <v>5753</v>
      </c>
      <c r="D1101">
        <v>47986444</v>
      </c>
      <c r="E1101">
        <v>1</v>
      </c>
      <c r="F1101">
        <v>5</v>
      </c>
      <c r="H1101" t="s">
        <v>5754</v>
      </c>
      <c r="J1101" t="s">
        <v>5755</v>
      </c>
      <c r="O1101">
        <v>1582976</v>
      </c>
      <c r="P1101">
        <v>1</v>
      </c>
      <c r="Q1101">
        <v>0</v>
      </c>
      <c r="R1101" t="s">
        <v>5756</v>
      </c>
      <c r="S1101">
        <v>78</v>
      </c>
    </row>
    <row r="1102" spans="1:19" x14ac:dyDescent="0.25">
      <c r="A1102">
        <v>40924317</v>
      </c>
      <c r="B1102" t="s">
        <v>5757</v>
      </c>
      <c r="C1102" s="1" t="s">
        <v>5758</v>
      </c>
      <c r="E1102">
        <v>1</v>
      </c>
      <c r="F1102">
        <v>1</v>
      </c>
      <c r="H1102" t="s">
        <v>5759</v>
      </c>
      <c r="J1102" t="s">
        <v>5760</v>
      </c>
      <c r="K1102" t="s">
        <v>5760</v>
      </c>
      <c r="M1102">
        <v>1934132</v>
      </c>
      <c r="O1102">
        <v>1934132</v>
      </c>
      <c r="P1102">
        <v>1</v>
      </c>
      <c r="Q1102">
        <v>1</v>
      </c>
      <c r="R1102" t="s">
        <v>5761</v>
      </c>
      <c r="S1102">
        <v>70</v>
      </c>
    </row>
    <row r="1103" spans="1:19" x14ac:dyDescent="0.25">
      <c r="A1103">
        <v>47504473</v>
      </c>
      <c r="B1103" t="s">
        <v>5762</v>
      </c>
      <c r="C1103" s="1" t="s">
        <v>5763</v>
      </c>
      <c r="E1103">
        <v>1</v>
      </c>
      <c r="F1103">
        <v>0</v>
      </c>
      <c r="H1103" t="s">
        <v>5764</v>
      </c>
      <c r="J1103" t="s">
        <v>5765</v>
      </c>
      <c r="O1103">
        <v>612242</v>
      </c>
      <c r="P1103">
        <v>1</v>
      </c>
      <c r="Q1103">
        <v>0</v>
      </c>
      <c r="R1103" t="s">
        <v>5766</v>
      </c>
      <c r="S1103">
        <v>52</v>
      </c>
    </row>
    <row r="1104" spans="1:19" x14ac:dyDescent="0.25">
      <c r="A1104">
        <v>45694239</v>
      </c>
      <c r="B1104" t="s">
        <v>5767</v>
      </c>
      <c r="C1104" s="1" t="s">
        <v>5768</v>
      </c>
      <c r="E1104">
        <v>1</v>
      </c>
      <c r="F1104">
        <v>1</v>
      </c>
      <c r="H1104" t="s">
        <v>5769</v>
      </c>
      <c r="I1104">
        <v>0</v>
      </c>
      <c r="J1104" t="s">
        <v>5770</v>
      </c>
      <c r="K1104" t="s">
        <v>5771</v>
      </c>
      <c r="M1104">
        <v>1078886</v>
      </c>
      <c r="O1104">
        <v>3070679</v>
      </c>
      <c r="P1104">
        <v>1</v>
      </c>
      <c r="Q1104">
        <v>2</v>
      </c>
      <c r="R1104" t="s">
        <v>5772</v>
      </c>
      <c r="S1104">
        <v>308</v>
      </c>
    </row>
    <row r="1105" spans="1:19" x14ac:dyDescent="0.25">
      <c r="A1105">
        <v>40185559</v>
      </c>
      <c r="B1105" t="s">
        <v>5773</v>
      </c>
      <c r="C1105" s="1" t="s">
        <v>5774</v>
      </c>
      <c r="D1105">
        <v>40185595</v>
      </c>
      <c r="E1105">
        <v>3</v>
      </c>
      <c r="F1105">
        <v>5</v>
      </c>
      <c r="H1105" t="s">
        <v>5775</v>
      </c>
      <c r="J1105" t="s">
        <v>5776</v>
      </c>
      <c r="O1105">
        <v>2384694</v>
      </c>
      <c r="P1105">
        <v>1</v>
      </c>
      <c r="Q1105">
        <v>-4</v>
      </c>
      <c r="R1105" t="s">
        <v>351</v>
      </c>
      <c r="S1105">
        <v>53</v>
      </c>
    </row>
    <row r="1106" spans="1:19" x14ac:dyDescent="0.25">
      <c r="A1106">
        <v>28510439</v>
      </c>
      <c r="B1106" t="s">
        <v>5777</v>
      </c>
      <c r="C1106" s="1" t="s">
        <v>5778</v>
      </c>
      <c r="E1106">
        <v>0</v>
      </c>
      <c r="F1106">
        <v>0</v>
      </c>
      <c r="H1106" t="s">
        <v>5779</v>
      </c>
      <c r="I1106">
        <v>2</v>
      </c>
      <c r="J1106" t="s">
        <v>5779</v>
      </c>
      <c r="O1106">
        <v>2272445</v>
      </c>
      <c r="P1106">
        <v>1</v>
      </c>
      <c r="Q1106">
        <v>2</v>
      </c>
      <c r="R1106" t="s">
        <v>5780</v>
      </c>
      <c r="S1106">
        <v>237</v>
      </c>
    </row>
    <row r="1107" spans="1:19" x14ac:dyDescent="0.25">
      <c r="A1107">
        <v>26811792</v>
      </c>
      <c r="B1107" t="s">
        <v>5781</v>
      </c>
      <c r="C1107" s="1" t="s">
        <v>5782</v>
      </c>
      <c r="D1107">
        <v>26811896</v>
      </c>
      <c r="E1107">
        <v>1</v>
      </c>
      <c r="F1107">
        <v>4</v>
      </c>
      <c r="H1107" t="s">
        <v>5783</v>
      </c>
      <c r="J1107" t="s">
        <v>5784</v>
      </c>
      <c r="K1107" t="s">
        <v>5785</v>
      </c>
      <c r="M1107">
        <v>4228894</v>
      </c>
      <c r="O1107">
        <v>4228894</v>
      </c>
      <c r="P1107">
        <v>1</v>
      </c>
      <c r="Q1107">
        <v>1</v>
      </c>
      <c r="R1107" t="s">
        <v>5786</v>
      </c>
      <c r="S1107">
        <v>162</v>
      </c>
    </row>
    <row r="1108" spans="1:19" x14ac:dyDescent="0.25">
      <c r="A1108">
        <v>19834468</v>
      </c>
      <c r="B1108" t="s">
        <v>5787</v>
      </c>
      <c r="C1108" s="1" t="s">
        <v>5788</v>
      </c>
      <c r="E1108">
        <v>1</v>
      </c>
      <c r="F1108">
        <v>4</v>
      </c>
      <c r="H1108" t="s">
        <v>5789</v>
      </c>
      <c r="J1108" t="s">
        <v>5790</v>
      </c>
      <c r="K1108" t="s">
        <v>5790</v>
      </c>
      <c r="M1108">
        <v>573032</v>
      </c>
      <c r="O1108">
        <v>1057547</v>
      </c>
      <c r="P1108">
        <v>1</v>
      </c>
      <c r="Q1108">
        <v>4</v>
      </c>
      <c r="R1108" t="s">
        <v>5791</v>
      </c>
      <c r="S1108">
        <v>290</v>
      </c>
    </row>
    <row r="1109" spans="1:19" x14ac:dyDescent="0.25">
      <c r="A1109">
        <v>31054586</v>
      </c>
      <c r="B1109" t="s">
        <v>5792</v>
      </c>
      <c r="C1109" t="s">
        <v>5793</v>
      </c>
      <c r="E1109">
        <v>0</v>
      </c>
      <c r="F1109">
        <v>3</v>
      </c>
      <c r="H1109" t="s">
        <v>5794</v>
      </c>
      <c r="J1109" t="s">
        <v>5794</v>
      </c>
      <c r="O1109">
        <v>4566312</v>
      </c>
      <c r="P1109">
        <v>1</v>
      </c>
      <c r="Q1109">
        <v>2</v>
      </c>
      <c r="R1109" t="s">
        <v>5795</v>
      </c>
      <c r="S1109">
        <v>98</v>
      </c>
    </row>
    <row r="1110" spans="1:19" x14ac:dyDescent="0.25">
      <c r="A1110">
        <v>48439747</v>
      </c>
      <c r="B1110" t="s">
        <v>5796</v>
      </c>
      <c r="C1110" s="1" t="s">
        <v>5797</v>
      </c>
      <c r="E1110">
        <v>1</v>
      </c>
      <c r="F1110">
        <v>3</v>
      </c>
      <c r="H1110" t="s">
        <v>5798</v>
      </c>
      <c r="J1110" t="s">
        <v>5799</v>
      </c>
      <c r="K1110" t="s">
        <v>5800</v>
      </c>
      <c r="M1110">
        <v>3145637</v>
      </c>
      <c r="O1110">
        <v>8176194</v>
      </c>
      <c r="P1110">
        <v>1</v>
      </c>
      <c r="Q1110">
        <v>0</v>
      </c>
      <c r="R1110" t="s">
        <v>5801</v>
      </c>
      <c r="S1110">
        <v>323</v>
      </c>
    </row>
    <row r="1111" spans="1:19" x14ac:dyDescent="0.25">
      <c r="A1111">
        <v>24655721</v>
      </c>
      <c r="B1111" t="s">
        <v>5802</v>
      </c>
      <c r="C1111" s="1" t="s">
        <v>5803</v>
      </c>
      <c r="D1111">
        <v>24657170</v>
      </c>
      <c r="E1111">
        <v>1</v>
      </c>
      <c r="F1111">
        <v>0</v>
      </c>
      <c r="H1111" t="s">
        <v>5804</v>
      </c>
      <c r="J1111" t="s">
        <v>5805</v>
      </c>
      <c r="N1111" t="s">
        <v>5806</v>
      </c>
      <c r="P1111">
        <v>1</v>
      </c>
      <c r="Q1111">
        <v>0</v>
      </c>
      <c r="R1111" t="s">
        <v>5807</v>
      </c>
      <c r="S1111">
        <v>30</v>
      </c>
    </row>
    <row r="1112" spans="1:19" x14ac:dyDescent="0.25">
      <c r="A1112">
        <v>2568333</v>
      </c>
      <c r="B1112" t="s">
        <v>5808</v>
      </c>
      <c r="C1112" s="1" t="s">
        <v>5809</v>
      </c>
      <c r="E1112">
        <v>3</v>
      </c>
      <c r="F1112">
        <v>0</v>
      </c>
      <c r="H1112" t="s">
        <v>5810</v>
      </c>
      <c r="I1112">
        <v>1</v>
      </c>
      <c r="J1112" t="s">
        <v>5811</v>
      </c>
      <c r="K1112" t="s">
        <v>5811</v>
      </c>
      <c r="M1112">
        <v>14149</v>
      </c>
      <c r="O1112">
        <v>307859</v>
      </c>
      <c r="P1112">
        <v>1</v>
      </c>
      <c r="Q1112">
        <v>0</v>
      </c>
      <c r="R1112" t="s">
        <v>5812</v>
      </c>
      <c r="S1112">
        <v>6894</v>
      </c>
    </row>
    <row r="1113" spans="1:19" x14ac:dyDescent="0.25">
      <c r="A1113">
        <v>49594653</v>
      </c>
      <c r="B1113" t="s">
        <v>5813</v>
      </c>
      <c r="C1113" s="1" t="s">
        <v>5814</v>
      </c>
      <c r="D1113">
        <v>49594677</v>
      </c>
      <c r="E1113">
        <v>2</v>
      </c>
      <c r="F1113">
        <v>1</v>
      </c>
      <c r="H1113" t="s">
        <v>5815</v>
      </c>
      <c r="J1113" t="s">
        <v>5816</v>
      </c>
      <c r="O1113">
        <v>5945712</v>
      </c>
      <c r="P1113">
        <v>1</v>
      </c>
      <c r="Q1113">
        <v>1</v>
      </c>
      <c r="R1113" t="s">
        <v>229</v>
      </c>
      <c r="S1113">
        <v>51</v>
      </c>
    </row>
    <row r="1114" spans="1:19" x14ac:dyDescent="0.25">
      <c r="A1114">
        <v>36671044</v>
      </c>
      <c r="B1114" t="s">
        <v>5817</v>
      </c>
      <c r="C1114" t="s">
        <v>5818</v>
      </c>
      <c r="D1114">
        <v>36671122</v>
      </c>
      <c r="E1114">
        <v>4</v>
      </c>
      <c r="F1114">
        <v>0</v>
      </c>
      <c r="H1114" t="s">
        <v>5819</v>
      </c>
      <c r="J1114" t="s">
        <v>5820</v>
      </c>
      <c r="K1114" t="s">
        <v>5821</v>
      </c>
      <c r="M1114">
        <v>652669</v>
      </c>
      <c r="O1114">
        <v>6211563</v>
      </c>
      <c r="P1114">
        <v>1</v>
      </c>
      <c r="Q1114">
        <v>0</v>
      </c>
      <c r="R1114" t="s">
        <v>5822</v>
      </c>
      <c r="S1114">
        <v>430</v>
      </c>
    </row>
    <row r="1115" spans="1:19" x14ac:dyDescent="0.25">
      <c r="A1115">
        <v>48514473</v>
      </c>
      <c r="B1115" t="s">
        <v>5823</v>
      </c>
      <c r="C1115" s="1" t="s">
        <v>5824</v>
      </c>
      <c r="E1115">
        <v>0</v>
      </c>
      <c r="F1115">
        <v>4</v>
      </c>
      <c r="H1115" t="s">
        <v>5825</v>
      </c>
      <c r="J1115" t="s">
        <v>5825</v>
      </c>
      <c r="O1115">
        <v>9203717</v>
      </c>
      <c r="P1115">
        <v>1</v>
      </c>
      <c r="Q1115">
        <v>1</v>
      </c>
      <c r="R1115" t="s">
        <v>5826</v>
      </c>
      <c r="S1115">
        <v>30</v>
      </c>
    </row>
    <row r="1116" spans="1:19" x14ac:dyDescent="0.25">
      <c r="A1116">
        <v>41298821</v>
      </c>
      <c r="B1116" t="s">
        <v>5827</v>
      </c>
      <c r="C1116" s="1" t="s">
        <v>5828</v>
      </c>
      <c r="D1116">
        <v>41374116</v>
      </c>
      <c r="E1116">
        <v>2</v>
      </c>
      <c r="F1116">
        <v>2</v>
      </c>
      <c r="H1116" t="s">
        <v>5829</v>
      </c>
      <c r="J1116" t="s">
        <v>5830</v>
      </c>
      <c r="O1116">
        <v>4853925</v>
      </c>
      <c r="P1116">
        <v>1</v>
      </c>
      <c r="Q1116">
        <v>3</v>
      </c>
      <c r="R1116" t="s">
        <v>5831</v>
      </c>
      <c r="S1116">
        <v>344</v>
      </c>
    </row>
    <row r="1117" spans="1:19" x14ac:dyDescent="0.25">
      <c r="A1117">
        <v>29805201</v>
      </c>
      <c r="B1117" t="s">
        <v>5832</v>
      </c>
      <c r="C1117" s="1" t="s">
        <v>5833</v>
      </c>
      <c r="E1117">
        <v>1</v>
      </c>
      <c r="F1117">
        <v>4</v>
      </c>
      <c r="H1117" t="s">
        <v>5834</v>
      </c>
      <c r="J1117" t="s">
        <v>5835</v>
      </c>
      <c r="K1117" t="s">
        <v>5836</v>
      </c>
      <c r="M1117">
        <v>3303145</v>
      </c>
      <c r="O1117">
        <v>3303145</v>
      </c>
      <c r="P1117">
        <v>1</v>
      </c>
      <c r="Q1117">
        <v>0</v>
      </c>
      <c r="R1117" t="s">
        <v>5837</v>
      </c>
      <c r="S1117">
        <v>211</v>
      </c>
    </row>
    <row r="1118" spans="1:19" x14ac:dyDescent="0.25">
      <c r="A1118">
        <v>9830455</v>
      </c>
      <c r="B1118" t="s">
        <v>5838</v>
      </c>
      <c r="C1118" s="1" t="s">
        <v>5839</v>
      </c>
      <c r="E1118">
        <v>2</v>
      </c>
      <c r="F1118">
        <v>0</v>
      </c>
      <c r="H1118" t="s">
        <v>5840</v>
      </c>
      <c r="J1118" t="s">
        <v>5841</v>
      </c>
      <c r="O1118">
        <v>821674</v>
      </c>
      <c r="P1118">
        <v>1</v>
      </c>
      <c r="Q1118">
        <v>1</v>
      </c>
      <c r="R1118" t="s">
        <v>5842</v>
      </c>
      <c r="S1118">
        <v>363</v>
      </c>
    </row>
    <row r="1119" spans="1:19" x14ac:dyDescent="0.25">
      <c r="A1119">
        <v>16355421</v>
      </c>
      <c r="B1119" t="s">
        <v>5843</v>
      </c>
      <c r="C1119" s="1" t="s">
        <v>5844</v>
      </c>
      <c r="D1119">
        <v>16355498</v>
      </c>
      <c r="E1119">
        <v>1</v>
      </c>
      <c r="F1119">
        <v>0</v>
      </c>
      <c r="H1119" t="s">
        <v>5845</v>
      </c>
      <c r="J1119" t="s">
        <v>5846</v>
      </c>
      <c r="K1119" t="s">
        <v>5847</v>
      </c>
      <c r="M1119">
        <v>321731</v>
      </c>
      <c r="N1119" t="s">
        <v>5848</v>
      </c>
      <c r="P1119">
        <v>1</v>
      </c>
      <c r="Q1119">
        <v>1</v>
      </c>
      <c r="R1119" t="s">
        <v>5849</v>
      </c>
      <c r="S1119">
        <v>1110</v>
      </c>
    </row>
    <row r="1120" spans="1:19" x14ac:dyDescent="0.25">
      <c r="A1120">
        <v>33645273</v>
      </c>
      <c r="B1120" t="s">
        <v>5850</v>
      </c>
      <c r="C1120" s="1" t="s">
        <v>5851</v>
      </c>
      <c r="D1120">
        <v>33645549</v>
      </c>
      <c r="E1120">
        <v>2</v>
      </c>
      <c r="F1120">
        <v>8</v>
      </c>
      <c r="H1120" t="s">
        <v>5852</v>
      </c>
      <c r="J1120" t="s">
        <v>5853</v>
      </c>
      <c r="K1120" t="s">
        <v>5854</v>
      </c>
      <c r="M1120">
        <v>577785</v>
      </c>
      <c r="O1120">
        <v>577785</v>
      </c>
      <c r="P1120">
        <v>1</v>
      </c>
      <c r="Q1120">
        <v>1</v>
      </c>
      <c r="R1120" t="s">
        <v>5855</v>
      </c>
      <c r="S1120">
        <v>272</v>
      </c>
    </row>
    <row r="1121" spans="1:19" x14ac:dyDescent="0.25">
      <c r="A1121">
        <v>21136153</v>
      </c>
      <c r="B1121" t="s">
        <v>5856</v>
      </c>
      <c r="C1121" s="1" t="s">
        <v>5857</v>
      </c>
      <c r="D1121">
        <v>21136249</v>
      </c>
      <c r="E1121">
        <v>1</v>
      </c>
      <c r="F1121">
        <v>0</v>
      </c>
      <c r="H1121" t="s">
        <v>5858</v>
      </c>
      <c r="J1121" t="s">
        <v>5859</v>
      </c>
      <c r="K1121" t="s">
        <v>5859</v>
      </c>
      <c r="M1121">
        <v>697630</v>
      </c>
      <c r="O1121">
        <v>3118692</v>
      </c>
      <c r="P1121">
        <v>1</v>
      </c>
      <c r="Q1121">
        <v>0</v>
      </c>
      <c r="R1121" t="s">
        <v>3056</v>
      </c>
      <c r="S1121">
        <v>32</v>
      </c>
    </row>
    <row r="1122" spans="1:19" x14ac:dyDescent="0.25">
      <c r="A1122">
        <v>19653786</v>
      </c>
      <c r="B1122" t="s">
        <v>5860</v>
      </c>
      <c r="C1122" s="1" t="s">
        <v>5861</v>
      </c>
      <c r="D1122">
        <v>19654003</v>
      </c>
      <c r="E1122">
        <v>2</v>
      </c>
      <c r="F1122">
        <v>0</v>
      </c>
      <c r="H1122" t="s">
        <v>5862</v>
      </c>
      <c r="J1122" t="s">
        <v>5863</v>
      </c>
      <c r="O1122">
        <v>425104</v>
      </c>
      <c r="P1122">
        <v>1</v>
      </c>
      <c r="Q1122">
        <v>1</v>
      </c>
      <c r="R1122" t="s">
        <v>5864</v>
      </c>
      <c r="S1122">
        <v>1200</v>
      </c>
    </row>
    <row r="1123" spans="1:19" x14ac:dyDescent="0.25">
      <c r="A1123">
        <v>38387720</v>
      </c>
      <c r="B1123" t="s">
        <v>5865</v>
      </c>
      <c r="C1123" s="1" t="s">
        <v>5866</v>
      </c>
      <c r="E1123">
        <v>3</v>
      </c>
      <c r="F1123">
        <v>3</v>
      </c>
      <c r="H1123" t="s">
        <v>5867</v>
      </c>
      <c r="I1123">
        <v>1</v>
      </c>
      <c r="J1123" t="s">
        <v>5868</v>
      </c>
      <c r="K1123" t="s">
        <v>5869</v>
      </c>
      <c r="M1123">
        <v>3234803</v>
      </c>
      <c r="O1123">
        <v>3234803</v>
      </c>
      <c r="P1123">
        <v>1</v>
      </c>
      <c r="Q1123">
        <v>4</v>
      </c>
      <c r="R1123" t="s">
        <v>5870</v>
      </c>
      <c r="S1123">
        <v>142</v>
      </c>
    </row>
    <row r="1124" spans="1:19" x14ac:dyDescent="0.25">
      <c r="A1124">
        <v>23756898</v>
      </c>
      <c r="B1124" t="s">
        <v>5871</v>
      </c>
      <c r="C1124" s="1" t="s">
        <v>5872</v>
      </c>
      <c r="E1124">
        <v>1</v>
      </c>
      <c r="F1124">
        <v>2</v>
      </c>
      <c r="H1124" t="s">
        <v>5873</v>
      </c>
      <c r="J1124" t="s">
        <v>5874</v>
      </c>
      <c r="O1124">
        <v>2440254</v>
      </c>
      <c r="P1124">
        <v>1</v>
      </c>
      <c r="Q1124">
        <v>2</v>
      </c>
      <c r="R1124" t="s">
        <v>3034</v>
      </c>
      <c r="S1124">
        <v>1994</v>
      </c>
    </row>
    <row r="1125" spans="1:19" x14ac:dyDescent="0.25">
      <c r="A1125">
        <v>8674096</v>
      </c>
      <c r="B1125" t="s">
        <v>5875</v>
      </c>
      <c r="C1125" s="1" t="s">
        <v>5876</v>
      </c>
      <c r="D1125">
        <v>8674118</v>
      </c>
      <c r="E1125">
        <v>2</v>
      </c>
      <c r="F1125">
        <v>0</v>
      </c>
      <c r="H1125" t="s">
        <v>5877</v>
      </c>
      <c r="J1125" t="s">
        <v>5878</v>
      </c>
      <c r="K1125" t="s">
        <v>5878</v>
      </c>
      <c r="M1125">
        <v>76337</v>
      </c>
      <c r="O1125">
        <v>525672</v>
      </c>
      <c r="P1125">
        <v>1</v>
      </c>
      <c r="Q1125">
        <v>1</v>
      </c>
      <c r="R1125" t="s">
        <v>5879</v>
      </c>
      <c r="S1125">
        <v>73</v>
      </c>
    </row>
    <row r="1126" spans="1:19" x14ac:dyDescent="0.25">
      <c r="A1126">
        <v>395586</v>
      </c>
      <c r="B1126" t="s">
        <v>5880</v>
      </c>
      <c r="C1126" s="1" t="s">
        <v>5881</v>
      </c>
      <c r="D1126">
        <v>2073916</v>
      </c>
      <c r="E1126">
        <v>5</v>
      </c>
      <c r="F1126">
        <v>2</v>
      </c>
      <c r="H1126" t="s">
        <v>5882</v>
      </c>
      <c r="I1126">
        <v>1</v>
      </c>
      <c r="J1126" t="s">
        <v>5883</v>
      </c>
      <c r="K1126" t="s">
        <v>5884</v>
      </c>
      <c r="M1126">
        <v>24396</v>
      </c>
      <c r="N1126" t="s">
        <v>5885</v>
      </c>
      <c r="O1126">
        <v>24396</v>
      </c>
      <c r="P1126">
        <v>1</v>
      </c>
      <c r="Q1126">
        <v>4</v>
      </c>
      <c r="R1126" t="s">
        <v>5886</v>
      </c>
      <c r="S1126">
        <v>2158</v>
      </c>
    </row>
    <row r="1127" spans="1:19" x14ac:dyDescent="0.25">
      <c r="A1127">
        <v>12877425</v>
      </c>
      <c r="B1127" t="s">
        <v>5887</v>
      </c>
      <c r="C1127" s="1" t="s">
        <v>5888</v>
      </c>
      <c r="E1127">
        <v>0</v>
      </c>
      <c r="F1127">
        <v>3</v>
      </c>
      <c r="H1127" t="s">
        <v>5889</v>
      </c>
      <c r="J1127" t="s">
        <v>5890</v>
      </c>
      <c r="K1127" t="s">
        <v>5890</v>
      </c>
      <c r="M1127">
        <v>1190388</v>
      </c>
      <c r="O1127">
        <v>1744011</v>
      </c>
      <c r="P1127">
        <v>1</v>
      </c>
      <c r="Q1127">
        <v>1</v>
      </c>
      <c r="R1127" t="s">
        <v>2494</v>
      </c>
      <c r="S1127">
        <v>388</v>
      </c>
    </row>
    <row r="1128" spans="1:19" x14ac:dyDescent="0.25">
      <c r="A1128">
        <v>5851869</v>
      </c>
      <c r="B1128" t="s">
        <v>5891</v>
      </c>
      <c r="C1128" s="1" t="s">
        <v>5892</v>
      </c>
      <c r="D1128">
        <v>5860415</v>
      </c>
      <c r="E1128">
        <v>1</v>
      </c>
      <c r="F1128">
        <v>0</v>
      </c>
      <c r="H1128" t="s">
        <v>5893</v>
      </c>
      <c r="I1128">
        <v>1</v>
      </c>
      <c r="J1128" t="s">
        <v>5894</v>
      </c>
      <c r="K1128" t="s">
        <v>5895</v>
      </c>
      <c r="M1128">
        <v>732174</v>
      </c>
      <c r="O1128">
        <v>732174</v>
      </c>
      <c r="P1128">
        <v>1</v>
      </c>
      <c r="Q1128">
        <v>2</v>
      </c>
      <c r="R1128" t="s">
        <v>5896</v>
      </c>
      <c r="S1128">
        <v>1080</v>
      </c>
    </row>
    <row r="1129" spans="1:19" x14ac:dyDescent="0.25">
      <c r="A1129">
        <v>21266276</v>
      </c>
      <c r="B1129" t="s">
        <v>5897</v>
      </c>
      <c r="C1129" s="1" t="s">
        <v>5898</v>
      </c>
      <c r="D1129">
        <v>21276796</v>
      </c>
      <c r="E1129">
        <v>3</v>
      </c>
      <c r="F1129">
        <v>1</v>
      </c>
      <c r="H1129" t="s">
        <v>5899</v>
      </c>
      <c r="J1129" t="s">
        <v>5900</v>
      </c>
      <c r="K1129" t="s">
        <v>5901</v>
      </c>
      <c r="M1129">
        <v>849891</v>
      </c>
      <c r="O1129">
        <v>3220491</v>
      </c>
      <c r="P1129">
        <v>1</v>
      </c>
      <c r="Q1129">
        <v>5</v>
      </c>
      <c r="R1129" t="s">
        <v>5902</v>
      </c>
      <c r="S1129">
        <v>415</v>
      </c>
    </row>
    <row r="1130" spans="1:19" x14ac:dyDescent="0.25">
      <c r="A1130">
        <v>23090681</v>
      </c>
      <c r="B1130" t="s">
        <v>5903</v>
      </c>
      <c r="C1130" s="1" t="s">
        <v>5904</v>
      </c>
      <c r="D1130">
        <v>23091424</v>
      </c>
      <c r="E1130">
        <v>2</v>
      </c>
      <c r="F1130">
        <v>2</v>
      </c>
      <c r="H1130" t="s">
        <v>5905</v>
      </c>
      <c r="I1130">
        <v>1</v>
      </c>
      <c r="J1130" t="s">
        <v>5906</v>
      </c>
      <c r="K1130" t="s">
        <v>5907</v>
      </c>
      <c r="M1130">
        <v>379468</v>
      </c>
      <c r="O1130">
        <v>379468</v>
      </c>
      <c r="P1130">
        <v>1</v>
      </c>
      <c r="Q1130">
        <v>3</v>
      </c>
      <c r="R1130" t="s">
        <v>5908</v>
      </c>
      <c r="S1130">
        <v>500</v>
      </c>
    </row>
    <row r="1131" spans="1:19" x14ac:dyDescent="0.25">
      <c r="A1131">
        <v>52445735</v>
      </c>
      <c r="B1131" t="s">
        <v>5909</v>
      </c>
      <c r="C1131" s="1" t="s">
        <v>5910</v>
      </c>
      <c r="D1131">
        <v>52446957</v>
      </c>
      <c r="E1131">
        <v>1</v>
      </c>
      <c r="F1131">
        <v>1</v>
      </c>
      <c r="H1131" t="s">
        <v>5911</v>
      </c>
      <c r="J1131" t="s">
        <v>5912</v>
      </c>
      <c r="O1131">
        <v>7913610</v>
      </c>
      <c r="P1131">
        <v>1</v>
      </c>
      <c r="Q1131">
        <v>0</v>
      </c>
      <c r="R1131" t="s">
        <v>5913</v>
      </c>
      <c r="S1131">
        <v>30</v>
      </c>
    </row>
    <row r="1132" spans="1:19" x14ac:dyDescent="0.25">
      <c r="A1132">
        <v>33251145</v>
      </c>
      <c r="B1132" t="s">
        <v>5914</v>
      </c>
      <c r="C1132" s="1" t="s">
        <v>5915</v>
      </c>
      <c r="E1132">
        <v>2</v>
      </c>
      <c r="F1132">
        <v>0</v>
      </c>
      <c r="H1132" t="s">
        <v>5916</v>
      </c>
      <c r="J1132" t="s">
        <v>5917</v>
      </c>
      <c r="K1132" t="s">
        <v>5918</v>
      </c>
      <c r="M1132">
        <v>5097493</v>
      </c>
      <c r="O1132">
        <v>5097493</v>
      </c>
      <c r="P1132">
        <v>1</v>
      </c>
      <c r="Q1132">
        <v>0</v>
      </c>
      <c r="R1132" t="s">
        <v>5919</v>
      </c>
      <c r="S1132">
        <v>130</v>
      </c>
    </row>
    <row r="1133" spans="1:19" x14ac:dyDescent="0.25">
      <c r="A1133">
        <v>21979407</v>
      </c>
      <c r="B1133" t="s">
        <v>5920</v>
      </c>
      <c r="C1133" s="1" t="s">
        <v>5921</v>
      </c>
      <c r="E1133">
        <v>1</v>
      </c>
      <c r="F1133">
        <v>2</v>
      </c>
      <c r="H1133" t="s">
        <v>5922</v>
      </c>
      <c r="J1133" t="s">
        <v>5923</v>
      </c>
      <c r="K1133" t="s">
        <v>5924</v>
      </c>
      <c r="M1133">
        <v>2780817</v>
      </c>
      <c r="O1133">
        <v>2780817</v>
      </c>
      <c r="P1133">
        <v>1</v>
      </c>
      <c r="Q1133">
        <v>5</v>
      </c>
      <c r="R1133" t="s">
        <v>5925</v>
      </c>
      <c r="S1133">
        <v>1515</v>
      </c>
    </row>
    <row r="1134" spans="1:19" x14ac:dyDescent="0.25">
      <c r="A1134">
        <v>5158207</v>
      </c>
      <c r="B1134" t="s">
        <v>5926</v>
      </c>
      <c r="C1134" s="1" t="s">
        <v>5927</v>
      </c>
      <c r="D1134">
        <v>5158483</v>
      </c>
      <c r="E1134">
        <v>1</v>
      </c>
      <c r="F1134">
        <v>0</v>
      </c>
      <c r="H1134" t="s">
        <v>5928</v>
      </c>
      <c r="J1134" t="s">
        <v>5929</v>
      </c>
      <c r="K1134" t="s">
        <v>5929</v>
      </c>
      <c r="M1134">
        <v>367456</v>
      </c>
      <c r="O1134">
        <v>148478</v>
      </c>
      <c r="P1134">
        <v>1</v>
      </c>
      <c r="Q1134">
        <v>0</v>
      </c>
      <c r="R1134" t="s">
        <v>5930</v>
      </c>
      <c r="S1134">
        <v>1084</v>
      </c>
    </row>
    <row r="1135" spans="1:19" x14ac:dyDescent="0.25">
      <c r="A1135">
        <v>32012777</v>
      </c>
      <c r="B1135" t="s">
        <v>5931</v>
      </c>
      <c r="C1135" s="1" t="s">
        <v>5932</v>
      </c>
      <c r="D1135">
        <v>32013024</v>
      </c>
      <c r="E1135">
        <v>1</v>
      </c>
      <c r="F1135">
        <v>2</v>
      </c>
      <c r="H1135" t="s">
        <v>5933</v>
      </c>
      <c r="I1135">
        <v>3</v>
      </c>
      <c r="J1135" t="s">
        <v>5934</v>
      </c>
      <c r="K1135" t="s">
        <v>5934</v>
      </c>
      <c r="M1135">
        <v>3376961</v>
      </c>
      <c r="O1135">
        <v>3376961</v>
      </c>
      <c r="P1135">
        <v>1</v>
      </c>
      <c r="Q1135">
        <v>2</v>
      </c>
      <c r="R1135" t="s">
        <v>5935</v>
      </c>
      <c r="S1135">
        <v>3389</v>
      </c>
    </row>
    <row r="1136" spans="1:19" x14ac:dyDescent="0.25">
      <c r="A1136">
        <v>9443291</v>
      </c>
      <c r="B1136" t="s">
        <v>5936</v>
      </c>
      <c r="C1136" s="1" t="s">
        <v>5937</v>
      </c>
      <c r="D1136">
        <v>9445091</v>
      </c>
      <c r="E1136">
        <v>2</v>
      </c>
      <c r="F1136">
        <v>13</v>
      </c>
      <c r="H1136" t="s">
        <v>5938</v>
      </c>
      <c r="I1136">
        <v>3</v>
      </c>
      <c r="J1136" t="s">
        <v>5939</v>
      </c>
      <c r="K1136" t="s">
        <v>5940</v>
      </c>
      <c r="M1136">
        <v>1232373</v>
      </c>
      <c r="O1136">
        <v>1232373</v>
      </c>
      <c r="P1136">
        <v>1</v>
      </c>
      <c r="Q1136">
        <v>1</v>
      </c>
      <c r="R1136" t="s">
        <v>5941</v>
      </c>
      <c r="S1136">
        <v>2304</v>
      </c>
    </row>
    <row r="1137" spans="1:19" x14ac:dyDescent="0.25">
      <c r="A1137">
        <v>13110448</v>
      </c>
      <c r="B1137" t="s">
        <v>5942</v>
      </c>
      <c r="C1137" s="1" t="s">
        <v>5943</v>
      </c>
      <c r="E1137">
        <v>2</v>
      </c>
      <c r="F1137">
        <v>2</v>
      </c>
      <c r="H1137" t="s">
        <v>5944</v>
      </c>
      <c r="J1137" t="s">
        <v>5945</v>
      </c>
      <c r="O1137">
        <v>508487</v>
      </c>
      <c r="P1137">
        <v>1</v>
      </c>
      <c r="Q1137">
        <v>3</v>
      </c>
      <c r="R1137" t="s">
        <v>5946</v>
      </c>
      <c r="S1137">
        <v>519</v>
      </c>
    </row>
    <row r="1138" spans="1:19" x14ac:dyDescent="0.25">
      <c r="A1138">
        <v>42596499</v>
      </c>
      <c r="B1138" t="s">
        <v>5947</v>
      </c>
      <c r="C1138" s="1" t="s">
        <v>5948</v>
      </c>
      <c r="D1138">
        <v>42596538</v>
      </c>
      <c r="E1138">
        <v>2</v>
      </c>
      <c r="F1138">
        <v>3</v>
      </c>
      <c r="H1138" t="s">
        <v>5949</v>
      </c>
      <c r="J1138" t="s">
        <v>5950</v>
      </c>
      <c r="K1138" t="s">
        <v>5951</v>
      </c>
      <c r="M1138">
        <v>-1</v>
      </c>
      <c r="O1138">
        <v>7094835</v>
      </c>
      <c r="P1138">
        <v>1</v>
      </c>
      <c r="Q1138">
        <v>7</v>
      </c>
      <c r="R1138" t="s">
        <v>5952</v>
      </c>
      <c r="S1138">
        <v>149</v>
      </c>
    </row>
    <row r="1139" spans="1:19" x14ac:dyDescent="0.25">
      <c r="A1139">
        <v>23757533</v>
      </c>
      <c r="B1139" t="s">
        <v>5953</v>
      </c>
      <c r="C1139" s="1" t="s">
        <v>5954</v>
      </c>
      <c r="E1139">
        <v>1</v>
      </c>
      <c r="F1139">
        <v>0</v>
      </c>
      <c r="H1139" t="s">
        <v>5955</v>
      </c>
      <c r="J1139" t="s">
        <v>5956</v>
      </c>
      <c r="K1139" t="s">
        <v>5956</v>
      </c>
      <c r="M1139">
        <v>1301703</v>
      </c>
      <c r="O1139">
        <v>1301703</v>
      </c>
      <c r="P1139">
        <v>1</v>
      </c>
      <c r="Q1139">
        <v>1</v>
      </c>
      <c r="R1139" t="s">
        <v>5957</v>
      </c>
      <c r="S1139">
        <v>98</v>
      </c>
    </row>
    <row r="1140" spans="1:19" x14ac:dyDescent="0.25">
      <c r="A1140">
        <v>14860589</v>
      </c>
      <c r="B1140" t="s">
        <v>5958</v>
      </c>
      <c r="C1140" s="1" t="s">
        <v>5959</v>
      </c>
      <c r="E1140">
        <v>1</v>
      </c>
      <c r="F1140">
        <v>1</v>
      </c>
      <c r="H1140" t="s">
        <v>5960</v>
      </c>
      <c r="J1140" t="s">
        <v>5961</v>
      </c>
      <c r="O1140">
        <v>2068920</v>
      </c>
      <c r="P1140">
        <v>1</v>
      </c>
      <c r="Q1140">
        <v>0</v>
      </c>
      <c r="R1140" t="s">
        <v>5962</v>
      </c>
      <c r="S1140">
        <v>156</v>
      </c>
    </row>
    <row r="1141" spans="1:19" x14ac:dyDescent="0.25">
      <c r="A1141">
        <v>47037729</v>
      </c>
      <c r="B1141" t="s">
        <v>5963</v>
      </c>
      <c r="C1141" s="1" t="s">
        <v>5964</v>
      </c>
      <c r="D1141">
        <v>47059625</v>
      </c>
      <c r="E1141">
        <v>1</v>
      </c>
      <c r="F1141">
        <v>0</v>
      </c>
      <c r="H1141" t="s">
        <v>5965</v>
      </c>
      <c r="J1141" t="s">
        <v>5966</v>
      </c>
      <c r="O1141">
        <v>2072412</v>
      </c>
      <c r="P1141">
        <v>1</v>
      </c>
      <c r="Q1141">
        <v>3</v>
      </c>
      <c r="R1141" t="s">
        <v>5967</v>
      </c>
      <c r="S1141">
        <v>45</v>
      </c>
    </row>
    <row r="1142" spans="1:19" x14ac:dyDescent="0.25">
      <c r="A1142">
        <v>32558471</v>
      </c>
      <c r="B1142" t="s">
        <v>5968</v>
      </c>
      <c r="C1142" s="1" t="s">
        <v>5969</v>
      </c>
      <c r="E1142">
        <v>0</v>
      </c>
      <c r="F1142">
        <v>5</v>
      </c>
      <c r="H1142" t="s">
        <v>5970</v>
      </c>
      <c r="J1142" t="s">
        <v>5971</v>
      </c>
      <c r="K1142" t="s">
        <v>5971</v>
      </c>
      <c r="M1142">
        <v>3501958</v>
      </c>
      <c r="O1142">
        <v>1147714</v>
      </c>
      <c r="P1142">
        <v>1</v>
      </c>
      <c r="Q1142">
        <v>0</v>
      </c>
      <c r="R1142" t="s">
        <v>5972</v>
      </c>
      <c r="S1142">
        <v>66</v>
      </c>
    </row>
    <row r="1143" spans="1:19" x14ac:dyDescent="0.25">
      <c r="A1143">
        <v>21769296</v>
      </c>
      <c r="B1143" t="s">
        <v>5973</v>
      </c>
      <c r="C1143" s="1" t="s">
        <v>5974</v>
      </c>
      <c r="D1143">
        <v>21769808</v>
      </c>
      <c r="E1143">
        <v>1</v>
      </c>
      <c r="F1143">
        <v>0</v>
      </c>
      <c r="H1143" t="s">
        <v>5975</v>
      </c>
      <c r="J1143" t="s">
        <v>5976</v>
      </c>
      <c r="K1143" t="s">
        <v>5976</v>
      </c>
      <c r="M1143">
        <v>2303073</v>
      </c>
      <c r="O1143">
        <v>2303073</v>
      </c>
      <c r="P1143">
        <v>1</v>
      </c>
      <c r="Q1143">
        <v>1</v>
      </c>
      <c r="R1143" t="s">
        <v>5977</v>
      </c>
      <c r="S1143">
        <v>595</v>
      </c>
    </row>
    <row r="1144" spans="1:19" x14ac:dyDescent="0.25">
      <c r="A1144">
        <v>32233180</v>
      </c>
      <c r="B1144" t="s">
        <v>5978</v>
      </c>
      <c r="C1144" s="1" t="s">
        <v>5979</v>
      </c>
      <c r="E1144">
        <v>2</v>
      </c>
      <c r="F1144">
        <v>0</v>
      </c>
      <c r="H1144" t="s">
        <v>5980</v>
      </c>
      <c r="J1144" t="s">
        <v>5981</v>
      </c>
      <c r="K1144" t="s">
        <v>5981</v>
      </c>
      <c r="M1144">
        <v>653069</v>
      </c>
      <c r="O1144">
        <v>3029642</v>
      </c>
      <c r="P1144">
        <v>1</v>
      </c>
      <c r="Q1144">
        <v>0</v>
      </c>
      <c r="R1144" t="s">
        <v>5982</v>
      </c>
      <c r="S1144">
        <v>172</v>
      </c>
    </row>
    <row r="1145" spans="1:19" x14ac:dyDescent="0.25">
      <c r="A1145">
        <v>35422990</v>
      </c>
      <c r="B1145" t="s">
        <v>5983</v>
      </c>
      <c r="C1145" s="1" t="s">
        <v>5984</v>
      </c>
      <c r="D1145">
        <v>35423075</v>
      </c>
      <c r="E1145">
        <v>1</v>
      </c>
      <c r="F1145">
        <v>0</v>
      </c>
      <c r="H1145" t="s">
        <v>5985</v>
      </c>
      <c r="I1145">
        <v>1</v>
      </c>
      <c r="J1145" t="s">
        <v>5986</v>
      </c>
      <c r="K1145" t="s">
        <v>5986</v>
      </c>
      <c r="M1145">
        <v>2011147</v>
      </c>
      <c r="O1145">
        <v>4102299</v>
      </c>
      <c r="P1145">
        <v>1</v>
      </c>
      <c r="Q1145">
        <v>2</v>
      </c>
      <c r="R1145" t="s">
        <v>300</v>
      </c>
      <c r="S1145">
        <v>158</v>
      </c>
    </row>
    <row r="1146" spans="1:19" x14ac:dyDescent="0.25">
      <c r="A1146">
        <v>50605508</v>
      </c>
      <c r="B1146" t="s">
        <v>5987</v>
      </c>
      <c r="C1146" s="1" t="s">
        <v>5988</v>
      </c>
      <c r="D1146">
        <v>50617491</v>
      </c>
      <c r="E1146">
        <v>2</v>
      </c>
      <c r="F1146">
        <v>0</v>
      </c>
      <c r="H1146" t="s">
        <v>5989</v>
      </c>
      <c r="J1146" t="s">
        <v>5990</v>
      </c>
      <c r="K1146" t="s">
        <v>5991</v>
      </c>
      <c r="M1146">
        <v>6154972</v>
      </c>
      <c r="O1146">
        <v>6154972</v>
      </c>
      <c r="P1146">
        <v>1</v>
      </c>
      <c r="Q1146">
        <v>1</v>
      </c>
      <c r="R1146" t="s">
        <v>5992</v>
      </c>
      <c r="S1146">
        <v>51</v>
      </c>
    </row>
    <row r="1147" spans="1:19" x14ac:dyDescent="0.25">
      <c r="A1147">
        <v>12659051</v>
      </c>
      <c r="B1147" t="s">
        <v>5993</v>
      </c>
      <c r="C1147" s="1" t="s">
        <v>5994</v>
      </c>
      <c r="E1147">
        <v>3</v>
      </c>
      <c r="F1147">
        <v>2</v>
      </c>
      <c r="H1147" t="s">
        <v>5995</v>
      </c>
      <c r="J1147" t="s">
        <v>5996</v>
      </c>
      <c r="O1147">
        <v>1709353</v>
      </c>
      <c r="P1147">
        <v>1</v>
      </c>
      <c r="Q1147">
        <v>0</v>
      </c>
      <c r="R1147" t="s">
        <v>2494</v>
      </c>
      <c r="S1147">
        <v>55</v>
      </c>
    </row>
    <row r="1148" spans="1:19" x14ac:dyDescent="0.25">
      <c r="A1148">
        <v>35481764</v>
      </c>
      <c r="B1148" t="s">
        <v>5997</v>
      </c>
      <c r="C1148" s="1" t="s">
        <v>5998</v>
      </c>
      <c r="D1148">
        <v>35483725</v>
      </c>
      <c r="E1148">
        <v>1</v>
      </c>
      <c r="F1148">
        <v>2</v>
      </c>
      <c r="H1148" t="s">
        <v>5999</v>
      </c>
      <c r="I1148">
        <v>1</v>
      </c>
      <c r="J1148" t="s">
        <v>6000</v>
      </c>
      <c r="O1148">
        <v>5945778</v>
      </c>
      <c r="P1148">
        <v>1</v>
      </c>
      <c r="Q1148">
        <v>2</v>
      </c>
      <c r="R1148" t="s">
        <v>6001</v>
      </c>
      <c r="S1148">
        <v>1740</v>
      </c>
    </row>
    <row r="1149" spans="1:19" x14ac:dyDescent="0.25">
      <c r="A1149">
        <v>26023583</v>
      </c>
      <c r="B1149" t="s">
        <v>6002</v>
      </c>
      <c r="C1149" s="1" t="s">
        <v>6003</v>
      </c>
      <c r="D1149">
        <v>26024032</v>
      </c>
      <c r="E1149">
        <v>1</v>
      </c>
      <c r="F1149">
        <v>3</v>
      </c>
      <c r="H1149" t="s">
        <v>6004</v>
      </c>
      <c r="J1149" t="s">
        <v>6005</v>
      </c>
      <c r="O1149">
        <v>516474</v>
      </c>
      <c r="P1149">
        <v>1</v>
      </c>
      <c r="Q1149">
        <v>0</v>
      </c>
      <c r="R1149" t="s">
        <v>6006</v>
      </c>
      <c r="S1149">
        <v>29</v>
      </c>
    </row>
    <row r="1150" spans="1:19" x14ac:dyDescent="0.25">
      <c r="A1150">
        <v>25598487</v>
      </c>
      <c r="B1150" t="s">
        <v>6007</v>
      </c>
      <c r="C1150" t="s">
        <v>6008</v>
      </c>
      <c r="D1150">
        <v>25598556</v>
      </c>
      <c r="E1150">
        <v>1</v>
      </c>
      <c r="F1150">
        <v>4</v>
      </c>
      <c r="H1150" t="s">
        <v>6009</v>
      </c>
      <c r="J1150" t="s">
        <v>6010</v>
      </c>
      <c r="K1150" t="s">
        <v>6010</v>
      </c>
      <c r="M1150">
        <v>1524450</v>
      </c>
      <c r="O1150">
        <v>3995859</v>
      </c>
      <c r="P1150">
        <v>1</v>
      </c>
      <c r="Q1150">
        <v>-4</v>
      </c>
      <c r="R1150" t="s">
        <v>6011</v>
      </c>
      <c r="S1150">
        <v>69</v>
      </c>
    </row>
    <row r="1151" spans="1:19" x14ac:dyDescent="0.25">
      <c r="A1151">
        <v>34236800</v>
      </c>
      <c r="B1151" t="s">
        <v>6012</v>
      </c>
      <c r="C1151" s="1" t="s">
        <v>6013</v>
      </c>
      <c r="E1151">
        <v>2</v>
      </c>
      <c r="F1151">
        <v>0</v>
      </c>
      <c r="H1151" t="s">
        <v>6014</v>
      </c>
      <c r="J1151" t="s">
        <v>6015</v>
      </c>
      <c r="K1151" t="s">
        <v>6016</v>
      </c>
      <c r="M1151">
        <v>2013117</v>
      </c>
      <c r="O1151">
        <v>2013117</v>
      </c>
      <c r="P1151">
        <v>1</v>
      </c>
      <c r="Q1151">
        <v>2</v>
      </c>
      <c r="R1151" t="s">
        <v>6017</v>
      </c>
      <c r="S1151">
        <v>962</v>
      </c>
    </row>
    <row r="1152" spans="1:19" x14ac:dyDescent="0.25">
      <c r="A1152">
        <v>12127656</v>
      </c>
      <c r="B1152" t="s">
        <v>6018</v>
      </c>
      <c r="C1152" s="1" t="s">
        <v>6019</v>
      </c>
      <c r="E1152">
        <v>3</v>
      </c>
      <c r="F1152">
        <v>2</v>
      </c>
      <c r="H1152" t="s">
        <v>6020</v>
      </c>
      <c r="J1152" t="s">
        <v>6021</v>
      </c>
      <c r="K1152" t="s">
        <v>6022</v>
      </c>
      <c r="M1152">
        <v>-1</v>
      </c>
      <c r="O1152">
        <v>398022</v>
      </c>
      <c r="P1152">
        <v>1</v>
      </c>
      <c r="Q1152">
        <v>2</v>
      </c>
      <c r="R1152" t="s">
        <v>6023</v>
      </c>
      <c r="S1152">
        <v>124</v>
      </c>
    </row>
    <row r="1153" spans="1:19" x14ac:dyDescent="0.25">
      <c r="A1153">
        <v>15608107</v>
      </c>
      <c r="B1153" t="s">
        <v>6024</v>
      </c>
      <c r="C1153" s="1" t="s">
        <v>6025</v>
      </c>
      <c r="E1153">
        <v>1</v>
      </c>
      <c r="F1153">
        <v>1</v>
      </c>
      <c r="H1153" t="s">
        <v>6026</v>
      </c>
      <c r="J1153" t="s">
        <v>6027</v>
      </c>
      <c r="O1153">
        <v>2180748</v>
      </c>
      <c r="P1153">
        <v>1</v>
      </c>
      <c r="Q1153">
        <v>0</v>
      </c>
      <c r="R1153" t="s">
        <v>6028</v>
      </c>
      <c r="S1153">
        <v>94</v>
      </c>
    </row>
    <row r="1154" spans="1:19" x14ac:dyDescent="0.25">
      <c r="A1154">
        <v>22851430</v>
      </c>
      <c r="B1154" t="s">
        <v>6029</v>
      </c>
      <c r="C1154" s="1" t="s">
        <v>6030</v>
      </c>
      <c r="D1154">
        <v>22851486</v>
      </c>
      <c r="E1154">
        <v>1</v>
      </c>
      <c r="F1154">
        <v>0</v>
      </c>
      <c r="H1154" t="s">
        <v>6031</v>
      </c>
      <c r="J1154" t="s">
        <v>6032</v>
      </c>
      <c r="K1154" t="s">
        <v>6032</v>
      </c>
      <c r="M1154">
        <v>285587</v>
      </c>
      <c r="O1154">
        <v>3272438</v>
      </c>
      <c r="P1154">
        <v>1</v>
      </c>
      <c r="Q1154">
        <v>0</v>
      </c>
      <c r="R1154" t="s">
        <v>2122</v>
      </c>
      <c r="S1154">
        <v>533</v>
      </c>
    </row>
    <row r="1155" spans="1:19" x14ac:dyDescent="0.25">
      <c r="A1155">
        <v>25402848</v>
      </c>
      <c r="B1155" t="s">
        <v>6033</v>
      </c>
      <c r="C1155" s="1" t="s">
        <v>6034</v>
      </c>
      <c r="D1155">
        <v>25402952</v>
      </c>
      <c r="E1155">
        <v>6</v>
      </c>
      <c r="F1155">
        <v>0</v>
      </c>
      <c r="H1155" t="s">
        <v>6035</v>
      </c>
      <c r="J1155" t="s">
        <v>6036</v>
      </c>
      <c r="K1155" t="s">
        <v>6036</v>
      </c>
      <c r="M1155">
        <v>3885376</v>
      </c>
      <c r="O1155">
        <v>1157823</v>
      </c>
      <c r="P1155">
        <v>1</v>
      </c>
      <c r="Q1155">
        <v>4</v>
      </c>
      <c r="R1155" t="s">
        <v>6037</v>
      </c>
      <c r="S1155">
        <v>5153</v>
      </c>
    </row>
    <row r="1156" spans="1:19" x14ac:dyDescent="0.25">
      <c r="A1156">
        <v>1654558</v>
      </c>
      <c r="B1156" t="s">
        <v>6038</v>
      </c>
      <c r="C1156" s="1" t="s">
        <v>6039</v>
      </c>
      <c r="D1156">
        <v>1654805</v>
      </c>
      <c r="E1156">
        <v>1</v>
      </c>
      <c r="F1156">
        <v>1</v>
      </c>
      <c r="H1156" t="s">
        <v>6040</v>
      </c>
      <c r="I1156">
        <v>2</v>
      </c>
      <c r="J1156" t="s">
        <v>6041</v>
      </c>
      <c r="O1156">
        <v>70192</v>
      </c>
      <c r="P1156">
        <v>1</v>
      </c>
      <c r="Q1156">
        <v>1</v>
      </c>
      <c r="R1156" t="s">
        <v>6042</v>
      </c>
      <c r="S1156">
        <v>1478</v>
      </c>
    </row>
    <row r="1157" spans="1:19" x14ac:dyDescent="0.25">
      <c r="A1157">
        <v>49250272</v>
      </c>
      <c r="B1157" t="s">
        <v>6043</v>
      </c>
      <c r="C1157" s="1" t="s">
        <v>6044</v>
      </c>
      <c r="E1157">
        <v>0</v>
      </c>
      <c r="F1157">
        <v>1</v>
      </c>
      <c r="H1157" t="s">
        <v>6045</v>
      </c>
      <c r="J1157" t="s">
        <v>6045</v>
      </c>
      <c r="O1157">
        <v>7727484</v>
      </c>
      <c r="P1157">
        <v>1</v>
      </c>
      <c r="Q1157">
        <v>0</v>
      </c>
      <c r="R1157" t="s">
        <v>6046</v>
      </c>
      <c r="S1157">
        <v>70</v>
      </c>
    </row>
    <row r="1158" spans="1:19" x14ac:dyDescent="0.25">
      <c r="A1158">
        <v>9060600</v>
      </c>
      <c r="B1158" t="s">
        <v>6047</v>
      </c>
      <c r="C1158" s="1" t="s">
        <v>6048</v>
      </c>
      <c r="D1158">
        <v>9062626</v>
      </c>
      <c r="E1158">
        <v>1</v>
      </c>
      <c r="F1158">
        <v>0</v>
      </c>
      <c r="H1158" t="s">
        <v>6049</v>
      </c>
      <c r="J1158" t="s">
        <v>6050</v>
      </c>
      <c r="O1158">
        <v>438882</v>
      </c>
      <c r="P1158">
        <v>1</v>
      </c>
      <c r="Q1158">
        <v>0</v>
      </c>
      <c r="R1158" t="s">
        <v>6051</v>
      </c>
      <c r="S1158">
        <v>1174</v>
      </c>
    </row>
    <row r="1159" spans="1:19" x14ac:dyDescent="0.25">
      <c r="A1159">
        <v>14728341</v>
      </c>
      <c r="B1159" t="s">
        <v>6052</v>
      </c>
      <c r="C1159" s="1" t="s">
        <v>6053</v>
      </c>
      <c r="E1159">
        <v>0</v>
      </c>
      <c r="F1159">
        <v>2</v>
      </c>
      <c r="H1159" t="s">
        <v>6054</v>
      </c>
      <c r="J1159" t="s">
        <v>6054</v>
      </c>
      <c r="O1159">
        <v>959345</v>
      </c>
      <c r="P1159">
        <v>1</v>
      </c>
      <c r="Q1159">
        <v>0</v>
      </c>
      <c r="R1159" t="s">
        <v>6055</v>
      </c>
      <c r="S1159">
        <v>22</v>
      </c>
    </row>
    <row r="1160" spans="1:19" x14ac:dyDescent="0.25">
      <c r="A1160">
        <v>781038</v>
      </c>
      <c r="B1160" t="s">
        <v>6056</v>
      </c>
      <c r="C1160" s="1" t="s">
        <v>6057</v>
      </c>
      <c r="E1160">
        <v>1</v>
      </c>
      <c r="F1160">
        <v>1</v>
      </c>
      <c r="H1160" t="s">
        <v>6058</v>
      </c>
      <c r="J1160" t="s">
        <v>6059</v>
      </c>
      <c r="K1160" t="s">
        <v>6059</v>
      </c>
      <c r="M1160">
        <v>254477</v>
      </c>
      <c r="O1160">
        <v>45966</v>
      </c>
      <c r="P1160">
        <v>1</v>
      </c>
      <c r="Q1160">
        <v>0</v>
      </c>
      <c r="R1160" t="s">
        <v>6060</v>
      </c>
      <c r="S1160">
        <v>1808</v>
      </c>
    </row>
    <row r="1161" spans="1:19" x14ac:dyDescent="0.25">
      <c r="A1161">
        <v>23926603</v>
      </c>
      <c r="B1161" t="s">
        <v>6061</v>
      </c>
      <c r="C1161" s="1" t="s">
        <v>6062</v>
      </c>
      <c r="D1161">
        <v>23930186</v>
      </c>
      <c r="E1161">
        <v>1</v>
      </c>
      <c r="F1161">
        <v>0</v>
      </c>
      <c r="H1161" t="s">
        <v>6063</v>
      </c>
      <c r="J1161" t="s">
        <v>6064</v>
      </c>
      <c r="O1161">
        <v>3616133</v>
      </c>
      <c r="P1161">
        <v>1</v>
      </c>
      <c r="Q1161">
        <v>1</v>
      </c>
      <c r="R1161" t="s">
        <v>6065</v>
      </c>
      <c r="S1161">
        <v>17061</v>
      </c>
    </row>
    <row r="1162" spans="1:19" x14ac:dyDescent="0.25">
      <c r="A1162">
        <v>20101479</v>
      </c>
      <c r="B1162" t="s">
        <v>6066</v>
      </c>
      <c r="C1162" s="1" t="s">
        <v>6067</v>
      </c>
      <c r="D1162">
        <v>20150981</v>
      </c>
      <c r="E1162">
        <v>1</v>
      </c>
      <c r="F1162">
        <v>0</v>
      </c>
      <c r="H1162" t="s">
        <v>6068</v>
      </c>
      <c r="J1162" t="s">
        <v>6069</v>
      </c>
      <c r="O1162">
        <v>250773</v>
      </c>
      <c r="P1162">
        <v>1</v>
      </c>
      <c r="Q1162">
        <v>0</v>
      </c>
      <c r="R1162" t="s">
        <v>6070</v>
      </c>
      <c r="S1162">
        <v>382</v>
      </c>
    </row>
    <row r="1163" spans="1:19" x14ac:dyDescent="0.25">
      <c r="A1163">
        <v>13383978</v>
      </c>
      <c r="B1163" t="s">
        <v>6071</v>
      </c>
      <c r="C1163" s="1" t="s">
        <v>6072</v>
      </c>
      <c r="D1163">
        <v>13384145</v>
      </c>
      <c r="E1163">
        <v>1</v>
      </c>
      <c r="F1163">
        <v>0</v>
      </c>
      <c r="H1163" t="s">
        <v>6073</v>
      </c>
      <c r="J1163" t="s">
        <v>6074</v>
      </c>
      <c r="K1163" t="s">
        <v>6074</v>
      </c>
      <c r="M1163">
        <v>975947</v>
      </c>
      <c r="O1163">
        <v>975947</v>
      </c>
      <c r="P1163">
        <v>1</v>
      </c>
      <c r="Q1163">
        <v>0</v>
      </c>
      <c r="R1163" t="s">
        <v>6075</v>
      </c>
      <c r="S1163">
        <v>310</v>
      </c>
    </row>
    <row r="1164" spans="1:19" x14ac:dyDescent="0.25">
      <c r="A1164">
        <v>8328339</v>
      </c>
      <c r="B1164" t="s">
        <v>6076</v>
      </c>
      <c r="C1164" s="1" t="s">
        <v>6077</v>
      </c>
      <c r="E1164">
        <v>2</v>
      </c>
      <c r="F1164">
        <v>5</v>
      </c>
      <c r="H1164" t="s">
        <v>6078</v>
      </c>
      <c r="I1164">
        <v>2</v>
      </c>
      <c r="J1164" t="s">
        <v>6079</v>
      </c>
      <c r="K1164" t="s">
        <v>6079</v>
      </c>
      <c r="M1164">
        <v>7256341</v>
      </c>
      <c r="O1164">
        <v>126574</v>
      </c>
      <c r="P1164">
        <v>1</v>
      </c>
      <c r="Q1164">
        <v>1</v>
      </c>
      <c r="R1164" t="s">
        <v>6080</v>
      </c>
      <c r="S1164">
        <v>629</v>
      </c>
    </row>
    <row r="1165" spans="1:19" x14ac:dyDescent="0.25">
      <c r="A1165">
        <v>5975692</v>
      </c>
      <c r="B1165" t="s">
        <v>6081</v>
      </c>
      <c r="C1165" t="s">
        <v>6082</v>
      </c>
      <c r="D1165">
        <v>5975759</v>
      </c>
      <c r="E1165">
        <v>1</v>
      </c>
      <c r="F1165">
        <v>0</v>
      </c>
      <c r="H1165" t="s">
        <v>6083</v>
      </c>
      <c r="J1165" t="s">
        <v>6084</v>
      </c>
      <c r="O1165">
        <v>381699</v>
      </c>
      <c r="P1165">
        <v>1</v>
      </c>
      <c r="Q1165">
        <v>3</v>
      </c>
      <c r="R1165" t="s">
        <v>6085</v>
      </c>
      <c r="S1165">
        <v>1735</v>
      </c>
    </row>
    <row r="1166" spans="1:19" x14ac:dyDescent="0.25">
      <c r="A1166">
        <v>35042412</v>
      </c>
      <c r="B1166" t="s">
        <v>6086</v>
      </c>
      <c r="C1166" s="1" t="s">
        <v>6087</v>
      </c>
      <c r="E1166">
        <v>3</v>
      </c>
      <c r="F1166">
        <v>3</v>
      </c>
      <c r="H1166" t="s">
        <v>6088</v>
      </c>
      <c r="I1166">
        <v>3</v>
      </c>
      <c r="J1166" t="s">
        <v>6089</v>
      </c>
      <c r="O1166">
        <v>5744071</v>
      </c>
      <c r="P1166">
        <v>1</v>
      </c>
      <c r="Q1166">
        <v>5</v>
      </c>
      <c r="R1166" t="s">
        <v>6090</v>
      </c>
      <c r="S1166">
        <v>3057</v>
      </c>
    </row>
    <row r="1167" spans="1:19" x14ac:dyDescent="0.25">
      <c r="A1167">
        <v>31925460</v>
      </c>
      <c r="B1167" t="s">
        <v>6091</v>
      </c>
      <c r="C1167" s="1" t="s">
        <v>6092</v>
      </c>
      <c r="E1167">
        <v>1</v>
      </c>
      <c r="F1167">
        <v>2</v>
      </c>
      <c r="H1167" t="s">
        <v>6093</v>
      </c>
      <c r="J1167" t="s">
        <v>6094</v>
      </c>
      <c r="K1167" t="s">
        <v>6095</v>
      </c>
      <c r="M1167">
        <v>1974303</v>
      </c>
      <c r="O1167">
        <v>1974303</v>
      </c>
      <c r="P1167">
        <v>1</v>
      </c>
      <c r="Q1167">
        <v>1</v>
      </c>
      <c r="R1167" t="s">
        <v>6096</v>
      </c>
      <c r="S1167">
        <v>119</v>
      </c>
    </row>
    <row r="1168" spans="1:19" x14ac:dyDescent="0.25">
      <c r="A1168">
        <v>25607986</v>
      </c>
      <c r="B1168" t="s">
        <v>6097</v>
      </c>
      <c r="C1168" s="1" t="s">
        <v>6098</v>
      </c>
      <c r="E1168">
        <v>1</v>
      </c>
      <c r="F1168">
        <v>5</v>
      </c>
      <c r="H1168" t="s">
        <v>6099</v>
      </c>
      <c r="I1168">
        <v>0</v>
      </c>
      <c r="J1168" t="s">
        <v>6100</v>
      </c>
      <c r="K1168" t="s">
        <v>6101</v>
      </c>
      <c r="M1168">
        <v>2754166</v>
      </c>
      <c r="O1168">
        <v>3997483</v>
      </c>
      <c r="P1168">
        <v>1</v>
      </c>
      <c r="Q1168">
        <v>1</v>
      </c>
      <c r="R1168" t="s">
        <v>6102</v>
      </c>
      <c r="S1168">
        <v>125</v>
      </c>
    </row>
    <row r="1169" spans="1:19" x14ac:dyDescent="0.25">
      <c r="A1169">
        <v>3675646</v>
      </c>
      <c r="B1169" t="s">
        <v>6103</v>
      </c>
      <c r="C1169" s="1" t="s">
        <v>6104</v>
      </c>
      <c r="E1169">
        <v>6</v>
      </c>
      <c r="F1169">
        <v>3</v>
      </c>
      <c r="H1169" t="s">
        <v>6105</v>
      </c>
      <c r="I1169">
        <v>1</v>
      </c>
      <c r="J1169" t="s">
        <v>6106</v>
      </c>
      <c r="K1169" t="s">
        <v>6107</v>
      </c>
      <c r="M1169">
        <v>78259</v>
      </c>
      <c r="O1169">
        <v>443293</v>
      </c>
      <c r="P1169">
        <v>1</v>
      </c>
      <c r="Q1169">
        <v>2</v>
      </c>
      <c r="R1169" t="s">
        <v>6108</v>
      </c>
      <c r="S1169">
        <v>16031</v>
      </c>
    </row>
    <row r="1170" spans="1:19" x14ac:dyDescent="0.25">
      <c r="A1170">
        <v>52062694</v>
      </c>
      <c r="B1170" t="s">
        <v>6109</v>
      </c>
      <c r="C1170" s="1" t="s">
        <v>6110</v>
      </c>
      <c r="E1170">
        <v>0</v>
      </c>
      <c r="F1170">
        <v>2</v>
      </c>
      <c r="H1170" t="s">
        <v>6111</v>
      </c>
      <c r="J1170" t="s">
        <v>6111</v>
      </c>
      <c r="O1170">
        <v>10261319</v>
      </c>
      <c r="P1170">
        <v>1</v>
      </c>
      <c r="Q1170">
        <v>0</v>
      </c>
      <c r="R1170" t="s">
        <v>6112</v>
      </c>
      <c r="S1170">
        <v>46</v>
      </c>
    </row>
    <row r="1171" spans="1:19" x14ac:dyDescent="0.25">
      <c r="A1171">
        <v>7526569</v>
      </c>
      <c r="B1171" t="s">
        <v>6113</v>
      </c>
      <c r="C1171" s="1" t="s">
        <v>6114</v>
      </c>
      <c r="D1171">
        <v>7526635</v>
      </c>
      <c r="E1171">
        <v>3</v>
      </c>
      <c r="F1171">
        <v>2</v>
      </c>
      <c r="H1171" t="s">
        <v>6115</v>
      </c>
      <c r="J1171" t="s">
        <v>6116</v>
      </c>
      <c r="K1171" t="s">
        <v>6116</v>
      </c>
      <c r="M1171">
        <v>376753</v>
      </c>
      <c r="O1171">
        <v>376753</v>
      </c>
      <c r="P1171">
        <v>1</v>
      </c>
      <c r="Q1171">
        <v>0</v>
      </c>
      <c r="R1171" t="s">
        <v>6117</v>
      </c>
      <c r="S1171">
        <v>702</v>
      </c>
    </row>
    <row r="1172" spans="1:19" x14ac:dyDescent="0.25">
      <c r="A1172">
        <v>24507132</v>
      </c>
      <c r="B1172" t="s">
        <v>6118</v>
      </c>
      <c r="C1172" s="1" t="s">
        <v>6119</v>
      </c>
      <c r="D1172">
        <v>24509145</v>
      </c>
      <c r="E1172">
        <v>1</v>
      </c>
      <c r="F1172">
        <v>2</v>
      </c>
      <c r="H1172" t="s">
        <v>6120</v>
      </c>
      <c r="J1172" t="s">
        <v>6121</v>
      </c>
      <c r="K1172" t="s">
        <v>6122</v>
      </c>
      <c r="M1172">
        <v>3093319</v>
      </c>
      <c r="O1172">
        <v>1393671</v>
      </c>
      <c r="P1172">
        <v>1</v>
      </c>
      <c r="Q1172">
        <v>0</v>
      </c>
      <c r="R1172" t="s">
        <v>6123</v>
      </c>
      <c r="S1172">
        <v>433</v>
      </c>
    </row>
    <row r="1173" spans="1:19" x14ac:dyDescent="0.25">
      <c r="A1173">
        <v>30923352</v>
      </c>
      <c r="B1173" t="s">
        <v>6124</v>
      </c>
      <c r="C1173" s="1" t="s">
        <v>6125</v>
      </c>
      <c r="D1173">
        <v>30923690</v>
      </c>
      <c r="E1173">
        <v>3</v>
      </c>
      <c r="F1173">
        <v>0</v>
      </c>
      <c r="H1173" t="s">
        <v>6126</v>
      </c>
      <c r="J1173" t="s">
        <v>6127</v>
      </c>
      <c r="K1173" t="s">
        <v>6128</v>
      </c>
      <c r="M1173">
        <v>5021359</v>
      </c>
      <c r="O1173">
        <v>5025349</v>
      </c>
      <c r="P1173">
        <v>1</v>
      </c>
      <c r="Q1173">
        <v>1</v>
      </c>
      <c r="R1173" t="s">
        <v>6129</v>
      </c>
      <c r="S1173">
        <v>1542</v>
      </c>
    </row>
    <row r="1174" spans="1:19" x14ac:dyDescent="0.25">
      <c r="A1174">
        <v>10330417</v>
      </c>
      <c r="B1174" t="s">
        <v>6130</v>
      </c>
      <c r="C1174" s="1" t="s">
        <v>6131</v>
      </c>
      <c r="D1174">
        <v>10332183</v>
      </c>
      <c r="E1174">
        <v>1</v>
      </c>
      <c r="F1174">
        <v>0</v>
      </c>
      <c r="H1174" t="s">
        <v>6132</v>
      </c>
      <c r="J1174" t="s">
        <v>6133</v>
      </c>
      <c r="O1174">
        <v>525016</v>
      </c>
      <c r="P1174">
        <v>1</v>
      </c>
      <c r="Q1174">
        <v>0</v>
      </c>
      <c r="R1174" t="s">
        <v>6134</v>
      </c>
      <c r="S1174">
        <v>1878</v>
      </c>
    </row>
    <row r="1175" spans="1:19" x14ac:dyDescent="0.25">
      <c r="A1175">
        <v>50500635</v>
      </c>
      <c r="B1175" t="s">
        <v>6135</v>
      </c>
      <c r="C1175" s="1" t="s">
        <v>6136</v>
      </c>
      <c r="D1175">
        <v>50501054</v>
      </c>
      <c r="E1175">
        <v>1</v>
      </c>
      <c r="F1175">
        <v>0</v>
      </c>
      <c r="H1175" t="s">
        <v>6137</v>
      </c>
      <c r="J1175" t="s">
        <v>6138</v>
      </c>
      <c r="O1175">
        <v>5928180</v>
      </c>
      <c r="P1175">
        <v>1</v>
      </c>
      <c r="Q1175">
        <v>0</v>
      </c>
      <c r="R1175" t="s">
        <v>6139</v>
      </c>
      <c r="S1175">
        <v>34</v>
      </c>
    </row>
    <row r="1176" spans="1:19" x14ac:dyDescent="0.25">
      <c r="A1176">
        <v>47685145</v>
      </c>
      <c r="B1176" t="s">
        <v>6140</v>
      </c>
      <c r="C1176" s="1" t="s">
        <v>6141</v>
      </c>
      <c r="E1176">
        <v>1</v>
      </c>
      <c r="F1176">
        <v>2</v>
      </c>
      <c r="H1176" t="s">
        <v>6142</v>
      </c>
      <c r="J1176" t="s">
        <v>6143</v>
      </c>
      <c r="O1176">
        <v>7775961</v>
      </c>
      <c r="P1176">
        <v>1</v>
      </c>
      <c r="Q1176">
        <v>0</v>
      </c>
      <c r="R1176" t="s">
        <v>6144</v>
      </c>
      <c r="S1176">
        <v>40</v>
      </c>
    </row>
    <row r="1177" spans="1:19" x14ac:dyDescent="0.25">
      <c r="A1177">
        <v>2868341</v>
      </c>
      <c r="B1177" t="s">
        <v>6145</v>
      </c>
      <c r="C1177" s="1" t="s">
        <v>6146</v>
      </c>
      <c r="D1177">
        <v>2868755</v>
      </c>
      <c r="E1177">
        <v>2</v>
      </c>
      <c r="F1177">
        <v>1</v>
      </c>
      <c r="H1177" t="s">
        <v>6147</v>
      </c>
      <c r="I1177">
        <v>1</v>
      </c>
      <c r="J1177" t="s">
        <v>6148</v>
      </c>
      <c r="O1177">
        <v>238100</v>
      </c>
      <c r="P1177">
        <v>1</v>
      </c>
      <c r="Q1177">
        <v>6</v>
      </c>
      <c r="R1177" t="s">
        <v>6149</v>
      </c>
      <c r="S1177">
        <v>1668</v>
      </c>
    </row>
    <row r="1178" spans="1:19" x14ac:dyDescent="0.25">
      <c r="A1178">
        <v>44970878</v>
      </c>
      <c r="B1178" t="s">
        <v>6150</v>
      </c>
      <c r="C1178" s="1" t="s">
        <v>6151</v>
      </c>
      <c r="D1178">
        <v>44970946</v>
      </c>
      <c r="E1178">
        <v>1</v>
      </c>
      <c r="F1178">
        <v>0</v>
      </c>
      <c r="H1178" t="s">
        <v>6152</v>
      </c>
      <c r="J1178" t="s">
        <v>6153</v>
      </c>
      <c r="O1178">
        <v>3913366</v>
      </c>
      <c r="P1178">
        <v>1</v>
      </c>
      <c r="Q1178">
        <v>2</v>
      </c>
      <c r="R1178" t="s">
        <v>1759</v>
      </c>
      <c r="S1178">
        <v>143</v>
      </c>
    </row>
    <row r="1179" spans="1:19" x14ac:dyDescent="0.25">
      <c r="A1179">
        <v>10540094</v>
      </c>
      <c r="B1179" t="s">
        <v>6154</v>
      </c>
      <c r="C1179" s="1" t="s">
        <v>6155</v>
      </c>
      <c r="D1179">
        <v>10540655</v>
      </c>
      <c r="E1179">
        <v>1</v>
      </c>
      <c r="F1179">
        <v>6</v>
      </c>
      <c r="H1179" t="s">
        <v>6156</v>
      </c>
      <c r="J1179" t="s">
        <v>6157</v>
      </c>
      <c r="K1179" t="s">
        <v>6157</v>
      </c>
      <c r="M1179">
        <v>387076</v>
      </c>
      <c r="O1179">
        <v>1333385</v>
      </c>
      <c r="P1179">
        <v>1</v>
      </c>
      <c r="Q1179">
        <v>2</v>
      </c>
      <c r="R1179" t="s">
        <v>6158</v>
      </c>
      <c r="S1179">
        <v>272</v>
      </c>
    </row>
    <row r="1180" spans="1:19" x14ac:dyDescent="0.25">
      <c r="A1180">
        <v>2806875</v>
      </c>
      <c r="B1180" t="s">
        <v>6159</v>
      </c>
      <c r="C1180" s="1" t="s">
        <v>6160</v>
      </c>
      <c r="D1180">
        <v>2852450</v>
      </c>
      <c r="E1180">
        <v>2</v>
      </c>
      <c r="F1180">
        <v>3</v>
      </c>
      <c r="H1180" t="s">
        <v>6161</v>
      </c>
      <c r="J1180" t="s">
        <v>6162</v>
      </c>
      <c r="K1180" t="s">
        <v>6163</v>
      </c>
      <c r="M1180">
        <v>253315</v>
      </c>
      <c r="O1180">
        <v>253315</v>
      </c>
      <c r="P1180">
        <v>1</v>
      </c>
      <c r="Q1180">
        <v>0</v>
      </c>
      <c r="R1180" t="s">
        <v>6164</v>
      </c>
      <c r="S1180">
        <v>136</v>
      </c>
    </row>
    <row r="1181" spans="1:19" x14ac:dyDescent="0.25">
      <c r="A1181">
        <v>51669820</v>
      </c>
      <c r="B1181" t="s">
        <v>6165</v>
      </c>
      <c r="C1181" s="1" t="s">
        <v>6166</v>
      </c>
      <c r="D1181">
        <v>51670098</v>
      </c>
      <c r="E1181">
        <v>2</v>
      </c>
      <c r="F1181">
        <v>4</v>
      </c>
      <c r="H1181" t="s">
        <v>6167</v>
      </c>
      <c r="J1181" t="s">
        <v>6168</v>
      </c>
      <c r="O1181">
        <v>8778583</v>
      </c>
      <c r="P1181">
        <v>1</v>
      </c>
      <c r="Q1181">
        <v>1</v>
      </c>
      <c r="R1181" t="s">
        <v>2867</v>
      </c>
      <c r="S1181">
        <v>107</v>
      </c>
    </row>
    <row r="1182" spans="1:19" x14ac:dyDescent="0.25">
      <c r="A1182">
        <v>16513934</v>
      </c>
      <c r="B1182" t="s">
        <v>6169</v>
      </c>
      <c r="C1182" s="1" t="s">
        <v>6170</v>
      </c>
      <c r="D1182">
        <v>16514716</v>
      </c>
      <c r="E1182">
        <v>1</v>
      </c>
      <c r="F1182">
        <v>0</v>
      </c>
      <c r="H1182" t="s">
        <v>6171</v>
      </c>
      <c r="I1182">
        <v>1</v>
      </c>
      <c r="J1182" t="s">
        <v>6172</v>
      </c>
      <c r="K1182" t="s">
        <v>6172</v>
      </c>
      <c r="M1182">
        <v>3641812</v>
      </c>
      <c r="O1182">
        <v>1599242</v>
      </c>
      <c r="P1182">
        <v>1</v>
      </c>
      <c r="Q1182">
        <v>5</v>
      </c>
      <c r="R1182" t="s">
        <v>6173</v>
      </c>
      <c r="S1182">
        <v>4270</v>
      </c>
    </row>
    <row r="1183" spans="1:19" x14ac:dyDescent="0.25">
      <c r="A1183">
        <v>1305804</v>
      </c>
      <c r="B1183" t="s">
        <v>6174</v>
      </c>
      <c r="C1183" s="1" t="s">
        <v>6175</v>
      </c>
      <c r="D1183">
        <v>10175295</v>
      </c>
      <c r="E1183">
        <v>4</v>
      </c>
      <c r="F1183">
        <v>0</v>
      </c>
      <c r="H1183" t="s">
        <v>6176</v>
      </c>
      <c r="I1183">
        <v>3</v>
      </c>
      <c r="J1183" t="s">
        <v>6177</v>
      </c>
      <c r="O1183">
        <v>24760</v>
      </c>
      <c r="P1183">
        <v>1</v>
      </c>
      <c r="Q1183">
        <v>7</v>
      </c>
      <c r="R1183" t="s">
        <v>6178</v>
      </c>
      <c r="S1183">
        <v>24006</v>
      </c>
    </row>
    <row r="1184" spans="1:19" x14ac:dyDescent="0.25">
      <c r="A1184">
        <v>19364148</v>
      </c>
      <c r="B1184" t="s">
        <v>6179</v>
      </c>
      <c r="C1184" s="1" t="s">
        <v>6180</v>
      </c>
      <c r="E1184">
        <v>1</v>
      </c>
      <c r="F1184">
        <v>0</v>
      </c>
      <c r="H1184" t="s">
        <v>6181</v>
      </c>
      <c r="J1184" t="s">
        <v>6182</v>
      </c>
      <c r="O1184">
        <v>1970286</v>
      </c>
      <c r="P1184">
        <v>1</v>
      </c>
      <c r="Q1184">
        <v>0</v>
      </c>
      <c r="R1184" t="s">
        <v>6183</v>
      </c>
      <c r="S1184">
        <v>494</v>
      </c>
    </row>
    <row r="1185" spans="1:19" x14ac:dyDescent="0.25">
      <c r="A1185">
        <v>15254210</v>
      </c>
      <c r="B1185" t="s">
        <v>6184</v>
      </c>
      <c r="C1185" s="1" t="s">
        <v>6185</v>
      </c>
      <c r="D1185">
        <v>15254387</v>
      </c>
      <c r="E1185">
        <v>2</v>
      </c>
      <c r="F1185">
        <v>2</v>
      </c>
      <c r="H1185" t="s">
        <v>6186</v>
      </c>
      <c r="J1185" t="s">
        <v>6187</v>
      </c>
      <c r="O1185">
        <v>226897</v>
      </c>
      <c r="P1185">
        <v>1</v>
      </c>
      <c r="Q1185">
        <v>0</v>
      </c>
      <c r="R1185" t="s">
        <v>6188</v>
      </c>
      <c r="S1185">
        <v>3322</v>
      </c>
    </row>
    <row r="1186" spans="1:19" x14ac:dyDescent="0.25">
      <c r="A1186">
        <v>44102876</v>
      </c>
      <c r="B1186" t="s">
        <v>6189</v>
      </c>
      <c r="C1186" s="1" t="s">
        <v>6190</v>
      </c>
      <c r="E1186">
        <v>1</v>
      </c>
      <c r="F1186">
        <v>1</v>
      </c>
      <c r="H1186" t="s">
        <v>6191</v>
      </c>
      <c r="J1186" t="s">
        <v>6192</v>
      </c>
      <c r="K1186" t="s">
        <v>6193</v>
      </c>
      <c r="M1186">
        <v>6691834</v>
      </c>
      <c r="O1186">
        <v>6691834</v>
      </c>
      <c r="P1186">
        <v>1</v>
      </c>
      <c r="Q1186">
        <v>0</v>
      </c>
      <c r="R1186" t="s">
        <v>871</v>
      </c>
      <c r="S1186">
        <v>27</v>
      </c>
    </row>
    <row r="1187" spans="1:19" x14ac:dyDescent="0.25">
      <c r="A1187">
        <v>35730424</v>
      </c>
      <c r="B1187" t="s">
        <v>6194</v>
      </c>
      <c r="C1187" s="1" t="s">
        <v>6195</v>
      </c>
      <c r="D1187">
        <v>35733088</v>
      </c>
      <c r="E1187">
        <v>1</v>
      </c>
      <c r="F1187">
        <v>8</v>
      </c>
      <c r="H1187" t="s">
        <v>6196</v>
      </c>
      <c r="J1187" t="s">
        <v>6197</v>
      </c>
      <c r="K1187" t="s">
        <v>6197</v>
      </c>
      <c r="M1187">
        <v>3697273</v>
      </c>
      <c r="O1187">
        <v>2449276</v>
      </c>
      <c r="P1187">
        <v>1</v>
      </c>
      <c r="Q1187">
        <v>0</v>
      </c>
      <c r="R1187" t="s">
        <v>6198</v>
      </c>
      <c r="S1187">
        <v>223</v>
      </c>
    </row>
    <row r="1188" spans="1:19" x14ac:dyDescent="0.25">
      <c r="A1188">
        <v>12891488</v>
      </c>
      <c r="B1188" t="s">
        <v>6199</v>
      </c>
      <c r="C1188" s="1" t="s">
        <v>6200</v>
      </c>
      <c r="D1188">
        <v>12910592</v>
      </c>
      <c r="E1188">
        <v>2</v>
      </c>
      <c r="F1188">
        <v>0</v>
      </c>
      <c r="H1188" t="s">
        <v>6201</v>
      </c>
      <c r="J1188" t="s">
        <v>6202</v>
      </c>
      <c r="K1188" t="s">
        <v>6203</v>
      </c>
      <c r="M1188">
        <v>411615</v>
      </c>
      <c r="O1188">
        <v>411615</v>
      </c>
      <c r="P1188">
        <v>1</v>
      </c>
      <c r="Q1188">
        <v>1</v>
      </c>
      <c r="R1188" t="s">
        <v>6204</v>
      </c>
      <c r="S1188">
        <v>3826</v>
      </c>
    </row>
    <row r="1189" spans="1:19" x14ac:dyDescent="0.25">
      <c r="A1189">
        <v>4104197</v>
      </c>
      <c r="B1189" t="s">
        <v>6205</v>
      </c>
      <c r="C1189" s="1" t="s">
        <v>6206</v>
      </c>
      <c r="D1189">
        <v>4105883</v>
      </c>
      <c r="E1189">
        <v>1</v>
      </c>
      <c r="F1189">
        <v>0</v>
      </c>
      <c r="H1189" t="s">
        <v>6207</v>
      </c>
      <c r="J1189" t="s">
        <v>6208</v>
      </c>
      <c r="O1189">
        <v>136162</v>
      </c>
      <c r="P1189">
        <v>1</v>
      </c>
      <c r="Q1189">
        <v>2</v>
      </c>
      <c r="R1189" t="s">
        <v>6209</v>
      </c>
      <c r="S1189">
        <v>1044</v>
      </c>
    </row>
    <row r="1190" spans="1:19" x14ac:dyDescent="0.25">
      <c r="A1190">
        <v>39963774</v>
      </c>
      <c r="B1190" t="s">
        <v>6210</v>
      </c>
      <c r="C1190" s="1" t="s">
        <v>6211</v>
      </c>
      <c r="E1190">
        <v>4</v>
      </c>
      <c r="F1190">
        <v>3</v>
      </c>
      <c r="H1190" t="s">
        <v>6212</v>
      </c>
      <c r="J1190" t="s">
        <v>6213</v>
      </c>
      <c r="K1190" t="s">
        <v>6213</v>
      </c>
      <c r="M1190">
        <v>6392939</v>
      </c>
      <c r="O1190">
        <v>6163161</v>
      </c>
      <c r="P1190">
        <v>1</v>
      </c>
      <c r="Q1190">
        <v>1</v>
      </c>
      <c r="R1190" t="s">
        <v>351</v>
      </c>
      <c r="S1190">
        <v>86</v>
      </c>
    </row>
    <row r="1191" spans="1:19" x14ac:dyDescent="0.25">
      <c r="A1191">
        <v>47087766</v>
      </c>
      <c r="B1191" t="s">
        <v>6214</v>
      </c>
      <c r="C1191" s="1" t="s">
        <v>6215</v>
      </c>
      <c r="D1191">
        <v>47088002</v>
      </c>
      <c r="E1191">
        <v>1</v>
      </c>
      <c r="F1191">
        <v>5</v>
      </c>
      <c r="H1191" t="s">
        <v>6216</v>
      </c>
      <c r="J1191" t="s">
        <v>6217</v>
      </c>
      <c r="O1191">
        <v>1017674</v>
      </c>
      <c r="P1191">
        <v>1</v>
      </c>
      <c r="Q1191">
        <v>1</v>
      </c>
      <c r="R1191" t="s">
        <v>6218</v>
      </c>
      <c r="S1191">
        <v>52</v>
      </c>
    </row>
    <row r="1192" spans="1:19" x14ac:dyDescent="0.25">
      <c r="A1192">
        <v>29605698</v>
      </c>
      <c r="B1192" t="s">
        <v>6219</v>
      </c>
      <c r="C1192" s="1" t="s">
        <v>6220</v>
      </c>
      <c r="E1192">
        <v>2</v>
      </c>
      <c r="F1192">
        <v>1</v>
      </c>
      <c r="H1192" t="s">
        <v>6221</v>
      </c>
      <c r="J1192" t="s">
        <v>6222</v>
      </c>
      <c r="K1192" t="s">
        <v>6222</v>
      </c>
      <c r="M1192">
        <v>1743880</v>
      </c>
      <c r="O1192">
        <v>4455726</v>
      </c>
      <c r="P1192">
        <v>1</v>
      </c>
      <c r="Q1192">
        <v>2</v>
      </c>
      <c r="R1192" t="s">
        <v>6223</v>
      </c>
      <c r="S1192">
        <v>891</v>
      </c>
    </row>
    <row r="1193" spans="1:19" x14ac:dyDescent="0.25">
      <c r="A1193">
        <v>32704735</v>
      </c>
      <c r="B1193" t="s">
        <v>6224</v>
      </c>
      <c r="C1193" s="1" t="s">
        <v>6225</v>
      </c>
      <c r="D1193">
        <v>32723691</v>
      </c>
      <c r="E1193">
        <v>2</v>
      </c>
      <c r="F1193">
        <v>0</v>
      </c>
      <c r="H1193" t="s">
        <v>6226</v>
      </c>
      <c r="I1193">
        <v>0</v>
      </c>
      <c r="J1193" t="s">
        <v>6227</v>
      </c>
      <c r="K1193" t="s">
        <v>6228</v>
      </c>
      <c r="M1193">
        <v>3998402</v>
      </c>
      <c r="O1193">
        <v>3998402</v>
      </c>
      <c r="P1193">
        <v>1</v>
      </c>
      <c r="Q1193">
        <v>0</v>
      </c>
      <c r="R1193" t="s">
        <v>6229</v>
      </c>
      <c r="S1193">
        <v>168</v>
      </c>
    </row>
    <row r="1194" spans="1:19" x14ac:dyDescent="0.25">
      <c r="A1194">
        <v>48024232</v>
      </c>
      <c r="B1194" t="s">
        <v>6230</v>
      </c>
      <c r="C1194" s="1" t="s">
        <v>6231</v>
      </c>
      <c r="D1194">
        <v>48024593</v>
      </c>
      <c r="E1194">
        <v>1</v>
      </c>
      <c r="F1194">
        <v>4</v>
      </c>
      <c r="H1194" t="s">
        <v>6232</v>
      </c>
      <c r="J1194" t="s">
        <v>6233</v>
      </c>
      <c r="K1194" t="s">
        <v>6234</v>
      </c>
      <c r="M1194">
        <v>8103785</v>
      </c>
      <c r="O1194">
        <v>8103785</v>
      </c>
      <c r="P1194">
        <v>1</v>
      </c>
      <c r="Q1194">
        <v>-3</v>
      </c>
      <c r="R1194" t="s">
        <v>6235</v>
      </c>
      <c r="S1194">
        <v>211</v>
      </c>
    </row>
    <row r="1195" spans="1:19" x14ac:dyDescent="0.25">
      <c r="A1195">
        <v>52692116</v>
      </c>
      <c r="B1195" t="s">
        <v>6236</v>
      </c>
      <c r="C1195" s="1" t="s">
        <v>6237</v>
      </c>
      <c r="D1195">
        <v>52692230</v>
      </c>
      <c r="E1195">
        <v>2</v>
      </c>
      <c r="F1195">
        <v>0</v>
      </c>
      <c r="H1195" t="s">
        <v>6238</v>
      </c>
      <c r="J1195" t="s">
        <v>6239</v>
      </c>
      <c r="O1195">
        <v>6303778</v>
      </c>
      <c r="P1195">
        <v>1</v>
      </c>
      <c r="Q1195">
        <v>1</v>
      </c>
      <c r="R1195" t="s">
        <v>6240</v>
      </c>
      <c r="S1195">
        <v>48</v>
      </c>
    </row>
    <row r="1196" spans="1:19" x14ac:dyDescent="0.25">
      <c r="A1196">
        <v>2461188</v>
      </c>
      <c r="B1196" t="s">
        <v>6241</v>
      </c>
      <c r="C1196" s="1" t="s">
        <v>6242</v>
      </c>
      <c r="E1196">
        <v>1</v>
      </c>
      <c r="F1196">
        <v>2</v>
      </c>
      <c r="H1196" t="s">
        <v>6243</v>
      </c>
      <c r="J1196" t="s">
        <v>6244</v>
      </c>
      <c r="K1196" t="s">
        <v>6245</v>
      </c>
      <c r="M1196">
        <v>21234</v>
      </c>
      <c r="O1196">
        <v>292256</v>
      </c>
      <c r="P1196">
        <v>1</v>
      </c>
      <c r="Q1196">
        <v>1</v>
      </c>
      <c r="R1196" t="s">
        <v>6246</v>
      </c>
      <c r="S1196">
        <v>138</v>
      </c>
    </row>
    <row r="1197" spans="1:19" x14ac:dyDescent="0.25">
      <c r="A1197">
        <v>18917745</v>
      </c>
      <c r="B1197" t="s">
        <v>6247</v>
      </c>
      <c r="C1197" t="s">
        <v>6248</v>
      </c>
      <c r="E1197">
        <v>1</v>
      </c>
      <c r="F1197">
        <v>0</v>
      </c>
      <c r="H1197" t="s">
        <v>6249</v>
      </c>
      <c r="I1197">
        <v>1</v>
      </c>
      <c r="J1197" t="s">
        <v>6250</v>
      </c>
      <c r="K1197" t="s">
        <v>6250</v>
      </c>
      <c r="M1197">
        <v>366898</v>
      </c>
      <c r="O1197">
        <v>1142530</v>
      </c>
      <c r="P1197">
        <v>1</v>
      </c>
      <c r="Q1197">
        <v>1</v>
      </c>
      <c r="R1197" t="s">
        <v>6251</v>
      </c>
      <c r="S1197">
        <v>233</v>
      </c>
    </row>
    <row r="1198" spans="1:19" x14ac:dyDescent="0.25">
      <c r="A1198">
        <v>51684152</v>
      </c>
      <c r="B1198" t="s">
        <v>6252</v>
      </c>
      <c r="C1198" s="1" t="s">
        <v>6253</v>
      </c>
      <c r="E1198">
        <v>1</v>
      </c>
      <c r="F1198">
        <v>1</v>
      </c>
      <c r="H1198" t="s">
        <v>6254</v>
      </c>
      <c r="J1198" t="s">
        <v>6255</v>
      </c>
      <c r="O1198">
        <v>2511309</v>
      </c>
      <c r="P1198">
        <v>1</v>
      </c>
      <c r="Q1198">
        <v>1</v>
      </c>
      <c r="R1198" t="s">
        <v>6256</v>
      </c>
      <c r="S1198">
        <v>30</v>
      </c>
    </row>
    <row r="1199" spans="1:19" x14ac:dyDescent="0.25">
      <c r="A1199">
        <v>4090891</v>
      </c>
      <c r="B1199" t="s">
        <v>6257</v>
      </c>
      <c r="C1199" s="1" t="s">
        <v>6258</v>
      </c>
      <c r="D1199">
        <v>4091364</v>
      </c>
      <c r="E1199">
        <v>2</v>
      </c>
      <c r="F1199">
        <v>6</v>
      </c>
      <c r="H1199" t="s">
        <v>6259</v>
      </c>
      <c r="J1199" t="s">
        <v>6260</v>
      </c>
      <c r="K1199" t="s">
        <v>6260</v>
      </c>
      <c r="M1199">
        <v>5021359</v>
      </c>
      <c r="O1199">
        <v>99463</v>
      </c>
      <c r="P1199">
        <v>1</v>
      </c>
      <c r="Q1199">
        <v>3</v>
      </c>
      <c r="R1199" t="s">
        <v>6261</v>
      </c>
      <c r="S1199">
        <v>1553</v>
      </c>
    </row>
    <row r="1200" spans="1:19" x14ac:dyDescent="0.25">
      <c r="A1200">
        <v>40475091</v>
      </c>
      <c r="B1200" t="s">
        <v>6262</v>
      </c>
      <c r="C1200" s="1" t="s">
        <v>6263</v>
      </c>
      <c r="D1200">
        <v>40475462</v>
      </c>
      <c r="E1200">
        <v>1</v>
      </c>
      <c r="F1200">
        <v>0</v>
      </c>
      <c r="H1200" t="s">
        <v>6264</v>
      </c>
      <c r="I1200">
        <v>2</v>
      </c>
      <c r="J1200" t="s">
        <v>6265</v>
      </c>
      <c r="K1200" t="s">
        <v>6265</v>
      </c>
      <c r="M1200">
        <v>2389327</v>
      </c>
      <c r="O1200">
        <v>2049278</v>
      </c>
      <c r="P1200">
        <v>1</v>
      </c>
      <c r="Q1200">
        <v>3</v>
      </c>
      <c r="R1200" t="s">
        <v>6266</v>
      </c>
      <c r="S1200">
        <v>339</v>
      </c>
    </row>
    <row r="1201" spans="1:19" x14ac:dyDescent="0.25">
      <c r="A1201">
        <v>23788385</v>
      </c>
      <c r="B1201" t="s">
        <v>6267</v>
      </c>
      <c r="C1201" s="1" t="s">
        <v>6268</v>
      </c>
      <c r="E1201">
        <v>1</v>
      </c>
      <c r="F1201">
        <v>0</v>
      </c>
      <c r="H1201" t="s">
        <v>6269</v>
      </c>
      <c r="J1201" t="s">
        <v>6270</v>
      </c>
      <c r="O1201">
        <v>3660533</v>
      </c>
      <c r="P1201">
        <v>1</v>
      </c>
      <c r="Q1201">
        <v>0</v>
      </c>
      <c r="R1201" t="s">
        <v>6271</v>
      </c>
      <c r="S1201">
        <v>220</v>
      </c>
    </row>
    <row r="1202" spans="1:19" x14ac:dyDescent="0.25">
      <c r="A1202">
        <v>23576558</v>
      </c>
      <c r="B1202" t="s">
        <v>6272</v>
      </c>
      <c r="C1202" s="1" t="s">
        <v>6273</v>
      </c>
      <c r="E1202">
        <v>1</v>
      </c>
      <c r="F1202">
        <v>0</v>
      </c>
      <c r="H1202" t="s">
        <v>6274</v>
      </c>
      <c r="J1202" t="s">
        <v>6275</v>
      </c>
      <c r="K1202" t="s">
        <v>6276</v>
      </c>
      <c r="M1202">
        <v>1530508</v>
      </c>
      <c r="O1202">
        <v>3545291</v>
      </c>
      <c r="P1202">
        <v>1</v>
      </c>
      <c r="Q1202">
        <v>-3</v>
      </c>
      <c r="R1202" t="s">
        <v>6277</v>
      </c>
      <c r="S1202">
        <v>46</v>
      </c>
    </row>
    <row r="1203" spans="1:19" x14ac:dyDescent="0.25">
      <c r="A1203">
        <v>36770154</v>
      </c>
      <c r="B1203" t="s">
        <v>6278</v>
      </c>
      <c r="C1203" s="1" t="s">
        <v>6279</v>
      </c>
      <c r="D1203">
        <v>36770408</v>
      </c>
      <c r="E1203">
        <v>2</v>
      </c>
      <c r="F1203">
        <v>5</v>
      </c>
      <c r="H1203" t="s">
        <v>6280</v>
      </c>
      <c r="J1203" t="s">
        <v>6281</v>
      </c>
      <c r="K1203" t="s">
        <v>6282</v>
      </c>
      <c r="M1203">
        <v>4501480</v>
      </c>
      <c r="O1203">
        <v>5811139</v>
      </c>
      <c r="P1203">
        <v>1</v>
      </c>
      <c r="Q1203">
        <v>-1</v>
      </c>
      <c r="R1203" t="s">
        <v>6283</v>
      </c>
      <c r="S1203">
        <v>403</v>
      </c>
    </row>
    <row r="1204" spans="1:19" x14ac:dyDescent="0.25">
      <c r="A1204">
        <v>3474506</v>
      </c>
      <c r="B1204" t="s">
        <v>6284</v>
      </c>
      <c r="C1204" s="1" t="s">
        <v>6285</v>
      </c>
      <c r="D1204">
        <v>3486952</v>
      </c>
      <c r="E1204">
        <v>1</v>
      </c>
      <c r="F1204">
        <v>0</v>
      </c>
      <c r="H1204" t="s">
        <v>6286</v>
      </c>
      <c r="I1204">
        <v>1</v>
      </c>
      <c r="J1204" t="s">
        <v>6287</v>
      </c>
      <c r="K1204" t="s">
        <v>6288</v>
      </c>
      <c r="M1204">
        <v>118437</v>
      </c>
      <c r="O1204">
        <v>118437</v>
      </c>
      <c r="P1204">
        <v>1</v>
      </c>
      <c r="Q1204">
        <v>1</v>
      </c>
      <c r="R1204" t="s">
        <v>6289</v>
      </c>
      <c r="S1204">
        <v>758</v>
      </c>
    </row>
    <row r="1205" spans="1:19" x14ac:dyDescent="0.25">
      <c r="A1205">
        <v>38155892</v>
      </c>
      <c r="B1205" t="s">
        <v>6290</v>
      </c>
      <c r="C1205" s="1" t="s">
        <v>6291</v>
      </c>
      <c r="E1205">
        <v>3</v>
      </c>
      <c r="F1205">
        <v>0</v>
      </c>
      <c r="H1205" t="s">
        <v>6292</v>
      </c>
      <c r="J1205" t="s">
        <v>6293</v>
      </c>
      <c r="K1205" t="s">
        <v>6293</v>
      </c>
      <c r="M1205">
        <v>1033581</v>
      </c>
      <c r="O1205">
        <v>6506240</v>
      </c>
      <c r="P1205">
        <v>1</v>
      </c>
      <c r="Q1205">
        <v>0</v>
      </c>
      <c r="R1205" t="s">
        <v>6294</v>
      </c>
      <c r="S1205">
        <v>621</v>
      </c>
    </row>
    <row r="1206" spans="1:19" x14ac:dyDescent="0.25">
      <c r="A1206">
        <v>39014174</v>
      </c>
      <c r="B1206" t="s">
        <v>6295</v>
      </c>
      <c r="C1206" s="1" t="s">
        <v>6296</v>
      </c>
      <c r="E1206">
        <v>0</v>
      </c>
      <c r="F1206">
        <v>4</v>
      </c>
      <c r="H1206" t="s">
        <v>6297</v>
      </c>
      <c r="J1206" t="s">
        <v>6297</v>
      </c>
      <c r="O1206">
        <v>1245566</v>
      </c>
      <c r="P1206">
        <v>1</v>
      </c>
      <c r="Q1206">
        <v>0</v>
      </c>
      <c r="R1206" t="s">
        <v>6298</v>
      </c>
      <c r="S1206">
        <v>45</v>
      </c>
    </row>
    <row r="1207" spans="1:19" x14ac:dyDescent="0.25">
      <c r="A1207">
        <v>19571183</v>
      </c>
      <c r="B1207" t="s">
        <v>6299</v>
      </c>
      <c r="C1207" s="1" t="s">
        <v>6300</v>
      </c>
      <c r="E1207">
        <v>1</v>
      </c>
      <c r="F1207">
        <v>4</v>
      </c>
      <c r="H1207" t="s">
        <v>6301</v>
      </c>
      <c r="J1207" t="s">
        <v>6302</v>
      </c>
      <c r="O1207">
        <v>1700513</v>
      </c>
      <c r="P1207">
        <v>1</v>
      </c>
      <c r="Q1207">
        <v>1</v>
      </c>
      <c r="R1207" t="s">
        <v>6303</v>
      </c>
      <c r="S1207">
        <v>78</v>
      </c>
    </row>
    <row r="1208" spans="1:19" x14ac:dyDescent="0.25">
      <c r="A1208">
        <v>12411106</v>
      </c>
      <c r="B1208" t="s">
        <v>6304</v>
      </c>
      <c r="C1208" s="1" t="s">
        <v>6305</v>
      </c>
      <c r="D1208">
        <v>12411119</v>
      </c>
      <c r="E1208">
        <v>5</v>
      </c>
      <c r="F1208">
        <v>1</v>
      </c>
      <c r="H1208" t="s">
        <v>6306</v>
      </c>
      <c r="I1208">
        <v>1</v>
      </c>
      <c r="J1208" t="s">
        <v>6307</v>
      </c>
      <c r="O1208">
        <v>664125</v>
      </c>
      <c r="P1208">
        <v>1</v>
      </c>
      <c r="Q1208">
        <v>2</v>
      </c>
      <c r="R1208" t="s">
        <v>6308</v>
      </c>
      <c r="S1208">
        <v>9704</v>
      </c>
    </row>
    <row r="1209" spans="1:19" x14ac:dyDescent="0.25">
      <c r="A1209">
        <v>25888618</v>
      </c>
      <c r="B1209" t="s">
        <v>6309</v>
      </c>
      <c r="C1209" s="1" t="s">
        <v>6310</v>
      </c>
      <c r="D1209">
        <v>25889829</v>
      </c>
      <c r="E1209">
        <v>1</v>
      </c>
      <c r="F1209">
        <v>3</v>
      </c>
      <c r="H1209" t="s">
        <v>6311</v>
      </c>
      <c r="J1209" t="s">
        <v>6312</v>
      </c>
      <c r="K1209" t="s">
        <v>6313</v>
      </c>
      <c r="M1209">
        <v>447156</v>
      </c>
      <c r="O1209">
        <v>4050002</v>
      </c>
      <c r="P1209">
        <v>1</v>
      </c>
      <c r="Q1209">
        <v>1</v>
      </c>
      <c r="R1209" t="s">
        <v>6314</v>
      </c>
      <c r="S1209">
        <v>121</v>
      </c>
    </row>
    <row r="1210" spans="1:19" x14ac:dyDescent="0.25">
      <c r="A1210">
        <v>22998991</v>
      </c>
      <c r="B1210" t="s">
        <v>6315</v>
      </c>
      <c r="C1210" s="1" t="s">
        <v>6316</v>
      </c>
      <c r="E1210">
        <v>0</v>
      </c>
      <c r="F1210">
        <v>2</v>
      </c>
      <c r="H1210" t="s">
        <v>6317</v>
      </c>
      <c r="J1210" t="s">
        <v>6318</v>
      </c>
      <c r="K1210" t="s">
        <v>6318</v>
      </c>
      <c r="M1210">
        <v>1004617</v>
      </c>
      <c r="O1210">
        <v>3521219</v>
      </c>
      <c r="P1210">
        <v>1</v>
      </c>
      <c r="Q1210">
        <v>0</v>
      </c>
      <c r="R1210" t="s">
        <v>6319</v>
      </c>
      <c r="S1210">
        <v>414</v>
      </c>
    </row>
    <row r="1211" spans="1:19" x14ac:dyDescent="0.25">
      <c r="A1211">
        <v>14730807</v>
      </c>
      <c r="B1211" t="s">
        <v>6320</v>
      </c>
      <c r="C1211" s="1" t="s">
        <v>6321</v>
      </c>
      <c r="E1211">
        <v>1</v>
      </c>
      <c r="F1211">
        <v>0</v>
      </c>
      <c r="H1211" t="s">
        <v>6322</v>
      </c>
      <c r="I1211">
        <v>1</v>
      </c>
      <c r="J1211" t="s">
        <v>6323</v>
      </c>
      <c r="K1211" t="s">
        <v>6324</v>
      </c>
      <c r="M1211">
        <v>-1</v>
      </c>
      <c r="O1211">
        <v>218471</v>
      </c>
      <c r="P1211">
        <v>1</v>
      </c>
      <c r="Q1211">
        <v>5</v>
      </c>
      <c r="R1211" t="s">
        <v>6325</v>
      </c>
      <c r="S1211">
        <v>549</v>
      </c>
    </row>
    <row r="1212" spans="1:19" x14ac:dyDescent="0.25">
      <c r="A1212">
        <v>44947901</v>
      </c>
      <c r="B1212" t="s">
        <v>6326</v>
      </c>
      <c r="C1212" s="1" t="s">
        <v>6327</v>
      </c>
      <c r="E1212">
        <v>0</v>
      </c>
      <c r="F1212">
        <v>16</v>
      </c>
      <c r="H1212" t="s">
        <v>6328</v>
      </c>
      <c r="J1212" t="s">
        <v>6328</v>
      </c>
      <c r="O1212">
        <v>8263625</v>
      </c>
      <c r="P1212">
        <v>1</v>
      </c>
      <c r="Q1212">
        <v>0</v>
      </c>
      <c r="R1212" t="s">
        <v>6329</v>
      </c>
      <c r="S1212">
        <v>102</v>
      </c>
    </row>
    <row r="1213" spans="1:19" x14ac:dyDescent="0.25">
      <c r="A1213">
        <v>41151765</v>
      </c>
      <c r="B1213" t="s">
        <v>6330</v>
      </c>
      <c r="C1213" s="1" t="s">
        <v>6331</v>
      </c>
      <c r="D1213">
        <v>41152065</v>
      </c>
      <c r="E1213">
        <v>3</v>
      </c>
      <c r="F1213">
        <v>4</v>
      </c>
      <c r="H1213" t="s">
        <v>6332</v>
      </c>
      <c r="J1213" t="s">
        <v>6333</v>
      </c>
      <c r="K1213" t="s">
        <v>6334</v>
      </c>
      <c r="M1213">
        <v>-1</v>
      </c>
      <c r="O1213">
        <v>135026</v>
      </c>
      <c r="P1213">
        <v>1</v>
      </c>
      <c r="Q1213">
        <v>1</v>
      </c>
      <c r="R1213" t="s">
        <v>6335</v>
      </c>
      <c r="S1213">
        <v>3039</v>
      </c>
    </row>
    <row r="1214" spans="1:19" x14ac:dyDescent="0.25">
      <c r="A1214">
        <v>45712238</v>
      </c>
      <c r="B1214" t="s">
        <v>6336</v>
      </c>
      <c r="C1214" s="1" t="s">
        <v>6337</v>
      </c>
      <c r="E1214">
        <v>1</v>
      </c>
      <c r="F1214">
        <v>0</v>
      </c>
      <c r="H1214" t="s">
        <v>6338</v>
      </c>
      <c r="J1214" t="s">
        <v>6339</v>
      </c>
      <c r="O1214">
        <v>4031815</v>
      </c>
      <c r="P1214">
        <v>1</v>
      </c>
      <c r="Q1214">
        <v>0</v>
      </c>
      <c r="R1214" t="s">
        <v>6340</v>
      </c>
      <c r="S1214">
        <v>337</v>
      </c>
    </row>
    <row r="1215" spans="1:19" x14ac:dyDescent="0.25">
      <c r="A1215">
        <v>2448258</v>
      </c>
      <c r="B1215" t="s">
        <v>6341</v>
      </c>
      <c r="C1215" s="1" t="s">
        <v>6342</v>
      </c>
      <c r="D1215">
        <v>2448410</v>
      </c>
      <c r="E1215">
        <v>1</v>
      </c>
      <c r="F1215">
        <v>5</v>
      </c>
      <c r="H1215" t="s">
        <v>6343</v>
      </c>
      <c r="J1215" t="s">
        <v>6344</v>
      </c>
      <c r="K1215" t="s">
        <v>6345</v>
      </c>
      <c r="M1215">
        <v>20578</v>
      </c>
      <c r="O1215">
        <v>20578</v>
      </c>
      <c r="P1215">
        <v>1</v>
      </c>
      <c r="Q1215">
        <v>4</v>
      </c>
      <c r="R1215" t="s">
        <v>6346</v>
      </c>
      <c r="S1215">
        <v>395</v>
      </c>
    </row>
    <row r="1216" spans="1:19" x14ac:dyDescent="0.25">
      <c r="A1216">
        <v>21885381</v>
      </c>
      <c r="B1216" t="s">
        <v>6347</v>
      </c>
      <c r="C1216" s="1" t="s">
        <v>6348</v>
      </c>
      <c r="E1216">
        <v>0</v>
      </c>
      <c r="F1216">
        <v>6</v>
      </c>
      <c r="H1216" t="s">
        <v>6349</v>
      </c>
      <c r="J1216" t="s">
        <v>6350</v>
      </c>
      <c r="K1216" t="s">
        <v>6350</v>
      </c>
      <c r="M1216">
        <v>261159</v>
      </c>
      <c r="O1216">
        <v>261159</v>
      </c>
      <c r="P1216">
        <v>1</v>
      </c>
      <c r="Q1216">
        <v>3</v>
      </c>
      <c r="R1216" t="s">
        <v>6351</v>
      </c>
      <c r="S1216">
        <v>774</v>
      </c>
    </row>
    <row r="1217" spans="1:19" x14ac:dyDescent="0.25">
      <c r="A1217">
        <v>3913976</v>
      </c>
      <c r="B1217" t="s">
        <v>6352</v>
      </c>
      <c r="C1217" s="1" t="s">
        <v>6353</v>
      </c>
      <c r="E1217">
        <v>1</v>
      </c>
      <c r="F1217">
        <v>7</v>
      </c>
      <c r="H1217" t="s">
        <v>6354</v>
      </c>
      <c r="I1217">
        <v>2</v>
      </c>
      <c r="J1217" t="s">
        <v>6355</v>
      </c>
      <c r="K1217" t="s">
        <v>6356</v>
      </c>
      <c r="M1217">
        <v>153349</v>
      </c>
      <c r="O1217">
        <v>153349</v>
      </c>
      <c r="P1217">
        <v>1</v>
      </c>
      <c r="Q1217">
        <v>3</v>
      </c>
      <c r="R1217" t="s">
        <v>6357</v>
      </c>
      <c r="S1217">
        <v>1094</v>
      </c>
    </row>
    <row r="1218" spans="1:19" x14ac:dyDescent="0.25">
      <c r="A1218">
        <v>50676581</v>
      </c>
      <c r="B1218" t="s">
        <v>6358</v>
      </c>
      <c r="C1218" s="1" t="s">
        <v>6359</v>
      </c>
      <c r="D1218">
        <v>51319428</v>
      </c>
      <c r="E1218">
        <v>1</v>
      </c>
      <c r="F1218">
        <v>0</v>
      </c>
      <c r="H1218" t="s">
        <v>6360</v>
      </c>
      <c r="I1218">
        <v>0</v>
      </c>
      <c r="J1218" t="s">
        <v>6361</v>
      </c>
      <c r="O1218">
        <v>9833602</v>
      </c>
      <c r="P1218">
        <v>1</v>
      </c>
      <c r="Q1218">
        <v>0</v>
      </c>
      <c r="R1218" t="s">
        <v>6362</v>
      </c>
      <c r="S1218">
        <v>27</v>
      </c>
    </row>
    <row r="1219" spans="1:19" x14ac:dyDescent="0.25">
      <c r="A1219">
        <v>144315</v>
      </c>
      <c r="B1219" t="s">
        <v>6363</v>
      </c>
      <c r="C1219" s="1" t="s">
        <v>6364</v>
      </c>
      <c r="E1219">
        <v>1</v>
      </c>
      <c r="F1219">
        <v>6</v>
      </c>
      <c r="H1219" t="s">
        <v>6365</v>
      </c>
      <c r="I1219">
        <v>1</v>
      </c>
      <c r="J1219" t="s">
        <v>6366</v>
      </c>
      <c r="K1219" t="s">
        <v>6366</v>
      </c>
      <c r="L1219" t="s">
        <v>6367</v>
      </c>
      <c r="M1219">
        <v>36384</v>
      </c>
      <c r="N1219" t="s">
        <v>6368</v>
      </c>
      <c r="O1219">
        <v>10344</v>
      </c>
      <c r="P1219">
        <v>1</v>
      </c>
      <c r="Q1219">
        <v>0</v>
      </c>
      <c r="R1219" t="s">
        <v>6369</v>
      </c>
      <c r="S1219">
        <v>1327</v>
      </c>
    </row>
    <row r="1220" spans="1:19" x14ac:dyDescent="0.25">
      <c r="A1220">
        <v>44822319</v>
      </c>
      <c r="B1220" t="s">
        <v>6370</v>
      </c>
      <c r="C1220" s="1" t="s">
        <v>6371</v>
      </c>
      <c r="D1220">
        <v>44822581</v>
      </c>
      <c r="E1220">
        <v>1</v>
      </c>
      <c r="F1220">
        <v>1</v>
      </c>
      <c r="H1220" t="s">
        <v>6372</v>
      </c>
      <c r="J1220" t="s">
        <v>6373</v>
      </c>
      <c r="K1220" t="s">
        <v>6374</v>
      </c>
      <c r="M1220">
        <v>6783663</v>
      </c>
      <c r="O1220">
        <v>5316373</v>
      </c>
      <c r="P1220">
        <v>1</v>
      </c>
      <c r="Q1220">
        <v>0</v>
      </c>
      <c r="R1220" t="s">
        <v>1359</v>
      </c>
      <c r="S1220">
        <v>57</v>
      </c>
    </row>
    <row r="1221" spans="1:19" x14ac:dyDescent="0.25">
      <c r="A1221">
        <v>51042698</v>
      </c>
      <c r="B1221" t="s">
        <v>6375</v>
      </c>
      <c r="C1221" s="1" t="s">
        <v>6376</v>
      </c>
      <c r="E1221">
        <v>1</v>
      </c>
      <c r="F1221">
        <v>0</v>
      </c>
      <c r="H1221" t="s">
        <v>6377</v>
      </c>
      <c r="J1221" t="s">
        <v>6378</v>
      </c>
      <c r="O1221">
        <v>3391693</v>
      </c>
      <c r="P1221">
        <v>1</v>
      </c>
      <c r="Q1221">
        <v>0</v>
      </c>
      <c r="R1221" t="s">
        <v>6379</v>
      </c>
      <c r="S1221">
        <v>203</v>
      </c>
    </row>
    <row r="1222" spans="1:19" x14ac:dyDescent="0.25">
      <c r="A1222">
        <v>43273918</v>
      </c>
      <c r="B1222" t="s">
        <v>6380</v>
      </c>
      <c r="C1222" s="1" t="s">
        <v>6381</v>
      </c>
      <c r="E1222">
        <v>0</v>
      </c>
      <c r="F1222">
        <v>3</v>
      </c>
      <c r="H1222" t="s">
        <v>6382</v>
      </c>
      <c r="J1222" t="s">
        <v>6382</v>
      </c>
      <c r="O1222">
        <v>1447903</v>
      </c>
      <c r="P1222">
        <v>1</v>
      </c>
      <c r="Q1222">
        <v>0</v>
      </c>
      <c r="R1222" t="s">
        <v>6383</v>
      </c>
      <c r="S1222">
        <v>72</v>
      </c>
    </row>
    <row r="1223" spans="1:19" x14ac:dyDescent="0.25">
      <c r="A1223">
        <v>51201978</v>
      </c>
      <c r="B1223" t="s">
        <v>6384</v>
      </c>
      <c r="C1223" s="1" t="s">
        <v>6385</v>
      </c>
      <c r="D1223">
        <v>51296076</v>
      </c>
      <c r="E1223">
        <v>3</v>
      </c>
      <c r="F1223">
        <v>1</v>
      </c>
      <c r="H1223" t="s">
        <v>6386</v>
      </c>
      <c r="J1223" t="s">
        <v>6387</v>
      </c>
      <c r="K1223" t="s">
        <v>6388</v>
      </c>
      <c r="M1223">
        <v>1952458</v>
      </c>
      <c r="O1223">
        <v>1952458</v>
      </c>
      <c r="P1223">
        <v>1</v>
      </c>
      <c r="Q1223">
        <v>1</v>
      </c>
      <c r="R1223" t="s">
        <v>6389</v>
      </c>
      <c r="S1223">
        <v>1429</v>
      </c>
    </row>
    <row r="1224" spans="1:19" x14ac:dyDescent="0.25">
      <c r="A1224">
        <v>11643514</v>
      </c>
      <c r="B1224" t="s">
        <v>6390</v>
      </c>
      <c r="C1224" s="1" t="s">
        <v>6391</v>
      </c>
      <c r="D1224">
        <v>18669757</v>
      </c>
      <c r="E1224">
        <v>2</v>
      </c>
      <c r="F1224">
        <v>2</v>
      </c>
      <c r="H1224" t="s">
        <v>6392</v>
      </c>
      <c r="I1224">
        <v>2</v>
      </c>
      <c r="J1224" t="s">
        <v>6393</v>
      </c>
      <c r="K1224" t="s">
        <v>6394</v>
      </c>
      <c r="M1224">
        <v>1301710</v>
      </c>
      <c r="O1224">
        <v>91799</v>
      </c>
      <c r="P1224">
        <v>1</v>
      </c>
      <c r="Q1224">
        <v>7</v>
      </c>
      <c r="R1224" t="s">
        <v>6395</v>
      </c>
      <c r="S1224">
        <v>1675</v>
      </c>
    </row>
    <row r="1225" spans="1:19" x14ac:dyDescent="0.25">
      <c r="A1225">
        <v>41180592</v>
      </c>
      <c r="B1225" t="s">
        <v>6396</v>
      </c>
      <c r="C1225" s="1" t="s">
        <v>6397</v>
      </c>
      <c r="D1225">
        <v>41183445</v>
      </c>
      <c r="E1225">
        <v>1</v>
      </c>
      <c r="F1225">
        <v>0</v>
      </c>
      <c r="H1225" t="s">
        <v>6398</v>
      </c>
      <c r="J1225" t="s">
        <v>6399</v>
      </c>
      <c r="O1225">
        <v>7003167</v>
      </c>
      <c r="P1225">
        <v>1</v>
      </c>
      <c r="Q1225">
        <v>-2</v>
      </c>
      <c r="R1225" t="s">
        <v>6400</v>
      </c>
      <c r="S1225">
        <v>169</v>
      </c>
    </row>
    <row r="1226" spans="1:19" x14ac:dyDescent="0.25">
      <c r="A1226">
        <v>53117341</v>
      </c>
      <c r="B1226" t="s">
        <v>6401</v>
      </c>
      <c r="C1226" s="1" t="s">
        <v>6402</v>
      </c>
      <c r="E1226">
        <v>0</v>
      </c>
      <c r="F1226">
        <v>2</v>
      </c>
      <c r="H1226" t="s">
        <v>6403</v>
      </c>
      <c r="J1226" t="s">
        <v>6404</v>
      </c>
      <c r="K1226" t="s">
        <v>6404</v>
      </c>
      <c r="M1226">
        <v>8583393</v>
      </c>
      <c r="O1226">
        <v>10595851</v>
      </c>
      <c r="P1226">
        <v>1</v>
      </c>
      <c r="Q1226">
        <v>0</v>
      </c>
      <c r="R1226" t="s">
        <v>6405</v>
      </c>
      <c r="S1226">
        <v>21</v>
      </c>
    </row>
    <row r="1227" spans="1:19" x14ac:dyDescent="0.25">
      <c r="A1227">
        <v>19750137</v>
      </c>
      <c r="B1227" t="s">
        <v>6406</v>
      </c>
      <c r="C1227" s="1" t="s">
        <v>6407</v>
      </c>
      <c r="D1227">
        <v>19753704</v>
      </c>
      <c r="E1227">
        <v>1</v>
      </c>
      <c r="F1227">
        <v>0</v>
      </c>
      <c r="H1227" t="s">
        <v>6408</v>
      </c>
      <c r="J1227" t="s">
        <v>6409</v>
      </c>
      <c r="K1227" t="s">
        <v>6410</v>
      </c>
      <c r="M1227">
        <v>2949184</v>
      </c>
      <c r="O1227">
        <v>2949184</v>
      </c>
      <c r="P1227">
        <v>1</v>
      </c>
      <c r="Q1227">
        <v>0</v>
      </c>
      <c r="R1227" t="s">
        <v>6411</v>
      </c>
      <c r="S1227">
        <v>309</v>
      </c>
    </row>
    <row r="1228" spans="1:19" x14ac:dyDescent="0.25">
      <c r="A1228">
        <v>53526790</v>
      </c>
      <c r="B1228" t="s">
        <v>6412</v>
      </c>
      <c r="C1228" s="1" t="s">
        <v>6413</v>
      </c>
      <c r="D1228">
        <v>53526992</v>
      </c>
      <c r="E1228">
        <v>3</v>
      </c>
      <c r="F1228">
        <v>1</v>
      </c>
      <c r="H1228" t="s">
        <v>6414</v>
      </c>
      <c r="J1228" t="s">
        <v>6415</v>
      </c>
      <c r="K1228" t="s">
        <v>6416</v>
      </c>
      <c r="M1228">
        <v>7859515</v>
      </c>
      <c r="O1228">
        <v>5375093</v>
      </c>
      <c r="P1228">
        <v>1</v>
      </c>
      <c r="Q1228">
        <v>4</v>
      </c>
      <c r="R1228" t="s">
        <v>6417</v>
      </c>
      <c r="S1228">
        <v>119</v>
      </c>
    </row>
    <row r="1229" spans="1:19" x14ac:dyDescent="0.25">
      <c r="A1229">
        <v>42740460</v>
      </c>
      <c r="B1229" t="s">
        <v>6418</v>
      </c>
      <c r="C1229" s="1" t="s">
        <v>6419</v>
      </c>
      <c r="D1229">
        <v>42740594</v>
      </c>
      <c r="E1229">
        <v>2</v>
      </c>
      <c r="F1229">
        <v>3</v>
      </c>
      <c r="H1229" t="s">
        <v>6420</v>
      </c>
      <c r="I1229">
        <v>2</v>
      </c>
      <c r="J1229" t="s">
        <v>6421</v>
      </c>
      <c r="K1229" t="s">
        <v>6422</v>
      </c>
      <c r="M1229">
        <v>404623</v>
      </c>
      <c r="O1229">
        <v>404623</v>
      </c>
      <c r="P1229">
        <v>1</v>
      </c>
      <c r="Q1229">
        <v>4</v>
      </c>
      <c r="R1229" t="s">
        <v>6423</v>
      </c>
      <c r="S1229">
        <v>94</v>
      </c>
    </row>
    <row r="1230" spans="1:19" x14ac:dyDescent="0.25">
      <c r="A1230">
        <v>26150854</v>
      </c>
      <c r="B1230" t="s">
        <v>6424</v>
      </c>
      <c r="C1230" s="1" t="s">
        <v>6425</v>
      </c>
      <c r="E1230">
        <v>1</v>
      </c>
      <c r="F1230">
        <v>0</v>
      </c>
      <c r="H1230" t="s">
        <v>6426</v>
      </c>
      <c r="J1230" t="s">
        <v>6427</v>
      </c>
      <c r="K1230" t="s">
        <v>6427</v>
      </c>
      <c r="M1230">
        <v>1495442</v>
      </c>
      <c r="O1230">
        <v>1823710</v>
      </c>
      <c r="P1230">
        <v>1</v>
      </c>
      <c r="Q1230">
        <v>0</v>
      </c>
      <c r="R1230" t="s">
        <v>6428</v>
      </c>
      <c r="S1230">
        <v>594</v>
      </c>
    </row>
    <row r="1231" spans="1:19" x14ac:dyDescent="0.25">
      <c r="A1231">
        <v>15520189</v>
      </c>
      <c r="B1231" t="s">
        <v>6429</v>
      </c>
      <c r="C1231" s="1" t="s">
        <v>6430</v>
      </c>
      <c r="E1231">
        <v>0</v>
      </c>
      <c r="F1231">
        <v>3</v>
      </c>
      <c r="H1231" t="s">
        <v>6431</v>
      </c>
      <c r="J1231" t="s">
        <v>6431</v>
      </c>
      <c r="O1231">
        <v>721768</v>
      </c>
      <c r="P1231">
        <v>1</v>
      </c>
      <c r="Q1231">
        <v>1</v>
      </c>
      <c r="R1231" t="s">
        <v>6432</v>
      </c>
      <c r="S1231">
        <v>378</v>
      </c>
    </row>
    <row r="1232" spans="1:19" x14ac:dyDescent="0.25">
      <c r="A1232">
        <v>25021553</v>
      </c>
      <c r="B1232" t="s">
        <v>6433</v>
      </c>
      <c r="C1232" s="1" t="s">
        <v>6434</v>
      </c>
      <c r="E1232">
        <v>0</v>
      </c>
      <c r="F1232">
        <v>3</v>
      </c>
      <c r="H1232" t="s">
        <v>6435</v>
      </c>
      <c r="J1232" t="s">
        <v>6435</v>
      </c>
      <c r="O1232">
        <v>3841803</v>
      </c>
      <c r="P1232">
        <v>1</v>
      </c>
      <c r="Q1232">
        <v>3</v>
      </c>
      <c r="R1232" t="s">
        <v>6436</v>
      </c>
      <c r="S1232">
        <v>239</v>
      </c>
    </row>
    <row r="1233" spans="1:19" x14ac:dyDescent="0.25">
      <c r="A1233">
        <v>31296876</v>
      </c>
      <c r="B1233" t="s">
        <v>6437</v>
      </c>
      <c r="C1233" s="1" t="s">
        <v>6438</v>
      </c>
      <c r="E1233">
        <v>1</v>
      </c>
      <c r="F1233">
        <v>0</v>
      </c>
      <c r="H1233" t="s">
        <v>6439</v>
      </c>
      <c r="J1233" t="s">
        <v>6440</v>
      </c>
      <c r="O1233">
        <v>1071515</v>
      </c>
      <c r="P1233">
        <v>1</v>
      </c>
      <c r="Q1233">
        <v>2</v>
      </c>
      <c r="R1233" t="s">
        <v>6441</v>
      </c>
      <c r="S1233">
        <v>261</v>
      </c>
    </row>
    <row r="1234" spans="1:19" x14ac:dyDescent="0.25">
      <c r="A1234">
        <v>36625786</v>
      </c>
      <c r="B1234" t="s">
        <v>6442</v>
      </c>
      <c r="C1234" s="1" t="s">
        <v>6443</v>
      </c>
      <c r="E1234">
        <v>0</v>
      </c>
      <c r="F1234">
        <v>2</v>
      </c>
      <c r="H1234" t="s">
        <v>6444</v>
      </c>
      <c r="J1234" t="s">
        <v>6444</v>
      </c>
      <c r="O1234">
        <v>333757</v>
      </c>
      <c r="P1234">
        <v>1</v>
      </c>
      <c r="Q1234">
        <v>0</v>
      </c>
      <c r="R1234" t="s">
        <v>6445</v>
      </c>
      <c r="S1234">
        <v>551</v>
      </c>
    </row>
    <row r="1235" spans="1:19" x14ac:dyDescent="0.25">
      <c r="A1235">
        <v>46896013</v>
      </c>
      <c r="B1235" t="s">
        <v>6446</v>
      </c>
      <c r="C1235" s="1" t="s">
        <v>6447</v>
      </c>
      <c r="D1235">
        <v>46896171</v>
      </c>
      <c r="E1235">
        <v>1</v>
      </c>
      <c r="F1235">
        <v>0</v>
      </c>
      <c r="H1235" t="s">
        <v>6448</v>
      </c>
      <c r="J1235" t="s">
        <v>6449</v>
      </c>
      <c r="O1235">
        <v>2383721</v>
      </c>
      <c r="P1235">
        <v>1</v>
      </c>
      <c r="Q1235">
        <v>1</v>
      </c>
      <c r="R1235" t="s">
        <v>6450</v>
      </c>
      <c r="S1235">
        <v>33</v>
      </c>
    </row>
    <row r="1236" spans="1:19" x14ac:dyDescent="0.25">
      <c r="A1236">
        <v>12944474</v>
      </c>
      <c r="B1236" t="s">
        <v>6451</v>
      </c>
      <c r="C1236" s="1" t="s">
        <v>6452</v>
      </c>
      <c r="D1236">
        <v>13161534</v>
      </c>
      <c r="E1236">
        <v>1</v>
      </c>
      <c r="F1236">
        <v>0</v>
      </c>
      <c r="H1236" t="s">
        <v>6453</v>
      </c>
      <c r="I1236">
        <v>1</v>
      </c>
      <c r="J1236" t="s">
        <v>6454</v>
      </c>
      <c r="O1236">
        <v>1607197</v>
      </c>
      <c r="P1236">
        <v>1</v>
      </c>
      <c r="Q1236">
        <v>1</v>
      </c>
      <c r="R1236" t="s">
        <v>3034</v>
      </c>
      <c r="S1236">
        <v>5949</v>
      </c>
    </row>
    <row r="1237" spans="1:19" x14ac:dyDescent="0.25">
      <c r="A1237">
        <v>45292185</v>
      </c>
      <c r="B1237" t="s">
        <v>6455</v>
      </c>
      <c r="C1237" s="1" t="s">
        <v>6456</v>
      </c>
      <c r="D1237">
        <v>45292274</v>
      </c>
      <c r="E1237">
        <v>3</v>
      </c>
      <c r="F1237">
        <v>3</v>
      </c>
      <c r="H1237" t="s">
        <v>6457</v>
      </c>
      <c r="I1237">
        <v>0</v>
      </c>
      <c r="J1237" t="s">
        <v>6458</v>
      </c>
      <c r="K1237" t="s">
        <v>6459</v>
      </c>
      <c r="M1237">
        <v>1149423</v>
      </c>
      <c r="O1237">
        <v>8360486</v>
      </c>
      <c r="P1237">
        <v>1</v>
      </c>
      <c r="Q1237">
        <v>1</v>
      </c>
      <c r="R1237" t="s">
        <v>6460</v>
      </c>
      <c r="S1237">
        <v>44</v>
      </c>
    </row>
    <row r="1238" spans="1:19" x14ac:dyDescent="0.25">
      <c r="A1238">
        <v>33194977</v>
      </c>
      <c r="B1238" t="s">
        <v>6461</v>
      </c>
      <c r="C1238" s="1" t="s">
        <v>6462</v>
      </c>
      <c r="D1238">
        <v>33199030</v>
      </c>
      <c r="E1238">
        <v>1</v>
      </c>
      <c r="F1238">
        <v>0</v>
      </c>
      <c r="H1238" t="s">
        <v>6463</v>
      </c>
      <c r="J1238" t="s">
        <v>6464</v>
      </c>
      <c r="O1238">
        <v>2850808</v>
      </c>
      <c r="P1238">
        <v>1</v>
      </c>
      <c r="Q1238">
        <v>0</v>
      </c>
      <c r="R1238" t="s">
        <v>6465</v>
      </c>
      <c r="S1238">
        <v>545</v>
      </c>
    </row>
    <row r="1239" spans="1:19" x14ac:dyDescent="0.25">
      <c r="A1239">
        <v>20501452</v>
      </c>
      <c r="B1239" t="s">
        <v>6466</v>
      </c>
      <c r="C1239" s="1" t="s">
        <v>6467</v>
      </c>
      <c r="D1239">
        <v>20501651</v>
      </c>
      <c r="E1239">
        <v>1</v>
      </c>
      <c r="F1239">
        <v>0</v>
      </c>
      <c r="H1239" t="s">
        <v>6468</v>
      </c>
      <c r="I1239">
        <v>1</v>
      </c>
      <c r="J1239" t="s">
        <v>6469</v>
      </c>
      <c r="O1239">
        <v>1096663</v>
      </c>
      <c r="P1239">
        <v>1</v>
      </c>
      <c r="Q1239">
        <v>0</v>
      </c>
      <c r="R1239" t="s">
        <v>855</v>
      </c>
      <c r="S1239">
        <v>71</v>
      </c>
    </row>
    <row r="1240" spans="1:19" x14ac:dyDescent="0.25">
      <c r="A1240">
        <v>38086867</v>
      </c>
      <c r="B1240" t="s">
        <v>6470</v>
      </c>
      <c r="C1240" s="1" t="s">
        <v>6471</v>
      </c>
      <c r="D1240">
        <v>38087251</v>
      </c>
      <c r="E1240">
        <v>1</v>
      </c>
      <c r="F1240">
        <v>0</v>
      </c>
      <c r="H1240" t="s">
        <v>6472</v>
      </c>
      <c r="J1240" t="s">
        <v>6473</v>
      </c>
      <c r="O1240">
        <v>182693</v>
      </c>
      <c r="P1240">
        <v>1</v>
      </c>
      <c r="Q1240">
        <v>2</v>
      </c>
      <c r="R1240" t="s">
        <v>6474</v>
      </c>
      <c r="S1240">
        <v>44</v>
      </c>
    </row>
    <row r="1241" spans="1:19" x14ac:dyDescent="0.25">
      <c r="A1241">
        <v>15084328</v>
      </c>
      <c r="B1241" t="s">
        <v>6475</v>
      </c>
      <c r="C1241" s="1" t="s">
        <v>6476</v>
      </c>
      <c r="E1241">
        <v>1</v>
      </c>
      <c r="F1241">
        <v>0</v>
      </c>
      <c r="H1241" t="s">
        <v>6477</v>
      </c>
      <c r="J1241" t="s">
        <v>6478</v>
      </c>
      <c r="O1241">
        <v>2110325</v>
      </c>
      <c r="P1241">
        <v>1</v>
      </c>
      <c r="Q1241">
        <v>1</v>
      </c>
      <c r="R1241" t="s">
        <v>6479</v>
      </c>
      <c r="S1241">
        <v>131</v>
      </c>
    </row>
    <row r="1242" spans="1:19" x14ac:dyDescent="0.25">
      <c r="A1242">
        <v>15778493</v>
      </c>
      <c r="B1242" t="s">
        <v>6480</v>
      </c>
      <c r="C1242" s="1" t="s">
        <v>6481</v>
      </c>
      <c r="D1242">
        <v>15778517</v>
      </c>
      <c r="E1242">
        <v>2</v>
      </c>
      <c r="F1242">
        <v>0</v>
      </c>
      <c r="H1242" t="s">
        <v>6482</v>
      </c>
      <c r="I1242">
        <v>0</v>
      </c>
      <c r="J1242" t="s">
        <v>6483</v>
      </c>
      <c r="O1242">
        <v>1702061</v>
      </c>
      <c r="P1242">
        <v>1</v>
      </c>
      <c r="Q1242">
        <v>0</v>
      </c>
      <c r="R1242" t="s">
        <v>6484</v>
      </c>
      <c r="S1242">
        <v>261</v>
      </c>
    </row>
    <row r="1243" spans="1:19" x14ac:dyDescent="0.25">
      <c r="A1243">
        <v>27306159</v>
      </c>
      <c r="B1243" t="s">
        <v>6485</v>
      </c>
      <c r="C1243" s="1" t="s">
        <v>6486</v>
      </c>
      <c r="E1243">
        <v>2</v>
      </c>
      <c r="F1243">
        <v>4</v>
      </c>
      <c r="H1243" t="s">
        <v>6487</v>
      </c>
      <c r="I1243">
        <v>1</v>
      </c>
      <c r="J1243" t="s">
        <v>6488</v>
      </c>
      <c r="O1243">
        <v>4326634</v>
      </c>
      <c r="P1243">
        <v>1</v>
      </c>
      <c r="Q1243">
        <v>0</v>
      </c>
      <c r="R1243" t="s">
        <v>6489</v>
      </c>
      <c r="S1243">
        <v>1473</v>
      </c>
    </row>
    <row r="1244" spans="1:19" x14ac:dyDescent="0.25">
      <c r="A1244">
        <v>20268347</v>
      </c>
      <c r="B1244" t="s">
        <v>6490</v>
      </c>
      <c r="C1244" s="1" t="s">
        <v>6491</v>
      </c>
      <c r="E1244">
        <v>1</v>
      </c>
      <c r="F1244">
        <v>0</v>
      </c>
      <c r="H1244" t="s">
        <v>6492</v>
      </c>
      <c r="J1244" t="s">
        <v>6493</v>
      </c>
      <c r="K1244" t="s">
        <v>6494</v>
      </c>
      <c r="M1244">
        <v>1434837</v>
      </c>
      <c r="O1244">
        <v>1434837</v>
      </c>
      <c r="P1244">
        <v>1</v>
      </c>
      <c r="Q1244">
        <v>1</v>
      </c>
      <c r="R1244" t="s">
        <v>6495</v>
      </c>
      <c r="S1244">
        <v>962</v>
      </c>
    </row>
    <row r="1245" spans="1:19" x14ac:dyDescent="0.25">
      <c r="A1245">
        <v>30133073</v>
      </c>
      <c r="B1245" t="s">
        <v>6496</v>
      </c>
      <c r="C1245" t="s">
        <v>6497</v>
      </c>
      <c r="E1245">
        <v>0</v>
      </c>
      <c r="F1245">
        <v>8</v>
      </c>
      <c r="H1245" t="s">
        <v>6498</v>
      </c>
      <c r="I1245">
        <v>1</v>
      </c>
      <c r="J1245" t="s">
        <v>6499</v>
      </c>
      <c r="K1245" t="s">
        <v>6499</v>
      </c>
      <c r="M1245">
        <v>2420263</v>
      </c>
      <c r="O1245">
        <v>2420263</v>
      </c>
      <c r="P1245">
        <v>1</v>
      </c>
      <c r="Q1245">
        <v>1</v>
      </c>
      <c r="R1245" t="s">
        <v>6500</v>
      </c>
      <c r="S1245">
        <v>47</v>
      </c>
    </row>
    <row r="1246" spans="1:19" x14ac:dyDescent="0.25">
      <c r="A1246">
        <v>2051325</v>
      </c>
      <c r="B1246" t="s">
        <v>6501</v>
      </c>
      <c r="C1246" s="1" t="s">
        <v>6502</v>
      </c>
      <c r="D1246">
        <v>2051362</v>
      </c>
      <c r="E1246">
        <v>2</v>
      </c>
      <c r="F1246">
        <v>0</v>
      </c>
      <c r="H1246" t="s">
        <v>6503</v>
      </c>
      <c r="J1246" t="s">
        <v>6504</v>
      </c>
      <c r="K1246" t="s">
        <v>6505</v>
      </c>
      <c r="M1246">
        <v>135152</v>
      </c>
      <c r="O1246">
        <v>112355</v>
      </c>
      <c r="P1246">
        <v>1</v>
      </c>
      <c r="Q1246">
        <v>1</v>
      </c>
      <c r="R1246" t="s">
        <v>6506</v>
      </c>
      <c r="S1246">
        <v>6196</v>
      </c>
    </row>
    <row r="1247" spans="1:19" x14ac:dyDescent="0.25">
      <c r="A1247">
        <v>14011369</v>
      </c>
      <c r="B1247" t="s">
        <v>6507</v>
      </c>
      <c r="C1247" s="1" t="s">
        <v>6508</v>
      </c>
      <c r="D1247">
        <v>14011386</v>
      </c>
      <c r="E1247">
        <v>3</v>
      </c>
      <c r="F1247">
        <v>0</v>
      </c>
      <c r="H1247" t="s">
        <v>6509</v>
      </c>
      <c r="J1247" t="s">
        <v>6510</v>
      </c>
      <c r="O1247">
        <v>1136700</v>
      </c>
      <c r="P1247">
        <v>1</v>
      </c>
      <c r="Q1247">
        <v>0</v>
      </c>
      <c r="R1247" t="s">
        <v>351</v>
      </c>
      <c r="S1247">
        <v>349</v>
      </c>
    </row>
    <row r="1248" spans="1:19" x14ac:dyDescent="0.25">
      <c r="A1248">
        <v>33161943</v>
      </c>
      <c r="B1248" t="s">
        <v>6511</v>
      </c>
      <c r="C1248" s="1" t="s">
        <v>6512</v>
      </c>
      <c r="E1248">
        <v>1</v>
      </c>
      <c r="F1248">
        <v>0</v>
      </c>
      <c r="H1248" t="s">
        <v>6513</v>
      </c>
      <c r="J1248" t="s">
        <v>6514</v>
      </c>
      <c r="K1248" t="s">
        <v>6515</v>
      </c>
      <c r="M1248">
        <v>588079</v>
      </c>
      <c r="O1248">
        <v>5452129</v>
      </c>
      <c r="P1248">
        <v>1</v>
      </c>
      <c r="Q1248">
        <v>0</v>
      </c>
      <c r="R1248" t="s">
        <v>6516</v>
      </c>
      <c r="S1248">
        <v>49</v>
      </c>
    </row>
    <row r="1249" spans="1:19" x14ac:dyDescent="0.25">
      <c r="A1249">
        <v>10932969</v>
      </c>
      <c r="B1249" t="s">
        <v>6517</v>
      </c>
      <c r="C1249" s="1" t="s">
        <v>6518</v>
      </c>
      <c r="D1249">
        <v>14396973</v>
      </c>
      <c r="E1249">
        <v>1</v>
      </c>
      <c r="F1249">
        <v>2</v>
      </c>
      <c r="H1249" t="s">
        <v>6519</v>
      </c>
      <c r="J1249" t="s">
        <v>6520</v>
      </c>
      <c r="O1249">
        <v>357196</v>
      </c>
      <c r="P1249">
        <v>1</v>
      </c>
      <c r="Q1249">
        <v>3</v>
      </c>
      <c r="R1249" t="s">
        <v>6521</v>
      </c>
      <c r="S1249">
        <v>313</v>
      </c>
    </row>
    <row r="1250" spans="1:19" x14ac:dyDescent="0.25">
      <c r="A1250">
        <v>41062999</v>
      </c>
      <c r="B1250" t="s">
        <v>6522</v>
      </c>
      <c r="C1250" s="1" t="s">
        <v>6523</v>
      </c>
      <c r="D1250">
        <v>41069812</v>
      </c>
      <c r="E1250">
        <v>3</v>
      </c>
      <c r="F1250">
        <v>0</v>
      </c>
      <c r="H1250" t="s">
        <v>6524</v>
      </c>
      <c r="J1250" t="s">
        <v>6525</v>
      </c>
      <c r="O1250">
        <v>3502255</v>
      </c>
      <c r="P1250">
        <v>1</v>
      </c>
      <c r="Q1250">
        <v>2</v>
      </c>
      <c r="R1250" t="s">
        <v>6526</v>
      </c>
      <c r="S1250">
        <v>481</v>
      </c>
    </row>
    <row r="1251" spans="1:19" x14ac:dyDescent="0.25">
      <c r="A1251">
        <v>26043087</v>
      </c>
      <c r="B1251" t="s">
        <v>6527</v>
      </c>
      <c r="C1251" s="1" t="s">
        <v>6528</v>
      </c>
      <c r="E1251">
        <v>0</v>
      </c>
      <c r="F1251">
        <v>7</v>
      </c>
      <c r="H1251" t="s">
        <v>6529</v>
      </c>
      <c r="J1251" t="s">
        <v>6530</v>
      </c>
      <c r="K1251" t="s">
        <v>6530</v>
      </c>
      <c r="M1251">
        <v>4080022</v>
      </c>
      <c r="O1251">
        <v>4080022</v>
      </c>
      <c r="P1251">
        <v>1</v>
      </c>
      <c r="Q1251">
        <v>0</v>
      </c>
      <c r="R1251" t="s">
        <v>1767</v>
      </c>
      <c r="S1251">
        <v>40</v>
      </c>
    </row>
    <row r="1252" spans="1:19" x14ac:dyDescent="0.25">
      <c r="A1252">
        <v>16090921</v>
      </c>
      <c r="B1252" t="s">
        <v>6531</v>
      </c>
      <c r="C1252" s="1" t="s">
        <v>6532</v>
      </c>
      <c r="E1252">
        <v>5</v>
      </c>
      <c r="F1252">
        <v>1</v>
      </c>
      <c r="H1252" t="s">
        <v>6533</v>
      </c>
      <c r="I1252">
        <v>3</v>
      </c>
      <c r="J1252" t="s">
        <v>6534</v>
      </c>
      <c r="K1252" t="s">
        <v>6535</v>
      </c>
      <c r="M1252">
        <v>977087</v>
      </c>
      <c r="O1252">
        <v>1818911</v>
      </c>
      <c r="P1252">
        <v>1</v>
      </c>
      <c r="Q1252">
        <v>16</v>
      </c>
      <c r="R1252" t="s">
        <v>6536</v>
      </c>
      <c r="S1252">
        <v>8259</v>
      </c>
    </row>
    <row r="1253" spans="1:19" x14ac:dyDescent="0.25">
      <c r="A1253">
        <v>44858370</v>
      </c>
      <c r="B1253" t="s">
        <v>6537</v>
      </c>
      <c r="C1253" s="1" t="s">
        <v>6538</v>
      </c>
      <c r="E1253">
        <v>1</v>
      </c>
      <c r="F1253">
        <v>0</v>
      </c>
      <c r="H1253" t="s">
        <v>6539</v>
      </c>
      <c r="J1253" t="s">
        <v>6540</v>
      </c>
      <c r="O1253">
        <v>8240196</v>
      </c>
      <c r="P1253">
        <v>1</v>
      </c>
      <c r="Q1253">
        <v>-1</v>
      </c>
      <c r="R1253" t="s">
        <v>6541</v>
      </c>
      <c r="S1253">
        <v>73</v>
      </c>
    </row>
    <row r="1254" spans="1:19" x14ac:dyDescent="0.25">
      <c r="A1254">
        <v>34928280</v>
      </c>
      <c r="B1254" t="s">
        <v>6542</v>
      </c>
      <c r="C1254" s="1" t="s">
        <v>6543</v>
      </c>
      <c r="D1254">
        <v>34936340</v>
      </c>
      <c r="E1254">
        <v>1</v>
      </c>
      <c r="F1254">
        <v>0</v>
      </c>
      <c r="H1254" t="s">
        <v>6544</v>
      </c>
      <c r="J1254" t="s">
        <v>6545</v>
      </c>
      <c r="O1254">
        <v>1600028</v>
      </c>
      <c r="P1254">
        <v>1</v>
      </c>
      <c r="Q1254">
        <v>2</v>
      </c>
      <c r="R1254" t="s">
        <v>6546</v>
      </c>
      <c r="S1254">
        <v>260</v>
      </c>
    </row>
    <row r="1255" spans="1:19" x14ac:dyDescent="0.25">
      <c r="A1255">
        <v>23730807</v>
      </c>
      <c r="B1255" t="s">
        <v>6547</v>
      </c>
      <c r="C1255" t="s">
        <v>6548</v>
      </c>
      <c r="E1255">
        <v>1</v>
      </c>
      <c r="F1255">
        <v>0</v>
      </c>
      <c r="H1255" t="s">
        <v>6549</v>
      </c>
      <c r="J1255" t="s">
        <v>6550</v>
      </c>
      <c r="O1255">
        <v>222279</v>
      </c>
      <c r="P1255">
        <v>1</v>
      </c>
      <c r="Q1255">
        <v>0</v>
      </c>
      <c r="R1255" t="s">
        <v>6551</v>
      </c>
      <c r="S1255">
        <v>121</v>
      </c>
    </row>
    <row r="1256" spans="1:19" x14ac:dyDescent="0.25">
      <c r="A1256">
        <v>8068328</v>
      </c>
      <c r="B1256" t="s">
        <v>6552</v>
      </c>
      <c r="C1256" s="1" t="s">
        <v>6553</v>
      </c>
      <c r="D1256">
        <v>8068375</v>
      </c>
      <c r="E1256">
        <v>5</v>
      </c>
      <c r="F1256">
        <v>0</v>
      </c>
      <c r="H1256" t="s">
        <v>6554</v>
      </c>
      <c r="J1256" t="s">
        <v>6555</v>
      </c>
      <c r="O1256">
        <v>1037210</v>
      </c>
      <c r="P1256">
        <v>1</v>
      </c>
      <c r="Q1256">
        <v>0</v>
      </c>
      <c r="R1256" t="s">
        <v>351</v>
      </c>
      <c r="S1256">
        <v>239</v>
      </c>
    </row>
    <row r="1257" spans="1:19" x14ac:dyDescent="0.25">
      <c r="A1257">
        <v>27999360</v>
      </c>
      <c r="B1257" t="s">
        <v>6556</v>
      </c>
      <c r="C1257" s="1" t="s">
        <v>6557</v>
      </c>
      <c r="E1257">
        <v>1</v>
      </c>
      <c r="F1257">
        <v>0</v>
      </c>
      <c r="H1257" t="s">
        <v>6558</v>
      </c>
      <c r="J1257" t="s">
        <v>6559</v>
      </c>
      <c r="K1257" t="s">
        <v>6559</v>
      </c>
      <c r="M1257">
        <v>573032</v>
      </c>
      <c r="O1257">
        <v>1701191</v>
      </c>
      <c r="P1257">
        <v>1</v>
      </c>
      <c r="Q1257">
        <v>0</v>
      </c>
      <c r="R1257" t="s">
        <v>6560</v>
      </c>
      <c r="S1257">
        <v>702</v>
      </c>
    </row>
    <row r="1258" spans="1:19" x14ac:dyDescent="0.25">
      <c r="A1258">
        <v>6699873</v>
      </c>
      <c r="B1258" t="s">
        <v>6561</v>
      </c>
      <c r="C1258" s="1" t="s">
        <v>6562</v>
      </c>
      <c r="D1258">
        <v>6704812</v>
      </c>
      <c r="E1258">
        <v>2</v>
      </c>
      <c r="F1258">
        <v>2</v>
      </c>
      <c r="H1258" t="s">
        <v>6563</v>
      </c>
      <c r="J1258" t="s">
        <v>6564</v>
      </c>
      <c r="O1258">
        <v>154439</v>
      </c>
      <c r="P1258">
        <v>1</v>
      </c>
      <c r="Q1258">
        <v>0</v>
      </c>
      <c r="R1258" t="s">
        <v>6565</v>
      </c>
      <c r="S1258">
        <v>229</v>
      </c>
    </row>
    <row r="1259" spans="1:19" x14ac:dyDescent="0.25">
      <c r="A1259">
        <v>4836386</v>
      </c>
      <c r="B1259" t="s">
        <v>6566</v>
      </c>
      <c r="C1259" s="1" t="s">
        <v>6567</v>
      </c>
      <c r="E1259">
        <v>5</v>
      </c>
      <c r="F1259">
        <v>2</v>
      </c>
      <c r="H1259" t="s">
        <v>6568</v>
      </c>
      <c r="J1259" t="s">
        <v>6569</v>
      </c>
      <c r="K1259" t="s">
        <v>6570</v>
      </c>
      <c r="M1259">
        <v>72478</v>
      </c>
      <c r="O1259">
        <v>593638</v>
      </c>
      <c r="P1259">
        <v>1</v>
      </c>
      <c r="Q1259">
        <v>3</v>
      </c>
      <c r="R1259" t="s">
        <v>6571</v>
      </c>
      <c r="S1259">
        <v>7224</v>
      </c>
    </row>
    <row r="1260" spans="1:19" x14ac:dyDescent="0.25">
      <c r="A1260">
        <v>30611230</v>
      </c>
      <c r="B1260" t="s">
        <v>6572</v>
      </c>
      <c r="C1260" s="1" t="s">
        <v>6573</v>
      </c>
      <c r="E1260">
        <v>1</v>
      </c>
      <c r="F1260">
        <v>3</v>
      </c>
      <c r="H1260" t="s">
        <v>6574</v>
      </c>
      <c r="I1260">
        <v>1</v>
      </c>
      <c r="J1260" t="s">
        <v>6575</v>
      </c>
      <c r="K1260" t="s">
        <v>6576</v>
      </c>
      <c r="M1260">
        <v>2821954</v>
      </c>
      <c r="O1260">
        <v>2939055</v>
      </c>
      <c r="P1260">
        <v>1</v>
      </c>
      <c r="Q1260">
        <v>1</v>
      </c>
      <c r="R1260" t="s">
        <v>6577</v>
      </c>
      <c r="S1260">
        <v>4247</v>
      </c>
    </row>
    <row r="1261" spans="1:19" x14ac:dyDescent="0.25">
      <c r="A1261">
        <v>31800569</v>
      </c>
      <c r="B1261" t="s">
        <v>6578</v>
      </c>
      <c r="C1261" s="1" t="s">
        <v>6579</v>
      </c>
      <c r="E1261">
        <v>1</v>
      </c>
      <c r="F1261">
        <v>0</v>
      </c>
      <c r="H1261" t="s">
        <v>6580</v>
      </c>
      <c r="J1261" t="s">
        <v>6581</v>
      </c>
      <c r="O1261">
        <v>3558703</v>
      </c>
      <c r="P1261">
        <v>1</v>
      </c>
      <c r="Q1261">
        <v>0</v>
      </c>
      <c r="R1261" t="s">
        <v>6582</v>
      </c>
      <c r="S1261">
        <v>61</v>
      </c>
    </row>
    <row r="1262" spans="1:19" x14ac:dyDescent="0.25">
      <c r="A1262">
        <v>46980910</v>
      </c>
      <c r="B1262" t="s">
        <v>6583</v>
      </c>
      <c r="C1262" s="1" t="s">
        <v>6584</v>
      </c>
      <c r="D1262">
        <v>46982234</v>
      </c>
      <c r="E1262">
        <v>1</v>
      </c>
      <c r="F1262">
        <v>3</v>
      </c>
      <c r="H1262" t="s">
        <v>6585</v>
      </c>
      <c r="J1262" t="s">
        <v>6586</v>
      </c>
      <c r="O1262">
        <v>7711900</v>
      </c>
      <c r="P1262">
        <v>1</v>
      </c>
      <c r="Q1262">
        <v>2</v>
      </c>
      <c r="R1262" t="s">
        <v>6587</v>
      </c>
      <c r="S1262">
        <v>1112</v>
      </c>
    </row>
    <row r="1263" spans="1:19" x14ac:dyDescent="0.25">
      <c r="A1263">
        <v>9862999</v>
      </c>
      <c r="B1263" t="s">
        <v>6588</v>
      </c>
      <c r="C1263" s="1" t="s">
        <v>6589</v>
      </c>
      <c r="E1263">
        <v>0</v>
      </c>
      <c r="F1263">
        <v>0</v>
      </c>
      <c r="H1263" t="s">
        <v>6590</v>
      </c>
      <c r="J1263" t="s">
        <v>6591</v>
      </c>
      <c r="K1263" t="s">
        <v>6591</v>
      </c>
      <c r="M1263">
        <v>839848</v>
      </c>
      <c r="O1263">
        <v>839848</v>
      </c>
      <c r="P1263">
        <v>1</v>
      </c>
      <c r="Q1263">
        <v>2</v>
      </c>
      <c r="R1263" t="s">
        <v>6592</v>
      </c>
      <c r="S1263">
        <v>110</v>
      </c>
    </row>
    <row r="1264" spans="1:19" x14ac:dyDescent="0.25">
      <c r="A1264">
        <v>30331006</v>
      </c>
      <c r="B1264" t="s">
        <v>6593</v>
      </c>
      <c r="C1264" s="1" t="s">
        <v>6594</v>
      </c>
      <c r="E1264">
        <v>0</v>
      </c>
      <c r="F1264">
        <v>4</v>
      </c>
      <c r="H1264" t="s">
        <v>6595</v>
      </c>
      <c r="I1264">
        <v>1</v>
      </c>
      <c r="J1264" t="s">
        <v>6596</v>
      </c>
      <c r="K1264" t="s">
        <v>6597</v>
      </c>
      <c r="M1264">
        <v>-1</v>
      </c>
      <c r="O1264">
        <v>1896016</v>
      </c>
      <c r="P1264">
        <v>1</v>
      </c>
      <c r="Q1264">
        <v>1</v>
      </c>
      <c r="R1264" t="s">
        <v>6598</v>
      </c>
      <c r="S1264">
        <v>803</v>
      </c>
    </row>
    <row r="1265" spans="1:19" x14ac:dyDescent="0.25">
      <c r="A1265">
        <v>50811506</v>
      </c>
      <c r="B1265" t="s">
        <v>6599</v>
      </c>
      <c r="C1265" s="1" t="s">
        <v>6600</v>
      </c>
      <c r="E1265">
        <v>0</v>
      </c>
      <c r="F1265">
        <v>2</v>
      </c>
      <c r="H1265" t="s">
        <v>6601</v>
      </c>
      <c r="J1265" t="s">
        <v>6601</v>
      </c>
      <c r="O1265">
        <v>4550449</v>
      </c>
      <c r="P1265">
        <v>1</v>
      </c>
      <c r="Q1265">
        <v>0</v>
      </c>
      <c r="R1265" t="s">
        <v>6602</v>
      </c>
      <c r="S1265">
        <v>58</v>
      </c>
    </row>
    <row r="1266" spans="1:19" x14ac:dyDescent="0.25">
      <c r="A1266">
        <v>49883586</v>
      </c>
      <c r="B1266" t="s">
        <v>6603</v>
      </c>
      <c r="C1266" s="1" t="s">
        <v>6604</v>
      </c>
      <c r="D1266">
        <v>49883808</v>
      </c>
      <c r="E1266">
        <v>2</v>
      </c>
      <c r="F1266">
        <v>2</v>
      </c>
      <c r="H1266" t="s">
        <v>6605</v>
      </c>
      <c r="J1266" t="s">
        <v>6606</v>
      </c>
      <c r="K1266" t="s">
        <v>6607</v>
      </c>
      <c r="M1266">
        <v>9554837</v>
      </c>
      <c r="O1266">
        <v>9554837</v>
      </c>
      <c r="P1266">
        <v>1</v>
      </c>
      <c r="Q1266">
        <v>0</v>
      </c>
      <c r="R1266" t="s">
        <v>6608</v>
      </c>
      <c r="S1266">
        <v>36</v>
      </c>
    </row>
    <row r="1267" spans="1:19" x14ac:dyDescent="0.25">
      <c r="A1267">
        <v>23959555</v>
      </c>
      <c r="B1267" t="s">
        <v>6609</v>
      </c>
      <c r="C1267" s="1" t="s">
        <v>6610</v>
      </c>
      <c r="D1267">
        <v>23960235</v>
      </c>
      <c r="E1267">
        <v>1</v>
      </c>
      <c r="F1267">
        <v>0</v>
      </c>
      <c r="H1267" t="s">
        <v>6611</v>
      </c>
      <c r="J1267" t="s">
        <v>6612</v>
      </c>
      <c r="O1267">
        <v>2140937</v>
      </c>
      <c r="P1267">
        <v>1</v>
      </c>
      <c r="Q1267">
        <v>2</v>
      </c>
      <c r="R1267" t="s">
        <v>6613</v>
      </c>
      <c r="S1267">
        <v>31</v>
      </c>
    </row>
    <row r="1268" spans="1:19" x14ac:dyDescent="0.25">
      <c r="A1268">
        <v>51182104</v>
      </c>
      <c r="B1268" t="s">
        <v>6614</v>
      </c>
      <c r="C1268" t="s">
        <v>6615</v>
      </c>
      <c r="E1268">
        <v>0</v>
      </c>
      <c r="F1268">
        <v>2</v>
      </c>
      <c r="H1268" t="s">
        <v>6616</v>
      </c>
      <c r="J1268" t="s">
        <v>6617</v>
      </c>
      <c r="K1268" t="s">
        <v>6617</v>
      </c>
      <c r="M1268">
        <v>1988304</v>
      </c>
      <c r="O1268">
        <v>10001889</v>
      </c>
      <c r="P1268">
        <v>1</v>
      </c>
      <c r="Q1268">
        <v>0</v>
      </c>
      <c r="R1268" t="s">
        <v>6618</v>
      </c>
      <c r="S1268">
        <v>12</v>
      </c>
    </row>
    <row r="1269" spans="1:19" x14ac:dyDescent="0.25">
      <c r="A1269">
        <v>27213276</v>
      </c>
      <c r="B1269" t="s">
        <v>6619</v>
      </c>
      <c r="C1269" s="1" t="s">
        <v>6620</v>
      </c>
      <c r="D1269">
        <v>27214786</v>
      </c>
      <c r="E1269">
        <v>2</v>
      </c>
      <c r="F1269">
        <v>1</v>
      </c>
      <c r="H1269" t="s">
        <v>6621</v>
      </c>
      <c r="J1269" t="s">
        <v>6622</v>
      </c>
      <c r="K1269" t="s">
        <v>6623</v>
      </c>
      <c r="M1269">
        <v>4099593</v>
      </c>
      <c r="O1269">
        <v>1496811</v>
      </c>
      <c r="P1269">
        <v>1</v>
      </c>
      <c r="Q1269">
        <v>-1</v>
      </c>
      <c r="R1269" t="s">
        <v>6624</v>
      </c>
      <c r="S1269">
        <v>285</v>
      </c>
    </row>
    <row r="1270" spans="1:19" x14ac:dyDescent="0.25">
      <c r="A1270">
        <v>25766709</v>
      </c>
      <c r="B1270" t="s">
        <v>6625</v>
      </c>
      <c r="C1270" s="1" t="s">
        <v>6626</v>
      </c>
      <c r="D1270">
        <v>25767292</v>
      </c>
      <c r="E1270">
        <v>3</v>
      </c>
      <c r="F1270">
        <v>6</v>
      </c>
      <c r="H1270" t="s">
        <v>6627</v>
      </c>
      <c r="I1270">
        <v>1</v>
      </c>
      <c r="J1270" t="s">
        <v>6628</v>
      </c>
      <c r="K1270" t="s">
        <v>6629</v>
      </c>
      <c r="M1270">
        <v>1545322</v>
      </c>
      <c r="O1270">
        <v>2465903</v>
      </c>
      <c r="P1270">
        <v>1</v>
      </c>
      <c r="Q1270">
        <v>-6</v>
      </c>
      <c r="R1270" t="s">
        <v>6630</v>
      </c>
      <c r="S1270">
        <v>134</v>
      </c>
    </row>
    <row r="1271" spans="1:19" x14ac:dyDescent="0.25">
      <c r="A1271">
        <v>32741966</v>
      </c>
      <c r="B1271" t="s">
        <v>6631</v>
      </c>
      <c r="C1271" s="1" t="s">
        <v>6632</v>
      </c>
      <c r="E1271">
        <v>0</v>
      </c>
      <c r="F1271">
        <v>2</v>
      </c>
      <c r="H1271" t="s">
        <v>6633</v>
      </c>
      <c r="J1271" t="s">
        <v>6634</v>
      </c>
      <c r="K1271" t="s">
        <v>6634</v>
      </c>
      <c r="M1271">
        <v>2328841</v>
      </c>
      <c r="O1271">
        <v>5367969</v>
      </c>
      <c r="P1271">
        <v>1</v>
      </c>
      <c r="Q1271">
        <v>0</v>
      </c>
      <c r="R1271" t="s">
        <v>6635</v>
      </c>
      <c r="S1271">
        <v>2015</v>
      </c>
    </row>
    <row r="1272" spans="1:19" x14ac:dyDescent="0.25">
      <c r="A1272">
        <v>25529097</v>
      </c>
      <c r="B1272" t="s">
        <v>6636</v>
      </c>
      <c r="C1272" s="1" t="s">
        <v>6637</v>
      </c>
      <c r="D1272">
        <v>27202607</v>
      </c>
      <c r="E1272">
        <v>1</v>
      </c>
      <c r="F1272">
        <v>0</v>
      </c>
      <c r="H1272" t="s">
        <v>6638</v>
      </c>
      <c r="J1272" t="s">
        <v>6639</v>
      </c>
      <c r="K1272" t="s">
        <v>6640</v>
      </c>
      <c r="M1272">
        <v>2768322</v>
      </c>
      <c r="O1272">
        <v>2768322</v>
      </c>
      <c r="P1272">
        <v>1</v>
      </c>
      <c r="Q1272">
        <v>0</v>
      </c>
      <c r="R1272" t="s">
        <v>6641</v>
      </c>
      <c r="S1272">
        <v>14</v>
      </c>
    </row>
    <row r="1273" spans="1:19" x14ac:dyDescent="0.25">
      <c r="A1273">
        <v>1485436</v>
      </c>
      <c r="B1273" t="s">
        <v>6642</v>
      </c>
      <c r="C1273" s="1" t="s">
        <v>6643</v>
      </c>
      <c r="E1273">
        <v>6</v>
      </c>
      <c r="F1273">
        <v>1</v>
      </c>
      <c r="H1273" t="s">
        <v>6644</v>
      </c>
      <c r="I1273">
        <v>2</v>
      </c>
      <c r="J1273" t="s">
        <v>6645</v>
      </c>
      <c r="O1273">
        <v>84476</v>
      </c>
      <c r="P1273">
        <v>1</v>
      </c>
      <c r="Q1273">
        <v>4</v>
      </c>
      <c r="R1273" t="s">
        <v>6646</v>
      </c>
      <c r="S1273">
        <v>33178</v>
      </c>
    </row>
    <row r="1274" spans="1:19" x14ac:dyDescent="0.25">
      <c r="A1274">
        <v>48051027</v>
      </c>
      <c r="B1274" t="s">
        <v>6647</v>
      </c>
      <c r="C1274" s="1" t="s">
        <v>6648</v>
      </c>
      <c r="E1274">
        <v>1</v>
      </c>
      <c r="F1274">
        <v>4</v>
      </c>
      <c r="H1274" t="s">
        <v>6649</v>
      </c>
      <c r="J1274" t="s">
        <v>6650</v>
      </c>
      <c r="K1274" t="s">
        <v>6651</v>
      </c>
      <c r="M1274">
        <v>752843</v>
      </c>
      <c r="O1274">
        <v>8736808</v>
      </c>
      <c r="P1274">
        <v>1</v>
      </c>
      <c r="Q1274">
        <v>1</v>
      </c>
      <c r="R1274" t="s">
        <v>6652</v>
      </c>
      <c r="S1274">
        <v>243</v>
      </c>
    </row>
    <row r="1275" spans="1:19" x14ac:dyDescent="0.25">
      <c r="A1275">
        <v>14244582</v>
      </c>
      <c r="B1275" t="s">
        <v>6653</v>
      </c>
      <c r="C1275" s="1" t="s">
        <v>6654</v>
      </c>
      <c r="D1275">
        <v>14244752</v>
      </c>
      <c r="E1275">
        <v>1</v>
      </c>
      <c r="F1275">
        <v>0</v>
      </c>
      <c r="H1275" t="s">
        <v>6655</v>
      </c>
      <c r="J1275" t="s">
        <v>6656</v>
      </c>
      <c r="O1275">
        <v>131194</v>
      </c>
      <c r="P1275">
        <v>1</v>
      </c>
      <c r="Q1275">
        <v>1</v>
      </c>
      <c r="R1275" t="s">
        <v>6657</v>
      </c>
      <c r="S1275">
        <v>854</v>
      </c>
    </row>
    <row r="1276" spans="1:19" x14ac:dyDescent="0.25">
      <c r="A1276">
        <v>33886304</v>
      </c>
      <c r="B1276" t="s">
        <v>6658</v>
      </c>
      <c r="C1276" s="1" t="s">
        <v>6659</v>
      </c>
      <c r="E1276">
        <v>1</v>
      </c>
      <c r="F1276">
        <v>3</v>
      </c>
      <c r="H1276" t="s">
        <v>6660</v>
      </c>
      <c r="J1276" t="s">
        <v>6661</v>
      </c>
      <c r="O1276">
        <v>4202576</v>
      </c>
      <c r="P1276">
        <v>1</v>
      </c>
      <c r="Q1276">
        <v>0</v>
      </c>
      <c r="R1276" t="s">
        <v>6662</v>
      </c>
      <c r="S1276">
        <v>2331</v>
      </c>
    </row>
    <row r="1277" spans="1:19" x14ac:dyDescent="0.25">
      <c r="A1277">
        <v>15024644</v>
      </c>
      <c r="B1277" t="s">
        <v>6663</v>
      </c>
      <c r="C1277" s="1" t="s">
        <v>6664</v>
      </c>
      <c r="D1277">
        <v>15024837</v>
      </c>
      <c r="E1277">
        <v>2</v>
      </c>
      <c r="F1277">
        <v>5</v>
      </c>
      <c r="H1277" t="s">
        <v>6665</v>
      </c>
      <c r="J1277" t="s">
        <v>6666</v>
      </c>
      <c r="K1277" t="s">
        <v>6667</v>
      </c>
      <c r="M1277">
        <v>1996272</v>
      </c>
      <c r="O1277">
        <v>1216150</v>
      </c>
      <c r="P1277">
        <v>1</v>
      </c>
      <c r="Q1277">
        <v>0</v>
      </c>
      <c r="R1277" t="s">
        <v>2494</v>
      </c>
      <c r="S1277">
        <v>88</v>
      </c>
    </row>
    <row r="1278" spans="1:19" x14ac:dyDescent="0.25">
      <c r="A1278">
        <v>5213316</v>
      </c>
      <c r="B1278" t="s">
        <v>6668</v>
      </c>
      <c r="C1278" s="1" t="s">
        <v>6669</v>
      </c>
      <c r="E1278">
        <v>2</v>
      </c>
      <c r="F1278">
        <v>0</v>
      </c>
      <c r="H1278" t="s">
        <v>6670</v>
      </c>
      <c r="J1278" t="s">
        <v>6671</v>
      </c>
      <c r="K1278" t="s">
        <v>6672</v>
      </c>
      <c r="M1278">
        <v>647241</v>
      </c>
      <c r="O1278">
        <v>647241</v>
      </c>
      <c r="P1278">
        <v>1</v>
      </c>
      <c r="Q1278">
        <v>0</v>
      </c>
      <c r="R1278" t="s">
        <v>6673</v>
      </c>
      <c r="S1278">
        <v>175</v>
      </c>
    </row>
    <row r="1279" spans="1:19" x14ac:dyDescent="0.25">
      <c r="A1279">
        <v>20628920</v>
      </c>
      <c r="B1279" t="s">
        <v>6674</v>
      </c>
      <c r="C1279" s="1" t="s">
        <v>6675</v>
      </c>
      <c r="E1279">
        <v>1</v>
      </c>
      <c r="F1279">
        <v>5</v>
      </c>
      <c r="H1279" t="s">
        <v>6676</v>
      </c>
      <c r="J1279" t="s">
        <v>6677</v>
      </c>
      <c r="O1279">
        <v>2621579</v>
      </c>
      <c r="P1279">
        <v>1</v>
      </c>
      <c r="Q1279">
        <v>-2</v>
      </c>
      <c r="R1279" t="s">
        <v>6678</v>
      </c>
      <c r="S1279">
        <v>1199</v>
      </c>
    </row>
    <row r="1280" spans="1:19" x14ac:dyDescent="0.25">
      <c r="A1280">
        <v>37360148</v>
      </c>
      <c r="B1280" t="s">
        <v>6679</v>
      </c>
      <c r="C1280" s="1" t="s">
        <v>6680</v>
      </c>
      <c r="D1280">
        <v>37360277</v>
      </c>
      <c r="E1280">
        <v>1</v>
      </c>
      <c r="F1280">
        <v>2</v>
      </c>
      <c r="H1280" t="s">
        <v>6681</v>
      </c>
      <c r="J1280" t="s">
        <v>6682</v>
      </c>
      <c r="K1280" t="s">
        <v>6683</v>
      </c>
      <c r="M1280">
        <v>-1</v>
      </c>
      <c r="O1280">
        <v>2377489</v>
      </c>
      <c r="P1280">
        <v>1</v>
      </c>
      <c r="Q1280">
        <v>0</v>
      </c>
      <c r="R1280" t="s">
        <v>6684</v>
      </c>
      <c r="S1280">
        <v>335</v>
      </c>
    </row>
    <row r="1281" spans="1:19" x14ac:dyDescent="0.25">
      <c r="A1281">
        <v>25074031</v>
      </c>
      <c r="B1281" t="s">
        <v>6685</v>
      </c>
      <c r="C1281" s="1" t="s">
        <v>6686</v>
      </c>
      <c r="D1281">
        <v>25074126</v>
      </c>
      <c r="E1281">
        <v>1</v>
      </c>
      <c r="F1281">
        <v>1</v>
      </c>
      <c r="H1281" t="s">
        <v>6687</v>
      </c>
      <c r="J1281" t="s">
        <v>6688</v>
      </c>
      <c r="K1281" t="s">
        <v>6689</v>
      </c>
      <c r="M1281">
        <v>463623</v>
      </c>
      <c r="O1281">
        <v>3664750</v>
      </c>
      <c r="P1281">
        <v>1</v>
      </c>
      <c r="Q1281">
        <v>0</v>
      </c>
      <c r="R1281" t="s">
        <v>6690</v>
      </c>
      <c r="S1281">
        <v>59</v>
      </c>
    </row>
    <row r="1282" spans="1:19" x14ac:dyDescent="0.25">
      <c r="A1282">
        <v>12150251</v>
      </c>
      <c r="B1282" t="s">
        <v>6691</v>
      </c>
      <c r="C1282" s="1" t="s">
        <v>6692</v>
      </c>
      <c r="E1282">
        <v>3</v>
      </c>
      <c r="F1282">
        <v>1</v>
      </c>
      <c r="H1282" t="s">
        <v>6693</v>
      </c>
      <c r="J1282" t="s">
        <v>6694</v>
      </c>
      <c r="K1282" t="s">
        <v>6695</v>
      </c>
      <c r="M1282">
        <v>367456</v>
      </c>
      <c r="O1282">
        <v>1628831</v>
      </c>
      <c r="P1282">
        <v>1</v>
      </c>
      <c r="Q1282">
        <v>-2</v>
      </c>
      <c r="R1282" t="s">
        <v>6696</v>
      </c>
      <c r="S1282">
        <v>68</v>
      </c>
    </row>
    <row r="1283" spans="1:19" x14ac:dyDescent="0.25">
      <c r="A1283">
        <v>25666827</v>
      </c>
      <c r="B1283" t="s">
        <v>6697</v>
      </c>
      <c r="C1283" s="1" t="s">
        <v>6698</v>
      </c>
      <c r="E1283">
        <v>3</v>
      </c>
      <c r="F1283">
        <v>0</v>
      </c>
      <c r="H1283" t="s">
        <v>6699</v>
      </c>
      <c r="J1283" t="s">
        <v>6700</v>
      </c>
      <c r="O1283">
        <v>260905</v>
      </c>
      <c r="P1283">
        <v>1</v>
      </c>
      <c r="Q1283">
        <v>0</v>
      </c>
      <c r="R1283" t="s">
        <v>6701</v>
      </c>
      <c r="S1283">
        <v>1212</v>
      </c>
    </row>
    <row r="1284" spans="1:19" x14ac:dyDescent="0.25">
      <c r="A1284">
        <v>24113636</v>
      </c>
      <c r="B1284" t="s">
        <v>6702</v>
      </c>
      <c r="C1284" s="1" t="s">
        <v>6703</v>
      </c>
      <c r="E1284">
        <v>1</v>
      </c>
      <c r="F1284">
        <v>0</v>
      </c>
      <c r="H1284" t="s">
        <v>6704</v>
      </c>
      <c r="J1284" t="s">
        <v>6705</v>
      </c>
      <c r="K1284" t="s">
        <v>6706</v>
      </c>
      <c r="M1284">
        <v>-1</v>
      </c>
      <c r="O1284">
        <v>757955</v>
      </c>
      <c r="P1284">
        <v>1</v>
      </c>
      <c r="Q1284">
        <v>0</v>
      </c>
      <c r="R1284" t="s">
        <v>6707</v>
      </c>
      <c r="S1284">
        <v>311</v>
      </c>
    </row>
    <row r="1285" spans="1:19" x14ac:dyDescent="0.25">
      <c r="A1285">
        <v>45326751</v>
      </c>
      <c r="B1285" t="s">
        <v>6708</v>
      </c>
      <c r="C1285" s="1" t="s">
        <v>6709</v>
      </c>
      <c r="D1285">
        <v>45328337</v>
      </c>
      <c r="E1285">
        <v>1</v>
      </c>
      <c r="F1285">
        <v>10</v>
      </c>
      <c r="H1285" t="s">
        <v>6710</v>
      </c>
      <c r="J1285" t="s">
        <v>6711</v>
      </c>
      <c r="K1285" t="s">
        <v>6712</v>
      </c>
      <c r="M1285">
        <v>7302262</v>
      </c>
      <c r="O1285">
        <v>7302262</v>
      </c>
      <c r="P1285">
        <v>1</v>
      </c>
      <c r="Q1285">
        <v>0</v>
      </c>
      <c r="R1285" t="s">
        <v>6713</v>
      </c>
      <c r="S1285">
        <v>200</v>
      </c>
    </row>
    <row r="1286" spans="1:19" x14ac:dyDescent="0.25">
      <c r="A1286">
        <v>34858110</v>
      </c>
      <c r="B1286" t="s">
        <v>6714</v>
      </c>
      <c r="C1286" s="1" t="s">
        <v>6715</v>
      </c>
      <c r="D1286">
        <v>34858578</v>
      </c>
      <c r="E1286">
        <v>3</v>
      </c>
      <c r="F1286">
        <v>8</v>
      </c>
      <c r="H1286" t="s">
        <v>6716</v>
      </c>
      <c r="J1286" t="s">
        <v>6717</v>
      </c>
      <c r="O1286">
        <v>1292918</v>
      </c>
      <c r="P1286">
        <v>1</v>
      </c>
      <c r="Q1286">
        <v>2</v>
      </c>
      <c r="R1286" t="s">
        <v>6718</v>
      </c>
      <c r="S1286">
        <v>302</v>
      </c>
    </row>
    <row r="1287" spans="1:19" x14ac:dyDescent="0.25">
      <c r="A1287">
        <v>20490588</v>
      </c>
      <c r="B1287" t="s">
        <v>6719</v>
      </c>
      <c r="C1287" s="1" t="s">
        <v>6720</v>
      </c>
      <c r="D1287">
        <v>20490712</v>
      </c>
      <c r="E1287">
        <v>5</v>
      </c>
      <c r="F1287">
        <v>2</v>
      </c>
      <c r="H1287" t="s">
        <v>6721</v>
      </c>
      <c r="J1287" t="s">
        <v>6722</v>
      </c>
      <c r="K1287" t="s">
        <v>6723</v>
      </c>
      <c r="M1287">
        <v>993915</v>
      </c>
      <c r="O1287">
        <v>3086080</v>
      </c>
      <c r="P1287">
        <v>1</v>
      </c>
      <c r="Q1287">
        <v>0</v>
      </c>
      <c r="R1287" t="s">
        <v>6724</v>
      </c>
      <c r="S1287">
        <v>304</v>
      </c>
    </row>
    <row r="1288" spans="1:19" x14ac:dyDescent="0.25">
      <c r="A1288">
        <v>522928</v>
      </c>
      <c r="B1288" t="s">
        <v>6725</v>
      </c>
      <c r="C1288" s="1" t="s">
        <v>6726</v>
      </c>
      <c r="D1288">
        <v>522968</v>
      </c>
      <c r="E1288">
        <v>10</v>
      </c>
      <c r="F1288">
        <v>4</v>
      </c>
      <c r="H1288" t="s">
        <v>6727</v>
      </c>
      <c r="I1288">
        <v>35</v>
      </c>
      <c r="J1288" t="s">
        <v>6728</v>
      </c>
      <c r="K1288" t="s">
        <v>6729</v>
      </c>
      <c r="L1288" t="s">
        <v>6730</v>
      </c>
      <c r="M1288">
        <v>-1</v>
      </c>
      <c r="N1288" t="s">
        <v>6730</v>
      </c>
      <c r="O1288">
        <v>18393</v>
      </c>
      <c r="P1288">
        <v>1</v>
      </c>
      <c r="Q1288">
        <v>99</v>
      </c>
      <c r="R1288" t="s">
        <v>6731</v>
      </c>
      <c r="S1288">
        <v>59921</v>
      </c>
    </row>
    <row r="1289" spans="1:19" x14ac:dyDescent="0.25">
      <c r="A1289">
        <v>47214182</v>
      </c>
      <c r="B1289" t="s">
        <v>6732</v>
      </c>
      <c r="C1289" s="1" t="s">
        <v>6733</v>
      </c>
      <c r="E1289">
        <v>1</v>
      </c>
      <c r="F1289">
        <v>0</v>
      </c>
      <c r="H1289" t="s">
        <v>6734</v>
      </c>
      <c r="J1289" t="s">
        <v>6735</v>
      </c>
      <c r="O1289">
        <v>2830251</v>
      </c>
      <c r="P1289">
        <v>1</v>
      </c>
      <c r="Q1289">
        <v>0</v>
      </c>
      <c r="R1289" t="s">
        <v>6736</v>
      </c>
      <c r="S1289">
        <v>401</v>
      </c>
    </row>
    <row r="1290" spans="1:19" x14ac:dyDescent="0.25">
      <c r="A1290">
        <v>23398963</v>
      </c>
      <c r="B1290" t="s">
        <v>6737</v>
      </c>
      <c r="C1290" s="1" t="s">
        <v>6738</v>
      </c>
      <c r="E1290">
        <v>1</v>
      </c>
      <c r="F1290">
        <v>1</v>
      </c>
      <c r="H1290" t="s">
        <v>6739</v>
      </c>
      <c r="J1290" t="s">
        <v>6740</v>
      </c>
      <c r="O1290">
        <v>1454937</v>
      </c>
      <c r="P1290">
        <v>1</v>
      </c>
      <c r="Q1290">
        <v>0</v>
      </c>
      <c r="R1290" t="s">
        <v>6741</v>
      </c>
      <c r="S1290">
        <v>2477</v>
      </c>
    </row>
    <row r="1291" spans="1:19" x14ac:dyDescent="0.25">
      <c r="A1291">
        <v>46803460</v>
      </c>
      <c r="B1291" t="s">
        <v>6742</v>
      </c>
      <c r="C1291" s="1" t="s">
        <v>6743</v>
      </c>
      <c r="D1291">
        <v>46803497</v>
      </c>
      <c r="E1291">
        <v>1</v>
      </c>
      <c r="F1291">
        <v>3</v>
      </c>
      <c r="H1291" t="s">
        <v>6744</v>
      </c>
      <c r="J1291" t="s">
        <v>6745</v>
      </c>
      <c r="K1291" t="s">
        <v>6745</v>
      </c>
      <c r="M1291">
        <v>971127</v>
      </c>
      <c r="O1291">
        <v>3226932</v>
      </c>
      <c r="P1291">
        <v>1</v>
      </c>
      <c r="Q1291">
        <v>0</v>
      </c>
      <c r="R1291" t="s">
        <v>6746</v>
      </c>
      <c r="S1291">
        <v>69</v>
      </c>
    </row>
    <row r="1292" spans="1:19" x14ac:dyDescent="0.25">
      <c r="A1292">
        <v>26741378</v>
      </c>
      <c r="B1292" t="s">
        <v>6747</v>
      </c>
      <c r="C1292" s="1" t="s">
        <v>6748</v>
      </c>
      <c r="D1292">
        <v>26741748</v>
      </c>
      <c r="E1292">
        <v>4</v>
      </c>
      <c r="F1292">
        <v>0</v>
      </c>
      <c r="H1292" t="s">
        <v>6749</v>
      </c>
      <c r="I1292">
        <v>2</v>
      </c>
      <c r="J1292" t="s">
        <v>6750</v>
      </c>
      <c r="O1292">
        <v>237955</v>
      </c>
      <c r="P1292">
        <v>1</v>
      </c>
      <c r="Q1292">
        <v>7</v>
      </c>
      <c r="R1292" t="s">
        <v>6751</v>
      </c>
      <c r="S1292">
        <v>2816</v>
      </c>
    </row>
    <row r="1293" spans="1:19" x14ac:dyDescent="0.25">
      <c r="A1293">
        <v>17033655</v>
      </c>
      <c r="B1293" t="s">
        <v>6752</v>
      </c>
      <c r="C1293" s="1" t="s">
        <v>6753</v>
      </c>
      <c r="E1293">
        <v>1</v>
      </c>
      <c r="F1293">
        <v>3</v>
      </c>
      <c r="H1293" t="s">
        <v>6754</v>
      </c>
      <c r="J1293" t="s">
        <v>6755</v>
      </c>
      <c r="K1293" t="s">
        <v>6756</v>
      </c>
      <c r="M1293">
        <v>1037210</v>
      </c>
      <c r="O1293">
        <v>2472512</v>
      </c>
      <c r="P1293">
        <v>1</v>
      </c>
      <c r="Q1293">
        <v>-1</v>
      </c>
      <c r="R1293" t="s">
        <v>4631</v>
      </c>
      <c r="S1293">
        <v>56</v>
      </c>
    </row>
    <row r="1294" spans="1:19" x14ac:dyDescent="0.25">
      <c r="A1294">
        <v>30233105</v>
      </c>
      <c r="B1294" t="s">
        <v>6757</v>
      </c>
      <c r="C1294" s="1" t="s">
        <v>6758</v>
      </c>
      <c r="E1294">
        <v>3</v>
      </c>
      <c r="F1294">
        <v>0</v>
      </c>
      <c r="H1294" t="s">
        <v>6759</v>
      </c>
      <c r="I1294">
        <v>4</v>
      </c>
      <c r="J1294" t="s">
        <v>6760</v>
      </c>
      <c r="O1294">
        <v>1235039</v>
      </c>
      <c r="P1294">
        <v>1</v>
      </c>
      <c r="Q1294">
        <v>46</v>
      </c>
      <c r="R1294" t="s">
        <v>6761</v>
      </c>
      <c r="S1294">
        <v>40742</v>
      </c>
    </row>
    <row r="1295" spans="1:19" x14ac:dyDescent="0.25">
      <c r="A1295">
        <v>30873212</v>
      </c>
      <c r="B1295" t="s">
        <v>6762</v>
      </c>
      <c r="C1295" s="1" t="s">
        <v>6763</v>
      </c>
      <c r="E1295">
        <v>0</v>
      </c>
      <c r="F1295">
        <v>0</v>
      </c>
      <c r="H1295" t="s">
        <v>6764</v>
      </c>
      <c r="J1295" t="s">
        <v>6765</v>
      </c>
      <c r="K1295" t="s">
        <v>6765</v>
      </c>
      <c r="M1295">
        <v>2486737</v>
      </c>
      <c r="O1295">
        <v>5016198</v>
      </c>
      <c r="P1295">
        <v>1</v>
      </c>
      <c r="Q1295">
        <v>2</v>
      </c>
      <c r="R1295" t="s">
        <v>6766</v>
      </c>
      <c r="S1295">
        <v>208</v>
      </c>
    </row>
    <row r="1296" spans="1:19" x14ac:dyDescent="0.25">
      <c r="A1296">
        <v>4786142</v>
      </c>
      <c r="B1296" t="s">
        <v>6767</v>
      </c>
      <c r="C1296" s="1" t="s">
        <v>6768</v>
      </c>
      <c r="E1296">
        <v>4</v>
      </c>
      <c r="F1296">
        <v>0</v>
      </c>
      <c r="H1296" t="s">
        <v>6769</v>
      </c>
      <c r="J1296" t="s">
        <v>6770</v>
      </c>
      <c r="K1296" t="s">
        <v>6771</v>
      </c>
      <c r="M1296">
        <v>545067</v>
      </c>
      <c r="O1296">
        <v>545067</v>
      </c>
      <c r="P1296">
        <v>1</v>
      </c>
      <c r="Q1296">
        <v>3</v>
      </c>
      <c r="R1296" t="s">
        <v>6772</v>
      </c>
      <c r="S1296">
        <v>2144</v>
      </c>
    </row>
    <row r="1297" spans="1:19" x14ac:dyDescent="0.25">
      <c r="A1297">
        <v>26598936</v>
      </c>
      <c r="B1297" t="s">
        <v>6773</v>
      </c>
      <c r="C1297" s="1" t="s">
        <v>6774</v>
      </c>
      <c r="E1297">
        <v>1</v>
      </c>
      <c r="F1297">
        <v>0</v>
      </c>
      <c r="H1297" t="s">
        <v>6775</v>
      </c>
      <c r="J1297" t="s">
        <v>6776</v>
      </c>
      <c r="K1297" t="s">
        <v>6777</v>
      </c>
      <c r="M1297">
        <v>64046</v>
      </c>
      <c r="O1297">
        <v>4187895</v>
      </c>
      <c r="P1297">
        <v>1</v>
      </c>
      <c r="Q1297">
        <v>0</v>
      </c>
      <c r="R1297" t="s">
        <v>6778</v>
      </c>
      <c r="S1297">
        <v>28</v>
      </c>
    </row>
    <row r="1298" spans="1:19" x14ac:dyDescent="0.25">
      <c r="A1298">
        <v>34308380</v>
      </c>
      <c r="B1298" t="s">
        <v>6779</v>
      </c>
      <c r="C1298" s="1" t="s">
        <v>6780</v>
      </c>
      <c r="D1298">
        <v>34308846</v>
      </c>
      <c r="E1298">
        <v>5</v>
      </c>
      <c r="F1298">
        <v>5</v>
      </c>
      <c r="H1298" t="s">
        <v>6781</v>
      </c>
      <c r="I1298">
        <v>1</v>
      </c>
      <c r="J1298" t="s">
        <v>6782</v>
      </c>
      <c r="K1298" t="s">
        <v>6783</v>
      </c>
      <c r="M1298">
        <v>1156018</v>
      </c>
      <c r="O1298">
        <v>4827234</v>
      </c>
      <c r="P1298">
        <v>1</v>
      </c>
      <c r="Q1298">
        <v>1</v>
      </c>
      <c r="R1298" t="s">
        <v>6784</v>
      </c>
      <c r="S1298">
        <v>1086</v>
      </c>
    </row>
    <row r="1299" spans="1:19" x14ac:dyDescent="0.25">
      <c r="A1299">
        <v>1314194</v>
      </c>
      <c r="B1299" t="s">
        <v>6785</v>
      </c>
      <c r="C1299" s="1" t="s">
        <v>6786</v>
      </c>
      <c r="E1299">
        <v>4</v>
      </c>
      <c r="F1299">
        <v>0</v>
      </c>
      <c r="H1299" t="s">
        <v>6787</v>
      </c>
      <c r="J1299" t="s">
        <v>6788</v>
      </c>
      <c r="O1299">
        <v>151364</v>
      </c>
      <c r="P1299">
        <v>1</v>
      </c>
      <c r="Q1299">
        <v>0</v>
      </c>
      <c r="R1299" t="s">
        <v>6789</v>
      </c>
      <c r="S1299">
        <v>6814</v>
      </c>
    </row>
    <row r="1300" spans="1:19" x14ac:dyDescent="0.25">
      <c r="A1300">
        <v>32660839</v>
      </c>
      <c r="B1300" t="s">
        <v>6790</v>
      </c>
      <c r="C1300" s="1" t="s">
        <v>6791</v>
      </c>
      <c r="D1300">
        <v>32848800</v>
      </c>
      <c r="E1300">
        <v>5</v>
      </c>
      <c r="F1300">
        <v>1</v>
      </c>
      <c r="H1300" t="s">
        <v>6792</v>
      </c>
      <c r="J1300" t="s">
        <v>6793</v>
      </c>
      <c r="O1300">
        <v>2208721</v>
      </c>
      <c r="P1300">
        <v>1</v>
      </c>
      <c r="Q1300">
        <v>0</v>
      </c>
      <c r="R1300" t="s">
        <v>6794</v>
      </c>
      <c r="S1300">
        <v>3262</v>
      </c>
    </row>
    <row r="1301" spans="1:19" x14ac:dyDescent="0.25">
      <c r="A1301">
        <v>34144465</v>
      </c>
      <c r="B1301" t="s">
        <v>6795</v>
      </c>
      <c r="C1301" s="1" t="s">
        <v>6796</v>
      </c>
      <c r="E1301">
        <v>1</v>
      </c>
      <c r="F1301">
        <v>0</v>
      </c>
      <c r="H1301" t="s">
        <v>6797</v>
      </c>
      <c r="J1301" t="s">
        <v>6798</v>
      </c>
      <c r="O1301">
        <v>3657474</v>
      </c>
      <c r="P1301">
        <v>1</v>
      </c>
      <c r="Q1301">
        <v>0</v>
      </c>
      <c r="R1301" t="s">
        <v>6799</v>
      </c>
      <c r="S1301">
        <v>39</v>
      </c>
    </row>
    <row r="1302" spans="1:19" x14ac:dyDescent="0.25">
      <c r="A1302">
        <v>24446345</v>
      </c>
      <c r="B1302" t="s">
        <v>6800</v>
      </c>
      <c r="C1302" s="1" t="s">
        <v>6801</v>
      </c>
      <c r="E1302">
        <v>1</v>
      </c>
      <c r="F1302">
        <v>0</v>
      </c>
      <c r="H1302" t="s">
        <v>6802</v>
      </c>
      <c r="J1302" t="s">
        <v>6803</v>
      </c>
      <c r="K1302" t="s">
        <v>6804</v>
      </c>
      <c r="M1302">
        <v>891589</v>
      </c>
      <c r="O1302">
        <v>3782134</v>
      </c>
      <c r="P1302">
        <v>1</v>
      </c>
      <c r="Q1302">
        <v>0</v>
      </c>
      <c r="R1302" t="s">
        <v>6805</v>
      </c>
      <c r="S1302">
        <v>807</v>
      </c>
    </row>
    <row r="1303" spans="1:19" x14ac:dyDescent="0.25">
      <c r="A1303">
        <v>22537738</v>
      </c>
      <c r="B1303" t="s">
        <v>6806</v>
      </c>
      <c r="C1303" s="1" t="s">
        <v>6807</v>
      </c>
      <c r="E1303">
        <v>1</v>
      </c>
      <c r="F1303">
        <v>0</v>
      </c>
      <c r="H1303" t="s">
        <v>6808</v>
      </c>
      <c r="J1303" t="s">
        <v>6809</v>
      </c>
      <c r="K1303" t="s">
        <v>6810</v>
      </c>
      <c r="M1303">
        <v>2530407</v>
      </c>
      <c r="O1303">
        <v>2530407</v>
      </c>
      <c r="P1303">
        <v>1</v>
      </c>
      <c r="Q1303">
        <v>0</v>
      </c>
      <c r="R1303" t="s">
        <v>6811</v>
      </c>
      <c r="S1303">
        <v>231</v>
      </c>
    </row>
    <row r="1304" spans="1:19" x14ac:dyDescent="0.25">
      <c r="A1304">
        <v>12292270</v>
      </c>
      <c r="B1304" t="s">
        <v>6812</v>
      </c>
      <c r="C1304" s="1" t="s">
        <v>6813</v>
      </c>
      <c r="E1304">
        <v>6</v>
      </c>
      <c r="F1304">
        <v>0</v>
      </c>
      <c r="H1304" t="s">
        <v>6814</v>
      </c>
      <c r="I1304">
        <v>1</v>
      </c>
      <c r="J1304" t="s">
        <v>6815</v>
      </c>
      <c r="K1304" t="s">
        <v>6816</v>
      </c>
      <c r="M1304">
        <v>895646</v>
      </c>
      <c r="O1304">
        <v>1008073</v>
      </c>
      <c r="P1304">
        <v>1</v>
      </c>
      <c r="Q1304">
        <v>6</v>
      </c>
      <c r="R1304" t="s">
        <v>6817</v>
      </c>
      <c r="S1304">
        <v>45474</v>
      </c>
    </row>
    <row r="1305" spans="1:19" x14ac:dyDescent="0.25">
      <c r="A1305">
        <v>8500180</v>
      </c>
      <c r="B1305" t="s">
        <v>6818</v>
      </c>
      <c r="C1305" t="s">
        <v>6819</v>
      </c>
      <c r="D1305">
        <v>8500222</v>
      </c>
      <c r="E1305">
        <v>3</v>
      </c>
      <c r="F1305">
        <v>0</v>
      </c>
      <c r="H1305" t="s">
        <v>6820</v>
      </c>
      <c r="J1305" t="s">
        <v>6821</v>
      </c>
      <c r="O1305">
        <v>974155</v>
      </c>
      <c r="P1305">
        <v>1</v>
      </c>
      <c r="Q1305">
        <v>1</v>
      </c>
      <c r="R1305" t="s">
        <v>6822</v>
      </c>
      <c r="S1305">
        <v>16283</v>
      </c>
    </row>
    <row r="1306" spans="1:19" x14ac:dyDescent="0.25">
      <c r="A1306">
        <v>15168227</v>
      </c>
      <c r="B1306" t="s">
        <v>6823</v>
      </c>
      <c r="C1306" s="1" t="s">
        <v>6824</v>
      </c>
      <c r="E1306">
        <v>5</v>
      </c>
      <c r="F1306">
        <v>0</v>
      </c>
      <c r="H1306" t="s">
        <v>6825</v>
      </c>
      <c r="J1306" t="s">
        <v>6826</v>
      </c>
      <c r="K1306" t="s">
        <v>6827</v>
      </c>
      <c r="M1306">
        <v>429850</v>
      </c>
      <c r="O1306">
        <v>429850</v>
      </c>
      <c r="P1306">
        <v>1</v>
      </c>
      <c r="Q1306">
        <v>4</v>
      </c>
      <c r="R1306" t="s">
        <v>6828</v>
      </c>
      <c r="S1306">
        <v>828</v>
      </c>
    </row>
    <row r="1307" spans="1:19" x14ac:dyDescent="0.25">
      <c r="A1307">
        <v>6584955</v>
      </c>
      <c r="B1307" t="s">
        <v>6829</v>
      </c>
      <c r="C1307" s="1" t="s">
        <v>6830</v>
      </c>
      <c r="E1307">
        <v>1</v>
      </c>
      <c r="F1307">
        <v>4</v>
      </c>
      <c r="H1307" t="s">
        <v>6831</v>
      </c>
      <c r="J1307" t="s">
        <v>6832</v>
      </c>
      <c r="K1307" t="s">
        <v>6832</v>
      </c>
      <c r="M1307">
        <v>104930</v>
      </c>
      <c r="O1307">
        <v>104930</v>
      </c>
      <c r="P1307">
        <v>1</v>
      </c>
      <c r="Q1307">
        <v>1</v>
      </c>
      <c r="R1307" t="s">
        <v>6833</v>
      </c>
      <c r="S1307">
        <v>508</v>
      </c>
    </row>
    <row r="1308" spans="1:19" x14ac:dyDescent="0.25">
      <c r="A1308">
        <v>48340587</v>
      </c>
      <c r="B1308" t="s">
        <v>6834</v>
      </c>
      <c r="C1308" s="1" t="s">
        <v>6835</v>
      </c>
      <c r="E1308">
        <v>0</v>
      </c>
      <c r="F1308">
        <v>1</v>
      </c>
      <c r="H1308" t="s">
        <v>6836</v>
      </c>
      <c r="J1308" t="s">
        <v>6836</v>
      </c>
      <c r="O1308">
        <v>4824743</v>
      </c>
      <c r="P1308">
        <v>1</v>
      </c>
      <c r="Q1308">
        <v>0</v>
      </c>
      <c r="R1308" t="s">
        <v>6837</v>
      </c>
      <c r="S1308">
        <v>198</v>
      </c>
    </row>
    <row r="1309" spans="1:19" x14ac:dyDescent="0.25">
      <c r="A1309">
        <v>8301081</v>
      </c>
      <c r="B1309" t="s">
        <v>6838</v>
      </c>
      <c r="C1309" s="1" t="s">
        <v>6839</v>
      </c>
      <c r="D1309">
        <v>8301131</v>
      </c>
      <c r="E1309">
        <v>2</v>
      </c>
      <c r="F1309">
        <v>4</v>
      </c>
      <c r="H1309" t="s">
        <v>6840</v>
      </c>
      <c r="J1309" t="s">
        <v>6841</v>
      </c>
      <c r="O1309">
        <v>1046810</v>
      </c>
      <c r="P1309">
        <v>1</v>
      </c>
      <c r="Q1309">
        <v>1</v>
      </c>
      <c r="R1309" t="s">
        <v>6842</v>
      </c>
      <c r="S1309">
        <v>191</v>
      </c>
    </row>
    <row r="1310" spans="1:19" x14ac:dyDescent="0.25">
      <c r="A1310">
        <v>15658841</v>
      </c>
      <c r="B1310" t="s">
        <v>6843</v>
      </c>
      <c r="C1310" s="1" t="s">
        <v>6844</v>
      </c>
      <c r="D1310">
        <v>15660376</v>
      </c>
      <c r="E1310">
        <v>4</v>
      </c>
      <c r="F1310">
        <v>3</v>
      </c>
      <c r="H1310" t="s">
        <v>6845</v>
      </c>
      <c r="J1310" t="s">
        <v>6846</v>
      </c>
      <c r="K1310" t="s">
        <v>6847</v>
      </c>
      <c r="M1310">
        <v>1752012</v>
      </c>
      <c r="O1310">
        <v>1752012</v>
      </c>
      <c r="P1310">
        <v>1</v>
      </c>
      <c r="Q1310">
        <v>6</v>
      </c>
      <c r="R1310" t="s">
        <v>6848</v>
      </c>
      <c r="S1310">
        <v>1716</v>
      </c>
    </row>
    <row r="1311" spans="1:19" x14ac:dyDescent="0.25">
      <c r="A1311">
        <v>48369236</v>
      </c>
      <c r="B1311" t="s">
        <v>6849</v>
      </c>
      <c r="C1311" s="1" t="s">
        <v>6850</v>
      </c>
      <c r="D1311">
        <v>48369304</v>
      </c>
      <c r="E1311">
        <v>1</v>
      </c>
      <c r="F1311">
        <v>0</v>
      </c>
      <c r="H1311" t="s">
        <v>6851</v>
      </c>
      <c r="J1311" t="s">
        <v>6852</v>
      </c>
      <c r="K1311" t="s">
        <v>6853</v>
      </c>
      <c r="M1311">
        <v>154603</v>
      </c>
      <c r="O1311">
        <v>9207110</v>
      </c>
      <c r="P1311">
        <v>1</v>
      </c>
      <c r="Q1311">
        <v>0</v>
      </c>
      <c r="R1311" t="s">
        <v>6854</v>
      </c>
      <c r="S1311">
        <v>292</v>
      </c>
    </row>
    <row r="1312" spans="1:19" x14ac:dyDescent="0.25">
      <c r="A1312">
        <v>14230509</v>
      </c>
      <c r="B1312" t="s">
        <v>6855</v>
      </c>
      <c r="C1312" s="1" t="s">
        <v>6856</v>
      </c>
      <c r="E1312">
        <v>0</v>
      </c>
      <c r="F1312">
        <v>4</v>
      </c>
      <c r="H1312" t="s">
        <v>6857</v>
      </c>
      <c r="I1312">
        <v>1</v>
      </c>
      <c r="J1312" t="s">
        <v>6858</v>
      </c>
      <c r="K1312" t="s">
        <v>6858</v>
      </c>
      <c r="M1312">
        <v>1009265</v>
      </c>
      <c r="O1312">
        <v>1009265</v>
      </c>
      <c r="P1312">
        <v>1</v>
      </c>
      <c r="Q1312">
        <v>1</v>
      </c>
      <c r="R1312" t="s">
        <v>6859</v>
      </c>
      <c r="S1312">
        <v>284</v>
      </c>
    </row>
    <row r="1313" spans="1:19" x14ac:dyDescent="0.25">
      <c r="A1313">
        <v>22433480</v>
      </c>
      <c r="B1313" t="s">
        <v>6860</v>
      </c>
      <c r="C1313" t="s">
        <v>6861</v>
      </c>
      <c r="E1313">
        <v>1</v>
      </c>
      <c r="F1313">
        <v>1</v>
      </c>
      <c r="H1313" t="s">
        <v>6862</v>
      </c>
      <c r="J1313" t="s">
        <v>6863</v>
      </c>
      <c r="O1313">
        <v>3424931</v>
      </c>
      <c r="P1313">
        <v>1</v>
      </c>
      <c r="Q1313">
        <v>0</v>
      </c>
      <c r="R1313" t="s">
        <v>2771</v>
      </c>
      <c r="S1313">
        <v>1244</v>
      </c>
    </row>
    <row r="1314" spans="1:19" x14ac:dyDescent="0.25">
      <c r="A1314">
        <v>21197632</v>
      </c>
      <c r="B1314" t="s">
        <v>6864</v>
      </c>
      <c r="C1314" s="1" t="s">
        <v>6865</v>
      </c>
      <c r="D1314">
        <v>21197790</v>
      </c>
      <c r="E1314">
        <v>1</v>
      </c>
      <c r="F1314">
        <v>1</v>
      </c>
      <c r="H1314" t="s">
        <v>6866</v>
      </c>
      <c r="J1314" t="s">
        <v>6867</v>
      </c>
      <c r="O1314">
        <v>108000</v>
      </c>
      <c r="P1314">
        <v>1</v>
      </c>
      <c r="Q1314">
        <v>1</v>
      </c>
      <c r="R1314" t="s">
        <v>6868</v>
      </c>
      <c r="S1314">
        <v>57</v>
      </c>
    </row>
    <row r="1315" spans="1:19" x14ac:dyDescent="0.25">
      <c r="A1315">
        <v>49933422</v>
      </c>
      <c r="B1315" t="s">
        <v>6869</v>
      </c>
      <c r="C1315" s="1" t="s">
        <v>6870</v>
      </c>
      <c r="D1315">
        <v>49955499</v>
      </c>
      <c r="E1315">
        <v>1</v>
      </c>
      <c r="F1315">
        <v>0</v>
      </c>
      <c r="H1315" t="s">
        <v>6871</v>
      </c>
      <c r="I1315">
        <v>1</v>
      </c>
      <c r="J1315" t="s">
        <v>6872</v>
      </c>
      <c r="K1315" t="s">
        <v>6872</v>
      </c>
      <c r="M1315">
        <v>573034</v>
      </c>
      <c r="O1315">
        <v>2947424</v>
      </c>
      <c r="P1315">
        <v>1</v>
      </c>
      <c r="Q1315">
        <v>4</v>
      </c>
      <c r="R1315" t="s">
        <v>6873</v>
      </c>
      <c r="S1315">
        <v>1356</v>
      </c>
    </row>
    <row r="1316" spans="1:19" x14ac:dyDescent="0.25">
      <c r="A1316">
        <v>45969909</v>
      </c>
      <c r="B1316" t="s">
        <v>6874</v>
      </c>
      <c r="C1316" s="1" t="s">
        <v>6875</v>
      </c>
      <c r="D1316">
        <v>46005949</v>
      </c>
      <c r="E1316">
        <v>2</v>
      </c>
      <c r="F1316">
        <v>3</v>
      </c>
      <c r="H1316" t="s">
        <v>6876</v>
      </c>
      <c r="J1316" t="s">
        <v>6877</v>
      </c>
      <c r="O1316">
        <v>5153843</v>
      </c>
      <c r="P1316">
        <v>1</v>
      </c>
      <c r="Q1316">
        <v>0</v>
      </c>
      <c r="R1316" t="s">
        <v>6878</v>
      </c>
      <c r="S1316">
        <v>510</v>
      </c>
    </row>
    <row r="1317" spans="1:19" x14ac:dyDescent="0.25">
      <c r="A1317">
        <v>42912439</v>
      </c>
      <c r="B1317" t="s">
        <v>6879</v>
      </c>
      <c r="C1317" s="1" t="s">
        <v>6880</v>
      </c>
      <c r="D1317">
        <v>42930440</v>
      </c>
      <c r="E1317">
        <v>1</v>
      </c>
      <c r="F1317">
        <v>5</v>
      </c>
      <c r="H1317" t="s">
        <v>6881</v>
      </c>
      <c r="J1317" t="s">
        <v>6882</v>
      </c>
      <c r="K1317" t="s">
        <v>6883</v>
      </c>
      <c r="M1317">
        <v>4653675</v>
      </c>
      <c r="O1317">
        <v>82135</v>
      </c>
      <c r="P1317">
        <v>1</v>
      </c>
      <c r="Q1317">
        <v>1</v>
      </c>
      <c r="R1317" t="s">
        <v>6884</v>
      </c>
      <c r="S1317">
        <v>313</v>
      </c>
    </row>
    <row r="1318" spans="1:19" x14ac:dyDescent="0.25">
      <c r="A1318">
        <v>9927018</v>
      </c>
      <c r="B1318" t="s">
        <v>6885</v>
      </c>
      <c r="C1318" s="1" t="s">
        <v>6886</v>
      </c>
      <c r="D1318">
        <v>9937594</v>
      </c>
      <c r="E1318">
        <v>1</v>
      </c>
      <c r="F1318">
        <v>2</v>
      </c>
      <c r="H1318" t="s">
        <v>6887</v>
      </c>
      <c r="J1318" t="s">
        <v>6888</v>
      </c>
      <c r="K1318" t="s">
        <v>6889</v>
      </c>
      <c r="M1318">
        <v>278</v>
      </c>
      <c r="O1318">
        <v>910741</v>
      </c>
      <c r="P1318">
        <v>1</v>
      </c>
      <c r="Q1318">
        <v>5</v>
      </c>
      <c r="R1318" t="s">
        <v>6890</v>
      </c>
      <c r="S1318">
        <v>14985</v>
      </c>
    </row>
    <row r="1319" spans="1:19" x14ac:dyDescent="0.25">
      <c r="A1319">
        <v>51805891</v>
      </c>
      <c r="B1319" t="s">
        <v>6891</v>
      </c>
      <c r="C1319" s="1" t="s">
        <v>6892</v>
      </c>
      <c r="E1319">
        <v>1</v>
      </c>
      <c r="F1319">
        <v>3</v>
      </c>
      <c r="H1319" t="s">
        <v>6893</v>
      </c>
      <c r="J1319" t="s">
        <v>6894</v>
      </c>
      <c r="K1319" t="s">
        <v>6895</v>
      </c>
      <c r="M1319">
        <v>10214218</v>
      </c>
      <c r="O1319">
        <v>10214218</v>
      </c>
      <c r="P1319">
        <v>1</v>
      </c>
      <c r="Q1319">
        <v>1</v>
      </c>
      <c r="R1319" t="s">
        <v>819</v>
      </c>
      <c r="S1319">
        <v>38</v>
      </c>
    </row>
    <row r="1320" spans="1:19" x14ac:dyDescent="0.25">
      <c r="A1320">
        <v>24458133</v>
      </c>
      <c r="B1320" t="s">
        <v>6896</v>
      </c>
      <c r="C1320" s="1" t="s">
        <v>6897</v>
      </c>
      <c r="D1320">
        <v>24664458</v>
      </c>
      <c r="E1320">
        <v>2</v>
      </c>
      <c r="F1320">
        <v>2</v>
      </c>
      <c r="H1320" t="s">
        <v>6898</v>
      </c>
      <c r="J1320" t="s">
        <v>6899</v>
      </c>
      <c r="K1320" t="s">
        <v>6900</v>
      </c>
      <c r="M1320">
        <v>3728662</v>
      </c>
      <c r="O1320">
        <v>3728662</v>
      </c>
      <c r="P1320">
        <v>1</v>
      </c>
      <c r="Q1320">
        <v>1</v>
      </c>
      <c r="R1320" t="s">
        <v>6901</v>
      </c>
      <c r="S1320">
        <v>321</v>
      </c>
    </row>
    <row r="1321" spans="1:19" x14ac:dyDescent="0.25">
      <c r="A1321">
        <v>12011122</v>
      </c>
      <c r="B1321" t="s">
        <v>6902</v>
      </c>
      <c r="C1321" s="1" t="s">
        <v>6903</v>
      </c>
      <c r="E1321">
        <v>2</v>
      </c>
      <c r="F1321">
        <v>0</v>
      </c>
      <c r="H1321" t="s">
        <v>6904</v>
      </c>
      <c r="I1321">
        <v>2</v>
      </c>
      <c r="J1321" t="s">
        <v>6905</v>
      </c>
      <c r="K1321" t="s">
        <v>6906</v>
      </c>
      <c r="M1321">
        <v>1557651</v>
      </c>
      <c r="O1321">
        <v>1607625</v>
      </c>
      <c r="P1321">
        <v>1</v>
      </c>
      <c r="Q1321">
        <v>1</v>
      </c>
      <c r="R1321" t="s">
        <v>6907</v>
      </c>
      <c r="S1321">
        <v>6031</v>
      </c>
    </row>
    <row r="1322" spans="1:19" x14ac:dyDescent="0.25">
      <c r="A1322">
        <v>38074641</v>
      </c>
      <c r="B1322" t="s">
        <v>6908</v>
      </c>
      <c r="C1322" s="1" t="s">
        <v>6909</v>
      </c>
      <c r="D1322">
        <v>38074993</v>
      </c>
      <c r="E1322">
        <v>3</v>
      </c>
      <c r="F1322">
        <v>1</v>
      </c>
      <c r="H1322" t="s">
        <v>6910</v>
      </c>
      <c r="J1322" t="s">
        <v>6911</v>
      </c>
      <c r="K1322" t="s">
        <v>6911</v>
      </c>
      <c r="M1322">
        <v>1255819</v>
      </c>
      <c r="O1322">
        <v>1255819</v>
      </c>
      <c r="P1322">
        <v>1</v>
      </c>
      <c r="Q1322">
        <v>1</v>
      </c>
      <c r="R1322" t="s">
        <v>6912</v>
      </c>
      <c r="S1322">
        <v>3582</v>
      </c>
    </row>
    <row r="1323" spans="1:19" x14ac:dyDescent="0.25">
      <c r="A1323">
        <v>25195429</v>
      </c>
      <c r="B1323" t="s">
        <v>6913</v>
      </c>
      <c r="C1323" s="1" t="s">
        <v>6914</v>
      </c>
      <c r="D1323">
        <v>25195622</v>
      </c>
      <c r="E1323">
        <v>1</v>
      </c>
      <c r="F1323">
        <v>0</v>
      </c>
      <c r="H1323" t="s">
        <v>6915</v>
      </c>
      <c r="I1323">
        <v>1</v>
      </c>
      <c r="J1323" t="s">
        <v>6916</v>
      </c>
      <c r="O1323">
        <v>701092</v>
      </c>
      <c r="P1323">
        <v>1</v>
      </c>
      <c r="Q1323">
        <v>4</v>
      </c>
      <c r="R1323" t="s">
        <v>6917</v>
      </c>
      <c r="S1323">
        <v>134</v>
      </c>
    </row>
    <row r="1324" spans="1:19" x14ac:dyDescent="0.25">
      <c r="A1324">
        <v>52818812</v>
      </c>
      <c r="B1324" t="s">
        <v>6918</v>
      </c>
      <c r="C1324" s="1" t="s">
        <v>6919</v>
      </c>
      <c r="E1324">
        <v>0</v>
      </c>
      <c r="F1324">
        <v>0</v>
      </c>
      <c r="H1324" t="s">
        <v>6920</v>
      </c>
      <c r="J1324" t="s">
        <v>6921</v>
      </c>
      <c r="K1324" t="s">
        <v>6921</v>
      </c>
      <c r="M1324">
        <v>633969</v>
      </c>
      <c r="O1324">
        <v>10507840</v>
      </c>
      <c r="P1324">
        <v>1</v>
      </c>
      <c r="Q1324">
        <v>0</v>
      </c>
      <c r="R1324" t="s">
        <v>6922</v>
      </c>
      <c r="S1324">
        <v>46</v>
      </c>
    </row>
    <row r="1325" spans="1:19" x14ac:dyDescent="0.25">
      <c r="A1325">
        <v>23729909</v>
      </c>
      <c r="B1325" t="s">
        <v>6923</v>
      </c>
      <c r="C1325" s="1" t="s">
        <v>6924</v>
      </c>
      <c r="E1325">
        <v>2</v>
      </c>
      <c r="F1325">
        <v>6</v>
      </c>
      <c r="H1325" t="s">
        <v>6925</v>
      </c>
      <c r="J1325" t="s">
        <v>6926</v>
      </c>
      <c r="K1325" t="s">
        <v>6926</v>
      </c>
      <c r="M1325">
        <v>5470029</v>
      </c>
      <c r="O1325">
        <v>3622745</v>
      </c>
      <c r="P1325">
        <v>1</v>
      </c>
      <c r="Q1325">
        <v>2</v>
      </c>
      <c r="R1325" t="s">
        <v>6927</v>
      </c>
      <c r="S1325">
        <v>2290</v>
      </c>
    </row>
    <row r="1326" spans="1:19" x14ac:dyDescent="0.25">
      <c r="A1326">
        <v>21832425</v>
      </c>
      <c r="B1326" t="s">
        <v>6928</v>
      </c>
      <c r="C1326" s="1" t="s">
        <v>6929</v>
      </c>
      <c r="D1326">
        <v>21832583</v>
      </c>
      <c r="E1326">
        <v>2</v>
      </c>
      <c r="F1326">
        <v>1</v>
      </c>
      <c r="H1326" t="s">
        <v>6930</v>
      </c>
      <c r="J1326" t="s">
        <v>6931</v>
      </c>
      <c r="K1326" t="s">
        <v>6932</v>
      </c>
      <c r="M1326">
        <v>211563</v>
      </c>
      <c r="O1326">
        <v>2032189</v>
      </c>
      <c r="P1326">
        <v>1</v>
      </c>
      <c r="Q1326">
        <v>-1</v>
      </c>
      <c r="R1326" t="s">
        <v>408</v>
      </c>
      <c r="S1326">
        <v>406</v>
      </c>
    </row>
    <row r="1327" spans="1:19" x14ac:dyDescent="0.25">
      <c r="A1327">
        <v>16147514</v>
      </c>
      <c r="B1327" t="s">
        <v>6933</v>
      </c>
      <c r="C1327" s="1" t="s">
        <v>6934</v>
      </c>
      <c r="E1327">
        <v>0</v>
      </c>
      <c r="F1327">
        <v>5</v>
      </c>
      <c r="H1327" t="s">
        <v>6935</v>
      </c>
      <c r="J1327" t="s">
        <v>6936</v>
      </c>
      <c r="K1327" t="s">
        <v>6936</v>
      </c>
      <c r="M1327">
        <v>1974040</v>
      </c>
      <c r="O1327">
        <v>1974040</v>
      </c>
      <c r="P1327">
        <v>1</v>
      </c>
      <c r="Q1327">
        <v>0</v>
      </c>
      <c r="R1327" t="s">
        <v>6937</v>
      </c>
      <c r="S1327">
        <v>136</v>
      </c>
    </row>
    <row r="1328" spans="1:19" x14ac:dyDescent="0.25">
      <c r="A1328">
        <v>5093425</v>
      </c>
      <c r="B1328" t="s">
        <v>6938</v>
      </c>
      <c r="C1328" s="1" t="s">
        <v>6939</v>
      </c>
      <c r="D1328">
        <v>5093483</v>
      </c>
      <c r="E1328">
        <v>1</v>
      </c>
      <c r="F1328">
        <v>0</v>
      </c>
      <c r="H1328" t="s">
        <v>6940</v>
      </c>
      <c r="J1328" t="s">
        <v>6941</v>
      </c>
      <c r="K1328" t="s">
        <v>6941</v>
      </c>
      <c r="M1328">
        <v>497356</v>
      </c>
      <c r="O1328">
        <v>225394</v>
      </c>
      <c r="P1328">
        <v>1</v>
      </c>
      <c r="Q1328">
        <v>0</v>
      </c>
      <c r="R1328" t="s">
        <v>6942</v>
      </c>
      <c r="S1328">
        <v>839</v>
      </c>
    </row>
    <row r="1329" spans="1:19" x14ac:dyDescent="0.25">
      <c r="A1329">
        <v>26131619</v>
      </c>
      <c r="B1329" t="s">
        <v>6943</v>
      </c>
      <c r="C1329" s="1" t="s">
        <v>6944</v>
      </c>
      <c r="E1329">
        <v>1</v>
      </c>
      <c r="F1329">
        <v>1</v>
      </c>
      <c r="H1329" t="s">
        <v>6945</v>
      </c>
      <c r="J1329" t="s">
        <v>6946</v>
      </c>
      <c r="O1329">
        <v>986620</v>
      </c>
      <c r="P1329">
        <v>1</v>
      </c>
      <c r="Q1329">
        <v>0</v>
      </c>
      <c r="R1329" t="s">
        <v>6947</v>
      </c>
      <c r="S1329">
        <v>430</v>
      </c>
    </row>
    <row r="1330" spans="1:19" x14ac:dyDescent="0.25">
      <c r="A1330">
        <v>31009615</v>
      </c>
      <c r="B1330" t="s">
        <v>6948</v>
      </c>
      <c r="C1330" s="1" t="s">
        <v>6949</v>
      </c>
      <c r="E1330">
        <v>1</v>
      </c>
      <c r="F1330">
        <v>0</v>
      </c>
      <c r="H1330" t="s">
        <v>6950</v>
      </c>
      <c r="J1330" t="s">
        <v>6951</v>
      </c>
      <c r="O1330">
        <v>1956207</v>
      </c>
      <c r="P1330">
        <v>1</v>
      </c>
      <c r="Q1330">
        <v>1</v>
      </c>
      <c r="R1330" t="s">
        <v>6952</v>
      </c>
      <c r="S1330">
        <v>104</v>
      </c>
    </row>
    <row r="1331" spans="1:19" x14ac:dyDescent="0.25">
      <c r="A1331">
        <v>29465058</v>
      </c>
      <c r="B1331" t="s">
        <v>6953</v>
      </c>
      <c r="C1331" s="1" t="s">
        <v>6954</v>
      </c>
      <c r="D1331">
        <v>29468531</v>
      </c>
      <c r="E1331">
        <v>1</v>
      </c>
      <c r="F1331">
        <v>0</v>
      </c>
      <c r="H1331" t="s">
        <v>6955</v>
      </c>
      <c r="J1331" t="s">
        <v>6956</v>
      </c>
      <c r="O1331">
        <v>3563482</v>
      </c>
      <c r="P1331">
        <v>1</v>
      </c>
      <c r="Q1331">
        <v>1</v>
      </c>
      <c r="R1331" t="s">
        <v>6957</v>
      </c>
      <c r="S1331">
        <v>908</v>
      </c>
    </row>
    <row r="1332" spans="1:19" x14ac:dyDescent="0.25">
      <c r="A1332">
        <v>25096997</v>
      </c>
      <c r="B1332" t="s">
        <v>6958</v>
      </c>
      <c r="C1332" s="1" t="s">
        <v>6959</v>
      </c>
      <c r="D1332">
        <v>25097079</v>
      </c>
      <c r="E1332">
        <v>1</v>
      </c>
      <c r="F1332">
        <v>0</v>
      </c>
      <c r="H1332" t="s">
        <v>6960</v>
      </c>
      <c r="I1332">
        <v>1</v>
      </c>
      <c r="J1332" t="s">
        <v>6961</v>
      </c>
      <c r="K1332" t="s">
        <v>6961</v>
      </c>
      <c r="M1332">
        <v>123527</v>
      </c>
      <c r="O1332">
        <v>3125775</v>
      </c>
      <c r="P1332">
        <v>1</v>
      </c>
      <c r="Q1332">
        <v>2</v>
      </c>
      <c r="R1332" t="s">
        <v>6962</v>
      </c>
      <c r="S1332">
        <v>59</v>
      </c>
    </row>
    <row r="1333" spans="1:19" x14ac:dyDescent="0.25">
      <c r="A1333">
        <v>6160319</v>
      </c>
      <c r="B1333" t="s">
        <v>6963</v>
      </c>
      <c r="C1333" s="1" t="s">
        <v>6964</v>
      </c>
      <c r="D1333">
        <v>6160394</v>
      </c>
      <c r="E1333">
        <v>2</v>
      </c>
      <c r="F1333">
        <v>1</v>
      </c>
      <c r="H1333" t="s">
        <v>6965</v>
      </c>
      <c r="J1333" t="s">
        <v>6966</v>
      </c>
      <c r="O1333">
        <v>168394</v>
      </c>
      <c r="P1333">
        <v>1</v>
      </c>
      <c r="Q1333">
        <v>2</v>
      </c>
      <c r="R1333" t="s">
        <v>748</v>
      </c>
      <c r="S1333">
        <v>3746</v>
      </c>
    </row>
    <row r="1334" spans="1:19" x14ac:dyDescent="0.25">
      <c r="A1334">
        <v>29068051</v>
      </c>
      <c r="B1334" t="s">
        <v>6967</v>
      </c>
      <c r="C1334" s="1" t="s">
        <v>6968</v>
      </c>
      <c r="E1334">
        <v>0</v>
      </c>
      <c r="F1334">
        <v>8</v>
      </c>
      <c r="H1334" t="s">
        <v>6969</v>
      </c>
      <c r="J1334" t="s">
        <v>6970</v>
      </c>
      <c r="K1334" t="s">
        <v>6970</v>
      </c>
      <c r="M1334">
        <v>4320966</v>
      </c>
      <c r="O1334">
        <v>4320966</v>
      </c>
      <c r="P1334">
        <v>1</v>
      </c>
      <c r="Q1334">
        <v>0</v>
      </c>
      <c r="R1334" t="s">
        <v>6971</v>
      </c>
      <c r="S1334">
        <v>104</v>
      </c>
    </row>
    <row r="1335" spans="1:19" x14ac:dyDescent="0.25">
      <c r="A1335">
        <v>53264869</v>
      </c>
      <c r="B1335" t="s">
        <v>6972</v>
      </c>
      <c r="C1335" s="1" t="s">
        <v>6973</v>
      </c>
      <c r="D1335">
        <v>53268267</v>
      </c>
      <c r="E1335">
        <v>1</v>
      </c>
      <c r="F1335">
        <v>0</v>
      </c>
      <c r="H1335" t="s">
        <v>6974</v>
      </c>
      <c r="J1335" t="s">
        <v>6975</v>
      </c>
      <c r="O1335">
        <v>10496245</v>
      </c>
      <c r="P1335">
        <v>1</v>
      </c>
      <c r="Q1335">
        <v>-2</v>
      </c>
      <c r="R1335" t="s">
        <v>6976</v>
      </c>
      <c r="S1335">
        <v>59</v>
      </c>
    </row>
    <row r="1336" spans="1:19" x14ac:dyDescent="0.25">
      <c r="A1336">
        <v>6117249</v>
      </c>
      <c r="B1336" t="s">
        <v>6977</v>
      </c>
      <c r="C1336" s="1" t="s">
        <v>6978</v>
      </c>
      <c r="D1336">
        <v>6117324</v>
      </c>
      <c r="E1336">
        <v>1</v>
      </c>
      <c r="F1336">
        <v>2</v>
      </c>
      <c r="H1336" t="s">
        <v>6979</v>
      </c>
      <c r="J1336" t="s">
        <v>6980</v>
      </c>
      <c r="K1336" t="s">
        <v>6981</v>
      </c>
      <c r="M1336">
        <v>189950</v>
      </c>
      <c r="O1336">
        <v>678321</v>
      </c>
      <c r="P1336">
        <v>1</v>
      </c>
      <c r="Q1336">
        <v>0</v>
      </c>
      <c r="R1336" t="s">
        <v>1359</v>
      </c>
      <c r="S1336">
        <v>1865</v>
      </c>
    </row>
    <row r="1337" spans="1:19" x14ac:dyDescent="0.25">
      <c r="A1337">
        <v>30235949</v>
      </c>
      <c r="B1337" t="s">
        <v>6982</v>
      </c>
      <c r="C1337" s="1" t="s">
        <v>6983</v>
      </c>
      <c r="D1337">
        <v>30238032</v>
      </c>
      <c r="E1337">
        <v>2</v>
      </c>
      <c r="F1337">
        <v>6</v>
      </c>
      <c r="H1337" t="s">
        <v>6984</v>
      </c>
      <c r="J1337" t="s">
        <v>6985</v>
      </c>
      <c r="K1337" t="s">
        <v>6986</v>
      </c>
      <c r="M1337">
        <v>4622058</v>
      </c>
      <c r="O1337">
        <v>4622058</v>
      </c>
      <c r="P1337">
        <v>1</v>
      </c>
      <c r="Q1337">
        <v>0</v>
      </c>
      <c r="R1337" t="s">
        <v>6987</v>
      </c>
      <c r="S1337">
        <v>262</v>
      </c>
    </row>
    <row r="1338" spans="1:19" x14ac:dyDescent="0.25">
      <c r="A1338">
        <v>32365540</v>
      </c>
      <c r="B1338" t="s">
        <v>6988</v>
      </c>
      <c r="C1338" s="1" t="s">
        <v>6989</v>
      </c>
      <c r="E1338">
        <v>2</v>
      </c>
      <c r="F1338">
        <v>0</v>
      </c>
      <c r="H1338" t="s">
        <v>6990</v>
      </c>
      <c r="J1338" t="s">
        <v>6991</v>
      </c>
      <c r="K1338" t="s">
        <v>6992</v>
      </c>
      <c r="M1338">
        <v>1505120</v>
      </c>
      <c r="O1338">
        <v>5294570</v>
      </c>
      <c r="P1338">
        <v>1</v>
      </c>
      <c r="Q1338">
        <v>1</v>
      </c>
      <c r="R1338" t="s">
        <v>6993</v>
      </c>
      <c r="S1338">
        <v>72</v>
      </c>
    </row>
    <row r="1339" spans="1:19" x14ac:dyDescent="0.25">
      <c r="A1339">
        <v>22093873</v>
      </c>
      <c r="B1339" t="s">
        <v>6994</v>
      </c>
      <c r="C1339" s="1" t="s">
        <v>6995</v>
      </c>
      <c r="D1339">
        <v>22099721</v>
      </c>
      <c r="E1339">
        <v>1</v>
      </c>
      <c r="F1339">
        <v>3</v>
      </c>
      <c r="H1339" t="s">
        <v>6996</v>
      </c>
      <c r="J1339" t="s">
        <v>6997</v>
      </c>
      <c r="O1339">
        <v>759076</v>
      </c>
      <c r="P1339">
        <v>1</v>
      </c>
      <c r="Q1339">
        <v>2</v>
      </c>
      <c r="R1339" t="s">
        <v>6998</v>
      </c>
      <c r="S1339">
        <v>523</v>
      </c>
    </row>
    <row r="1340" spans="1:19" x14ac:dyDescent="0.25">
      <c r="A1340">
        <v>31959557</v>
      </c>
      <c r="B1340" t="s">
        <v>6999</v>
      </c>
      <c r="C1340" s="1" t="s">
        <v>7000</v>
      </c>
      <c r="E1340">
        <v>0</v>
      </c>
      <c r="F1340">
        <v>3</v>
      </c>
      <c r="H1340" t="s">
        <v>7001</v>
      </c>
      <c r="J1340" t="s">
        <v>7001</v>
      </c>
      <c r="O1340">
        <v>5218245</v>
      </c>
      <c r="P1340">
        <v>1</v>
      </c>
      <c r="Q1340">
        <v>1</v>
      </c>
      <c r="R1340" t="s">
        <v>7002</v>
      </c>
      <c r="S1340">
        <v>26</v>
      </c>
    </row>
    <row r="1341" spans="1:19" x14ac:dyDescent="0.25">
      <c r="A1341">
        <v>29058547</v>
      </c>
      <c r="B1341" t="s">
        <v>7003</v>
      </c>
      <c r="C1341" s="1" t="s">
        <v>7004</v>
      </c>
      <c r="D1341">
        <v>29058757</v>
      </c>
      <c r="E1341">
        <v>1</v>
      </c>
      <c r="F1341">
        <v>0</v>
      </c>
      <c r="H1341" t="s">
        <v>7005</v>
      </c>
      <c r="I1341">
        <v>0</v>
      </c>
      <c r="J1341" t="s">
        <v>7006</v>
      </c>
      <c r="O1341">
        <v>49318</v>
      </c>
      <c r="P1341">
        <v>1</v>
      </c>
      <c r="Q1341">
        <v>0</v>
      </c>
      <c r="R1341" t="s">
        <v>7007</v>
      </c>
      <c r="S1341">
        <v>22</v>
      </c>
    </row>
    <row r="1342" spans="1:19" x14ac:dyDescent="0.25">
      <c r="A1342">
        <v>22221627</v>
      </c>
      <c r="B1342" t="s">
        <v>7008</v>
      </c>
      <c r="C1342" s="1" t="s">
        <v>7009</v>
      </c>
      <c r="D1342">
        <v>22221845</v>
      </c>
      <c r="E1342">
        <v>7</v>
      </c>
      <c r="F1342">
        <v>3</v>
      </c>
      <c r="H1342" t="s">
        <v>7010</v>
      </c>
      <c r="J1342" t="s">
        <v>7011</v>
      </c>
      <c r="K1342" t="s">
        <v>7011</v>
      </c>
      <c r="M1342">
        <v>993547</v>
      </c>
      <c r="O1342">
        <v>3371422</v>
      </c>
      <c r="P1342">
        <v>1</v>
      </c>
      <c r="Q1342">
        <v>-1</v>
      </c>
      <c r="R1342" t="s">
        <v>871</v>
      </c>
      <c r="S1342">
        <v>70</v>
      </c>
    </row>
    <row r="1343" spans="1:19" x14ac:dyDescent="0.25">
      <c r="A1343">
        <v>46017544</v>
      </c>
      <c r="B1343" t="s">
        <v>7012</v>
      </c>
      <c r="C1343" s="1" t="s">
        <v>7013</v>
      </c>
      <c r="E1343">
        <v>0</v>
      </c>
      <c r="F1343">
        <v>2</v>
      </c>
      <c r="H1343" t="s">
        <v>7014</v>
      </c>
      <c r="I1343">
        <v>1</v>
      </c>
      <c r="J1343" t="s">
        <v>7015</v>
      </c>
      <c r="K1343" t="s">
        <v>7015</v>
      </c>
      <c r="M1343">
        <v>5244653</v>
      </c>
      <c r="O1343">
        <v>2653014</v>
      </c>
      <c r="P1343">
        <v>1</v>
      </c>
      <c r="Q1343">
        <v>0</v>
      </c>
      <c r="R1343" t="s">
        <v>7016</v>
      </c>
      <c r="S1343">
        <v>448</v>
      </c>
    </row>
    <row r="1344" spans="1:19" x14ac:dyDescent="0.25">
      <c r="A1344">
        <v>52702917</v>
      </c>
      <c r="B1344" t="s">
        <v>7017</v>
      </c>
      <c r="C1344" t="s">
        <v>7018</v>
      </c>
      <c r="E1344">
        <v>1</v>
      </c>
      <c r="F1344">
        <v>1</v>
      </c>
      <c r="H1344" t="s">
        <v>7019</v>
      </c>
      <c r="J1344" t="s">
        <v>7020</v>
      </c>
      <c r="O1344">
        <v>10008568</v>
      </c>
      <c r="P1344">
        <v>1</v>
      </c>
      <c r="Q1344">
        <v>-3</v>
      </c>
      <c r="R1344" t="s">
        <v>7021</v>
      </c>
      <c r="S1344">
        <v>117</v>
      </c>
    </row>
    <row r="1345" spans="1:19" x14ac:dyDescent="0.25">
      <c r="A1345">
        <v>21397729</v>
      </c>
      <c r="B1345" t="s">
        <v>7022</v>
      </c>
      <c r="C1345" s="1" t="s">
        <v>7023</v>
      </c>
      <c r="E1345">
        <v>0</v>
      </c>
      <c r="F1345">
        <v>5</v>
      </c>
      <c r="H1345" t="s">
        <v>7024</v>
      </c>
      <c r="J1345" t="s">
        <v>7024</v>
      </c>
      <c r="O1345">
        <v>1034934</v>
      </c>
      <c r="P1345">
        <v>1</v>
      </c>
      <c r="Q1345">
        <v>0</v>
      </c>
      <c r="R1345" t="s">
        <v>7025</v>
      </c>
      <c r="S1345">
        <v>30</v>
      </c>
    </row>
    <row r="1346" spans="1:19" x14ac:dyDescent="0.25">
      <c r="A1346">
        <v>3341877</v>
      </c>
      <c r="B1346" t="s">
        <v>7026</v>
      </c>
      <c r="C1346" s="1" t="s">
        <v>7027</v>
      </c>
      <c r="E1346">
        <v>1</v>
      </c>
      <c r="F1346">
        <v>0</v>
      </c>
      <c r="H1346" t="s">
        <v>7028</v>
      </c>
      <c r="J1346" t="s">
        <v>7029</v>
      </c>
      <c r="O1346">
        <v>11333</v>
      </c>
      <c r="P1346">
        <v>1</v>
      </c>
      <c r="Q1346">
        <v>0</v>
      </c>
      <c r="R1346" t="s">
        <v>7030</v>
      </c>
      <c r="S1346">
        <v>216</v>
      </c>
    </row>
    <row r="1347" spans="1:19" x14ac:dyDescent="0.25">
      <c r="A1347">
        <v>21772176</v>
      </c>
      <c r="B1347" t="s">
        <v>7031</v>
      </c>
      <c r="C1347" s="1" t="s">
        <v>7032</v>
      </c>
      <c r="E1347">
        <v>1</v>
      </c>
      <c r="F1347">
        <v>0</v>
      </c>
      <c r="H1347" t="s">
        <v>7033</v>
      </c>
      <c r="I1347">
        <v>1</v>
      </c>
      <c r="J1347" t="s">
        <v>7034</v>
      </c>
      <c r="K1347" t="s">
        <v>7035</v>
      </c>
      <c r="M1347">
        <v>3198338</v>
      </c>
      <c r="O1347">
        <v>3198338</v>
      </c>
      <c r="P1347">
        <v>1</v>
      </c>
      <c r="Q1347">
        <v>1</v>
      </c>
      <c r="R1347" t="s">
        <v>7036</v>
      </c>
      <c r="S1347">
        <v>341</v>
      </c>
    </row>
    <row r="1348" spans="1:19" x14ac:dyDescent="0.25">
      <c r="A1348">
        <v>26423420</v>
      </c>
      <c r="B1348" t="s">
        <v>7037</v>
      </c>
      <c r="C1348" s="1" t="s">
        <v>7038</v>
      </c>
      <c r="D1348">
        <v>26430334</v>
      </c>
      <c r="E1348">
        <v>1</v>
      </c>
      <c r="F1348">
        <v>2</v>
      </c>
      <c r="H1348" t="s">
        <v>7039</v>
      </c>
      <c r="I1348">
        <v>1</v>
      </c>
      <c r="J1348" t="s">
        <v>7040</v>
      </c>
      <c r="O1348">
        <v>2602771</v>
      </c>
      <c r="P1348">
        <v>1</v>
      </c>
      <c r="Q1348">
        <v>1</v>
      </c>
      <c r="R1348" t="s">
        <v>7041</v>
      </c>
      <c r="S1348">
        <v>508</v>
      </c>
    </row>
    <row r="1349" spans="1:19" x14ac:dyDescent="0.25">
      <c r="A1349">
        <v>30780332</v>
      </c>
      <c r="B1349" t="s">
        <v>7042</v>
      </c>
      <c r="C1349" t="s">
        <v>7043</v>
      </c>
      <c r="E1349">
        <v>1</v>
      </c>
      <c r="F1349">
        <v>0</v>
      </c>
      <c r="H1349" t="s">
        <v>7044</v>
      </c>
      <c r="J1349" t="s">
        <v>7045</v>
      </c>
      <c r="K1349" t="s">
        <v>7045</v>
      </c>
      <c r="M1349">
        <v>2497085</v>
      </c>
      <c r="O1349">
        <v>4999075</v>
      </c>
      <c r="P1349">
        <v>1</v>
      </c>
      <c r="Q1349">
        <v>2</v>
      </c>
      <c r="R1349" t="s">
        <v>7046</v>
      </c>
      <c r="S1349">
        <v>1193</v>
      </c>
    </row>
    <row r="1350" spans="1:19" x14ac:dyDescent="0.25">
      <c r="A1350">
        <v>35330762</v>
      </c>
      <c r="B1350" t="s">
        <v>7047</v>
      </c>
      <c r="C1350" s="1" t="s">
        <v>7048</v>
      </c>
      <c r="D1350">
        <v>35332152</v>
      </c>
      <c r="E1350">
        <v>2</v>
      </c>
      <c r="F1350">
        <v>4</v>
      </c>
      <c r="H1350" t="s">
        <v>7049</v>
      </c>
      <c r="J1350" t="s">
        <v>7050</v>
      </c>
      <c r="O1350">
        <v>5739619</v>
      </c>
      <c r="P1350">
        <v>1</v>
      </c>
      <c r="Q1350">
        <v>2</v>
      </c>
      <c r="R1350" t="s">
        <v>7051</v>
      </c>
      <c r="S1350">
        <v>716</v>
      </c>
    </row>
    <row r="1351" spans="1:19" x14ac:dyDescent="0.25">
      <c r="A1351">
        <v>33774979</v>
      </c>
      <c r="B1351" t="s">
        <v>7052</v>
      </c>
      <c r="C1351" s="1" t="s">
        <v>7053</v>
      </c>
      <c r="D1351">
        <v>33827378</v>
      </c>
      <c r="E1351">
        <v>1</v>
      </c>
      <c r="F1351">
        <v>8</v>
      </c>
      <c r="H1351" t="s">
        <v>7054</v>
      </c>
      <c r="J1351" t="s">
        <v>7055</v>
      </c>
      <c r="O1351">
        <v>1994222</v>
      </c>
      <c r="P1351">
        <v>1</v>
      </c>
      <c r="Q1351">
        <v>3</v>
      </c>
      <c r="R1351" t="s">
        <v>7056</v>
      </c>
      <c r="S1351">
        <v>269</v>
      </c>
    </row>
    <row r="1352" spans="1:19" x14ac:dyDescent="0.25">
      <c r="A1352">
        <v>31064640</v>
      </c>
      <c r="B1352" t="s">
        <v>7057</v>
      </c>
      <c r="C1352" s="1" t="s">
        <v>7058</v>
      </c>
      <c r="E1352">
        <v>2</v>
      </c>
      <c r="F1352">
        <v>0</v>
      </c>
      <c r="H1352" t="s">
        <v>7059</v>
      </c>
      <c r="J1352" t="s">
        <v>7060</v>
      </c>
      <c r="O1352">
        <v>4851563</v>
      </c>
      <c r="P1352">
        <v>1</v>
      </c>
      <c r="Q1352">
        <v>0</v>
      </c>
      <c r="R1352" t="s">
        <v>7061</v>
      </c>
      <c r="S1352">
        <v>141</v>
      </c>
    </row>
    <row r="1353" spans="1:19" x14ac:dyDescent="0.25">
      <c r="A1353">
        <v>20831826</v>
      </c>
      <c r="B1353" t="s">
        <v>7062</v>
      </c>
      <c r="C1353" s="1" t="s">
        <v>7063</v>
      </c>
      <c r="D1353">
        <v>20831956</v>
      </c>
      <c r="E1353">
        <v>5</v>
      </c>
      <c r="F1353">
        <v>6</v>
      </c>
      <c r="H1353" t="s">
        <v>7064</v>
      </c>
      <c r="I1353">
        <v>26</v>
      </c>
      <c r="J1353" t="s">
        <v>7065</v>
      </c>
      <c r="K1353" t="s">
        <v>7066</v>
      </c>
      <c r="M1353">
        <v>1083957</v>
      </c>
      <c r="O1353">
        <v>2586922</v>
      </c>
      <c r="P1353">
        <v>1</v>
      </c>
      <c r="Q1353">
        <v>72</v>
      </c>
      <c r="R1353" t="s">
        <v>7067</v>
      </c>
      <c r="S1353">
        <v>39484</v>
      </c>
    </row>
    <row r="1354" spans="1:19" x14ac:dyDescent="0.25">
      <c r="A1354">
        <v>3758223</v>
      </c>
      <c r="B1354" t="s">
        <v>7068</v>
      </c>
      <c r="C1354" s="1" t="s">
        <v>7069</v>
      </c>
      <c r="D1354">
        <v>3758775</v>
      </c>
      <c r="E1354">
        <v>7</v>
      </c>
      <c r="F1354">
        <v>1</v>
      </c>
      <c r="H1354" t="s">
        <v>7070</v>
      </c>
      <c r="I1354">
        <v>0</v>
      </c>
      <c r="J1354" t="s">
        <v>7071</v>
      </c>
      <c r="K1354" t="s">
        <v>7072</v>
      </c>
      <c r="M1354">
        <v>334027</v>
      </c>
      <c r="O1354">
        <v>334027</v>
      </c>
      <c r="P1354">
        <v>1</v>
      </c>
      <c r="Q1354">
        <v>2</v>
      </c>
      <c r="R1354" t="s">
        <v>7073</v>
      </c>
      <c r="S1354">
        <v>2579</v>
      </c>
    </row>
    <row r="1355" spans="1:19" x14ac:dyDescent="0.25">
      <c r="A1355">
        <v>37179391</v>
      </c>
      <c r="B1355" t="s">
        <v>7074</v>
      </c>
      <c r="C1355" s="1" t="s">
        <v>7075</v>
      </c>
      <c r="E1355">
        <v>1</v>
      </c>
      <c r="F1355">
        <v>0</v>
      </c>
      <c r="H1355" t="s">
        <v>7076</v>
      </c>
      <c r="J1355" t="s">
        <v>7077</v>
      </c>
      <c r="K1355" t="s">
        <v>7077</v>
      </c>
      <c r="M1355">
        <v>6209665</v>
      </c>
      <c r="O1355">
        <v>4540971</v>
      </c>
      <c r="P1355">
        <v>1</v>
      </c>
      <c r="Q1355">
        <v>0</v>
      </c>
      <c r="R1355" t="s">
        <v>7078</v>
      </c>
      <c r="S1355">
        <v>219</v>
      </c>
    </row>
    <row r="1356" spans="1:19" x14ac:dyDescent="0.25">
      <c r="A1356">
        <v>39791293</v>
      </c>
      <c r="B1356" t="s">
        <v>7079</v>
      </c>
      <c r="C1356" s="1" t="s">
        <v>7080</v>
      </c>
      <c r="E1356">
        <v>0</v>
      </c>
      <c r="F1356">
        <v>1</v>
      </c>
      <c r="H1356" t="s">
        <v>7081</v>
      </c>
      <c r="J1356" t="s">
        <v>7082</v>
      </c>
      <c r="K1356" t="s">
        <v>7082</v>
      </c>
      <c r="M1356">
        <v>6904429</v>
      </c>
      <c r="O1356">
        <v>6904429</v>
      </c>
      <c r="P1356">
        <v>1</v>
      </c>
      <c r="Q1356">
        <v>1</v>
      </c>
      <c r="R1356" t="s">
        <v>7083</v>
      </c>
      <c r="S1356">
        <v>40</v>
      </c>
    </row>
    <row r="1357" spans="1:19" x14ac:dyDescent="0.25">
      <c r="A1357">
        <v>16879542</v>
      </c>
      <c r="B1357" t="s">
        <v>7084</v>
      </c>
      <c r="C1357" s="1" t="s">
        <v>7085</v>
      </c>
      <c r="D1357">
        <v>16880023</v>
      </c>
      <c r="E1357">
        <v>1</v>
      </c>
      <c r="F1357">
        <v>0</v>
      </c>
      <c r="H1357" t="s">
        <v>7086</v>
      </c>
      <c r="J1357" t="s">
        <v>7087</v>
      </c>
      <c r="K1357" t="s">
        <v>7088</v>
      </c>
      <c r="M1357">
        <v>479863</v>
      </c>
      <c r="O1357">
        <v>473318</v>
      </c>
      <c r="P1357">
        <v>1</v>
      </c>
      <c r="Q1357">
        <v>1</v>
      </c>
      <c r="R1357" t="s">
        <v>7089</v>
      </c>
      <c r="S1357">
        <v>1112</v>
      </c>
    </row>
    <row r="1358" spans="1:19" x14ac:dyDescent="0.25">
      <c r="A1358">
        <v>48766623</v>
      </c>
      <c r="B1358" t="s">
        <v>7090</v>
      </c>
      <c r="C1358" s="1" t="s">
        <v>7091</v>
      </c>
      <c r="E1358">
        <v>1</v>
      </c>
      <c r="F1358">
        <v>7</v>
      </c>
      <c r="H1358" t="s">
        <v>7092</v>
      </c>
      <c r="J1358" t="s">
        <v>7093</v>
      </c>
      <c r="K1358" t="s">
        <v>7094</v>
      </c>
      <c r="M1358">
        <v>3748199</v>
      </c>
      <c r="O1358">
        <v>3748199</v>
      </c>
      <c r="P1358">
        <v>1</v>
      </c>
      <c r="Q1358">
        <v>0</v>
      </c>
      <c r="R1358" t="s">
        <v>7095</v>
      </c>
      <c r="S1358">
        <v>53</v>
      </c>
    </row>
    <row r="1359" spans="1:19" x14ac:dyDescent="0.25">
      <c r="A1359">
        <v>24627648</v>
      </c>
      <c r="B1359" t="s">
        <v>7096</v>
      </c>
      <c r="C1359" s="1" t="s">
        <v>7097</v>
      </c>
      <c r="D1359">
        <v>24627712</v>
      </c>
      <c r="E1359">
        <v>2</v>
      </c>
      <c r="F1359">
        <v>6</v>
      </c>
      <c r="H1359" t="s">
        <v>7098</v>
      </c>
      <c r="J1359" t="s">
        <v>7099</v>
      </c>
      <c r="K1359" t="s">
        <v>7100</v>
      </c>
      <c r="M1359">
        <v>2847689</v>
      </c>
      <c r="O1359">
        <v>2847689</v>
      </c>
      <c r="P1359">
        <v>1</v>
      </c>
      <c r="Q1359">
        <v>0</v>
      </c>
      <c r="R1359" t="s">
        <v>7101</v>
      </c>
      <c r="S1359">
        <v>1116</v>
      </c>
    </row>
    <row r="1360" spans="1:19" x14ac:dyDescent="0.25">
      <c r="A1360">
        <v>21430532</v>
      </c>
      <c r="B1360" t="s">
        <v>7102</v>
      </c>
      <c r="C1360" s="1" t="s">
        <v>7103</v>
      </c>
      <c r="D1360">
        <v>21431485</v>
      </c>
      <c r="E1360">
        <v>1</v>
      </c>
      <c r="F1360">
        <v>0</v>
      </c>
      <c r="H1360" t="s">
        <v>7104</v>
      </c>
      <c r="J1360" t="s">
        <v>7105</v>
      </c>
      <c r="O1360">
        <v>3248671</v>
      </c>
      <c r="P1360">
        <v>1</v>
      </c>
      <c r="Q1360">
        <v>0</v>
      </c>
      <c r="R1360" t="s">
        <v>7106</v>
      </c>
      <c r="S1360">
        <v>580</v>
      </c>
    </row>
    <row r="1361" spans="1:19" x14ac:dyDescent="0.25">
      <c r="A1361">
        <v>44044587</v>
      </c>
      <c r="B1361" t="s">
        <v>7107</v>
      </c>
      <c r="C1361" s="1" t="s">
        <v>7108</v>
      </c>
      <c r="D1361">
        <v>51744183</v>
      </c>
      <c r="E1361">
        <v>5</v>
      </c>
      <c r="F1361">
        <v>3</v>
      </c>
      <c r="H1361" t="s">
        <v>7109</v>
      </c>
      <c r="I1361">
        <v>1</v>
      </c>
      <c r="J1361" t="s">
        <v>7110</v>
      </c>
      <c r="O1361">
        <v>7832762</v>
      </c>
      <c r="P1361">
        <v>1</v>
      </c>
      <c r="Q1361">
        <v>3</v>
      </c>
      <c r="R1361" t="s">
        <v>7111</v>
      </c>
      <c r="S1361">
        <v>1566</v>
      </c>
    </row>
    <row r="1362" spans="1:19" x14ac:dyDescent="0.25">
      <c r="A1362">
        <v>50271050</v>
      </c>
      <c r="B1362" t="s">
        <v>7112</v>
      </c>
      <c r="C1362" s="1" t="s">
        <v>7113</v>
      </c>
      <c r="E1362">
        <v>0</v>
      </c>
      <c r="F1362">
        <v>2</v>
      </c>
      <c r="H1362" t="s">
        <v>7114</v>
      </c>
      <c r="J1362" t="s">
        <v>7115</v>
      </c>
      <c r="K1362" t="s">
        <v>7115</v>
      </c>
      <c r="M1362">
        <v>6751153</v>
      </c>
      <c r="O1362">
        <v>6751153</v>
      </c>
      <c r="P1362">
        <v>1</v>
      </c>
      <c r="Q1362">
        <v>1</v>
      </c>
      <c r="R1362" t="s">
        <v>7116</v>
      </c>
      <c r="S1362">
        <v>268</v>
      </c>
    </row>
    <row r="1363" spans="1:19" x14ac:dyDescent="0.25">
      <c r="A1363">
        <v>45431926</v>
      </c>
      <c r="B1363" t="s">
        <v>7117</v>
      </c>
      <c r="C1363" s="1" t="s">
        <v>7118</v>
      </c>
      <c r="E1363">
        <v>2</v>
      </c>
      <c r="F1363">
        <v>1</v>
      </c>
      <c r="H1363" t="s">
        <v>7119</v>
      </c>
      <c r="I1363">
        <v>1</v>
      </c>
      <c r="J1363" t="s">
        <v>7120</v>
      </c>
      <c r="O1363">
        <v>8108422</v>
      </c>
      <c r="P1363">
        <v>1</v>
      </c>
      <c r="Q1363">
        <v>5</v>
      </c>
      <c r="R1363" t="s">
        <v>7121</v>
      </c>
      <c r="S1363">
        <v>1650</v>
      </c>
    </row>
    <row r="1364" spans="1:19" x14ac:dyDescent="0.25">
      <c r="A1364">
        <v>17402961</v>
      </c>
      <c r="B1364" t="s">
        <v>7122</v>
      </c>
      <c r="C1364" s="1" t="s">
        <v>7123</v>
      </c>
      <c r="E1364">
        <v>0</v>
      </c>
      <c r="F1364">
        <v>7</v>
      </c>
      <c r="H1364" t="s">
        <v>7124</v>
      </c>
      <c r="J1364" t="s">
        <v>7125</v>
      </c>
      <c r="N1364" t="s">
        <v>7126</v>
      </c>
      <c r="O1364">
        <v>2534242</v>
      </c>
      <c r="P1364">
        <v>1</v>
      </c>
      <c r="Q1364">
        <v>0</v>
      </c>
      <c r="R1364" t="s">
        <v>748</v>
      </c>
      <c r="S1364">
        <v>58</v>
      </c>
    </row>
    <row r="1365" spans="1:19" x14ac:dyDescent="0.25">
      <c r="A1365">
        <v>12308860</v>
      </c>
      <c r="B1365" t="s">
        <v>7127</v>
      </c>
      <c r="C1365" s="1" t="s">
        <v>7128</v>
      </c>
      <c r="D1365">
        <v>12308957</v>
      </c>
      <c r="E1365">
        <v>1</v>
      </c>
      <c r="F1365">
        <v>1</v>
      </c>
      <c r="H1365" t="s">
        <v>7129</v>
      </c>
      <c r="I1365">
        <v>1</v>
      </c>
      <c r="J1365" t="s">
        <v>7130</v>
      </c>
      <c r="K1365" t="s">
        <v>7131</v>
      </c>
      <c r="M1365">
        <v>1387888</v>
      </c>
      <c r="O1365">
        <v>1387888</v>
      </c>
      <c r="P1365">
        <v>1</v>
      </c>
      <c r="Q1365">
        <v>2</v>
      </c>
      <c r="R1365" t="s">
        <v>7132</v>
      </c>
      <c r="S1365">
        <v>473</v>
      </c>
    </row>
    <row r="1366" spans="1:19" x14ac:dyDescent="0.25">
      <c r="A1366">
        <v>44488796</v>
      </c>
      <c r="B1366" t="s">
        <v>7133</v>
      </c>
      <c r="C1366" s="1" t="s">
        <v>7134</v>
      </c>
      <c r="E1366">
        <v>0</v>
      </c>
      <c r="F1366">
        <v>2</v>
      </c>
      <c r="H1366" t="s">
        <v>7135</v>
      </c>
      <c r="J1366" t="s">
        <v>7135</v>
      </c>
      <c r="O1366">
        <v>739548</v>
      </c>
      <c r="P1366">
        <v>1</v>
      </c>
      <c r="Q1366">
        <v>0</v>
      </c>
      <c r="R1366" t="s">
        <v>7136</v>
      </c>
      <c r="S1366">
        <v>87</v>
      </c>
    </row>
    <row r="1367" spans="1:19" x14ac:dyDescent="0.25">
      <c r="A1367">
        <v>6436172</v>
      </c>
      <c r="B1367" t="s">
        <v>7137</v>
      </c>
      <c r="C1367" s="1" t="s">
        <v>7138</v>
      </c>
      <c r="E1367">
        <v>2</v>
      </c>
      <c r="F1367">
        <v>2</v>
      </c>
      <c r="H1367" t="s">
        <v>7139</v>
      </c>
      <c r="J1367" t="s">
        <v>7140</v>
      </c>
      <c r="K1367" t="s">
        <v>7141</v>
      </c>
      <c r="M1367">
        <v>809842</v>
      </c>
      <c r="O1367">
        <v>809842</v>
      </c>
      <c r="P1367">
        <v>1</v>
      </c>
      <c r="Q1367">
        <v>0</v>
      </c>
      <c r="R1367" t="s">
        <v>7142</v>
      </c>
      <c r="S1367">
        <v>218</v>
      </c>
    </row>
    <row r="1368" spans="1:19" x14ac:dyDescent="0.25">
      <c r="A1368">
        <v>3155711</v>
      </c>
      <c r="B1368" t="s">
        <v>7143</v>
      </c>
      <c r="C1368" s="1" t="s">
        <v>7144</v>
      </c>
      <c r="D1368">
        <v>3156721</v>
      </c>
      <c r="E1368">
        <v>1</v>
      </c>
      <c r="F1368">
        <v>0</v>
      </c>
      <c r="H1368" t="s">
        <v>7145</v>
      </c>
      <c r="J1368" t="s">
        <v>7146</v>
      </c>
      <c r="N1368" t="s">
        <v>7147</v>
      </c>
      <c r="P1368">
        <v>1</v>
      </c>
      <c r="Q1368">
        <v>0</v>
      </c>
      <c r="R1368" t="s">
        <v>7148</v>
      </c>
      <c r="S1368">
        <v>879</v>
      </c>
    </row>
    <row r="1369" spans="1:19" x14ac:dyDescent="0.25">
      <c r="A1369">
        <v>4845588</v>
      </c>
      <c r="B1369" t="s">
        <v>7149</v>
      </c>
      <c r="C1369" s="1" t="s">
        <v>7150</v>
      </c>
      <c r="D1369">
        <v>4917574</v>
      </c>
      <c r="E1369">
        <v>2</v>
      </c>
      <c r="F1369">
        <v>0</v>
      </c>
      <c r="H1369" t="s">
        <v>7151</v>
      </c>
      <c r="I1369">
        <v>1</v>
      </c>
      <c r="J1369" t="s">
        <v>7152</v>
      </c>
      <c r="O1369">
        <v>4657</v>
      </c>
      <c r="P1369">
        <v>1</v>
      </c>
      <c r="Q1369">
        <v>2</v>
      </c>
      <c r="R1369" t="s">
        <v>7153</v>
      </c>
      <c r="S1369">
        <v>6769</v>
      </c>
    </row>
    <row r="1370" spans="1:19" x14ac:dyDescent="0.25">
      <c r="A1370">
        <v>36343178</v>
      </c>
      <c r="B1370" t="s">
        <v>7154</v>
      </c>
      <c r="C1370" t="s">
        <v>7155</v>
      </c>
      <c r="E1370">
        <v>1</v>
      </c>
      <c r="F1370">
        <v>3</v>
      </c>
      <c r="H1370" t="s">
        <v>7156</v>
      </c>
      <c r="I1370">
        <v>1</v>
      </c>
      <c r="J1370" t="s">
        <v>7157</v>
      </c>
      <c r="O1370">
        <v>6141980</v>
      </c>
      <c r="P1370">
        <v>1</v>
      </c>
      <c r="Q1370">
        <v>3</v>
      </c>
      <c r="R1370" t="s">
        <v>7158</v>
      </c>
      <c r="S1370">
        <v>123</v>
      </c>
    </row>
    <row r="1371" spans="1:19" x14ac:dyDescent="0.25">
      <c r="A1371">
        <v>41647084</v>
      </c>
      <c r="B1371" t="s">
        <v>7159</v>
      </c>
      <c r="C1371" s="1" t="s">
        <v>7160</v>
      </c>
      <c r="E1371">
        <v>1</v>
      </c>
      <c r="F1371">
        <v>8</v>
      </c>
      <c r="H1371" t="s">
        <v>7161</v>
      </c>
      <c r="J1371" t="s">
        <v>7162</v>
      </c>
      <c r="K1371" t="s">
        <v>1083</v>
      </c>
      <c r="M1371">
        <v>-1</v>
      </c>
      <c r="O1371">
        <v>7417658</v>
      </c>
      <c r="P1371">
        <v>1</v>
      </c>
      <c r="Q1371">
        <v>-2</v>
      </c>
      <c r="R1371" t="s">
        <v>7163</v>
      </c>
      <c r="S1371">
        <v>3078</v>
      </c>
    </row>
    <row r="1372" spans="1:19" x14ac:dyDescent="0.25">
      <c r="A1372">
        <v>43690488</v>
      </c>
      <c r="B1372" t="s">
        <v>7164</v>
      </c>
      <c r="C1372" s="1" t="s">
        <v>7165</v>
      </c>
      <c r="D1372">
        <v>43690797</v>
      </c>
      <c r="E1372">
        <v>1</v>
      </c>
      <c r="F1372">
        <v>3</v>
      </c>
      <c r="H1372" t="s">
        <v>7166</v>
      </c>
      <c r="J1372" t="s">
        <v>7167</v>
      </c>
      <c r="K1372" t="s">
        <v>7168</v>
      </c>
      <c r="M1372">
        <v>2105358</v>
      </c>
      <c r="O1372">
        <v>2105358</v>
      </c>
      <c r="P1372">
        <v>1</v>
      </c>
      <c r="Q1372">
        <v>1</v>
      </c>
      <c r="R1372" t="s">
        <v>7169</v>
      </c>
      <c r="S1372">
        <v>620</v>
      </c>
    </row>
    <row r="1373" spans="1:19" x14ac:dyDescent="0.25">
      <c r="A1373">
        <v>1050852</v>
      </c>
      <c r="B1373" t="s">
        <v>7170</v>
      </c>
      <c r="C1373" s="1" t="s">
        <v>7171</v>
      </c>
      <c r="D1373">
        <v>1050876</v>
      </c>
      <c r="E1373">
        <v>3</v>
      </c>
      <c r="F1373">
        <v>0</v>
      </c>
      <c r="H1373" t="s">
        <v>7172</v>
      </c>
      <c r="J1373" t="s">
        <v>7173</v>
      </c>
      <c r="K1373" t="s">
        <v>7174</v>
      </c>
      <c r="M1373">
        <v>49153</v>
      </c>
      <c r="O1373">
        <v>49153</v>
      </c>
      <c r="P1373">
        <v>1</v>
      </c>
      <c r="Q1373">
        <v>1</v>
      </c>
      <c r="R1373" t="s">
        <v>7175</v>
      </c>
      <c r="S1373">
        <v>7893</v>
      </c>
    </row>
    <row r="1374" spans="1:19" x14ac:dyDescent="0.25">
      <c r="A1374">
        <v>108043</v>
      </c>
      <c r="B1374" t="s">
        <v>7176</v>
      </c>
      <c r="C1374" t="s">
        <v>7177</v>
      </c>
      <c r="D1374">
        <v>108058</v>
      </c>
      <c r="E1374">
        <v>3</v>
      </c>
      <c r="F1374">
        <v>0</v>
      </c>
      <c r="H1374" t="s">
        <v>7178</v>
      </c>
      <c r="J1374" t="s">
        <v>7179</v>
      </c>
      <c r="N1374" t="s">
        <v>7180</v>
      </c>
      <c r="O1374">
        <v>12523</v>
      </c>
      <c r="P1374">
        <v>1</v>
      </c>
      <c r="Q1374">
        <v>6</v>
      </c>
      <c r="R1374" t="s">
        <v>7181</v>
      </c>
      <c r="S1374">
        <v>3003</v>
      </c>
    </row>
    <row r="1375" spans="1:19" x14ac:dyDescent="0.25">
      <c r="A1375">
        <v>32435264</v>
      </c>
      <c r="B1375" t="s">
        <v>7182</v>
      </c>
      <c r="C1375" s="1" t="s">
        <v>7183</v>
      </c>
      <c r="E1375">
        <v>1</v>
      </c>
      <c r="F1375">
        <v>10</v>
      </c>
      <c r="H1375" t="s">
        <v>7184</v>
      </c>
      <c r="J1375" t="s">
        <v>7185</v>
      </c>
      <c r="K1375" t="s">
        <v>7186</v>
      </c>
      <c r="M1375">
        <v>4044949</v>
      </c>
      <c r="O1375">
        <v>4044949</v>
      </c>
      <c r="P1375">
        <v>1</v>
      </c>
      <c r="Q1375">
        <v>0</v>
      </c>
      <c r="R1375" t="s">
        <v>7187</v>
      </c>
      <c r="S1375">
        <v>148</v>
      </c>
    </row>
    <row r="1376" spans="1:19" x14ac:dyDescent="0.25">
      <c r="A1376">
        <v>3583946</v>
      </c>
      <c r="B1376" t="s">
        <v>7188</v>
      </c>
      <c r="C1376" s="1" t="s">
        <v>7189</v>
      </c>
      <c r="E1376">
        <v>2</v>
      </c>
      <c r="F1376">
        <v>3</v>
      </c>
      <c r="H1376" t="s">
        <v>7190</v>
      </c>
      <c r="J1376" t="s">
        <v>7191</v>
      </c>
      <c r="K1376" t="s">
        <v>7192</v>
      </c>
      <c r="M1376">
        <v>210916</v>
      </c>
      <c r="O1376">
        <v>432892</v>
      </c>
      <c r="P1376">
        <v>1</v>
      </c>
      <c r="Q1376">
        <v>0</v>
      </c>
      <c r="R1376" t="s">
        <v>7193</v>
      </c>
      <c r="S1376">
        <v>571</v>
      </c>
    </row>
    <row r="1377" spans="1:19" x14ac:dyDescent="0.25">
      <c r="A1377">
        <v>50480879</v>
      </c>
      <c r="B1377" t="s">
        <v>7194</v>
      </c>
      <c r="C1377" s="1" t="s">
        <v>7195</v>
      </c>
      <c r="E1377">
        <v>0</v>
      </c>
      <c r="F1377">
        <v>15</v>
      </c>
      <c r="H1377" t="s">
        <v>7196</v>
      </c>
      <c r="I1377">
        <v>3</v>
      </c>
      <c r="J1377" t="s">
        <v>7197</v>
      </c>
      <c r="K1377" t="s">
        <v>7197</v>
      </c>
      <c r="M1377">
        <v>1513187</v>
      </c>
      <c r="O1377">
        <v>8154206</v>
      </c>
      <c r="P1377">
        <v>1</v>
      </c>
      <c r="Q1377">
        <v>4</v>
      </c>
      <c r="R1377" t="s">
        <v>7198</v>
      </c>
      <c r="S1377">
        <v>535</v>
      </c>
    </row>
    <row r="1378" spans="1:19" x14ac:dyDescent="0.25">
      <c r="A1378">
        <v>47048239</v>
      </c>
      <c r="B1378" t="s">
        <v>7199</v>
      </c>
      <c r="C1378" s="1" t="s">
        <v>7200</v>
      </c>
      <c r="E1378">
        <v>2</v>
      </c>
      <c r="F1378">
        <v>1</v>
      </c>
      <c r="H1378" t="s">
        <v>7201</v>
      </c>
      <c r="J1378" t="s">
        <v>7202</v>
      </c>
      <c r="K1378" t="s">
        <v>7202</v>
      </c>
      <c r="M1378">
        <v>5241511</v>
      </c>
      <c r="O1378">
        <v>5241511</v>
      </c>
      <c r="P1378">
        <v>1</v>
      </c>
      <c r="Q1378">
        <v>0</v>
      </c>
      <c r="R1378" t="s">
        <v>7203</v>
      </c>
      <c r="S1378">
        <v>188</v>
      </c>
    </row>
    <row r="1379" spans="1:19" x14ac:dyDescent="0.25">
      <c r="A1379">
        <v>2464854</v>
      </c>
      <c r="B1379" t="s">
        <v>7204</v>
      </c>
      <c r="C1379" s="1" t="s">
        <v>7205</v>
      </c>
      <c r="D1379">
        <v>2464891</v>
      </c>
      <c r="E1379">
        <v>3</v>
      </c>
      <c r="F1379">
        <v>3</v>
      </c>
      <c r="H1379" t="s">
        <v>7206</v>
      </c>
      <c r="I1379">
        <v>6</v>
      </c>
      <c r="J1379" t="s">
        <v>7207</v>
      </c>
      <c r="O1379">
        <v>251671</v>
      </c>
      <c r="P1379">
        <v>1</v>
      </c>
      <c r="Q1379">
        <v>9</v>
      </c>
      <c r="R1379" t="s">
        <v>7208</v>
      </c>
      <c r="S1379">
        <v>11171</v>
      </c>
    </row>
    <row r="1380" spans="1:19" x14ac:dyDescent="0.25">
      <c r="A1380">
        <v>31530690</v>
      </c>
      <c r="B1380" t="s">
        <v>7209</v>
      </c>
      <c r="C1380" s="1" t="s">
        <v>7210</v>
      </c>
      <c r="E1380">
        <v>3</v>
      </c>
      <c r="F1380">
        <v>1</v>
      </c>
      <c r="H1380" t="s">
        <v>7211</v>
      </c>
      <c r="I1380">
        <v>2</v>
      </c>
      <c r="J1380" t="s">
        <v>7212</v>
      </c>
      <c r="K1380" t="s">
        <v>7213</v>
      </c>
      <c r="M1380">
        <v>136363</v>
      </c>
      <c r="O1380">
        <v>2272004</v>
      </c>
      <c r="P1380">
        <v>1</v>
      </c>
      <c r="Q1380">
        <v>3</v>
      </c>
      <c r="R1380" t="s">
        <v>7214</v>
      </c>
      <c r="S1380">
        <v>5973</v>
      </c>
    </row>
    <row r="1381" spans="1:19" x14ac:dyDescent="0.25">
      <c r="A1381">
        <v>49950408</v>
      </c>
      <c r="B1381" t="s">
        <v>7215</v>
      </c>
      <c r="C1381" s="1" t="s">
        <v>7216</v>
      </c>
      <c r="E1381">
        <v>0</v>
      </c>
      <c r="F1381">
        <v>3</v>
      </c>
      <c r="H1381" t="s">
        <v>7217</v>
      </c>
      <c r="J1381" t="s">
        <v>7218</v>
      </c>
      <c r="K1381" t="s">
        <v>7218</v>
      </c>
      <c r="M1381">
        <v>1755598</v>
      </c>
      <c r="O1381">
        <v>2443197</v>
      </c>
      <c r="P1381">
        <v>1</v>
      </c>
      <c r="Q1381">
        <v>0</v>
      </c>
      <c r="R1381" t="s">
        <v>7219</v>
      </c>
      <c r="S1381">
        <v>39</v>
      </c>
    </row>
    <row r="1382" spans="1:19" x14ac:dyDescent="0.25">
      <c r="A1382">
        <v>5285527</v>
      </c>
      <c r="B1382" t="s">
        <v>7220</v>
      </c>
      <c r="C1382" s="1" t="s">
        <v>7221</v>
      </c>
      <c r="D1382">
        <v>5288293</v>
      </c>
      <c r="E1382">
        <v>2</v>
      </c>
      <c r="F1382">
        <v>0</v>
      </c>
      <c r="H1382" t="s">
        <v>7222</v>
      </c>
      <c r="I1382">
        <v>1</v>
      </c>
      <c r="J1382" t="s">
        <v>7223</v>
      </c>
      <c r="O1382">
        <v>5861</v>
      </c>
      <c r="P1382">
        <v>1</v>
      </c>
      <c r="Q1382">
        <v>5</v>
      </c>
      <c r="R1382" t="s">
        <v>7224</v>
      </c>
      <c r="S1382">
        <v>1535</v>
      </c>
    </row>
    <row r="1383" spans="1:19" x14ac:dyDescent="0.25">
      <c r="A1383">
        <v>7880305</v>
      </c>
      <c r="B1383" t="s">
        <v>7225</v>
      </c>
      <c r="C1383" s="1" t="s">
        <v>7226</v>
      </c>
      <c r="D1383">
        <v>7880343</v>
      </c>
      <c r="E1383">
        <v>3</v>
      </c>
      <c r="F1383">
        <v>2</v>
      </c>
      <c r="H1383" t="s">
        <v>7227</v>
      </c>
      <c r="J1383" t="s">
        <v>7228</v>
      </c>
      <c r="O1383">
        <v>942201</v>
      </c>
      <c r="P1383">
        <v>1</v>
      </c>
      <c r="Q1383">
        <v>0</v>
      </c>
      <c r="R1383" t="s">
        <v>7229</v>
      </c>
      <c r="S1383">
        <v>1379</v>
      </c>
    </row>
    <row r="1384" spans="1:19" x14ac:dyDescent="0.25">
      <c r="A1384">
        <v>43092137</v>
      </c>
      <c r="B1384" t="s">
        <v>7230</v>
      </c>
      <c r="C1384" s="1" t="s">
        <v>7231</v>
      </c>
      <c r="D1384">
        <v>43092423</v>
      </c>
      <c r="E1384">
        <v>3</v>
      </c>
      <c r="F1384">
        <v>0</v>
      </c>
      <c r="H1384" t="s">
        <v>7232</v>
      </c>
      <c r="J1384" t="s">
        <v>7233</v>
      </c>
      <c r="O1384">
        <v>1573765</v>
      </c>
      <c r="P1384">
        <v>1</v>
      </c>
      <c r="Q1384">
        <v>0</v>
      </c>
      <c r="R1384" t="s">
        <v>7234</v>
      </c>
      <c r="S1384">
        <v>1049</v>
      </c>
    </row>
    <row r="1385" spans="1:19" x14ac:dyDescent="0.25">
      <c r="A1385">
        <v>22596586</v>
      </c>
      <c r="B1385" t="s">
        <v>7235</v>
      </c>
      <c r="C1385" s="1" t="s">
        <v>7236</v>
      </c>
      <c r="E1385">
        <v>1</v>
      </c>
      <c r="F1385">
        <v>1</v>
      </c>
      <c r="H1385" t="s">
        <v>7237</v>
      </c>
      <c r="I1385">
        <v>0</v>
      </c>
      <c r="J1385" t="s">
        <v>7238</v>
      </c>
      <c r="K1385" t="s">
        <v>7239</v>
      </c>
      <c r="M1385">
        <v>-1</v>
      </c>
      <c r="O1385">
        <v>677526</v>
      </c>
      <c r="P1385">
        <v>1</v>
      </c>
      <c r="Q1385">
        <v>3</v>
      </c>
      <c r="R1385" t="s">
        <v>3056</v>
      </c>
      <c r="S1385">
        <v>660</v>
      </c>
    </row>
    <row r="1386" spans="1:19" x14ac:dyDescent="0.25">
      <c r="A1386">
        <v>19822289</v>
      </c>
      <c r="B1386" t="s">
        <v>7240</v>
      </c>
      <c r="C1386" s="1" t="s">
        <v>7241</v>
      </c>
      <c r="D1386">
        <v>19823505</v>
      </c>
      <c r="E1386">
        <v>7</v>
      </c>
      <c r="F1386">
        <v>7</v>
      </c>
      <c r="H1386" t="s">
        <v>7242</v>
      </c>
      <c r="I1386">
        <v>3</v>
      </c>
      <c r="J1386" t="s">
        <v>7243</v>
      </c>
      <c r="K1386" t="s">
        <v>7244</v>
      </c>
      <c r="M1386">
        <v>1930965</v>
      </c>
      <c r="O1386">
        <v>1930965</v>
      </c>
      <c r="P1386">
        <v>1</v>
      </c>
      <c r="Q1386">
        <v>8</v>
      </c>
      <c r="R1386" t="s">
        <v>7245</v>
      </c>
      <c r="S1386">
        <v>320</v>
      </c>
    </row>
    <row r="1387" spans="1:19" x14ac:dyDescent="0.25">
      <c r="A1387">
        <v>43965756</v>
      </c>
      <c r="B1387" t="s">
        <v>7246</v>
      </c>
      <c r="C1387" s="1" t="s">
        <v>7247</v>
      </c>
      <c r="E1387">
        <v>1</v>
      </c>
      <c r="F1387">
        <v>2</v>
      </c>
      <c r="H1387" t="s">
        <v>7248</v>
      </c>
      <c r="J1387" t="s">
        <v>7249</v>
      </c>
      <c r="O1387">
        <v>8010471</v>
      </c>
      <c r="P1387">
        <v>1</v>
      </c>
      <c r="Q1387">
        <v>0</v>
      </c>
      <c r="R1387" t="s">
        <v>7250</v>
      </c>
      <c r="S1387">
        <v>44</v>
      </c>
    </row>
    <row r="1388" spans="1:19" x14ac:dyDescent="0.25">
      <c r="A1388">
        <v>26434250</v>
      </c>
      <c r="B1388" t="s">
        <v>7251</v>
      </c>
      <c r="C1388" s="1" t="s">
        <v>7252</v>
      </c>
      <c r="D1388">
        <v>26434314</v>
      </c>
      <c r="E1388">
        <v>3</v>
      </c>
      <c r="F1388">
        <v>1</v>
      </c>
      <c r="H1388" t="s">
        <v>7253</v>
      </c>
      <c r="I1388">
        <v>1</v>
      </c>
      <c r="J1388" t="s">
        <v>7254</v>
      </c>
      <c r="O1388">
        <v>271440</v>
      </c>
      <c r="P1388">
        <v>1</v>
      </c>
      <c r="Q1388">
        <v>4</v>
      </c>
      <c r="R1388" t="s">
        <v>7255</v>
      </c>
      <c r="S1388">
        <v>4955</v>
      </c>
    </row>
    <row r="1389" spans="1:19" x14ac:dyDescent="0.25">
      <c r="A1389">
        <v>22973957</v>
      </c>
      <c r="B1389" t="s">
        <v>7256</v>
      </c>
      <c r="C1389" s="1" t="s">
        <v>7257</v>
      </c>
      <c r="E1389">
        <v>2</v>
      </c>
      <c r="F1389">
        <v>0</v>
      </c>
      <c r="H1389" t="s">
        <v>7258</v>
      </c>
      <c r="J1389" t="s">
        <v>7259</v>
      </c>
      <c r="O1389">
        <v>3517102</v>
      </c>
      <c r="P1389">
        <v>1</v>
      </c>
      <c r="Q1389">
        <v>1</v>
      </c>
      <c r="R1389" t="s">
        <v>7260</v>
      </c>
      <c r="S1389">
        <v>680</v>
      </c>
    </row>
    <row r="1390" spans="1:19" x14ac:dyDescent="0.25">
      <c r="A1390">
        <v>41733810</v>
      </c>
      <c r="B1390" t="s">
        <v>7261</v>
      </c>
      <c r="C1390" s="1" t="s">
        <v>7262</v>
      </c>
      <c r="D1390">
        <v>41733890</v>
      </c>
      <c r="E1390">
        <v>3</v>
      </c>
      <c r="F1390">
        <v>1</v>
      </c>
      <c r="H1390" t="s">
        <v>7263</v>
      </c>
      <c r="J1390" t="s">
        <v>7264</v>
      </c>
      <c r="K1390" t="s">
        <v>7264</v>
      </c>
      <c r="M1390">
        <v>13302</v>
      </c>
      <c r="O1390">
        <v>2105488</v>
      </c>
      <c r="P1390">
        <v>1</v>
      </c>
      <c r="Q1390">
        <v>0</v>
      </c>
      <c r="R1390" t="s">
        <v>780</v>
      </c>
      <c r="S1390">
        <v>56</v>
      </c>
    </row>
    <row r="1391" spans="1:19" x14ac:dyDescent="0.25">
      <c r="A1391">
        <v>31978216</v>
      </c>
      <c r="B1391" t="s">
        <v>7265</v>
      </c>
      <c r="C1391" s="1" t="s">
        <v>7266</v>
      </c>
      <c r="E1391">
        <v>2</v>
      </c>
      <c r="F1391">
        <v>1</v>
      </c>
      <c r="H1391" t="s">
        <v>7267</v>
      </c>
      <c r="J1391" t="s">
        <v>7268</v>
      </c>
      <c r="K1391" t="s">
        <v>7268</v>
      </c>
      <c r="M1391">
        <v>2451726</v>
      </c>
      <c r="O1391">
        <v>2426690</v>
      </c>
      <c r="P1391">
        <v>1</v>
      </c>
      <c r="Q1391">
        <v>0</v>
      </c>
      <c r="R1391" t="s">
        <v>7269</v>
      </c>
      <c r="S1391">
        <v>105</v>
      </c>
    </row>
    <row r="1392" spans="1:19" x14ac:dyDescent="0.25">
      <c r="A1392">
        <v>16966804</v>
      </c>
      <c r="B1392" t="s">
        <v>7270</v>
      </c>
      <c r="C1392" s="1" t="s">
        <v>7271</v>
      </c>
      <c r="D1392">
        <v>16972854</v>
      </c>
      <c r="E1392">
        <v>1</v>
      </c>
      <c r="F1392">
        <v>5</v>
      </c>
      <c r="H1392" t="s">
        <v>7272</v>
      </c>
      <c r="J1392" t="s">
        <v>7273</v>
      </c>
      <c r="K1392" t="s">
        <v>7274</v>
      </c>
      <c r="M1392">
        <v>1839767</v>
      </c>
      <c r="O1392">
        <v>1839767</v>
      </c>
      <c r="P1392">
        <v>1</v>
      </c>
      <c r="Q1392">
        <v>1</v>
      </c>
      <c r="R1392" t="s">
        <v>7275</v>
      </c>
      <c r="S1392">
        <v>180</v>
      </c>
    </row>
    <row r="1393" spans="1:19" x14ac:dyDescent="0.25">
      <c r="A1393">
        <v>43771495</v>
      </c>
      <c r="B1393" t="s">
        <v>7276</v>
      </c>
      <c r="C1393" s="1" t="s">
        <v>7277</v>
      </c>
      <c r="E1393">
        <v>0</v>
      </c>
      <c r="F1393">
        <v>0</v>
      </c>
      <c r="H1393" t="s">
        <v>7278</v>
      </c>
      <c r="J1393" t="s">
        <v>7279</v>
      </c>
      <c r="K1393" t="s">
        <v>7279</v>
      </c>
      <c r="M1393">
        <v>2402577</v>
      </c>
      <c r="O1393">
        <v>2402577</v>
      </c>
      <c r="P1393">
        <v>1</v>
      </c>
      <c r="Q1393">
        <v>1</v>
      </c>
      <c r="R1393" t="s">
        <v>7280</v>
      </c>
      <c r="S1393">
        <v>41</v>
      </c>
    </row>
    <row r="1394" spans="1:19" x14ac:dyDescent="0.25">
      <c r="A1394">
        <v>34543259</v>
      </c>
      <c r="B1394" t="s">
        <v>7281</v>
      </c>
      <c r="C1394" t="s">
        <v>7282</v>
      </c>
      <c r="E1394">
        <v>1</v>
      </c>
      <c r="F1394">
        <v>0</v>
      </c>
      <c r="H1394" t="s">
        <v>7283</v>
      </c>
      <c r="J1394" t="s">
        <v>7284</v>
      </c>
      <c r="O1394">
        <v>5498968</v>
      </c>
      <c r="P1394">
        <v>1</v>
      </c>
      <c r="Q1394">
        <v>-1</v>
      </c>
      <c r="R1394" t="s">
        <v>7285</v>
      </c>
      <c r="S1394">
        <v>23</v>
      </c>
    </row>
    <row r="1395" spans="1:19" x14ac:dyDescent="0.25">
      <c r="A1395">
        <v>17707253</v>
      </c>
      <c r="B1395" t="s">
        <v>7286</v>
      </c>
      <c r="C1395" s="1" t="s">
        <v>7287</v>
      </c>
      <c r="D1395">
        <v>17711417</v>
      </c>
      <c r="E1395">
        <v>1</v>
      </c>
      <c r="F1395">
        <v>0</v>
      </c>
      <c r="H1395" t="s">
        <v>7288</v>
      </c>
      <c r="J1395" t="s">
        <v>7289</v>
      </c>
      <c r="O1395">
        <v>1274523</v>
      </c>
      <c r="P1395">
        <v>1</v>
      </c>
      <c r="Q1395">
        <v>0</v>
      </c>
      <c r="R1395" t="s">
        <v>7290</v>
      </c>
      <c r="S1395">
        <v>470</v>
      </c>
    </row>
    <row r="1396" spans="1:19" x14ac:dyDescent="0.25">
      <c r="A1396">
        <v>35248703</v>
      </c>
      <c r="B1396" t="s">
        <v>7291</v>
      </c>
      <c r="C1396" s="1" t="s">
        <v>7292</v>
      </c>
      <c r="D1396">
        <v>35249128</v>
      </c>
      <c r="E1396">
        <v>1</v>
      </c>
      <c r="F1396">
        <v>4</v>
      </c>
      <c r="H1396" t="s">
        <v>7293</v>
      </c>
      <c r="I1396">
        <v>0</v>
      </c>
      <c r="J1396" t="s">
        <v>7294</v>
      </c>
      <c r="K1396" t="s">
        <v>7295</v>
      </c>
      <c r="M1396">
        <v>5893746</v>
      </c>
      <c r="O1396">
        <v>5893746</v>
      </c>
      <c r="P1396">
        <v>1</v>
      </c>
      <c r="Q1396">
        <v>-2</v>
      </c>
      <c r="R1396" t="s">
        <v>7296</v>
      </c>
      <c r="S1396">
        <v>61</v>
      </c>
    </row>
    <row r="1397" spans="1:19" x14ac:dyDescent="0.25">
      <c r="A1397">
        <v>33370070</v>
      </c>
      <c r="B1397" t="s">
        <v>7297</v>
      </c>
      <c r="C1397" s="1" t="s">
        <v>7298</v>
      </c>
      <c r="D1397">
        <v>33370447</v>
      </c>
      <c r="E1397">
        <v>1</v>
      </c>
      <c r="F1397">
        <v>0</v>
      </c>
      <c r="H1397" t="s">
        <v>7299</v>
      </c>
      <c r="J1397" t="s">
        <v>7300</v>
      </c>
      <c r="O1397">
        <v>5452375</v>
      </c>
      <c r="P1397">
        <v>1</v>
      </c>
      <c r="Q1397">
        <v>1</v>
      </c>
      <c r="R1397" t="s">
        <v>229</v>
      </c>
      <c r="S1397">
        <v>38</v>
      </c>
    </row>
    <row r="1398" spans="1:19" x14ac:dyDescent="0.25">
      <c r="A1398">
        <v>30612037</v>
      </c>
      <c r="B1398" t="s">
        <v>7301</v>
      </c>
      <c r="C1398" s="1" t="s">
        <v>7302</v>
      </c>
      <c r="D1398">
        <v>30612158</v>
      </c>
      <c r="E1398">
        <v>1</v>
      </c>
      <c r="F1398">
        <v>4</v>
      </c>
      <c r="H1398" t="s">
        <v>7303</v>
      </c>
      <c r="J1398" t="s">
        <v>7304</v>
      </c>
      <c r="K1398" t="s">
        <v>7305</v>
      </c>
      <c r="M1398">
        <v>4968112</v>
      </c>
      <c r="O1398">
        <v>4968112</v>
      </c>
      <c r="P1398">
        <v>1</v>
      </c>
      <c r="Q1398">
        <v>-3</v>
      </c>
      <c r="R1398" t="s">
        <v>4668</v>
      </c>
      <c r="S1398">
        <v>46</v>
      </c>
    </row>
    <row r="1399" spans="1:19" x14ac:dyDescent="0.25">
      <c r="A1399">
        <v>27807641</v>
      </c>
      <c r="B1399" t="s">
        <v>7306</v>
      </c>
      <c r="C1399" s="1" t="s">
        <v>7307</v>
      </c>
      <c r="D1399">
        <v>27845959</v>
      </c>
      <c r="E1399">
        <v>1</v>
      </c>
      <c r="F1399">
        <v>2</v>
      </c>
      <c r="H1399" t="s">
        <v>7308</v>
      </c>
      <c r="J1399" t="s">
        <v>7309</v>
      </c>
      <c r="O1399">
        <v>4403105</v>
      </c>
      <c r="P1399">
        <v>1</v>
      </c>
      <c r="Q1399">
        <v>0</v>
      </c>
      <c r="R1399" t="s">
        <v>7310</v>
      </c>
      <c r="S1399">
        <v>1104</v>
      </c>
    </row>
    <row r="1400" spans="1:19" x14ac:dyDescent="0.25">
      <c r="A1400">
        <v>42167709</v>
      </c>
      <c r="B1400" t="s">
        <v>7311</v>
      </c>
      <c r="C1400" s="1" t="s">
        <v>7312</v>
      </c>
      <c r="E1400">
        <v>1</v>
      </c>
      <c r="F1400">
        <v>1</v>
      </c>
      <c r="H1400" t="s">
        <v>7313</v>
      </c>
      <c r="J1400" t="s">
        <v>7314</v>
      </c>
      <c r="K1400" t="s">
        <v>7314</v>
      </c>
      <c r="M1400">
        <v>1179880</v>
      </c>
      <c r="O1400">
        <v>3658393</v>
      </c>
      <c r="P1400">
        <v>1</v>
      </c>
      <c r="Q1400">
        <v>0</v>
      </c>
      <c r="R1400" t="s">
        <v>7315</v>
      </c>
      <c r="S1400">
        <v>125</v>
      </c>
    </row>
    <row r="1401" spans="1:19" x14ac:dyDescent="0.25">
      <c r="A1401">
        <v>21485580</v>
      </c>
      <c r="B1401" t="s">
        <v>7316</v>
      </c>
      <c r="C1401" s="1" t="s">
        <v>7317</v>
      </c>
      <c r="D1401">
        <v>21485605</v>
      </c>
      <c r="E1401">
        <v>4</v>
      </c>
      <c r="F1401">
        <v>1</v>
      </c>
      <c r="H1401" t="s">
        <v>7318</v>
      </c>
      <c r="J1401" t="s">
        <v>7319</v>
      </c>
      <c r="O1401">
        <v>2344353</v>
      </c>
      <c r="P1401">
        <v>1</v>
      </c>
      <c r="Q1401">
        <v>0</v>
      </c>
      <c r="R1401" t="s">
        <v>7320</v>
      </c>
      <c r="S1401">
        <v>11886</v>
      </c>
    </row>
    <row r="1402" spans="1:19" x14ac:dyDescent="0.25">
      <c r="A1402">
        <v>33962166</v>
      </c>
      <c r="B1402" t="s">
        <v>7321</v>
      </c>
      <c r="C1402" s="1" t="s">
        <v>7322</v>
      </c>
      <c r="E1402">
        <v>1</v>
      </c>
      <c r="F1402">
        <v>3</v>
      </c>
      <c r="H1402" t="s">
        <v>7323</v>
      </c>
      <c r="J1402" t="s">
        <v>7324</v>
      </c>
      <c r="O1402">
        <v>4204906</v>
      </c>
      <c r="P1402">
        <v>1</v>
      </c>
      <c r="Q1402">
        <v>-2</v>
      </c>
      <c r="R1402" t="s">
        <v>7325</v>
      </c>
      <c r="S1402">
        <v>107</v>
      </c>
    </row>
    <row r="1403" spans="1:19" x14ac:dyDescent="0.25">
      <c r="A1403">
        <v>7024330</v>
      </c>
      <c r="B1403" t="s">
        <v>7326</v>
      </c>
      <c r="C1403" s="1" t="s">
        <v>7327</v>
      </c>
      <c r="D1403">
        <v>7024378</v>
      </c>
      <c r="E1403">
        <v>5</v>
      </c>
      <c r="F1403">
        <v>1</v>
      </c>
      <c r="H1403" t="s">
        <v>7328</v>
      </c>
      <c r="J1403" t="s">
        <v>7329</v>
      </c>
      <c r="K1403" t="s">
        <v>7330</v>
      </c>
      <c r="M1403">
        <v>560648</v>
      </c>
      <c r="O1403">
        <v>632224</v>
      </c>
      <c r="P1403">
        <v>1</v>
      </c>
      <c r="Q1403">
        <v>1</v>
      </c>
      <c r="R1403" t="s">
        <v>1359</v>
      </c>
      <c r="S1403">
        <v>2055</v>
      </c>
    </row>
    <row r="1404" spans="1:19" x14ac:dyDescent="0.25">
      <c r="A1404">
        <v>11145284</v>
      </c>
      <c r="B1404" t="s">
        <v>7331</v>
      </c>
      <c r="C1404" s="1" t="s">
        <v>7332</v>
      </c>
      <c r="D1404">
        <v>11145743</v>
      </c>
      <c r="E1404">
        <v>2</v>
      </c>
      <c r="F1404">
        <v>2</v>
      </c>
      <c r="H1404" t="s">
        <v>7333</v>
      </c>
      <c r="J1404" t="s">
        <v>7334</v>
      </c>
      <c r="K1404" t="s">
        <v>7334</v>
      </c>
      <c r="M1404">
        <v>1222564</v>
      </c>
      <c r="O1404">
        <v>1222564</v>
      </c>
      <c r="P1404">
        <v>1</v>
      </c>
      <c r="Q1404">
        <v>2</v>
      </c>
      <c r="R1404" t="s">
        <v>7335</v>
      </c>
      <c r="S1404">
        <v>1162</v>
      </c>
    </row>
    <row r="1405" spans="1:19" x14ac:dyDescent="0.25">
      <c r="A1405">
        <v>22869750</v>
      </c>
      <c r="B1405" t="s">
        <v>7336</v>
      </c>
      <c r="C1405" s="1" t="s">
        <v>7337</v>
      </c>
      <c r="E1405">
        <v>1</v>
      </c>
      <c r="F1405">
        <v>2</v>
      </c>
      <c r="H1405" t="s">
        <v>7338</v>
      </c>
      <c r="J1405" t="s">
        <v>7339</v>
      </c>
      <c r="K1405" t="s">
        <v>7339</v>
      </c>
      <c r="M1405">
        <v>3499193</v>
      </c>
      <c r="O1405">
        <v>3499193</v>
      </c>
      <c r="P1405">
        <v>1</v>
      </c>
      <c r="Q1405">
        <v>2</v>
      </c>
      <c r="R1405" t="s">
        <v>7340</v>
      </c>
      <c r="S1405">
        <v>323</v>
      </c>
    </row>
    <row r="1406" spans="1:19" x14ac:dyDescent="0.25">
      <c r="A1406">
        <v>41094343</v>
      </c>
      <c r="B1406" t="s">
        <v>7341</v>
      </c>
      <c r="C1406" s="1" t="s">
        <v>7342</v>
      </c>
      <c r="D1406">
        <v>41115279</v>
      </c>
      <c r="E1406">
        <v>1</v>
      </c>
      <c r="F1406">
        <v>0</v>
      </c>
      <c r="H1406" t="s">
        <v>7343</v>
      </c>
      <c r="J1406" t="s">
        <v>7344</v>
      </c>
      <c r="K1406" t="s">
        <v>7344</v>
      </c>
      <c r="M1406">
        <v>3109468</v>
      </c>
      <c r="O1406">
        <v>3109468</v>
      </c>
      <c r="P1406">
        <v>1</v>
      </c>
      <c r="Q1406">
        <v>1</v>
      </c>
      <c r="R1406" t="s">
        <v>7345</v>
      </c>
      <c r="S1406">
        <v>1057</v>
      </c>
    </row>
    <row r="1407" spans="1:19" x14ac:dyDescent="0.25">
      <c r="A1407">
        <v>4417664</v>
      </c>
      <c r="B1407" t="s">
        <v>7346</v>
      </c>
      <c r="C1407" s="1" t="s">
        <v>7347</v>
      </c>
      <c r="D1407">
        <v>4417846</v>
      </c>
      <c r="E1407">
        <v>2</v>
      </c>
      <c r="F1407">
        <v>1</v>
      </c>
      <c r="H1407" t="s">
        <v>7348</v>
      </c>
      <c r="J1407" t="s">
        <v>7349</v>
      </c>
      <c r="O1407">
        <v>66975</v>
      </c>
      <c r="P1407">
        <v>1</v>
      </c>
      <c r="Q1407">
        <v>0</v>
      </c>
      <c r="R1407" t="s">
        <v>7350</v>
      </c>
      <c r="S1407">
        <v>223</v>
      </c>
    </row>
    <row r="1408" spans="1:19" x14ac:dyDescent="0.25">
      <c r="A1408">
        <v>34667242</v>
      </c>
      <c r="B1408" t="s">
        <v>7351</v>
      </c>
      <c r="C1408" s="1" t="s">
        <v>7352</v>
      </c>
      <c r="D1408">
        <v>35095147</v>
      </c>
      <c r="E1408">
        <v>2</v>
      </c>
      <c r="F1408">
        <v>2</v>
      </c>
      <c r="H1408" t="s">
        <v>7353</v>
      </c>
      <c r="I1408">
        <v>1</v>
      </c>
      <c r="J1408" t="s">
        <v>7354</v>
      </c>
      <c r="K1408" t="s">
        <v>7354</v>
      </c>
      <c r="M1408">
        <v>608639</v>
      </c>
      <c r="O1408">
        <v>3995687</v>
      </c>
      <c r="P1408">
        <v>1</v>
      </c>
      <c r="Q1408">
        <v>6</v>
      </c>
      <c r="R1408" t="s">
        <v>7355</v>
      </c>
      <c r="S1408">
        <v>292</v>
      </c>
    </row>
    <row r="1409" spans="1:19" x14ac:dyDescent="0.25">
      <c r="A1409">
        <v>48024238</v>
      </c>
      <c r="B1409" t="s">
        <v>7356</v>
      </c>
      <c r="C1409" t="s">
        <v>7357</v>
      </c>
      <c r="E1409">
        <v>1</v>
      </c>
      <c r="F1409">
        <v>1</v>
      </c>
      <c r="H1409" t="s">
        <v>7358</v>
      </c>
      <c r="J1409" t="s">
        <v>7359</v>
      </c>
      <c r="K1409" t="s">
        <v>7360</v>
      </c>
      <c r="M1409">
        <v>6878454</v>
      </c>
      <c r="O1409">
        <v>6878454</v>
      </c>
      <c r="P1409">
        <v>1</v>
      </c>
      <c r="Q1409">
        <v>0</v>
      </c>
      <c r="R1409" t="s">
        <v>7361</v>
      </c>
      <c r="S1409">
        <v>29</v>
      </c>
    </row>
    <row r="1410" spans="1:19" x14ac:dyDescent="0.25">
      <c r="A1410">
        <v>20094263</v>
      </c>
      <c r="B1410" t="s">
        <v>7362</v>
      </c>
      <c r="C1410" s="1" t="s">
        <v>7363</v>
      </c>
      <c r="E1410">
        <v>1</v>
      </c>
      <c r="F1410">
        <v>2</v>
      </c>
      <c r="H1410" t="s">
        <v>7364</v>
      </c>
      <c r="J1410" t="s">
        <v>7365</v>
      </c>
      <c r="K1410" t="s">
        <v>7365</v>
      </c>
      <c r="M1410">
        <v>1165907</v>
      </c>
      <c r="O1410">
        <v>2241657</v>
      </c>
      <c r="P1410">
        <v>1</v>
      </c>
      <c r="Q1410">
        <v>0</v>
      </c>
      <c r="R1410" t="s">
        <v>7366</v>
      </c>
      <c r="S1410">
        <v>624</v>
      </c>
    </row>
    <row r="1411" spans="1:19" x14ac:dyDescent="0.25">
      <c r="A1411">
        <v>52381042</v>
      </c>
      <c r="B1411" t="s">
        <v>7367</v>
      </c>
      <c r="C1411" s="1" t="s">
        <v>7368</v>
      </c>
      <c r="D1411">
        <v>52381886</v>
      </c>
      <c r="E1411">
        <v>1</v>
      </c>
      <c r="F1411">
        <v>0</v>
      </c>
      <c r="H1411" t="s">
        <v>7369</v>
      </c>
      <c r="J1411" t="s">
        <v>7370</v>
      </c>
      <c r="K1411" t="s">
        <v>7371</v>
      </c>
      <c r="M1411">
        <v>4676340</v>
      </c>
      <c r="O1411">
        <v>4676340</v>
      </c>
      <c r="P1411">
        <v>1</v>
      </c>
      <c r="Q1411">
        <v>2</v>
      </c>
      <c r="R1411" t="s">
        <v>7372</v>
      </c>
      <c r="S1411">
        <v>49</v>
      </c>
    </row>
    <row r="1412" spans="1:19" x14ac:dyDescent="0.25">
      <c r="A1412">
        <v>53015976</v>
      </c>
      <c r="B1412" t="s">
        <v>7373</v>
      </c>
      <c r="C1412" s="1" t="s">
        <v>7374</v>
      </c>
      <c r="E1412">
        <v>0</v>
      </c>
      <c r="F1412">
        <v>0</v>
      </c>
      <c r="H1412" t="s">
        <v>7375</v>
      </c>
      <c r="J1412" t="s">
        <v>7376</v>
      </c>
      <c r="K1412" t="s">
        <v>7376</v>
      </c>
      <c r="M1412">
        <v>9963352</v>
      </c>
      <c r="O1412">
        <v>9963352</v>
      </c>
      <c r="P1412">
        <v>1</v>
      </c>
      <c r="Q1412">
        <v>0</v>
      </c>
      <c r="R1412" t="s">
        <v>7377</v>
      </c>
      <c r="S1412">
        <v>14</v>
      </c>
    </row>
    <row r="1413" spans="1:19" x14ac:dyDescent="0.25">
      <c r="A1413">
        <v>52567210</v>
      </c>
      <c r="B1413" t="s">
        <v>7378</v>
      </c>
      <c r="C1413" s="1" t="s">
        <v>7379</v>
      </c>
      <c r="E1413">
        <v>0</v>
      </c>
      <c r="F1413">
        <v>0</v>
      </c>
      <c r="H1413" t="s">
        <v>7380</v>
      </c>
      <c r="J1413" t="s">
        <v>7380</v>
      </c>
      <c r="O1413">
        <v>5047297</v>
      </c>
      <c r="P1413">
        <v>1</v>
      </c>
      <c r="Q1413">
        <v>0</v>
      </c>
      <c r="R1413" t="s">
        <v>351</v>
      </c>
      <c r="S1413">
        <v>33</v>
      </c>
    </row>
    <row r="1414" spans="1:19" x14ac:dyDescent="0.25">
      <c r="A1414">
        <v>12913657</v>
      </c>
      <c r="B1414" t="s">
        <v>7381</v>
      </c>
      <c r="C1414" s="1" t="s">
        <v>7382</v>
      </c>
      <c r="D1414">
        <v>12916982</v>
      </c>
      <c r="E1414">
        <v>3</v>
      </c>
      <c r="F1414">
        <v>7</v>
      </c>
      <c r="H1414" t="s">
        <v>7383</v>
      </c>
      <c r="J1414" t="s">
        <v>7384</v>
      </c>
      <c r="K1414" t="s">
        <v>7385</v>
      </c>
      <c r="M1414">
        <v>422331</v>
      </c>
      <c r="O1414">
        <v>422331</v>
      </c>
      <c r="P1414">
        <v>1</v>
      </c>
      <c r="Q1414">
        <v>1</v>
      </c>
      <c r="R1414" t="s">
        <v>7386</v>
      </c>
      <c r="S1414">
        <v>349</v>
      </c>
    </row>
    <row r="1415" spans="1:19" x14ac:dyDescent="0.25">
      <c r="A1415">
        <v>33255768</v>
      </c>
      <c r="B1415" t="s">
        <v>7387</v>
      </c>
      <c r="C1415" s="1" t="s">
        <v>7388</v>
      </c>
      <c r="E1415">
        <v>1</v>
      </c>
      <c r="F1415">
        <v>12</v>
      </c>
      <c r="H1415" t="s">
        <v>7389</v>
      </c>
      <c r="J1415" t="s">
        <v>7390</v>
      </c>
      <c r="K1415" t="s">
        <v>7390</v>
      </c>
      <c r="M1415">
        <v>4943236</v>
      </c>
      <c r="O1415">
        <v>4943236</v>
      </c>
      <c r="P1415">
        <v>1</v>
      </c>
      <c r="Q1415">
        <v>0</v>
      </c>
      <c r="R1415" t="s">
        <v>7391</v>
      </c>
      <c r="S1415">
        <v>188</v>
      </c>
    </row>
    <row r="1416" spans="1:19" x14ac:dyDescent="0.25">
      <c r="A1416">
        <v>10638515</v>
      </c>
      <c r="B1416" t="s">
        <v>7392</v>
      </c>
      <c r="C1416" s="1" t="s">
        <v>7393</v>
      </c>
      <c r="D1416">
        <v>10638576</v>
      </c>
      <c r="E1416">
        <v>3</v>
      </c>
      <c r="F1416">
        <v>0</v>
      </c>
      <c r="H1416" t="s">
        <v>7394</v>
      </c>
      <c r="J1416" t="s">
        <v>7395</v>
      </c>
      <c r="O1416">
        <v>768323</v>
      </c>
      <c r="P1416">
        <v>1</v>
      </c>
      <c r="Q1416">
        <v>3</v>
      </c>
      <c r="R1416" t="s">
        <v>7396</v>
      </c>
      <c r="S1416">
        <v>165</v>
      </c>
    </row>
    <row r="1417" spans="1:19" x14ac:dyDescent="0.25">
      <c r="A1417">
        <v>4966910</v>
      </c>
      <c r="B1417" t="s">
        <v>7397</v>
      </c>
      <c r="C1417" s="1" t="s">
        <v>7398</v>
      </c>
      <c r="D1417">
        <v>5176670</v>
      </c>
      <c r="E1417">
        <v>4</v>
      </c>
      <c r="F1417">
        <v>1</v>
      </c>
      <c r="H1417" t="s">
        <v>7399</v>
      </c>
      <c r="I1417">
        <v>32</v>
      </c>
      <c r="J1417" t="s">
        <v>7400</v>
      </c>
      <c r="K1417" t="s">
        <v>7400</v>
      </c>
      <c r="M1417">
        <v>4032703</v>
      </c>
      <c r="O1417">
        <v>472882</v>
      </c>
      <c r="P1417">
        <v>1</v>
      </c>
      <c r="Q1417">
        <v>18</v>
      </c>
      <c r="R1417" t="s">
        <v>7401</v>
      </c>
      <c r="S1417">
        <v>38119</v>
      </c>
    </row>
    <row r="1418" spans="1:19" x14ac:dyDescent="0.25">
      <c r="A1418">
        <v>50119712</v>
      </c>
      <c r="B1418" t="s">
        <v>7402</v>
      </c>
      <c r="C1418" s="1" t="s">
        <v>7403</v>
      </c>
      <c r="D1418">
        <v>50119968</v>
      </c>
      <c r="E1418">
        <v>1</v>
      </c>
      <c r="F1418">
        <v>7</v>
      </c>
      <c r="H1418" t="s">
        <v>7404</v>
      </c>
      <c r="I1418">
        <v>1</v>
      </c>
      <c r="J1418" t="s">
        <v>7405</v>
      </c>
      <c r="K1418" t="s">
        <v>7406</v>
      </c>
      <c r="M1418">
        <v>7091170</v>
      </c>
      <c r="O1418">
        <v>7091170</v>
      </c>
      <c r="P1418">
        <v>1</v>
      </c>
      <c r="Q1418">
        <v>-5</v>
      </c>
      <c r="R1418" t="s">
        <v>7407</v>
      </c>
      <c r="S1418">
        <v>67</v>
      </c>
    </row>
    <row r="1419" spans="1:19" x14ac:dyDescent="0.25">
      <c r="A1419">
        <v>41496884</v>
      </c>
      <c r="B1419" t="s">
        <v>7408</v>
      </c>
      <c r="C1419" s="1" t="s">
        <v>7409</v>
      </c>
      <c r="D1419">
        <v>41510922</v>
      </c>
      <c r="E1419">
        <v>2</v>
      </c>
      <c r="F1419">
        <v>7</v>
      </c>
      <c r="H1419" t="s">
        <v>7410</v>
      </c>
      <c r="J1419" t="s">
        <v>7411</v>
      </c>
      <c r="K1419" t="s">
        <v>7412</v>
      </c>
      <c r="M1419">
        <v>5059801</v>
      </c>
      <c r="O1419">
        <v>5059801</v>
      </c>
      <c r="P1419">
        <v>1</v>
      </c>
      <c r="Q1419">
        <v>2</v>
      </c>
      <c r="R1419" t="s">
        <v>7413</v>
      </c>
      <c r="S1419">
        <v>278</v>
      </c>
    </row>
    <row r="1420" spans="1:19" x14ac:dyDescent="0.25">
      <c r="A1420">
        <v>49571550</v>
      </c>
      <c r="B1420" t="s">
        <v>7414</v>
      </c>
      <c r="C1420" t="s">
        <v>7415</v>
      </c>
      <c r="E1420">
        <v>1</v>
      </c>
      <c r="F1420">
        <v>4</v>
      </c>
      <c r="H1420" t="s">
        <v>7416</v>
      </c>
      <c r="J1420" t="s">
        <v>7417</v>
      </c>
      <c r="K1420" t="s">
        <v>7417</v>
      </c>
      <c r="M1420">
        <v>3463594</v>
      </c>
      <c r="O1420">
        <v>5668612</v>
      </c>
      <c r="P1420">
        <v>1</v>
      </c>
      <c r="Q1420">
        <v>0</v>
      </c>
      <c r="R1420" t="s">
        <v>7418</v>
      </c>
      <c r="S1420">
        <v>33</v>
      </c>
    </row>
    <row r="1421" spans="1:19" x14ac:dyDescent="0.25">
      <c r="A1421">
        <v>33682355</v>
      </c>
      <c r="B1421" t="s">
        <v>7419</v>
      </c>
      <c r="C1421" t="s">
        <v>7420</v>
      </c>
      <c r="D1421">
        <v>33683234</v>
      </c>
      <c r="E1421">
        <v>1</v>
      </c>
      <c r="F1421">
        <v>0</v>
      </c>
      <c r="H1421" t="s">
        <v>7421</v>
      </c>
      <c r="J1421" t="s">
        <v>7422</v>
      </c>
      <c r="K1421" t="s">
        <v>7423</v>
      </c>
      <c r="M1421">
        <v>3817145</v>
      </c>
      <c r="O1421">
        <v>3817145</v>
      </c>
      <c r="P1421">
        <v>1</v>
      </c>
      <c r="Q1421">
        <v>0</v>
      </c>
      <c r="R1421" t="s">
        <v>7424</v>
      </c>
      <c r="S1421">
        <v>461</v>
      </c>
    </row>
    <row r="1422" spans="1:19" x14ac:dyDescent="0.25">
      <c r="A1422">
        <v>37116164</v>
      </c>
      <c r="B1422" t="s">
        <v>7425</v>
      </c>
      <c r="C1422" s="1" t="s">
        <v>7426</v>
      </c>
      <c r="D1422">
        <v>37117003</v>
      </c>
      <c r="E1422">
        <v>1</v>
      </c>
      <c r="F1422">
        <v>1</v>
      </c>
      <c r="H1422" t="s">
        <v>7427</v>
      </c>
      <c r="J1422" t="s">
        <v>7428</v>
      </c>
      <c r="O1422">
        <v>65313</v>
      </c>
      <c r="P1422">
        <v>1</v>
      </c>
      <c r="Q1422">
        <v>1</v>
      </c>
      <c r="R1422" t="s">
        <v>7429</v>
      </c>
      <c r="S1422">
        <v>182</v>
      </c>
    </row>
    <row r="1423" spans="1:19" x14ac:dyDescent="0.25">
      <c r="A1423">
        <v>38254390</v>
      </c>
      <c r="B1423" t="s">
        <v>7430</v>
      </c>
      <c r="C1423" s="1" t="s">
        <v>7431</v>
      </c>
      <c r="D1423">
        <v>38258872</v>
      </c>
      <c r="E1423">
        <v>1</v>
      </c>
      <c r="F1423">
        <v>0</v>
      </c>
      <c r="H1423" t="s">
        <v>7432</v>
      </c>
      <c r="I1423">
        <v>1</v>
      </c>
      <c r="J1423" t="s">
        <v>7433</v>
      </c>
      <c r="O1423">
        <v>1524681</v>
      </c>
      <c r="P1423">
        <v>1</v>
      </c>
      <c r="Q1423">
        <v>1</v>
      </c>
      <c r="R1423" t="s">
        <v>7434</v>
      </c>
      <c r="S1423">
        <v>4828</v>
      </c>
    </row>
    <row r="1424" spans="1:19" x14ac:dyDescent="0.25">
      <c r="A1424">
        <v>38227068</v>
      </c>
      <c r="B1424" t="s">
        <v>7435</v>
      </c>
      <c r="C1424" s="1" t="s">
        <v>7436</v>
      </c>
      <c r="E1424">
        <v>0</v>
      </c>
      <c r="F1424">
        <v>0</v>
      </c>
      <c r="H1424" t="s">
        <v>7437</v>
      </c>
      <c r="J1424" t="s">
        <v>7437</v>
      </c>
      <c r="O1424">
        <v>6556599</v>
      </c>
      <c r="P1424">
        <v>1</v>
      </c>
      <c r="Q1424">
        <v>1</v>
      </c>
      <c r="R1424" t="s">
        <v>7438</v>
      </c>
      <c r="S1424">
        <v>216</v>
      </c>
    </row>
    <row r="1425" spans="1:19" x14ac:dyDescent="0.25">
      <c r="A1425">
        <v>23015377</v>
      </c>
      <c r="B1425" t="s">
        <v>7439</v>
      </c>
      <c r="C1425" s="1" t="s">
        <v>7440</v>
      </c>
      <c r="D1425">
        <v>23016215</v>
      </c>
      <c r="E1425">
        <v>1</v>
      </c>
      <c r="F1425">
        <v>4</v>
      </c>
      <c r="H1425" t="s">
        <v>7441</v>
      </c>
      <c r="J1425" t="s">
        <v>7442</v>
      </c>
      <c r="K1425" t="s">
        <v>7443</v>
      </c>
      <c r="M1425">
        <v>3073072</v>
      </c>
      <c r="O1425">
        <v>3073072</v>
      </c>
      <c r="P1425">
        <v>1</v>
      </c>
      <c r="Q1425">
        <v>0</v>
      </c>
      <c r="R1425" t="s">
        <v>7444</v>
      </c>
      <c r="S1425">
        <v>59</v>
      </c>
    </row>
    <row r="1426" spans="1:19" x14ac:dyDescent="0.25">
      <c r="A1426">
        <v>467355</v>
      </c>
      <c r="B1426" t="s">
        <v>7445</v>
      </c>
      <c r="C1426" s="1" t="s">
        <v>7446</v>
      </c>
      <c r="D1426">
        <v>471948</v>
      </c>
      <c r="E1426">
        <v>2</v>
      </c>
      <c r="F1426">
        <v>1</v>
      </c>
      <c r="H1426" t="s">
        <v>7447</v>
      </c>
      <c r="I1426">
        <v>1</v>
      </c>
      <c r="J1426" t="s">
        <v>7448</v>
      </c>
      <c r="K1426" t="s">
        <v>7449</v>
      </c>
      <c r="L1426" t="s">
        <v>7450</v>
      </c>
      <c r="M1426">
        <v>18154</v>
      </c>
      <c r="N1426" t="s">
        <v>7451</v>
      </c>
      <c r="O1426">
        <v>57148</v>
      </c>
      <c r="P1426">
        <v>1</v>
      </c>
      <c r="Q1426">
        <v>1</v>
      </c>
      <c r="R1426" t="s">
        <v>7452</v>
      </c>
      <c r="S1426">
        <v>5207</v>
      </c>
    </row>
    <row r="1427" spans="1:19" x14ac:dyDescent="0.25">
      <c r="A1427">
        <v>12854778</v>
      </c>
      <c r="B1427" t="s">
        <v>7453</v>
      </c>
      <c r="C1427" s="1" t="s">
        <v>7454</v>
      </c>
      <c r="D1427">
        <v>12855410</v>
      </c>
      <c r="E1427">
        <v>5</v>
      </c>
      <c r="F1427">
        <v>8</v>
      </c>
      <c r="H1427" t="s">
        <v>7455</v>
      </c>
      <c r="I1427">
        <v>53</v>
      </c>
      <c r="J1427" t="s">
        <v>7456</v>
      </c>
      <c r="K1427" t="s">
        <v>7457</v>
      </c>
      <c r="M1427">
        <v>-1</v>
      </c>
      <c r="O1427">
        <v>1678760</v>
      </c>
      <c r="P1427">
        <v>1</v>
      </c>
      <c r="Q1427">
        <v>79</v>
      </c>
      <c r="R1427" t="s">
        <v>7458</v>
      </c>
      <c r="S1427">
        <v>161681</v>
      </c>
    </row>
    <row r="1428" spans="1:19" x14ac:dyDescent="0.25">
      <c r="A1428">
        <v>35139554</v>
      </c>
      <c r="B1428" t="s">
        <v>7459</v>
      </c>
      <c r="C1428" s="1" t="s">
        <v>7460</v>
      </c>
      <c r="E1428">
        <v>2</v>
      </c>
      <c r="F1428">
        <v>2</v>
      </c>
      <c r="H1428" t="s">
        <v>7461</v>
      </c>
      <c r="J1428" t="s">
        <v>7462</v>
      </c>
      <c r="K1428" t="s">
        <v>7463</v>
      </c>
      <c r="M1428">
        <v>402884</v>
      </c>
      <c r="O1428">
        <v>3401244</v>
      </c>
      <c r="P1428">
        <v>1</v>
      </c>
      <c r="Q1428">
        <v>0</v>
      </c>
      <c r="R1428" t="s">
        <v>7464</v>
      </c>
      <c r="S1428">
        <v>394</v>
      </c>
    </row>
    <row r="1429" spans="1:19" x14ac:dyDescent="0.25">
      <c r="A1429">
        <v>16616917</v>
      </c>
      <c r="B1429" t="s">
        <v>7465</v>
      </c>
      <c r="C1429" s="1" t="s">
        <v>7466</v>
      </c>
      <c r="D1429">
        <v>16616937</v>
      </c>
      <c r="E1429">
        <v>1</v>
      </c>
      <c r="F1429">
        <v>0</v>
      </c>
      <c r="H1429" t="s">
        <v>7467</v>
      </c>
      <c r="J1429" t="s">
        <v>7468</v>
      </c>
      <c r="O1429">
        <v>2099260</v>
      </c>
      <c r="P1429">
        <v>1</v>
      </c>
      <c r="Q1429">
        <v>-4</v>
      </c>
      <c r="R1429" t="s">
        <v>7469</v>
      </c>
      <c r="S1429">
        <v>55</v>
      </c>
    </row>
    <row r="1430" spans="1:19" x14ac:dyDescent="0.25">
      <c r="A1430">
        <v>43571940</v>
      </c>
      <c r="B1430" t="s">
        <v>7470</v>
      </c>
      <c r="C1430" s="1" t="s">
        <v>7471</v>
      </c>
      <c r="E1430">
        <v>2</v>
      </c>
      <c r="F1430">
        <v>1</v>
      </c>
      <c r="H1430" t="s">
        <v>7472</v>
      </c>
      <c r="J1430" t="s">
        <v>7473</v>
      </c>
      <c r="O1430">
        <v>7716227</v>
      </c>
      <c r="P1430">
        <v>1</v>
      </c>
      <c r="Q1430">
        <v>1</v>
      </c>
      <c r="R1430" t="s">
        <v>7474</v>
      </c>
      <c r="S1430">
        <v>335</v>
      </c>
    </row>
    <row r="1431" spans="1:19" x14ac:dyDescent="0.25">
      <c r="A1431">
        <v>26347429</v>
      </c>
      <c r="B1431" t="s">
        <v>7475</v>
      </c>
      <c r="C1431" s="1" t="s">
        <v>7476</v>
      </c>
      <c r="E1431">
        <v>1</v>
      </c>
      <c r="F1431">
        <v>2</v>
      </c>
      <c r="H1431" t="s">
        <v>7477</v>
      </c>
      <c r="J1431" t="s">
        <v>7478</v>
      </c>
      <c r="K1431" t="s">
        <v>7479</v>
      </c>
      <c r="M1431">
        <v>1905949</v>
      </c>
      <c r="O1431">
        <v>3658084</v>
      </c>
      <c r="P1431">
        <v>1</v>
      </c>
      <c r="Q1431">
        <v>0</v>
      </c>
      <c r="R1431" t="s">
        <v>7480</v>
      </c>
      <c r="S1431">
        <v>1171</v>
      </c>
    </row>
    <row r="1432" spans="1:19" x14ac:dyDescent="0.25">
      <c r="A1432">
        <v>1807487</v>
      </c>
      <c r="B1432" t="s">
        <v>7481</v>
      </c>
      <c r="C1432" s="1" t="s">
        <v>7482</v>
      </c>
      <c r="D1432">
        <v>1807502</v>
      </c>
      <c r="E1432">
        <v>3</v>
      </c>
      <c r="F1432">
        <v>0</v>
      </c>
      <c r="H1432" t="s">
        <v>7483</v>
      </c>
      <c r="J1432" t="s">
        <v>7484</v>
      </c>
      <c r="K1432" t="s">
        <v>7485</v>
      </c>
      <c r="M1432">
        <v>-1</v>
      </c>
      <c r="O1432">
        <v>205270</v>
      </c>
      <c r="P1432">
        <v>1</v>
      </c>
      <c r="Q1432">
        <v>1</v>
      </c>
      <c r="R1432" t="s">
        <v>408</v>
      </c>
      <c r="S1432">
        <v>708</v>
      </c>
    </row>
    <row r="1433" spans="1:19" x14ac:dyDescent="0.25">
      <c r="A1433">
        <v>17674671</v>
      </c>
      <c r="B1433" t="s">
        <v>7486</v>
      </c>
      <c r="C1433" s="1" t="s">
        <v>7487</v>
      </c>
      <c r="D1433">
        <v>17679758</v>
      </c>
      <c r="E1433">
        <v>2</v>
      </c>
      <c r="F1433">
        <v>0</v>
      </c>
      <c r="H1433" t="s">
        <v>7488</v>
      </c>
      <c r="J1433" t="s">
        <v>7489</v>
      </c>
      <c r="O1433">
        <v>1827239</v>
      </c>
      <c r="P1433">
        <v>1</v>
      </c>
      <c r="Q1433">
        <v>0</v>
      </c>
      <c r="R1433" t="s">
        <v>7490</v>
      </c>
      <c r="S1433">
        <v>155</v>
      </c>
    </row>
    <row r="1434" spans="1:19" x14ac:dyDescent="0.25">
      <c r="A1434">
        <v>19690333</v>
      </c>
      <c r="B1434" t="s">
        <v>7491</v>
      </c>
      <c r="C1434" s="1" t="s">
        <v>7492</v>
      </c>
      <c r="D1434">
        <v>20084282</v>
      </c>
      <c r="E1434">
        <v>3</v>
      </c>
      <c r="F1434">
        <v>3</v>
      </c>
      <c r="H1434" t="s">
        <v>7493</v>
      </c>
      <c r="J1434" t="s">
        <v>7494</v>
      </c>
      <c r="O1434">
        <v>131809</v>
      </c>
      <c r="P1434">
        <v>1</v>
      </c>
      <c r="Q1434">
        <v>4</v>
      </c>
      <c r="R1434" t="s">
        <v>7495</v>
      </c>
      <c r="S1434">
        <v>2496</v>
      </c>
    </row>
    <row r="1435" spans="1:19" x14ac:dyDescent="0.25">
      <c r="A1435">
        <v>45168812</v>
      </c>
      <c r="B1435" t="s">
        <v>7496</v>
      </c>
      <c r="C1435" s="1" t="s">
        <v>7497</v>
      </c>
      <c r="E1435">
        <v>1</v>
      </c>
      <c r="F1435">
        <v>1</v>
      </c>
      <c r="H1435" t="s">
        <v>7498</v>
      </c>
      <c r="J1435" t="s">
        <v>7499</v>
      </c>
      <c r="K1435" t="s">
        <v>7499</v>
      </c>
      <c r="M1435">
        <v>7663109</v>
      </c>
      <c r="O1435">
        <v>7663109</v>
      </c>
      <c r="P1435">
        <v>1</v>
      </c>
      <c r="Q1435">
        <v>1</v>
      </c>
      <c r="R1435" t="s">
        <v>7500</v>
      </c>
      <c r="S1435">
        <v>761</v>
      </c>
    </row>
    <row r="1436" spans="1:19" x14ac:dyDescent="0.25">
      <c r="A1436">
        <v>11507315</v>
      </c>
      <c r="B1436" t="s">
        <v>7501</v>
      </c>
      <c r="C1436" s="1" t="s">
        <v>7502</v>
      </c>
      <c r="D1436">
        <v>11507370</v>
      </c>
      <c r="E1436">
        <v>1</v>
      </c>
      <c r="F1436">
        <v>0</v>
      </c>
      <c r="H1436" t="s">
        <v>7503</v>
      </c>
      <c r="I1436">
        <v>0</v>
      </c>
      <c r="J1436" t="s">
        <v>7504</v>
      </c>
      <c r="O1436">
        <v>567390</v>
      </c>
      <c r="P1436">
        <v>1</v>
      </c>
      <c r="Q1436">
        <v>1</v>
      </c>
      <c r="R1436" t="s">
        <v>2771</v>
      </c>
      <c r="S1436">
        <v>988</v>
      </c>
    </row>
    <row r="1437" spans="1:19" x14ac:dyDescent="0.25">
      <c r="A1437">
        <v>43905820</v>
      </c>
      <c r="B1437" t="s">
        <v>7505</v>
      </c>
      <c r="C1437" s="1" t="s">
        <v>7506</v>
      </c>
      <c r="D1437">
        <v>43906769</v>
      </c>
      <c r="E1437">
        <v>1</v>
      </c>
      <c r="F1437">
        <v>0</v>
      </c>
      <c r="H1437" t="s">
        <v>7507</v>
      </c>
      <c r="J1437" t="s">
        <v>7508</v>
      </c>
      <c r="K1437" t="s">
        <v>7509</v>
      </c>
      <c r="M1437">
        <v>4419992</v>
      </c>
      <c r="O1437">
        <v>7994719</v>
      </c>
      <c r="P1437">
        <v>1</v>
      </c>
      <c r="Q1437">
        <v>0</v>
      </c>
      <c r="R1437" t="s">
        <v>7510</v>
      </c>
      <c r="S1437">
        <v>64</v>
      </c>
    </row>
    <row r="1438" spans="1:19" x14ac:dyDescent="0.25">
      <c r="A1438">
        <v>18176039</v>
      </c>
      <c r="B1438" t="s">
        <v>7511</v>
      </c>
      <c r="C1438" s="1" t="s">
        <v>7512</v>
      </c>
      <c r="D1438">
        <v>18176204</v>
      </c>
      <c r="E1438">
        <v>1</v>
      </c>
      <c r="F1438">
        <v>3</v>
      </c>
      <c r="H1438" t="s">
        <v>7513</v>
      </c>
      <c r="J1438" t="s">
        <v>7514</v>
      </c>
      <c r="K1438" t="s">
        <v>7515</v>
      </c>
      <c r="M1438">
        <v>1789574</v>
      </c>
      <c r="O1438">
        <v>1789574</v>
      </c>
      <c r="P1438">
        <v>1</v>
      </c>
      <c r="Q1438">
        <v>2</v>
      </c>
      <c r="R1438" t="s">
        <v>7516</v>
      </c>
      <c r="S1438">
        <v>744</v>
      </c>
    </row>
    <row r="1439" spans="1:19" x14ac:dyDescent="0.25">
      <c r="A1439">
        <v>48657573</v>
      </c>
      <c r="B1439" t="s">
        <v>7517</v>
      </c>
      <c r="C1439" s="1" t="s">
        <v>7518</v>
      </c>
      <c r="E1439">
        <v>0</v>
      </c>
      <c r="F1439">
        <v>3</v>
      </c>
      <c r="H1439" t="s">
        <v>7519</v>
      </c>
      <c r="I1439">
        <v>1</v>
      </c>
      <c r="J1439" t="s">
        <v>7520</v>
      </c>
      <c r="K1439" t="s">
        <v>7520</v>
      </c>
      <c r="M1439">
        <v>8879359</v>
      </c>
      <c r="O1439">
        <v>8879359</v>
      </c>
      <c r="P1439">
        <v>1</v>
      </c>
      <c r="Q1439">
        <v>0</v>
      </c>
      <c r="R1439" t="s">
        <v>7521</v>
      </c>
      <c r="S1439">
        <v>51</v>
      </c>
    </row>
    <row r="1440" spans="1:19" x14ac:dyDescent="0.25">
      <c r="A1440">
        <v>38401554</v>
      </c>
      <c r="B1440" t="s">
        <v>7522</v>
      </c>
      <c r="C1440" s="1" t="s">
        <v>7523</v>
      </c>
      <c r="D1440">
        <v>38402336</v>
      </c>
      <c r="E1440">
        <v>1</v>
      </c>
      <c r="F1440">
        <v>5</v>
      </c>
      <c r="H1440" t="s">
        <v>7524</v>
      </c>
      <c r="J1440" t="s">
        <v>7525</v>
      </c>
      <c r="K1440" t="s">
        <v>7526</v>
      </c>
      <c r="M1440">
        <v>108207</v>
      </c>
      <c r="O1440">
        <v>108207</v>
      </c>
      <c r="P1440">
        <v>1</v>
      </c>
      <c r="Q1440">
        <v>1</v>
      </c>
      <c r="R1440" t="s">
        <v>7527</v>
      </c>
      <c r="S1440">
        <v>478</v>
      </c>
    </row>
    <row r="1441" spans="1:19" x14ac:dyDescent="0.25">
      <c r="A1441">
        <v>19304467</v>
      </c>
      <c r="B1441" t="s">
        <v>7528</v>
      </c>
      <c r="C1441" s="1" t="s">
        <v>7529</v>
      </c>
      <c r="D1441">
        <v>19321880</v>
      </c>
      <c r="E1441">
        <v>1</v>
      </c>
      <c r="F1441">
        <v>3</v>
      </c>
      <c r="H1441" t="s">
        <v>7530</v>
      </c>
      <c r="J1441" t="s">
        <v>7531</v>
      </c>
      <c r="K1441" t="s">
        <v>7532</v>
      </c>
      <c r="M1441">
        <v>375616</v>
      </c>
      <c r="O1441">
        <v>375616</v>
      </c>
      <c r="P1441">
        <v>1</v>
      </c>
      <c r="Q1441">
        <v>1</v>
      </c>
      <c r="R1441" t="s">
        <v>7533</v>
      </c>
      <c r="S1441">
        <v>223</v>
      </c>
    </row>
    <row r="1442" spans="1:19" x14ac:dyDescent="0.25">
      <c r="A1442">
        <v>20364149</v>
      </c>
      <c r="B1442" t="s">
        <v>7534</v>
      </c>
      <c r="C1442" s="1" t="s">
        <v>7535</v>
      </c>
      <c r="D1442">
        <v>20364637</v>
      </c>
      <c r="E1442">
        <v>1</v>
      </c>
      <c r="F1442">
        <v>0</v>
      </c>
      <c r="H1442" t="s">
        <v>7536</v>
      </c>
      <c r="J1442" t="s">
        <v>7537</v>
      </c>
      <c r="K1442" t="s">
        <v>7537</v>
      </c>
      <c r="M1442">
        <v>1190388</v>
      </c>
      <c r="O1442">
        <v>3037333</v>
      </c>
      <c r="P1442">
        <v>1</v>
      </c>
      <c r="Q1442">
        <v>4</v>
      </c>
      <c r="R1442" t="s">
        <v>7538</v>
      </c>
      <c r="S1442">
        <v>102</v>
      </c>
    </row>
    <row r="1443" spans="1:19" x14ac:dyDescent="0.25">
      <c r="A1443">
        <v>18601741</v>
      </c>
      <c r="B1443" t="s">
        <v>7539</v>
      </c>
      <c r="C1443" s="1" t="s">
        <v>7540</v>
      </c>
      <c r="E1443">
        <v>1</v>
      </c>
      <c r="F1443">
        <v>1</v>
      </c>
      <c r="H1443" t="s">
        <v>7541</v>
      </c>
      <c r="J1443" t="s">
        <v>7542</v>
      </c>
      <c r="O1443">
        <v>2744538</v>
      </c>
      <c r="P1443">
        <v>1</v>
      </c>
      <c r="Q1443">
        <v>-1</v>
      </c>
      <c r="R1443" t="s">
        <v>7543</v>
      </c>
      <c r="S1443">
        <v>1087</v>
      </c>
    </row>
    <row r="1444" spans="1:19" x14ac:dyDescent="0.25">
      <c r="A1444">
        <v>531618</v>
      </c>
      <c r="B1444" t="s">
        <v>7544</v>
      </c>
      <c r="C1444" s="1" t="s">
        <v>7545</v>
      </c>
      <c r="E1444">
        <v>2</v>
      </c>
      <c r="F1444">
        <v>0</v>
      </c>
      <c r="H1444" t="s">
        <v>7546</v>
      </c>
      <c r="J1444" t="s">
        <v>7547</v>
      </c>
      <c r="N1444" t="s">
        <v>7548</v>
      </c>
      <c r="O1444">
        <v>50463</v>
      </c>
      <c r="P1444">
        <v>1</v>
      </c>
      <c r="Q1444">
        <v>2</v>
      </c>
      <c r="R1444" t="s">
        <v>7549</v>
      </c>
      <c r="S1444">
        <v>1534</v>
      </c>
    </row>
    <row r="1445" spans="1:19" x14ac:dyDescent="0.25">
      <c r="A1445">
        <v>34111392</v>
      </c>
      <c r="B1445" t="s">
        <v>7550</v>
      </c>
      <c r="C1445" s="1" t="s">
        <v>7551</v>
      </c>
      <c r="D1445">
        <v>34111514</v>
      </c>
      <c r="E1445">
        <v>2</v>
      </c>
      <c r="F1445">
        <v>4</v>
      </c>
      <c r="H1445" t="s">
        <v>7552</v>
      </c>
      <c r="J1445" t="s">
        <v>7553</v>
      </c>
      <c r="O1445">
        <v>5645052</v>
      </c>
      <c r="P1445">
        <v>1</v>
      </c>
      <c r="Q1445">
        <v>0</v>
      </c>
      <c r="R1445" t="s">
        <v>93</v>
      </c>
      <c r="S1445">
        <v>37</v>
      </c>
    </row>
    <row r="1446" spans="1:19" x14ac:dyDescent="0.25">
      <c r="A1446">
        <v>12249930</v>
      </c>
      <c r="B1446" t="s">
        <v>7554</v>
      </c>
      <c r="C1446" s="1" t="s">
        <v>7555</v>
      </c>
      <c r="D1446">
        <v>12250207</v>
      </c>
      <c r="E1446">
        <v>1</v>
      </c>
      <c r="F1446">
        <v>1</v>
      </c>
      <c r="H1446" t="s">
        <v>7556</v>
      </c>
      <c r="I1446">
        <v>1</v>
      </c>
      <c r="J1446" t="s">
        <v>7557</v>
      </c>
      <c r="O1446">
        <v>1644022</v>
      </c>
      <c r="P1446">
        <v>1</v>
      </c>
      <c r="Q1446">
        <v>6</v>
      </c>
      <c r="R1446" t="s">
        <v>7558</v>
      </c>
      <c r="S1446">
        <v>11360</v>
      </c>
    </row>
    <row r="1447" spans="1:19" x14ac:dyDescent="0.25">
      <c r="A1447">
        <v>38877384</v>
      </c>
      <c r="B1447" t="s">
        <v>7559</v>
      </c>
      <c r="C1447" s="1" t="s">
        <v>7560</v>
      </c>
      <c r="E1447">
        <v>1</v>
      </c>
      <c r="F1447">
        <v>0</v>
      </c>
      <c r="H1447" t="s">
        <v>7561</v>
      </c>
      <c r="J1447" t="s">
        <v>7562</v>
      </c>
      <c r="O1447">
        <v>6700952</v>
      </c>
      <c r="P1447">
        <v>1</v>
      </c>
      <c r="Q1447">
        <v>0</v>
      </c>
      <c r="R1447" t="s">
        <v>7563</v>
      </c>
      <c r="S1447">
        <v>232</v>
      </c>
    </row>
    <row r="1448" spans="1:19" x14ac:dyDescent="0.25">
      <c r="A1448">
        <v>27242753</v>
      </c>
      <c r="B1448" t="s">
        <v>7564</v>
      </c>
      <c r="C1448" s="1" t="s">
        <v>7565</v>
      </c>
      <c r="D1448">
        <v>27242829</v>
      </c>
      <c r="E1448">
        <v>2</v>
      </c>
      <c r="F1448">
        <v>1</v>
      </c>
      <c r="H1448" t="s">
        <v>7566</v>
      </c>
      <c r="J1448" t="s">
        <v>7567</v>
      </c>
      <c r="K1448" t="s">
        <v>7568</v>
      </c>
      <c r="M1448">
        <v>410767</v>
      </c>
      <c r="O1448">
        <v>4294184</v>
      </c>
      <c r="P1448">
        <v>1</v>
      </c>
      <c r="Q1448">
        <v>0</v>
      </c>
      <c r="R1448" t="s">
        <v>7569</v>
      </c>
      <c r="S1448">
        <v>288</v>
      </c>
    </row>
    <row r="1449" spans="1:19" x14ac:dyDescent="0.25">
      <c r="A1449">
        <v>6718852</v>
      </c>
      <c r="B1449" t="s">
        <v>7570</v>
      </c>
      <c r="C1449" s="1" t="s">
        <v>7571</v>
      </c>
      <c r="D1449">
        <v>6718943</v>
      </c>
      <c r="E1449">
        <v>1</v>
      </c>
      <c r="F1449">
        <v>3</v>
      </c>
      <c r="H1449" t="s">
        <v>7572</v>
      </c>
      <c r="J1449" t="s">
        <v>7573</v>
      </c>
      <c r="O1449">
        <v>196886</v>
      </c>
      <c r="P1449">
        <v>1</v>
      </c>
      <c r="Q1449">
        <v>2</v>
      </c>
      <c r="R1449" t="s">
        <v>7574</v>
      </c>
      <c r="S1449">
        <v>122</v>
      </c>
    </row>
    <row r="1450" spans="1:19" x14ac:dyDescent="0.25">
      <c r="A1450">
        <v>34369558</v>
      </c>
      <c r="B1450" t="s">
        <v>7575</v>
      </c>
      <c r="C1450" s="1" t="s">
        <v>7576</v>
      </c>
      <c r="E1450">
        <v>1</v>
      </c>
      <c r="F1450">
        <v>0</v>
      </c>
      <c r="H1450" t="s">
        <v>7577</v>
      </c>
      <c r="J1450" t="s">
        <v>7578</v>
      </c>
      <c r="O1450">
        <v>1590488</v>
      </c>
      <c r="P1450">
        <v>1</v>
      </c>
      <c r="Q1450">
        <v>0</v>
      </c>
      <c r="R1450" t="s">
        <v>7579</v>
      </c>
      <c r="S1450">
        <v>261</v>
      </c>
    </row>
    <row r="1451" spans="1:19" x14ac:dyDescent="0.25">
      <c r="A1451">
        <v>50183320</v>
      </c>
      <c r="B1451" t="s">
        <v>7580</v>
      </c>
      <c r="C1451" s="1" t="s">
        <v>7581</v>
      </c>
      <c r="E1451">
        <v>1</v>
      </c>
      <c r="F1451">
        <v>0</v>
      </c>
      <c r="H1451" t="s">
        <v>7582</v>
      </c>
      <c r="I1451">
        <v>1</v>
      </c>
      <c r="J1451" t="s">
        <v>7583</v>
      </c>
      <c r="O1451">
        <v>1889329</v>
      </c>
      <c r="P1451">
        <v>1</v>
      </c>
      <c r="Q1451">
        <v>0</v>
      </c>
      <c r="R1451" t="s">
        <v>7584</v>
      </c>
      <c r="S1451">
        <v>91</v>
      </c>
    </row>
    <row r="1452" spans="1:19" x14ac:dyDescent="0.25">
      <c r="A1452">
        <v>49771424</v>
      </c>
      <c r="B1452" t="s">
        <v>7585</v>
      </c>
      <c r="C1452" s="1" t="s">
        <v>7586</v>
      </c>
      <c r="E1452">
        <v>0</v>
      </c>
      <c r="F1452">
        <v>3</v>
      </c>
      <c r="H1452" t="s">
        <v>7587</v>
      </c>
      <c r="J1452" t="s">
        <v>7588</v>
      </c>
      <c r="K1452" t="s">
        <v>7588</v>
      </c>
      <c r="M1452">
        <v>7625684</v>
      </c>
      <c r="O1452">
        <v>4702533</v>
      </c>
      <c r="P1452">
        <v>1</v>
      </c>
      <c r="Q1452">
        <v>0</v>
      </c>
      <c r="R1452" t="s">
        <v>7589</v>
      </c>
      <c r="S1452">
        <v>37</v>
      </c>
    </row>
    <row r="1453" spans="1:19" x14ac:dyDescent="0.25">
      <c r="A1453">
        <v>53477464</v>
      </c>
      <c r="B1453" t="s">
        <v>7590</v>
      </c>
      <c r="C1453" s="1" t="s">
        <v>7591</v>
      </c>
      <c r="E1453">
        <v>1</v>
      </c>
      <c r="F1453">
        <v>0</v>
      </c>
      <c r="H1453" t="s">
        <v>7592</v>
      </c>
      <c r="J1453" t="s">
        <v>7593</v>
      </c>
      <c r="K1453" t="s">
        <v>7593</v>
      </c>
      <c r="M1453">
        <v>9146820</v>
      </c>
      <c r="O1453">
        <v>10705267</v>
      </c>
      <c r="P1453">
        <v>1</v>
      </c>
      <c r="Q1453">
        <v>0</v>
      </c>
      <c r="R1453" t="s">
        <v>7594</v>
      </c>
      <c r="S1453">
        <v>14</v>
      </c>
    </row>
    <row r="1454" spans="1:19" x14ac:dyDescent="0.25">
      <c r="A1454">
        <v>18195837</v>
      </c>
      <c r="B1454" t="s">
        <v>7595</v>
      </c>
      <c r="C1454" s="1" t="s">
        <v>7596</v>
      </c>
      <c r="D1454">
        <v>18196522</v>
      </c>
      <c r="E1454">
        <v>2</v>
      </c>
      <c r="F1454">
        <v>0</v>
      </c>
      <c r="H1454" t="s">
        <v>7597</v>
      </c>
      <c r="J1454" t="s">
        <v>7598</v>
      </c>
      <c r="O1454">
        <v>1628597</v>
      </c>
      <c r="P1454">
        <v>1</v>
      </c>
      <c r="Q1454">
        <v>0</v>
      </c>
      <c r="R1454" t="s">
        <v>7599</v>
      </c>
      <c r="S1454">
        <v>78</v>
      </c>
    </row>
    <row r="1455" spans="1:19" x14ac:dyDescent="0.25">
      <c r="A1455">
        <v>51870939</v>
      </c>
      <c r="B1455" t="s">
        <v>7600</v>
      </c>
      <c r="C1455" s="1" t="s">
        <v>7601</v>
      </c>
      <c r="E1455">
        <v>1</v>
      </c>
      <c r="F1455">
        <v>0</v>
      </c>
      <c r="H1455" t="s">
        <v>7602</v>
      </c>
      <c r="J1455" t="s">
        <v>7603</v>
      </c>
      <c r="K1455" t="s">
        <v>7603</v>
      </c>
      <c r="M1455">
        <v>157882</v>
      </c>
      <c r="O1455">
        <v>7629323</v>
      </c>
      <c r="P1455">
        <v>1</v>
      </c>
      <c r="Q1455">
        <v>-2</v>
      </c>
      <c r="R1455" t="s">
        <v>7604</v>
      </c>
      <c r="S1455">
        <v>13</v>
      </c>
    </row>
    <row r="1456" spans="1:19" x14ac:dyDescent="0.25">
      <c r="A1456">
        <v>37043300</v>
      </c>
      <c r="B1456" t="s">
        <v>7605</v>
      </c>
      <c r="C1456" s="1" t="s">
        <v>7606</v>
      </c>
      <c r="D1456">
        <v>37043715</v>
      </c>
      <c r="E1456">
        <v>1</v>
      </c>
      <c r="F1456">
        <v>0</v>
      </c>
      <c r="H1456" t="s">
        <v>7607</v>
      </c>
      <c r="J1456" t="s">
        <v>7608</v>
      </c>
      <c r="O1456">
        <v>2636829</v>
      </c>
      <c r="P1456">
        <v>1</v>
      </c>
      <c r="Q1456">
        <v>0</v>
      </c>
      <c r="R1456" t="s">
        <v>7609</v>
      </c>
      <c r="S1456">
        <v>29</v>
      </c>
    </row>
    <row r="1457" spans="1:19" x14ac:dyDescent="0.25">
      <c r="A1457">
        <v>38685587</v>
      </c>
      <c r="B1457" t="s">
        <v>7610</v>
      </c>
      <c r="C1457" s="1" t="s">
        <v>7611</v>
      </c>
      <c r="E1457">
        <v>2</v>
      </c>
      <c r="F1457">
        <v>1</v>
      </c>
      <c r="H1457" t="s">
        <v>7612</v>
      </c>
      <c r="J1457" t="s">
        <v>7613</v>
      </c>
      <c r="O1457">
        <v>1555312</v>
      </c>
      <c r="P1457">
        <v>1</v>
      </c>
      <c r="Q1457">
        <v>-1</v>
      </c>
      <c r="R1457" t="s">
        <v>819</v>
      </c>
      <c r="S1457">
        <v>27</v>
      </c>
    </row>
    <row r="1458" spans="1:19" x14ac:dyDescent="0.25">
      <c r="A1458">
        <v>10429916</v>
      </c>
      <c r="B1458" t="s">
        <v>7614</v>
      </c>
      <c r="C1458" s="1" t="s">
        <v>7615</v>
      </c>
      <c r="E1458">
        <v>1</v>
      </c>
      <c r="F1458">
        <v>0</v>
      </c>
      <c r="H1458" t="s">
        <v>7616</v>
      </c>
      <c r="J1458" t="s">
        <v>7617</v>
      </c>
      <c r="K1458" t="s">
        <v>7618</v>
      </c>
      <c r="M1458">
        <v>123927</v>
      </c>
      <c r="O1458">
        <v>123927</v>
      </c>
      <c r="P1458">
        <v>1</v>
      </c>
      <c r="Q1458">
        <v>-1</v>
      </c>
      <c r="R1458" t="s">
        <v>7619</v>
      </c>
      <c r="S1458">
        <v>509</v>
      </c>
    </row>
    <row r="1459" spans="1:19" x14ac:dyDescent="0.25">
      <c r="A1459">
        <v>10746268</v>
      </c>
      <c r="B1459" t="s">
        <v>7620</v>
      </c>
      <c r="C1459" s="1" t="s">
        <v>7621</v>
      </c>
      <c r="D1459">
        <v>10746858</v>
      </c>
      <c r="E1459">
        <v>1</v>
      </c>
      <c r="F1459">
        <v>2</v>
      </c>
      <c r="H1459" t="s">
        <v>7622</v>
      </c>
      <c r="J1459" t="s">
        <v>7623</v>
      </c>
      <c r="K1459" t="s">
        <v>7624</v>
      </c>
      <c r="M1459">
        <v>334274</v>
      </c>
      <c r="O1459">
        <v>1416206</v>
      </c>
      <c r="P1459">
        <v>1</v>
      </c>
      <c r="Q1459">
        <v>7</v>
      </c>
      <c r="R1459" t="s">
        <v>7625</v>
      </c>
      <c r="S1459">
        <v>4007</v>
      </c>
    </row>
    <row r="1460" spans="1:19" x14ac:dyDescent="0.25">
      <c r="A1460">
        <v>35013342</v>
      </c>
      <c r="B1460" t="s">
        <v>7626</v>
      </c>
      <c r="C1460" s="1" t="s">
        <v>7627</v>
      </c>
      <c r="E1460">
        <v>0</v>
      </c>
      <c r="F1460">
        <v>0</v>
      </c>
      <c r="H1460" t="s">
        <v>7628</v>
      </c>
      <c r="J1460" t="s">
        <v>7629</v>
      </c>
      <c r="K1460" t="s">
        <v>7629</v>
      </c>
      <c r="M1460">
        <v>1150311</v>
      </c>
      <c r="O1460">
        <v>1150311</v>
      </c>
      <c r="P1460">
        <v>1</v>
      </c>
      <c r="Q1460">
        <v>1</v>
      </c>
      <c r="R1460" t="s">
        <v>7630</v>
      </c>
      <c r="S1460">
        <v>321</v>
      </c>
    </row>
    <row r="1461" spans="1:19" x14ac:dyDescent="0.25">
      <c r="A1461">
        <v>5025358</v>
      </c>
      <c r="B1461" t="s">
        <v>7631</v>
      </c>
      <c r="C1461" t="s">
        <v>7632</v>
      </c>
      <c r="D1461">
        <v>5025373</v>
      </c>
      <c r="E1461">
        <v>3</v>
      </c>
      <c r="F1461">
        <v>0</v>
      </c>
      <c r="H1461" t="s">
        <v>7633</v>
      </c>
      <c r="J1461" t="s">
        <v>7634</v>
      </c>
      <c r="K1461" t="s">
        <v>7635</v>
      </c>
      <c r="M1461">
        <v>366904</v>
      </c>
      <c r="O1461">
        <v>526095</v>
      </c>
      <c r="P1461">
        <v>1</v>
      </c>
      <c r="Q1461">
        <v>2</v>
      </c>
      <c r="R1461" t="s">
        <v>7636</v>
      </c>
      <c r="S1461">
        <v>24387</v>
      </c>
    </row>
    <row r="1462" spans="1:19" x14ac:dyDescent="0.25">
      <c r="A1462">
        <v>18006191</v>
      </c>
      <c r="B1462" t="s">
        <v>7637</v>
      </c>
      <c r="C1462" s="1" t="s">
        <v>7638</v>
      </c>
      <c r="D1462">
        <v>18006340</v>
      </c>
      <c r="E1462">
        <v>1</v>
      </c>
      <c r="F1462">
        <v>2</v>
      </c>
      <c r="H1462" t="s">
        <v>7639</v>
      </c>
      <c r="I1462">
        <v>0</v>
      </c>
      <c r="J1462" t="s">
        <v>7640</v>
      </c>
      <c r="K1462" t="s">
        <v>7641</v>
      </c>
      <c r="M1462">
        <v>2539720</v>
      </c>
      <c r="O1462">
        <v>2640512</v>
      </c>
      <c r="P1462">
        <v>1</v>
      </c>
      <c r="Q1462">
        <v>-1</v>
      </c>
      <c r="R1462" t="s">
        <v>7642</v>
      </c>
      <c r="S1462">
        <v>166</v>
      </c>
    </row>
    <row r="1463" spans="1:19" x14ac:dyDescent="0.25">
      <c r="A1463">
        <v>24232784</v>
      </c>
      <c r="B1463" t="s">
        <v>7643</v>
      </c>
      <c r="C1463" s="1" t="s">
        <v>7644</v>
      </c>
      <c r="E1463">
        <v>2</v>
      </c>
      <c r="F1463">
        <v>5</v>
      </c>
      <c r="H1463" t="s">
        <v>7645</v>
      </c>
      <c r="J1463" t="s">
        <v>7646</v>
      </c>
      <c r="K1463" t="s">
        <v>7647</v>
      </c>
      <c r="M1463">
        <v>5032339</v>
      </c>
      <c r="O1463">
        <v>1244709</v>
      </c>
      <c r="P1463">
        <v>1</v>
      </c>
      <c r="Q1463">
        <v>10</v>
      </c>
      <c r="R1463" t="s">
        <v>7648</v>
      </c>
      <c r="S1463">
        <v>4995</v>
      </c>
    </row>
    <row r="1464" spans="1:19" x14ac:dyDescent="0.25">
      <c r="A1464">
        <v>20453322</v>
      </c>
      <c r="B1464" t="s">
        <v>7649</v>
      </c>
      <c r="C1464" s="1" t="s">
        <v>7650</v>
      </c>
      <c r="D1464">
        <v>20536406</v>
      </c>
      <c r="E1464">
        <v>1</v>
      </c>
      <c r="F1464">
        <v>3</v>
      </c>
      <c r="H1464" t="s">
        <v>7651</v>
      </c>
      <c r="I1464">
        <v>0</v>
      </c>
      <c r="J1464" t="s">
        <v>7652</v>
      </c>
      <c r="O1464">
        <v>1237575</v>
      </c>
      <c r="P1464">
        <v>1</v>
      </c>
      <c r="Q1464">
        <v>9</v>
      </c>
      <c r="R1464" t="s">
        <v>7653</v>
      </c>
      <c r="S1464">
        <v>596</v>
      </c>
    </row>
    <row r="1465" spans="1:19" x14ac:dyDescent="0.25">
      <c r="A1465">
        <v>24471829</v>
      </c>
      <c r="B1465" t="s">
        <v>7654</v>
      </c>
      <c r="C1465" s="1" t="s">
        <v>7655</v>
      </c>
      <c r="E1465">
        <v>1</v>
      </c>
      <c r="F1465">
        <v>0</v>
      </c>
      <c r="H1465" t="s">
        <v>7656</v>
      </c>
      <c r="J1465" t="s">
        <v>7657</v>
      </c>
      <c r="O1465">
        <v>1091732</v>
      </c>
      <c r="P1465">
        <v>1</v>
      </c>
      <c r="Q1465">
        <v>0</v>
      </c>
      <c r="R1465" t="s">
        <v>1359</v>
      </c>
      <c r="S1465">
        <v>30</v>
      </c>
    </row>
    <row r="1466" spans="1:19" x14ac:dyDescent="0.25">
      <c r="A1466">
        <v>34131443</v>
      </c>
      <c r="B1466" t="s">
        <v>7658</v>
      </c>
      <c r="C1466" s="1" t="s">
        <v>7659</v>
      </c>
      <c r="D1466">
        <v>34131787</v>
      </c>
      <c r="E1466">
        <v>1</v>
      </c>
      <c r="F1466">
        <v>0</v>
      </c>
      <c r="H1466" t="s">
        <v>7660</v>
      </c>
      <c r="J1466" t="s">
        <v>7661</v>
      </c>
      <c r="K1466" t="s">
        <v>7662</v>
      </c>
      <c r="M1466">
        <v>2931146</v>
      </c>
      <c r="O1466">
        <v>5649532</v>
      </c>
      <c r="P1466">
        <v>1</v>
      </c>
      <c r="Q1466">
        <v>1</v>
      </c>
      <c r="R1466" t="s">
        <v>4908</v>
      </c>
      <c r="S1466">
        <v>269</v>
      </c>
    </row>
    <row r="1467" spans="1:19" x14ac:dyDescent="0.25">
      <c r="A1467">
        <v>42791796</v>
      </c>
      <c r="B1467" t="s">
        <v>7663</v>
      </c>
      <c r="C1467" s="1" t="s">
        <v>7664</v>
      </c>
      <c r="E1467">
        <v>3</v>
      </c>
      <c r="F1467">
        <v>0</v>
      </c>
      <c r="H1467" t="s">
        <v>7665</v>
      </c>
      <c r="J1467" t="s">
        <v>7666</v>
      </c>
      <c r="K1467" t="s">
        <v>7667</v>
      </c>
      <c r="M1467">
        <v>6003324</v>
      </c>
      <c r="O1467">
        <v>6003324</v>
      </c>
      <c r="P1467">
        <v>1</v>
      </c>
      <c r="Q1467">
        <v>1</v>
      </c>
      <c r="R1467" t="s">
        <v>7668</v>
      </c>
      <c r="S1467">
        <v>779</v>
      </c>
    </row>
    <row r="1468" spans="1:19" x14ac:dyDescent="0.25">
      <c r="A1468">
        <v>41519394</v>
      </c>
      <c r="B1468" t="s">
        <v>7669</v>
      </c>
      <c r="C1468" s="1" t="s">
        <v>7670</v>
      </c>
      <c r="E1468">
        <v>0</v>
      </c>
      <c r="F1468">
        <v>2</v>
      </c>
      <c r="H1468" t="s">
        <v>7671</v>
      </c>
      <c r="J1468" t="s">
        <v>7672</v>
      </c>
      <c r="O1468">
        <v>2226753</v>
      </c>
      <c r="P1468">
        <v>1</v>
      </c>
      <c r="Q1468">
        <v>0</v>
      </c>
      <c r="R1468" t="s">
        <v>7673</v>
      </c>
      <c r="S1468">
        <v>143</v>
      </c>
    </row>
    <row r="1469" spans="1:19" x14ac:dyDescent="0.25">
      <c r="A1469">
        <v>48248800</v>
      </c>
      <c r="B1469" t="s">
        <v>7674</v>
      </c>
      <c r="C1469" s="1" t="s">
        <v>7675</v>
      </c>
      <c r="D1469">
        <v>48250961</v>
      </c>
      <c r="E1469">
        <v>1</v>
      </c>
      <c r="F1469">
        <v>1</v>
      </c>
      <c r="H1469" t="s">
        <v>7676</v>
      </c>
      <c r="J1469" t="s">
        <v>7677</v>
      </c>
      <c r="O1469">
        <v>8142701</v>
      </c>
      <c r="P1469">
        <v>1</v>
      </c>
      <c r="Q1469">
        <v>2</v>
      </c>
      <c r="R1469" t="s">
        <v>7678</v>
      </c>
      <c r="S1469">
        <v>170</v>
      </c>
    </row>
    <row r="1470" spans="1:19" x14ac:dyDescent="0.25">
      <c r="A1470">
        <v>27733706</v>
      </c>
      <c r="B1470" t="s">
        <v>7679</v>
      </c>
      <c r="C1470" s="1" t="s">
        <v>7680</v>
      </c>
      <c r="D1470">
        <v>27734382</v>
      </c>
      <c r="E1470">
        <v>1</v>
      </c>
      <c r="F1470">
        <v>0</v>
      </c>
      <c r="H1470" t="s">
        <v>7681</v>
      </c>
      <c r="J1470" t="s">
        <v>7682</v>
      </c>
      <c r="K1470" t="s">
        <v>7682</v>
      </c>
      <c r="M1470">
        <v>3540484</v>
      </c>
      <c r="O1470">
        <v>4275408</v>
      </c>
      <c r="P1470">
        <v>1</v>
      </c>
      <c r="Q1470">
        <v>0</v>
      </c>
      <c r="R1470" t="s">
        <v>1288</v>
      </c>
      <c r="S1470">
        <v>390</v>
      </c>
    </row>
    <row r="1471" spans="1:19" x14ac:dyDescent="0.25">
      <c r="A1471">
        <v>8128578</v>
      </c>
      <c r="B1471" t="s">
        <v>7683</v>
      </c>
      <c r="C1471" s="1" t="s">
        <v>7684</v>
      </c>
      <c r="D1471">
        <v>8129748</v>
      </c>
      <c r="E1471">
        <v>8</v>
      </c>
      <c r="F1471">
        <v>1</v>
      </c>
      <c r="H1471" t="s">
        <v>7685</v>
      </c>
      <c r="I1471">
        <v>32</v>
      </c>
      <c r="J1471" t="s">
        <v>7686</v>
      </c>
      <c r="K1471" t="s">
        <v>7687</v>
      </c>
      <c r="M1471">
        <v>712526</v>
      </c>
      <c r="O1471">
        <v>261783</v>
      </c>
      <c r="P1471">
        <v>1</v>
      </c>
      <c r="Q1471">
        <v>123</v>
      </c>
      <c r="R1471" t="s">
        <v>7688</v>
      </c>
      <c r="S1471">
        <v>126968</v>
      </c>
    </row>
    <row r="1472" spans="1:19" x14ac:dyDescent="0.25">
      <c r="A1472">
        <v>5703206</v>
      </c>
      <c r="B1472" t="s">
        <v>7689</v>
      </c>
      <c r="C1472" t="s">
        <v>7690</v>
      </c>
      <c r="E1472">
        <v>1</v>
      </c>
      <c r="F1472">
        <v>0</v>
      </c>
      <c r="H1472" t="s">
        <v>7691</v>
      </c>
      <c r="I1472">
        <v>1</v>
      </c>
      <c r="J1472" t="s">
        <v>7692</v>
      </c>
      <c r="K1472" t="s">
        <v>7692</v>
      </c>
      <c r="M1472">
        <v>546730</v>
      </c>
      <c r="O1472">
        <v>526617</v>
      </c>
      <c r="P1472">
        <v>1</v>
      </c>
      <c r="Q1472">
        <v>2</v>
      </c>
      <c r="R1472" t="s">
        <v>7693</v>
      </c>
      <c r="S1472">
        <v>4757</v>
      </c>
    </row>
    <row r="1473" spans="1:19" x14ac:dyDescent="0.25">
      <c r="A1473">
        <v>14032705</v>
      </c>
      <c r="B1473" t="s">
        <v>7694</v>
      </c>
      <c r="C1473" s="1" t="s">
        <v>7695</v>
      </c>
      <c r="D1473">
        <v>14032787</v>
      </c>
      <c r="E1473">
        <v>1</v>
      </c>
      <c r="F1473">
        <v>0</v>
      </c>
      <c r="H1473" t="s">
        <v>7696</v>
      </c>
      <c r="J1473" t="s">
        <v>7697</v>
      </c>
      <c r="O1473">
        <v>923104</v>
      </c>
      <c r="P1473">
        <v>1</v>
      </c>
      <c r="Q1473">
        <v>1</v>
      </c>
      <c r="R1473" t="s">
        <v>7698</v>
      </c>
      <c r="S1473">
        <v>59</v>
      </c>
    </row>
    <row r="1474" spans="1:19" x14ac:dyDescent="0.25">
      <c r="A1474">
        <v>2788754</v>
      </c>
      <c r="B1474" t="s">
        <v>7699</v>
      </c>
      <c r="C1474" s="1" t="s">
        <v>7700</v>
      </c>
      <c r="D1474">
        <v>2795538</v>
      </c>
      <c r="E1474">
        <v>1</v>
      </c>
      <c r="F1474">
        <v>0</v>
      </c>
      <c r="H1474" t="s">
        <v>7701</v>
      </c>
      <c r="J1474" t="s">
        <v>7702</v>
      </c>
      <c r="K1474" t="s">
        <v>7702</v>
      </c>
      <c r="M1474">
        <v>1033581</v>
      </c>
      <c r="O1474">
        <v>248959</v>
      </c>
      <c r="P1474">
        <v>1</v>
      </c>
      <c r="Q1474">
        <v>0</v>
      </c>
      <c r="R1474" t="s">
        <v>7703</v>
      </c>
      <c r="S1474">
        <v>63</v>
      </c>
    </row>
    <row r="1475" spans="1:19" x14ac:dyDescent="0.25">
      <c r="A1475">
        <v>22635227</v>
      </c>
      <c r="B1475" t="s">
        <v>7704</v>
      </c>
      <c r="C1475" t="s">
        <v>7705</v>
      </c>
      <c r="E1475">
        <v>2</v>
      </c>
      <c r="F1475">
        <v>2</v>
      </c>
      <c r="H1475" t="s">
        <v>7706</v>
      </c>
      <c r="I1475">
        <v>0</v>
      </c>
      <c r="J1475" t="s">
        <v>7707</v>
      </c>
      <c r="O1475">
        <v>3423378</v>
      </c>
      <c r="P1475">
        <v>1</v>
      </c>
      <c r="Q1475">
        <v>-4</v>
      </c>
      <c r="R1475" t="s">
        <v>3716</v>
      </c>
      <c r="S1475">
        <v>116</v>
      </c>
    </row>
    <row r="1476" spans="1:19" x14ac:dyDescent="0.25">
      <c r="A1476">
        <v>44565373</v>
      </c>
      <c r="B1476" t="s">
        <v>7708</v>
      </c>
      <c r="C1476" s="1" t="s">
        <v>7709</v>
      </c>
      <c r="E1476">
        <v>1</v>
      </c>
      <c r="F1476">
        <v>0</v>
      </c>
      <c r="H1476" t="s">
        <v>7710</v>
      </c>
      <c r="J1476" t="s">
        <v>7711</v>
      </c>
      <c r="K1476" t="s">
        <v>7711</v>
      </c>
      <c r="M1476">
        <v>3789816</v>
      </c>
      <c r="O1476">
        <v>3789816</v>
      </c>
      <c r="P1476">
        <v>1</v>
      </c>
      <c r="Q1476">
        <v>0</v>
      </c>
      <c r="R1476" t="s">
        <v>7712</v>
      </c>
      <c r="S1476">
        <v>147</v>
      </c>
    </row>
    <row r="1477" spans="1:19" x14ac:dyDescent="0.25">
      <c r="A1477">
        <v>25591933</v>
      </c>
      <c r="B1477" t="s">
        <v>7713</v>
      </c>
      <c r="C1477" s="1" t="s">
        <v>7714</v>
      </c>
      <c r="D1477">
        <v>25591986</v>
      </c>
      <c r="E1477">
        <v>1</v>
      </c>
      <c r="F1477">
        <v>2</v>
      </c>
      <c r="H1477" t="s">
        <v>7715</v>
      </c>
      <c r="I1477">
        <v>1</v>
      </c>
      <c r="J1477" t="s">
        <v>7716</v>
      </c>
      <c r="K1477" t="s">
        <v>7717</v>
      </c>
      <c r="M1477">
        <v>703717</v>
      </c>
      <c r="O1477">
        <v>3994543</v>
      </c>
      <c r="P1477">
        <v>1</v>
      </c>
      <c r="Q1477">
        <v>0</v>
      </c>
      <c r="R1477" t="s">
        <v>1446</v>
      </c>
      <c r="S1477">
        <v>60</v>
      </c>
    </row>
    <row r="1478" spans="1:19" x14ac:dyDescent="0.25">
      <c r="A1478">
        <v>44476705</v>
      </c>
      <c r="B1478" t="s">
        <v>7718</v>
      </c>
      <c r="C1478" s="1" t="s">
        <v>7719</v>
      </c>
      <c r="D1478">
        <v>44477641</v>
      </c>
      <c r="E1478">
        <v>1</v>
      </c>
      <c r="F1478">
        <v>1</v>
      </c>
      <c r="H1478" t="s">
        <v>7720</v>
      </c>
      <c r="J1478" t="s">
        <v>7721</v>
      </c>
      <c r="O1478">
        <v>7629098</v>
      </c>
      <c r="P1478">
        <v>1</v>
      </c>
      <c r="Q1478">
        <v>0</v>
      </c>
      <c r="R1478" t="s">
        <v>7722</v>
      </c>
      <c r="S1478">
        <v>46</v>
      </c>
    </row>
    <row r="1479" spans="1:19" x14ac:dyDescent="0.25">
      <c r="A1479">
        <v>12150628</v>
      </c>
      <c r="B1479" t="s">
        <v>7723</v>
      </c>
      <c r="C1479" s="1" t="s">
        <v>7724</v>
      </c>
      <c r="D1479">
        <v>12151054</v>
      </c>
      <c r="E1479">
        <v>3</v>
      </c>
      <c r="F1479">
        <v>2</v>
      </c>
      <c r="H1479" t="s">
        <v>7725</v>
      </c>
      <c r="J1479" t="s">
        <v>7726</v>
      </c>
      <c r="K1479" t="s">
        <v>7727</v>
      </c>
      <c r="M1479">
        <v>1628865</v>
      </c>
      <c r="O1479">
        <v>1628865</v>
      </c>
      <c r="P1479">
        <v>1</v>
      </c>
      <c r="Q1479">
        <v>1</v>
      </c>
      <c r="R1479" t="s">
        <v>7728</v>
      </c>
      <c r="S1479">
        <v>8287</v>
      </c>
    </row>
    <row r="1480" spans="1:19" x14ac:dyDescent="0.25">
      <c r="A1480">
        <v>24676265</v>
      </c>
      <c r="B1480" t="s">
        <v>7729</v>
      </c>
      <c r="C1480" s="1" t="s">
        <v>7730</v>
      </c>
      <c r="E1480">
        <v>1</v>
      </c>
      <c r="F1480">
        <v>0</v>
      </c>
      <c r="H1480" t="s">
        <v>7731</v>
      </c>
      <c r="J1480" t="s">
        <v>7732</v>
      </c>
      <c r="O1480">
        <v>1241464</v>
      </c>
      <c r="P1480">
        <v>1</v>
      </c>
      <c r="Q1480">
        <v>0</v>
      </c>
      <c r="R1480" t="s">
        <v>7733</v>
      </c>
      <c r="S1480">
        <v>169</v>
      </c>
    </row>
    <row r="1481" spans="1:19" x14ac:dyDescent="0.25">
      <c r="A1481">
        <v>28574355</v>
      </c>
      <c r="B1481" t="s">
        <v>7734</v>
      </c>
      <c r="C1481" s="1" t="s">
        <v>7735</v>
      </c>
      <c r="D1481">
        <v>28590289</v>
      </c>
      <c r="E1481">
        <v>1</v>
      </c>
      <c r="F1481">
        <v>0</v>
      </c>
      <c r="H1481" t="s">
        <v>7736</v>
      </c>
      <c r="J1481" t="s">
        <v>7737</v>
      </c>
      <c r="O1481">
        <v>3385832</v>
      </c>
      <c r="P1481">
        <v>1</v>
      </c>
      <c r="Q1481">
        <v>0</v>
      </c>
      <c r="R1481" t="s">
        <v>7738</v>
      </c>
      <c r="S1481">
        <v>330</v>
      </c>
    </row>
    <row r="1482" spans="1:19" x14ac:dyDescent="0.25">
      <c r="A1482">
        <v>36047831</v>
      </c>
      <c r="B1482" t="s">
        <v>7739</v>
      </c>
      <c r="C1482" t="s">
        <v>7740</v>
      </c>
      <c r="D1482">
        <v>37300501</v>
      </c>
      <c r="E1482">
        <v>3</v>
      </c>
      <c r="F1482">
        <v>0</v>
      </c>
      <c r="H1482" t="s">
        <v>7741</v>
      </c>
      <c r="J1482" t="s">
        <v>7742</v>
      </c>
      <c r="O1482">
        <v>3482950</v>
      </c>
      <c r="P1482">
        <v>1</v>
      </c>
      <c r="Q1482">
        <v>1</v>
      </c>
      <c r="R1482" t="s">
        <v>7743</v>
      </c>
      <c r="S1482">
        <v>1142</v>
      </c>
    </row>
    <row r="1483" spans="1:19" x14ac:dyDescent="0.25">
      <c r="A1483">
        <v>49941062</v>
      </c>
      <c r="B1483" t="s">
        <v>7744</v>
      </c>
      <c r="C1483" t="s">
        <v>7745</v>
      </c>
      <c r="E1483">
        <v>0</v>
      </c>
      <c r="F1483">
        <v>5</v>
      </c>
      <c r="H1483" t="s">
        <v>7746</v>
      </c>
      <c r="J1483" t="s">
        <v>7746</v>
      </c>
      <c r="O1483">
        <v>3946139</v>
      </c>
      <c r="P1483">
        <v>1</v>
      </c>
      <c r="Q1483">
        <v>0</v>
      </c>
      <c r="R1483" t="s">
        <v>7747</v>
      </c>
      <c r="S1483">
        <v>13</v>
      </c>
    </row>
    <row r="1484" spans="1:19" x14ac:dyDescent="0.25">
      <c r="A1484">
        <v>47727306</v>
      </c>
      <c r="B1484" t="s">
        <v>7748</v>
      </c>
      <c r="C1484" s="1" t="s">
        <v>7749</v>
      </c>
      <c r="E1484">
        <v>0</v>
      </c>
      <c r="F1484">
        <v>3</v>
      </c>
      <c r="H1484" t="s">
        <v>7750</v>
      </c>
      <c r="J1484" t="s">
        <v>7751</v>
      </c>
      <c r="K1484" t="s">
        <v>7751</v>
      </c>
      <c r="M1484">
        <v>7409386</v>
      </c>
      <c r="O1484">
        <v>7409386</v>
      </c>
      <c r="P1484">
        <v>1</v>
      </c>
      <c r="Q1484">
        <v>0</v>
      </c>
      <c r="R1484" t="s">
        <v>300</v>
      </c>
      <c r="S1484">
        <v>37</v>
      </c>
    </row>
    <row r="1485" spans="1:19" x14ac:dyDescent="0.25">
      <c r="A1485">
        <v>2515929</v>
      </c>
      <c r="B1485" t="s">
        <v>7752</v>
      </c>
      <c r="C1485" t="s">
        <v>7753</v>
      </c>
      <c r="D1485">
        <v>2516092</v>
      </c>
      <c r="E1485">
        <v>1</v>
      </c>
      <c r="F1485">
        <v>0</v>
      </c>
      <c r="H1485" t="s">
        <v>7754</v>
      </c>
      <c r="J1485" t="s">
        <v>7755</v>
      </c>
      <c r="O1485">
        <v>284241</v>
      </c>
      <c r="P1485">
        <v>1</v>
      </c>
      <c r="Q1485">
        <v>0</v>
      </c>
      <c r="R1485" t="s">
        <v>7756</v>
      </c>
      <c r="S1485">
        <v>94</v>
      </c>
    </row>
    <row r="1486" spans="1:19" x14ac:dyDescent="0.25">
      <c r="A1486">
        <v>52480545</v>
      </c>
      <c r="B1486" t="s">
        <v>7757</v>
      </c>
      <c r="C1486" s="1" t="s">
        <v>7758</v>
      </c>
      <c r="E1486">
        <v>2</v>
      </c>
      <c r="F1486">
        <v>2</v>
      </c>
      <c r="H1486" t="s">
        <v>7759</v>
      </c>
      <c r="J1486" t="s">
        <v>7760</v>
      </c>
      <c r="K1486" t="s">
        <v>7761</v>
      </c>
      <c r="M1486">
        <v>10381160</v>
      </c>
      <c r="O1486">
        <v>8133633</v>
      </c>
      <c r="P1486">
        <v>1</v>
      </c>
      <c r="Q1486">
        <v>0</v>
      </c>
      <c r="R1486" t="s">
        <v>7762</v>
      </c>
      <c r="S1486">
        <v>64</v>
      </c>
    </row>
    <row r="1487" spans="1:19" x14ac:dyDescent="0.25">
      <c r="A1487">
        <v>46699954</v>
      </c>
      <c r="B1487" t="s">
        <v>7763</v>
      </c>
      <c r="C1487" s="1" t="s">
        <v>7764</v>
      </c>
      <c r="E1487">
        <v>1</v>
      </c>
      <c r="F1487">
        <v>5</v>
      </c>
      <c r="H1487" t="s">
        <v>7765</v>
      </c>
      <c r="J1487" t="s">
        <v>7766</v>
      </c>
      <c r="K1487" t="s">
        <v>7767</v>
      </c>
      <c r="M1487">
        <v>8732051</v>
      </c>
      <c r="O1487">
        <v>8732051</v>
      </c>
      <c r="P1487">
        <v>1</v>
      </c>
      <c r="Q1487">
        <v>0</v>
      </c>
      <c r="R1487" t="s">
        <v>7768</v>
      </c>
      <c r="S1487">
        <v>282</v>
      </c>
    </row>
    <row r="1488" spans="1:19" x14ac:dyDescent="0.25">
      <c r="A1488">
        <v>7583165</v>
      </c>
      <c r="B1488" t="s">
        <v>7769</v>
      </c>
      <c r="C1488" s="1" t="s">
        <v>7770</v>
      </c>
      <c r="E1488">
        <v>2</v>
      </c>
      <c r="F1488">
        <v>1</v>
      </c>
      <c r="H1488" t="s">
        <v>7771</v>
      </c>
      <c r="J1488" t="s">
        <v>7772</v>
      </c>
      <c r="K1488" t="s">
        <v>7773</v>
      </c>
      <c r="M1488">
        <v>-1</v>
      </c>
      <c r="O1488">
        <v>969019</v>
      </c>
      <c r="P1488">
        <v>1</v>
      </c>
      <c r="Q1488">
        <v>4</v>
      </c>
      <c r="R1488" t="s">
        <v>7774</v>
      </c>
      <c r="S1488">
        <v>1523</v>
      </c>
    </row>
    <row r="1489" spans="1:19" x14ac:dyDescent="0.25">
      <c r="A1489">
        <v>26621591</v>
      </c>
      <c r="B1489" t="s">
        <v>7775</v>
      </c>
      <c r="C1489" s="1" t="s">
        <v>7776</v>
      </c>
      <c r="E1489">
        <v>0</v>
      </c>
      <c r="F1489">
        <v>3</v>
      </c>
      <c r="H1489" t="s">
        <v>7777</v>
      </c>
      <c r="J1489" t="s">
        <v>7778</v>
      </c>
      <c r="K1489" t="s">
        <v>7778</v>
      </c>
      <c r="M1489">
        <v>1225432</v>
      </c>
      <c r="O1489">
        <v>1225432</v>
      </c>
      <c r="P1489">
        <v>1</v>
      </c>
      <c r="Q1489">
        <v>0</v>
      </c>
      <c r="R1489" t="s">
        <v>7779</v>
      </c>
      <c r="S1489">
        <v>174</v>
      </c>
    </row>
    <row r="1490" spans="1:19" x14ac:dyDescent="0.25">
      <c r="A1490">
        <v>8672369</v>
      </c>
      <c r="B1490" t="s">
        <v>7780</v>
      </c>
      <c r="C1490" t="s">
        <v>7781</v>
      </c>
      <c r="D1490">
        <v>8673281</v>
      </c>
      <c r="E1490">
        <v>3</v>
      </c>
      <c r="F1490">
        <v>4</v>
      </c>
      <c r="H1490" t="s">
        <v>7782</v>
      </c>
      <c r="I1490">
        <v>14</v>
      </c>
      <c r="J1490" t="s">
        <v>7783</v>
      </c>
      <c r="K1490" t="s">
        <v>7784</v>
      </c>
      <c r="M1490">
        <v>157882</v>
      </c>
      <c r="N1490" t="s">
        <v>7785</v>
      </c>
      <c r="P1490">
        <v>1</v>
      </c>
      <c r="Q1490">
        <v>30</v>
      </c>
      <c r="R1490" t="s">
        <v>4205</v>
      </c>
      <c r="S1490">
        <v>49185</v>
      </c>
    </row>
    <row r="1491" spans="1:19" x14ac:dyDescent="0.25">
      <c r="A1491">
        <v>19768589</v>
      </c>
      <c r="B1491" t="s">
        <v>7786</v>
      </c>
      <c r="C1491" s="1" t="s">
        <v>7787</v>
      </c>
      <c r="D1491">
        <v>19768722</v>
      </c>
      <c r="E1491">
        <v>4</v>
      </c>
      <c r="F1491">
        <v>6</v>
      </c>
      <c r="H1491" t="s">
        <v>7788</v>
      </c>
      <c r="J1491" t="s">
        <v>7789</v>
      </c>
      <c r="O1491">
        <v>2836881</v>
      </c>
      <c r="P1491">
        <v>1</v>
      </c>
      <c r="Q1491">
        <v>0</v>
      </c>
      <c r="R1491" t="s">
        <v>7790</v>
      </c>
      <c r="S1491">
        <v>1703</v>
      </c>
    </row>
    <row r="1492" spans="1:19" x14ac:dyDescent="0.25">
      <c r="A1492">
        <v>43985184</v>
      </c>
      <c r="B1492" t="s">
        <v>7791</v>
      </c>
      <c r="C1492" s="1" t="s">
        <v>7792</v>
      </c>
      <c r="D1492">
        <v>44016195</v>
      </c>
      <c r="E1492">
        <v>1</v>
      </c>
      <c r="F1492">
        <v>2</v>
      </c>
      <c r="H1492" t="s">
        <v>7793</v>
      </c>
      <c r="J1492" t="s">
        <v>7794</v>
      </c>
      <c r="O1492">
        <v>8015566</v>
      </c>
      <c r="P1492">
        <v>1</v>
      </c>
      <c r="Q1492">
        <v>1</v>
      </c>
      <c r="R1492" t="s">
        <v>7795</v>
      </c>
      <c r="S1492">
        <v>55</v>
      </c>
    </row>
    <row r="1493" spans="1:19" x14ac:dyDescent="0.25">
      <c r="A1493">
        <v>33713611</v>
      </c>
      <c r="B1493" t="s">
        <v>7796</v>
      </c>
      <c r="C1493" s="1" t="s">
        <v>7797</v>
      </c>
      <c r="D1493">
        <v>33713673</v>
      </c>
      <c r="E1493">
        <v>1</v>
      </c>
      <c r="F1493">
        <v>1</v>
      </c>
      <c r="H1493" t="s">
        <v>7798</v>
      </c>
      <c r="J1493" t="s">
        <v>7799</v>
      </c>
      <c r="O1493">
        <v>5562871</v>
      </c>
      <c r="P1493">
        <v>1</v>
      </c>
      <c r="Q1493">
        <v>2</v>
      </c>
      <c r="R1493" t="s">
        <v>7800</v>
      </c>
      <c r="S1493">
        <v>602</v>
      </c>
    </row>
    <row r="1494" spans="1:19" x14ac:dyDescent="0.25">
      <c r="A1494">
        <v>44475554</v>
      </c>
      <c r="B1494" t="s">
        <v>7801</v>
      </c>
      <c r="C1494" s="1" t="s">
        <v>7802</v>
      </c>
      <c r="E1494">
        <v>1</v>
      </c>
      <c r="F1494">
        <v>1</v>
      </c>
      <c r="H1494" t="s">
        <v>7803</v>
      </c>
      <c r="J1494" t="s">
        <v>7804</v>
      </c>
      <c r="O1494">
        <v>8141977</v>
      </c>
      <c r="P1494">
        <v>1</v>
      </c>
      <c r="Q1494">
        <v>0</v>
      </c>
      <c r="R1494" t="s">
        <v>819</v>
      </c>
      <c r="S1494">
        <v>16</v>
      </c>
    </row>
    <row r="1495" spans="1:19" x14ac:dyDescent="0.25">
      <c r="A1495">
        <v>19103977</v>
      </c>
      <c r="B1495" t="s">
        <v>7805</v>
      </c>
      <c r="C1495" s="1" t="s">
        <v>7806</v>
      </c>
      <c r="D1495">
        <v>19104044</v>
      </c>
      <c r="E1495">
        <v>1</v>
      </c>
      <c r="F1495">
        <v>1</v>
      </c>
      <c r="H1495" t="s">
        <v>7807</v>
      </c>
      <c r="J1495" t="s">
        <v>7808</v>
      </c>
      <c r="O1495">
        <v>1871528</v>
      </c>
      <c r="P1495">
        <v>1</v>
      </c>
      <c r="Q1495">
        <v>3</v>
      </c>
      <c r="R1495" t="s">
        <v>7809</v>
      </c>
      <c r="S1495">
        <v>7984</v>
      </c>
    </row>
    <row r="1496" spans="1:19" x14ac:dyDescent="0.25">
      <c r="A1496">
        <v>16394795</v>
      </c>
      <c r="B1496" t="s">
        <v>7810</v>
      </c>
      <c r="C1496" s="1" t="s">
        <v>7811</v>
      </c>
      <c r="D1496">
        <v>16396322</v>
      </c>
      <c r="E1496">
        <v>1</v>
      </c>
      <c r="F1496">
        <v>2</v>
      </c>
      <c r="H1496" t="s">
        <v>7812</v>
      </c>
      <c r="I1496">
        <v>1</v>
      </c>
      <c r="J1496" t="s">
        <v>7813</v>
      </c>
      <c r="K1496" t="s">
        <v>7813</v>
      </c>
      <c r="M1496">
        <v>387981</v>
      </c>
      <c r="O1496">
        <v>1534329</v>
      </c>
      <c r="P1496">
        <v>1</v>
      </c>
      <c r="Q1496">
        <v>3</v>
      </c>
      <c r="R1496" t="s">
        <v>7814</v>
      </c>
      <c r="S1496">
        <v>2468</v>
      </c>
    </row>
    <row r="1497" spans="1:19" x14ac:dyDescent="0.25">
      <c r="A1497">
        <v>7517700</v>
      </c>
      <c r="B1497" t="s">
        <v>7815</v>
      </c>
      <c r="C1497" s="1" t="s">
        <v>7816</v>
      </c>
      <c r="D1497">
        <v>7610300</v>
      </c>
      <c r="E1497">
        <v>2</v>
      </c>
      <c r="F1497">
        <v>1</v>
      </c>
      <c r="H1497" t="s">
        <v>7817</v>
      </c>
      <c r="I1497">
        <v>6</v>
      </c>
      <c r="J1497" t="s">
        <v>7818</v>
      </c>
      <c r="K1497" t="s">
        <v>7819</v>
      </c>
      <c r="M1497">
        <v>27596</v>
      </c>
      <c r="O1497">
        <v>27596</v>
      </c>
      <c r="P1497">
        <v>1</v>
      </c>
      <c r="Q1497">
        <v>13</v>
      </c>
      <c r="R1497" t="s">
        <v>7820</v>
      </c>
      <c r="S1497">
        <v>9424</v>
      </c>
    </row>
    <row r="1498" spans="1:19" x14ac:dyDescent="0.25">
      <c r="A1498">
        <v>39390804</v>
      </c>
      <c r="B1498" t="s">
        <v>7821</v>
      </c>
      <c r="C1498" s="1" t="s">
        <v>7822</v>
      </c>
      <c r="E1498">
        <v>0</v>
      </c>
      <c r="F1498">
        <v>5</v>
      </c>
      <c r="H1498" t="s">
        <v>7823</v>
      </c>
      <c r="J1498" t="s">
        <v>7824</v>
      </c>
      <c r="K1498" t="s">
        <v>7824</v>
      </c>
      <c r="M1498">
        <v>633001</v>
      </c>
      <c r="O1498">
        <v>633001</v>
      </c>
      <c r="P1498">
        <v>1</v>
      </c>
      <c r="Q1498">
        <v>0</v>
      </c>
      <c r="R1498" t="s">
        <v>7825</v>
      </c>
      <c r="S1498">
        <v>79</v>
      </c>
    </row>
    <row r="1499" spans="1:19" x14ac:dyDescent="0.25">
      <c r="A1499">
        <v>12288123</v>
      </c>
      <c r="B1499" t="s">
        <v>7826</v>
      </c>
      <c r="C1499" s="1" t="s">
        <v>7827</v>
      </c>
      <c r="D1499">
        <v>12289996</v>
      </c>
      <c r="E1499">
        <v>4</v>
      </c>
      <c r="F1499">
        <v>1</v>
      </c>
      <c r="H1499" t="s">
        <v>7828</v>
      </c>
      <c r="J1499" t="s">
        <v>7829</v>
      </c>
      <c r="K1499" t="s">
        <v>7830</v>
      </c>
      <c r="M1499">
        <v>698943</v>
      </c>
      <c r="O1499">
        <v>698943</v>
      </c>
      <c r="P1499">
        <v>1</v>
      </c>
      <c r="Q1499">
        <v>1</v>
      </c>
      <c r="R1499" t="s">
        <v>7831</v>
      </c>
      <c r="S1499">
        <v>15227</v>
      </c>
    </row>
    <row r="1500" spans="1:19" x14ac:dyDescent="0.25">
      <c r="A1500">
        <v>32138576</v>
      </c>
      <c r="B1500" t="s">
        <v>7832</v>
      </c>
      <c r="C1500" s="1" t="s">
        <v>7833</v>
      </c>
      <c r="E1500">
        <v>2</v>
      </c>
      <c r="F1500">
        <v>3</v>
      </c>
      <c r="H1500" t="s">
        <v>7834</v>
      </c>
      <c r="J1500" t="s">
        <v>7835</v>
      </c>
      <c r="O1500">
        <v>2433038</v>
      </c>
      <c r="P1500">
        <v>1</v>
      </c>
      <c r="Q1500">
        <v>-2</v>
      </c>
      <c r="R1500" t="s">
        <v>7836</v>
      </c>
      <c r="S1500">
        <v>68</v>
      </c>
    </row>
    <row r="1501" spans="1:19" x14ac:dyDescent="0.25">
      <c r="A1501">
        <v>43115173</v>
      </c>
      <c r="B1501" t="s">
        <v>7837</v>
      </c>
      <c r="C1501" s="1" t="s">
        <v>7838</v>
      </c>
      <c r="E1501">
        <v>3</v>
      </c>
      <c r="F1501">
        <v>2</v>
      </c>
      <c r="H1501" t="s">
        <v>7839</v>
      </c>
      <c r="J1501" t="s">
        <v>7840</v>
      </c>
      <c r="O1501">
        <v>7271948</v>
      </c>
      <c r="P1501">
        <v>1</v>
      </c>
      <c r="Q1501">
        <v>0</v>
      </c>
      <c r="R1501" t="s">
        <v>7841</v>
      </c>
      <c r="S1501">
        <v>343</v>
      </c>
    </row>
    <row r="1502" spans="1:19" x14ac:dyDescent="0.25">
      <c r="A1502">
        <v>33953901</v>
      </c>
      <c r="B1502" t="s">
        <v>7842</v>
      </c>
      <c r="C1502" s="1" t="s">
        <v>7843</v>
      </c>
      <c r="E1502">
        <v>1</v>
      </c>
      <c r="F1502">
        <v>0</v>
      </c>
      <c r="H1502" t="s">
        <v>7844</v>
      </c>
      <c r="J1502" t="s">
        <v>7845</v>
      </c>
      <c r="O1502">
        <v>4847250</v>
      </c>
      <c r="P1502">
        <v>1</v>
      </c>
      <c r="Q1502">
        <v>0</v>
      </c>
      <c r="R1502" t="s">
        <v>7846</v>
      </c>
      <c r="S1502">
        <v>51</v>
      </c>
    </row>
    <row r="1503" spans="1:19" x14ac:dyDescent="0.25">
      <c r="A1503">
        <v>39438094</v>
      </c>
      <c r="B1503" t="s">
        <v>7847</v>
      </c>
      <c r="C1503" s="1" t="s">
        <v>7848</v>
      </c>
      <c r="D1503">
        <v>39439413</v>
      </c>
      <c r="E1503">
        <v>1</v>
      </c>
      <c r="F1503">
        <v>0</v>
      </c>
      <c r="H1503" t="s">
        <v>7849</v>
      </c>
      <c r="I1503">
        <v>4</v>
      </c>
      <c r="J1503" t="s">
        <v>7850</v>
      </c>
      <c r="O1503">
        <v>881988</v>
      </c>
      <c r="P1503">
        <v>1</v>
      </c>
      <c r="Q1503">
        <v>18</v>
      </c>
      <c r="R1503" t="s">
        <v>7851</v>
      </c>
      <c r="S1503">
        <v>15341</v>
      </c>
    </row>
    <row r="1504" spans="1:19" x14ac:dyDescent="0.25">
      <c r="A1504">
        <v>40013830</v>
      </c>
      <c r="B1504" t="s">
        <v>7852</v>
      </c>
      <c r="C1504" s="1" t="s">
        <v>7853</v>
      </c>
      <c r="E1504">
        <v>0</v>
      </c>
      <c r="F1504">
        <v>6</v>
      </c>
      <c r="H1504" t="s">
        <v>7854</v>
      </c>
      <c r="J1504" t="s">
        <v>7855</v>
      </c>
      <c r="K1504" t="s">
        <v>7855</v>
      </c>
      <c r="M1504">
        <v>1305344</v>
      </c>
      <c r="O1504">
        <v>6535566</v>
      </c>
      <c r="P1504">
        <v>1</v>
      </c>
      <c r="Q1504">
        <v>1</v>
      </c>
      <c r="R1504" t="s">
        <v>7856</v>
      </c>
      <c r="S1504">
        <v>467</v>
      </c>
    </row>
    <row r="1505" spans="1:19" x14ac:dyDescent="0.25">
      <c r="A1505">
        <v>18303299</v>
      </c>
      <c r="B1505" t="s">
        <v>7857</v>
      </c>
      <c r="C1505" s="1" t="s">
        <v>7858</v>
      </c>
      <c r="E1505">
        <v>0</v>
      </c>
      <c r="F1505">
        <v>4</v>
      </c>
      <c r="H1505" t="s">
        <v>7859</v>
      </c>
      <c r="J1505" t="s">
        <v>7860</v>
      </c>
      <c r="O1505">
        <v>2651560</v>
      </c>
      <c r="P1505">
        <v>1</v>
      </c>
      <c r="Q1505">
        <v>0</v>
      </c>
      <c r="R1505" t="s">
        <v>27</v>
      </c>
      <c r="S1505">
        <v>57</v>
      </c>
    </row>
    <row r="1506" spans="1:19" x14ac:dyDescent="0.25">
      <c r="A1506">
        <v>31982577</v>
      </c>
      <c r="B1506" t="s">
        <v>7861</v>
      </c>
      <c r="C1506" s="1" t="s">
        <v>7862</v>
      </c>
      <c r="D1506">
        <v>31985849</v>
      </c>
      <c r="E1506">
        <v>2</v>
      </c>
      <c r="F1506">
        <v>0</v>
      </c>
      <c r="H1506" t="s">
        <v>7863</v>
      </c>
      <c r="J1506" t="s">
        <v>7864</v>
      </c>
      <c r="K1506" t="s">
        <v>7865</v>
      </c>
      <c r="M1506">
        <v>4449679</v>
      </c>
      <c r="O1506">
        <v>4449679</v>
      </c>
      <c r="P1506">
        <v>1</v>
      </c>
      <c r="Q1506">
        <v>7</v>
      </c>
      <c r="R1506" t="s">
        <v>7866</v>
      </c>
      <c r="S1506">
        <v>714</v>
      </c>
    </row>
    <row r="1507" spans="1:19" x14ac:dyDescent="0.25">
      <c r="A1507">
        <v>44574863</v>
      </c>
      <c r="B1507" t="s">
        <v>7867</v>
      </c>
      <c r="C1507" s="1" t="s">
        <v>7868</v>
      </c>
      <c r="E1507">
        <v>0</v>
      </c>
      <c r="F1507">
        <v>2</v>
      </c>
      <c r="H1507" t="s">
        <v>7869</v>
      </c>
      <c r="J1507" t="s">
        <v>7870</v>
      </c>
      <c r="K1507" t="s">
        <v>7870</v>
      </c>
      <c r="M1507">
        <v>4592114</v>
      </c>
      <c r="O1507">
        <v>4592114</v>
      </c>
      <c r="P1507">
        <v>1</v>
      </c>
      <c r="Q1507">
        <v>0</v>
      </c>
      <c r="R1507" t="s">
        <v>3056</v>
      </c>
      <c r="S1507">
        <v>23</v>
      </c>
    </row>
    <row r="1508" spans="1:19" x14ac:dyDescent="0.25">
      <c r="A1508">
        <v>13157013</v>
      </c>
      <c r="B1508" t="s">
        <v>7871</v>
      </c>
      <c r="C1508" s="1" t="s">
        <v>7872</v>
      </c>
      <c r="D1508">
        <v>13185067</v>
      </c>
      <c r="E1508">
        <v>2</v>
      </c>
      <c r="F1508">
        <v>0</v>
      </c>
      <c r="H1508" t="s">
        <v>7873</v>
      </c>
      <c r="I1508">
        <v>1</v>
      </c>
      <c r="J1508" t="s">
        <v>7874</v>
      </c>
      <c r="O1508">
        <v>522374</v>
      </c>
      <c r="P1508">
        <v>1</v>
      </c>
      <c r="Q1508">
        <v>3</v>
      </c>
      <c r="R1508" t="s">
        <v>7875</v>
      </c>
      <c r="S1508">
        <v>239</v>
      </c>
    </row>
    <row r="1509" spans="1:19" x14ac:dyDescent="0.25">
      <c r="A1509">
        <v>14435781</v>
      </c>
      <c r="B1509" t="s">
        <v>7876</v>
      </c>
      <c r="C1509" s="1" t="s">
        <v>7877</v>
      </c>
      <c r="E1509">
        <v>1</v>
      </c>
      <c r="F1509">
        <v>3</v>
      </c>
      <c r="H1509" t="s">
        <v>7878</v>
      </c>
      <c r="J1509" t="s">
        <v>7879</v>
      </c>
      <c r="O1509">
        <v>1996556</v>
      </c>
      <c r="P1509">
        <v>1</v>
      </c>
      <c r="Q1509">
        <v>0</v>
      </c>
      <c r="R1509" t="s">
        <v>7880</v>
      </c>
      <c r="S1509">
        <v>3047</v>
      </c>
    </row>
    <row r="1510" spans="1:19" x14ac:dyDescent="0.25">
      <c r="A1510">
        <v>53286773</v>
      </c>
      <c r="B1510" t="s">
        <v>7881</v>
      </c>
      <c r="C1510" s="1" t="s">
        <v>7882</v>
      </c>
      <c r="E1510">
        <v>1</v>
      </c>
      <c r="F1510">
        <v>2</v>
      </c>
      <c r="H1510" t="s">
        <v>7883</v>
      </c>
      <c r="J1510" t="s">
        <v>7884</v>
      </c>
      <c r="K1510" t="s">
        <v>7885</v>
      </c>
      <c r="M1510">
        <v>8656552</v>
      </c>
      <c r="O1510">
        <v>10548455</v>
      </c>
      <c r="P1510">
        <v>1</v>
      </c>
      <c r="Q1510">
        <v>2</v>
      </c>
      <c r="R1510" t="s">
        <v>7886</v>
      </c>
      <c r="S1510">
        <v>55</v>
      </c>
    </row>
    <row r="1511" spans="1:19" x14ac:dyDescent="0.25">
      <c r="A1511">
        <v>7687581</v>
      </c>
      <c r="B1511" t="s">
        <v>7887</v>
      </c>
      <c r="C1511" s="1" t="s">
        <v>7888</v>
      </c>
      <c r="E1511">
        <v>1</v>
      </c>
      <c r="F1511">
        <v>1</v>
      </c>
      <c r="H1511" t="s">
        <v>7889</v>
      </c>
      <c r="J1511" t="s">
        <v>7890</v>
      </c>
      <c r="K1511" t="s">
        <v>7891</v>
      </c>
      <c r="M1511">
        <v>9990</v>
      </c>
      <c r="O1511">
        <v>983997</v>
      </c>
      <c r="P1511">
        <v>1</v>
      </c>
      <c r="Q1511">
        <v>0</v>
      </c>
      <c r="R1511" t="s">
        <v>7892</v>
      </c>
      <c r="S1511">
        <v>480</v>
      </c>
    </row>
    <row r="1512" spans="1:19" x14ac:dyDescent="0.25">
      <c r="A1512">
        <v>2419222</v>
      </c>
      <c r="B1512" t="s">
        <v>7893</v>
      </c>
      <c r="C1512" s="1" t="s">
        <v>7894</v>
      </c>
      <c r="D1512">
        <v>2419787</v>
      </c>
      <c r="E1512">
        <v>2</v>
      </c>
      <c r="F1512">
        <v>4</v>
      </c>
      <c r="H1512" t="s">
        <v>7895</v>
      </c>
      <c r="I1512">
        <v>1</v>
      </c>
      <c r="J1512" t="s">
        <v>7896</v>
      </c>
      <c r="K1512" t="s">
        <v>7897</v>
      </c>
      <c r="M1512">
        <v>242036</v>
      </c>
      <c r="O1512">
        <v>242036</v>
      </c>
      <c r="P1512">
        <v>1</v>
      </c>
      <c r="Q1512">
        <v>13</v>
      </c>
      <c r="R1512" t="s">
        <v>7898</v>
      </c>
      <c r="S1512">
        <v>24791</v>
      </c>
    </row>
    <row r="1513" spans="1:19" x14ac:dyDescent="0.25">
      <c r="A1513">
        <v>35720626</v>
      </c>
      <c r="B1513" t="s">
        <v>7899</v>
      </c>
      <c r="C1513" s="1" t="s">
        <v>7900</v>
      </c>
      <c r="E1513">
        <v>0</v>
      </c>
      <c r="F1513">
        <v>3</v>
      </c>
      <c r="H1513" t="s">
        <v>7901</v>
      </c>
      <c r="J1513" t="s">
        <v>7901</v>
      </c>
      <c r="O1513">
        <v>4192691</v>
      </c>
      <c r="P1513">
        <v>1</v>
      </c>
      <c r="Q1513">
        <v>0</v>
      </c>
      <c r="R1513" t="s">
        <v>7902</v>
      </c>
      <c r="S1513">
        <v>97</v>
      </c>
    </row>
    <row r="1514" spans="1:19" x14ac:dyDescent="0.25">
      <c r="A1514">
        <v>26965028</v>
      </c>
      <c r="B1514" t="s">
        <v>7903</v>
      </c>
      <c r="C1514" s="1" t="s">
        <v>7904</v>
      </c>
      <c r="D1514">
        <v>26965077</v>
      </c>
      <c r="E1514">
        <v>2</v>
      </c>
      <c r="F1514">
        <v>0</v>
      </c>
      <c r="H1514" t="s">
        <v>7905</v>
      </c>
      <c r="I1514">
        <v>1</v>
      </c>
      <c r="J1514" t="s">
        <v>7906</v>
      </c>
      <c r="O1514">
        <v>2874270</v>
      </c>
      <c r="P1514">
        <v>1</v>
      </c>
      <c r="Q1514">
        <v>-1</v>
      </c>
      <c r="R1514" t="s">
        <v>7907</v>
      </c>
      <c r="S1514">
        <v>51</v>
      </c>
    </row>
    <row r="1515" spans="1:19" x14ac:dyDescent="0.25">
      <c r="A1515">
        <v>15037522</v>
      </c>
      <c r="B1515" t="s">
        <v>7908</v>
      </c>
      <c r="C1515" s="1" t="s">
        <v>7909</v>
      </c>
      <c r="E1515">
        <v>2</v>
      </c>
      <c r="F1515">
        <v>3</v>
      </c>
      <c r="H1515" t="s">
        <v>7910</v>
      </c>
      <c r="J1515" t="s">
        <v>7911</v>
      </c>
      <c r="K1515" t="s">
        <v>7912</v>
      </c>
      <c r="M1515">
        <v>1408266</v>
      </c>
      <c r="O1515">
        <v>1408266</v>
      </c>
      <c r="P1515">
        <v>1</v>
      </c>
      <c r="Q1515">
        <v>0</v>
      </c>
      <c r="R1515" t="s">
        <v>7913</v>
      </c>
      <c r="S1515">
        <v>1356</v>
      </c>
    </row>
    <row r="1516" spans="1:19" x14ac:dyDescent="0.25">
      <c r="A1516">
        <v>11379979</v>
      </c>
      <c r="B1516" t="s">
        <v>7914</v>
      </c>
      <c r="C1516" s="1" t="s">
        <v>7915</v>
      </c>
      <c r="D1516">
        <v>11379992</v>
      </c>
      <c r="E1516">
        <v>2</v>
      </c>
      <c r="F1516">
        <v>1</v>
      </c>
      <c r="H1516" t="s">
        <v>7916</v>
      </c>
      <c r="J1516" t="s">
        <v>7917</v>
      </c>
      <c r="O1516">
        <v>244009</v>
      </c>
      <c r="P1516">
        <v>1</v>
      </c>
      <c r="Q1516">
        <v>1</v>
      </c>
      <c r="R1516" t="s">
        <v>7918</v>
      </c>
      <c r="S1516">
        <v>2676</v>
      </c>
    </row>
    <row r="1517" spans="1:19" x14ac:dyDescent="0.25">
      <c r="A1517">
        <v>52470948</v>
      </c>
      <c r="B1517" t="s">
        <v>7919</v>
      </c>
      <c r="C1517" s="1" t="s">
        <v>7920</v>
      </c>
      <c r="E1517">
        <v>0</v>
      </c>
      <c r="F1517">
        <v>0</v>
      </c>
      <c r="H1517" t="s">
        <v>7921</v>
      </c>
      <c r="J1517" t="s">
        <v>7922</v>
      </c>
      <c r="K1517" t="s">
        <v>7922</v>
      </c>
      <c r="M1517">
        <v>6278588</v>
      </c>
      <c r="O1517">
        <v>6278588</v>
      </c>
      <c r="P1517">
        <v>1</v>
      </c>
      <c r="Q1517">
        <v>0</v>
      </c>
      <c r="R1517" t="s">
        <v>7923</v>
      </c>
      <c r="S1517">
        <v>21</v>
      </c>
    </row>
    <row r="1518" spans="1:19" x14ac:dyDescent="0.25">
      <c r="A1518">
        <v>39941329</v>
      </c>
      <c r="B1518" t="s">
        <v>7924</v>
      </c>
      <c r="C1518" s="1" t="s">
        <v>7925</v>
      </c>
      <c r="D1518">
        <v>39941409</v>
      </c>
      <c r="E1518">
        <v>2</v>
      </c>
      <c r="F1518">
        <v>1</v>
      </c>
      <c r="H1518" t="s">
        <v>7926</v>
      </c>
      <c r="J1518" t="s">
        <v>7927</v>
      </c>
      <c r="O1518">
        <v>6791363</v>
      </c>
      <c r="P1518">
        <v>1</v>
      </c>
      <c r="Q1518">
        <v>-4</v>
      </c>
      <c r="R1518" t="s">
        <v>213</v>
      </c>
      <c r="S1518">
        <v>31</v>
      </c>
    </row>
    <row r="1519" spans="1:19" x14ac:dyDescent="0.25">
      <c r="A1519">
        <v>33799993</v>
      </c>
      <c r="B1519" t="s">
        <v>7928</v>
      </c>
      <c r="C1519" s="1" t="s">
        <v>7929</v>
      </c>
      <c r="E1519">
        <v>1</v>
      </c>
      <c r="F1519">
        <v>0</v>
      </c>
      <c r="H1519" t="s">
        <v>7930</v>
      </c>
      <c r="J1519" t="s">
        <v>7931</v>
      </c>
      <c r="K1519" t="s">
        <v>7932</v>
      </c>
      <c r="M1519">
        <v>1387157</v>
      </c>
      <c r="O1519">
        <v>1387157</v>
      </c>
      <c r="P1519">
        <v>1</v>
      </c>
      <c r="Q1519">
        <v>3</v>
      </c>
      <c r="R1519" t="s">
        <v>7933</v>
      </c>
      <c r="S1519">
        <v>396</v>
      </c>
    </row>
    <row r="1520" spans="1:19" x14ac:dyDescent="0.25">
      <c r="A1520">
        <v>41867515</v>
      </c>
      <c r="B1520" t="s">
        <v>7934</v>
      </c>
      <c r="C1520" s="1" t="s">
        <v>7935</v>
      </c>
      <c r="E1520">
        <v>1</v>
      </c>
      <c r="F1520">
        <v>0</v>
      </c>
      <c r="H1520" t="s">
        <v>7936</v>
      </c>
      <c r="J1520" t="s">
        <v>7937</v>
      </c>
      <c r="O1520">
        <v>6110329</v>
      </c>
      <c r="P1520">
        <v>1</v>
      </c>
      <c r="Q1520">
        <v>1</v>
      </c>
      <c r="R1520" t="s">
        <v>7938</v>
      </c>
      <c r="S1520">
        <v>441</v>
      </c>
    </row>
    <row r="1521" spans="1:19" x14ac:dyDescent="0.25">
      <c r="A1521">
        <v>2493656</v>
      </c>
      <c r="B1521" t="s">
        <v>7939</v>
      </c>
      <c r="C1521" s="1" t="s">
        <v>7940</v>
      </c>
      <c r="D1521">
        <v>2493880</v>
      </c>
      <c r="E1521">
        <v>2</v>
      </c>
      <c r="F1521">
        <v>1</v>
      </c>
      <c r="H1521" t="s">
        <v>7941</v>
      </c>
      <c r="J1521" t="s">
        <v>7942</v>
      </c>
      <c r="K1521" t="s">
        <v>7942</v>
      </c>
      <c r="M1521">
        <v>301832</v>
      </c>
      <c r="O1521">
        <v>192546</v>
      </c>
      <c r="P1521">
        <v>1</v>
      </c>
      <c r="Q1521">
        <v>1</v>
      </c>
      <c r="R1521" t="s">
        <v>7943</v>
      </c>
      <c r="S1521">
        <v>897</v>
      </c>
    </row>
    <row r="1522" spans="1:19" x14ac:dyDescent="0.25">
      <c r="A1522">
        <v>42861538</v>
      </c>
      <c r="B1522" t="s">
        <v>7944</v>
      </c>
      <c r="C1522" s="1" t="s">
        <v>7945</v>
      </c>
      <c r="E1522">
        <v>1</v>
      </c>
      <c r="F1522">
        <v>0</v>
      </c>
      <c r="H1522" t="s">
        <v>7946</v>
      </c>
      <c r="J1522" t="s">
        <v>7947</v>
      </c>
      <c r="K1522" t="s">
        <v>7948</v>
      </c>
      <c r="M1522">
        <v>866262</v>
      </c>
      <c r="O1522">
        <v>866262</v>
      </c>
      <c r="P1522">
        <v>1</v>
      </c>
      <c r="Q1522">
        <v>0</v>
      </c>
      <c r="R1522" t="s">
        <v>7949</v>
      </c>
      <c r="S1522">
        <v>1217</v>
      </c>
    </row>
    <row r="1523" spans="1:19" x14ac:dyDescent="0.25">
      <c r="A1523">
        <v>27759002</v>
      </c>
      <c r="B1523" t="s">
        <v>7950</v>
      </c>
      <c r="C1523" s="1" t="s">
        <v>7951</v>
      </c>
      <c r="D1523">
        <v>27759028</v>
      </c>
      <c r="E1523">
        <v>3</v>
      </c>
      <c r="F1523">
        <v>4</v>
      </c>
      <c r="H1523" t="s">
        <v>7952</v>
      </c>
      <c r="J1523" t="s">
        <v>7953</v>
      </c>
      <c r="K1523" t="s">
        <v>7954</v>
      </c>
      <c r="M1523">
        <v>2180189</v>
      </c>
      <c r="O1523">
        <v>4415831</v>
      </c>
      <c r="P1523">
        <v>1</v>
      </c>
      <c r="Q1523">
        <v>2</v>
      </c>
      <c r="R1523" t="s">
        <v>351</v>
      </c>
      <c r="S1523">
        <v>258</v>
      </c>
    </row>
    <row r="1524" spans="1:19" x14ac:dyDescent="0.25">
      <c r="A1524">
        <v>42614087</v>
      </c>
      <c r="B1524" t="s">
        <v>7955</v>
      </c>
      <c r="C1524" s="1" t="s">
        <v>7956</v>
      </c>
      <c r="E1524">
        <v>1</v>
      </c>
      <c r="F1524">
        <v>2</v>
      </c>
      <c r="H1524" t="s">
        <v>7957</v>
      </c>
      <c r="J1524" t="s">
        <v>7958</v>
      </c>
      <c r="O1524">
        <v>7600417</v>
      </c>
      <c r="P1524">
        <v>1</v>
      </c>
      <c r="Q1524">
        <v>-1</v>
      </c>
      <c r="R1524" t="s">
        <v>2771</v>
      </c>
      <c r="S1524">
        <v>32</v>
      </c>
    </row>
    <row r="1525" spans="1:19" x14ac:dyDescent="0.25">
      <c r="A1525">
        <v>9635753</v>
      </c>
      <c r="B1525" t="s">
        <v>7959</v>
      </c>
      <c r="C1525" s="1" t="s">
        <v>7960</v>
      </c>
      <c r="D1525">
        <v>9635918</v>
      </c>
      <c r="E1525">
        <v>1</v>
      </c>
      <c r="F1525">
        <v>0</v>
      </c>
      <c r="H1525" t="s">
        <v>7961</v>
      </c>
      <c r="J1525" t="s">
        <v>7962</v>
      </c>
      <c r="K1525" t="s">
        <v>7962</v>
      </c>
      <c r="M1525">
        <v>675383</v>
      </c>
      <c r="O1525">
        <v>675383</v>
      </c>
      <c r="P1525">
        <v>1</v>
      </c>
      <c r="Q1525">
        <v>1</v>
      </c>
      <c r="R1525" t="s">
        <v>7963</v>
      </c>
      <c r="S1525">
        <v>652</v>
      </c>
    </row>
    <row r="1526" spans="1:19" x14ac:dyDescent="0.25">
      <c r="A1526">
        <v>45347593</v>
      </c>
      <c r="B1526" t="s">
        <v>7964</v>
      </c>
      <c r="C1526" t="s">
        <v>7965</v>
      </c>
      <c r="E1526">
        <v>3</v>
      </c>
      <c r="F1526">
        <v>1</v>
      </c>
      <c r="H1526" t="s">
        <v>7966</v>
      </c>
      <c r="I1526">
        <v>1</v>
      </c>
      <c r="J1526" t="s">
        <v>7967</v>
      </c>
      <c r="K1526" t="s">
        <v>7967</v>
      </c>
      <c r="M1526">
        <v>1033581</v>
      </c>
      <c r="O1526">
        <v>6069781</v>
      </c>
      <c r="P1526">
        <v>1</v>
      </c>
      <c r="Q1526">
        <v>5</v>
      </c>
      <c r="R1526" t="s">
        <v>7968</v>
      </c>
      <c r="S1526">
        <v>2614</v>
      </c>
    </row>
    <row r="1527" spans="1:19" x14ac:dyDescent="0.25">
      <c r="A1527">
        <v>52161982</v>
      </c>
      <c r="B1527" t="s">
        <v>7969</v>
      </c>
      <c r="C1527" s="1" t="s">
        <v>7970</v>
      </c>
      <c r="E1527">
        <v>0</v>
      </c>
      <c r="F1527">
        <v>3</v>
      </c>
      <c r="H1527" t="s">
        <v>7971</v>
      </c>
      <c r="J1527" t="s">
        <v>7972</v>
      </c>
      <c r="K1527" t="s">
        <v>7972</v>
      </c>
      <c r="M1527">
        <v>10027263</v>
      </c>
      <c r="O1527">
        <v>10027263</v>
      </c>
      <c r="P1527">
        <v>1</v>
      </c>
      <c r="Q1527">
        <v>0</v>
      </c>
      <c r="R1527" t="s">
        <v>7973</v>
      </c>
      <c r="S1527">
        <v>27</v>
      </c>
    </row>
    <row r="1528" spans="1:19" x14ac:dyDescent="0.25">
      <c r="A1528">
        <v>17783275</v>
      </c>
      <c r="B1528" t="s">
        <v>7974</v>
      </c>
      <c r="C1528" s="1" t="s">
        <v>7975</v>
      </c>
      <c r="D1528">
        <v>17783395</v>
      </c>
      <c r="E1528">
        <v>2</v>
      </c>
      <c r="F1528">
        <v>0</v>
      </c>
      <c r="H1528" t="s">
        <v>7976</v>
      </c>
      <c r="I1528">
        <v>3</v>
      </c>
      <c r="J1528" t="s">
        <v>7977</v>
      </c>
      <c r="K1528" t="s">
        <v>7978</v>
      </c>
      <c r="M1528">
        <v>599528</v>
      </c>
      <c r="O1528">
        <v>599528</v>
      </c>
      <c r="P1528">
        <v>1</v>
      </c>
      <c r="Q1528">
        <v>4</v>
      </c>
      <c r="R1528" t="s">
        <v>7979</v>
      </c>
      <c r="S1528">
        <v>2716</v>
      </c>
    </row>
    <row r="1529" spans="1:19" x14ac:dyDescent="0.25">
      <c r="A1529">
        <v>13258438</v>
      </c>
      <c r="B1529" t="s">
        <v>7980</v>
      </c>
      <c r="C1529" s="1" t="s">
        <v>7981</v>
      </c>
      <c r="E1529">
        <v>2</v>
      </c>
      <c r="F1529">
        <v>8</v>
      </c>
      <c r="H1529" t="s">
        <v>7982</v>
      </c>
      <c r="J1529" t="s">
        <v>7983</v>
      </c>
      <c r="K1529" t="s">
        <v>7984</v>
      </c>
      <c r="M1529">
        <v>1389239</v>
      </c>
      <c r="O1529">
        <v>1389239</v>
      </c>
      <c r="P1529">
        <v>1</v>
      </c>
      <c r="Q1529">
        <v>0</v>
      </c>
      <c r="R1529" t="s">
        <v>7985</v>
      </c>
      <c r="S1529">
        <v>978</v>
      </c>
    </row>
    <row r="1530" spans="1:19" x14ac:dyDescent="0.25">
      <c r="A1530">
        <v>35745646</v>
      </c>
      <c r="B1530" t="s">
        <v>7986</v>
      </c>
      <c r="C1530" s="1" t="s">
        <v>7987</v>
      </c>
      <c r="E1530">
        <v>0</v>
      </c>
      <c r="F1530">
        <v>12</v>
      </c>
      <c r="H1530" t="s">
        <v>7988</v>
      </c>
      <c r="J1530" t="s">
        <v>7989</v>
      </c>
      <c r="K1530" t="s">
        <v>7989</v>
      </c>
      <c r="M1530">
        <v>5359841</v>
      </c>
      <c r="O1530">
        <v>5359841</v>
      </c>
      <c r="P1530">
        <v>1</v>
      </c>
      <c r="Q1530">
        <v>0</v>
      </c>
      <c r="R1530" t="s">
        <v>7990</v>
      </c>
      <c r="S1530">
        <v>41</v>
      </c>
    </row>
    <row r="1531" spans="1:19" x14ac:dyDescent="0.25">
      <c r="A1531">
        <v>23064308</v>
      </c>
      <c r="B1531" t="s">
        <v>7991</v>
      </c>
      <c r="C1531" s="1" t="s">
        <v>7992</v>
      </c>
      <c r="D1531">
        <v>23069117</v>
      </c>
      <c r="E1531">
        <v>1</v>
      </c>
      <c r="F1531">
        <v>0</v>
      </c>
      <c r="H1531" t="s">
        <v>7993</v>
      </c>
      <c r="J1531" t="s">
        <v>7994</v>
      </c>
      <c r="O1531">
        <v>2473505</v>
      </c>
      <c r="P1531">
        <v>1</v>
      </c>
      <c r="Q1531">
        <v>0</v>
      </c>
      <c r="R1531" t="s">
        <v>7995</v>
      </c>
      <c r="S1531">
        <v>838</v>
      </c>
    </row>
    <row r="1532" spans="1:19" x14ac:dyDescent="0.25">
      <c r="A1532">
        <v>7031821</v>
      </c>
      <c r="B1532" t="s">
        <v>7996</v>
      </c>
      <c r="C1532" s="1" t="s">
        <v>7997</v>
      </c>
      <c r="D1532">
        <v>7031876</v>
      </c>
      <c r="E1532">
        <v>1</v>
      </c>
      <c r="F1532">
        <v>0</v>
      </c>
      <c r="H1532" t="s">
        <v>7998</v>
      </c>
      <c r="I1532">
        <v>1</v>
      </c>
      <c r="J1532" t="s">
        <v>7999</v>
      </c>
      <c r="K1532" t="s">
        <v>7999</v>
      </c>
      <c r="M1532">
        <v>21234</v>
      </c>
      <c r="O1532">
        <v>235349</v>
      </c>
      <c r="P1532">
        <v>1</v>
      </c>
      <c r="Q1532">
        <v>7</v>
      </c>
      <c r="R1532" t="s">
        <v>8000</v>
      </c>
      <c r="S1532">
        <v>1917</v>
      </c>
    </row>
    <row r="1533" spans="1:19" x14ac:dyDescent="0.25">
      <c r="A1533">
        <v>53143810</v>
      </c>
      <c r="B1533" t="s">
        <v>8001</v>
      </c>
      <c r="C1533" s="1" t="s">
        <v>8002</v>
      </c>
      <c r="D1533">
        <v>53149710</v>
      </c>
      <c r="E1533">
        <v>1</v>
      </c>
      <c r="F1533">
        <v>0</v>
      </c>
      <c r="H1533" t="s">
        <v>8003</v>
      </c>
      <c r="J1533" t="s">
        <v>8004</v>
      </c>
      <c r="K1533" t="s">
        <v>8005</v>
      </c>
      <c r="M1533">
        <v>5846045</v>
      </c>
      <c r="O1533">
        <v>1743843</v>
      </c>
      <c r="P1533">
        <v>1</v>
      </c>
      <c r="Q1533">
        <v>1</v>
      </c>
      <c r="R1533" t="s">
        <v>8006</v>
      </c>
      <c r="S1533">
        <v>76</v>
      </c>
    </row>
    <row r="1534" spans="1:19" x14ac:dyDescent="0.25">
      <c r="A1534">
        <v>10693580</v>
      </c>
      <c r="B1534" t="s">
        <v>8007</v>
      </c>
      <c r="C1534" s="1" t="s">
        <v>8008</v>
      </c>
      <c r="E1534">
        <v>1</v>
      </c>
      <c r="F1534">
        <v>0</v>
      </c>
      <c r="H1534" t="s">
        <v>8009</v>
      </c>
      <c r="J1534" t="s">
        <v>8010</v>
      </c>
      <c r="K1534" t="s">
        <v>8011</v>
      </c>
      <c r="M1534">
        <v>141172</v>
      </c>
      <c r="O1534">
        <v>1235223</v>
      </c>
      <c r="P1534">
        <v>1</v>
      </c>
      <c r="Q1534">
        <v>0</v>
      </c>
      <c r="R1534" t="s">
        <v>8012</v>
      </c>
      <c r="S1534">
        <v>484</v>
      </c>
    </row>
    <row r="1535" spans="1:19" x14ac:dyDescent="0.25">
      <c r="A1535">
        <v>41867053</v>
      </c>
      <c r="B1535" t="s">
        <v>8013</v>
      </c>
      <c r="C1535" s="1" t="s">
        <v>8014</v>
      </c>
      <c r="E1535">
        <v>0</v>
      </c>
      <c r="F1535">
        <v>0</v>
      </c>
      <c r="H1535" t="s">
        <v>8015</v>
      </c>
      <c r="J1535" t="s">
        <v>8015</v>
      </c>
      <c r="O1535">
        <v>1632075</v>
      </c>
      <c r="P1535">
        <v>1</v>
      </c>
      <c r="Q1535">
        <v>6</v>
      </c>
      <c r="R1535" t="s">
        <v>8016</v>
      </c>
      <c r="S1535">
        <v>831</v>
      </c>
    </row>
    <row r="1536" spans="1:19" x14ac:dyDescent="0.25">
      <c r="A1536">
        <v>42854195</v>
      </c>
      <c r="B1536" t="s">
        <v>8017</v>
      </c>
      <c r="C1536" s="1" t="s">
        <v>8018</v>
      </c>
      <c r="E1536">
        <v>2</v>
      </c>
      <c r="F1536">
        <v>0</v>
      </c>
      <c r="H1536" t="s">
        <v>8019</v>
      </c>
      <c r="J1536" t="s">
        <v>8020</v>
      </c>
      <c r="O1536">
        <v>5717651</v>
      </c>
      <c r="P1536">
        <v>1</v>
      </c>
      <c r="Q1536">
        <v>0</v>
      </c>
      <c r="R1536" t="s">
        <v>2754</v>
      </c>
      <c r="S1536">
        <v>38</v>
      </c>
    </row>
    <row r="1537" spans="1:19" x14ac:dyDescent="0.25">
      <c r="A1537">
        <v>44814589</v>
      </c>
      <c r="B1537" t="s">
        <v>8021</v>
      </c>
      <c r="C1537" s="1" t="s">
        <v>8022</v>
      </c>
      <c r="E1537">
        <v>0</v>
      </c>
      <c r="F1537">
        <v>4</v>
      </c>
      <c r="H1537" t="s">
        <v>8023</v>
      </c>
      <c r="I1537">
        <v>1</v>
      </c>
      <c r="J1537" t="s">
        <v>8024</v>
      </c>
      <c r="K1537" t="s">
        <v>8024</v>
      </c>
      <c r="M1537">
        <v>2200733</v>
      </c>
      <c r="O1537">
        <v>2200733</v>
      </c>
      <c r="P1537">
        <v>1</v>
      </c>
      <c r="Q1537">
        <v>1</v>
      </c>
      <c r="R1537" t="s">
        <v>8025</v>
      </c>
      <c r="S1537">
        <v>327</v>
      </c>
    </row>
    <row r="1538" spans="1:19" x14ac:dyDescent="0.25">
      <c r="A1538">
        <v>15402262</v>
      </c>
      <c r="B1538" t="s">
        <v>8026</v>
      </c>
      <c r="C1538" s="1" t="s">
        <v>8027</v>
      </c>
      <c r="D1538">
        <v>15402301</v>
      </c>
      <c r="E1538">
        <v>1</v>
      </c>
      <c r="F1538">
        <v>1</v>
      </c>
      <c r="H1538" t="s">
        <v>8028</v>
      </c>
      <c r="I1538">
        <v>1</v>
      </c>
      <c r="J1538" t="s">
        <v>8029</v>
      </c>
      <c r="K1538" t="s">
        <v>8030</v>
      </c>
      <c r="M1538">
        <v>1144176</v>
      </c>
      <c r="O1538">
        <v>1065490</v>
      </c>
      <c r="P1538">
        <v>1</v>
      </c>
      <c r="Q1538">
        <v>0</v>
      </c>
      <c r="R1538" t="s">
        <v>8031</v>
      </c>
      <c r="S1538">
        <v>124</v>
      </c>
    </row>
    <row r="1539" spans="1:19" x14ac:dyDescent="0.25">
      <c r="A1539">
        <v>50466231</v>
      </c>
      <c r="B1539" t="s">
        <v>8032</v>
      </c>
      <c r="C1539" s="1" t="s">
        <v>8033</v>
      </c>
      <c r="E1539">
        <v>1</v>
      </c>
      <c r="F1539">
        <v>0</v>
      </c>
      <c r="H1539" t="s">
        <v>8034</v>
      </c>
      <c r="J1539" t="s">
        <v>8035</v>
      </c>
      <c r="O1539">
        <v>5133838</v>
      </c>
      <c r="P1539">
        <v>1</v>
      </c>
      <c r="Q1539">
        <v>0</v>
      </c>
      <c r="R1539" t="s">
        <v>8036</v>
      </c>
      <c r="S1539">
        <v>299</v>
      </c>
    </row>
    <row r="1540" spans="1:19" x14ac:dyDescent="0.25">
      <c r="A1540">
        <v>49521729</v>
      </c>
      <c r="B1540" t="s">
        <v>8037</v>
      </c>
      <c r="C1540" s="1" t="s">
        <v>8038</v>
      </c>
      <c r="E1540">
        <v>1</v>
      </c>
      <c r="F1540">
        <v>0</v>
      </c>
      <c r="H1540" t="s">
        <v>8039</v>
      </c>
      <c r="J1540" t="s">
        <v>8040</v>
      </c>
      <c r="O1540">
        <v>9560520</v>
      </c>
      <c r="P1540">
        <v>1</v>
      </c>
      <c r="Q1540">
        <v>-2</v>
      </c>
      <c r="R1540" t="s">
        <v>8041</v>
      </c>
      <c r="S1540">
        <v>33</v>
      </c>
    </row>
    <row r="1541" spans="1:19" x14ac:dyDescent="0.25">
      <c r="A1541">
        <v>45098088</v>
      </c>
      <c r="B1541" t="s">
        <v>8042</v>
      </c>
      <c r="C1541" s="1" t="s">
        <v>8043</v>
      </c>
      <c r="E1541">
        <v>1</v>
      </c>
      <c r="F1541">
        <v>5</v>
      </c>
      <c r="H1541" t="s">
        <v>8044</v>
      </c>
      <c r="I1541">
        <v>1</v>
      </c>
      <c r="J1541" t="s">
        <v>8045</v>
      </c>
      <c r="K1541" t="s">
        <v>8046</v>
      </c>
      <c r="M1541">
        <v>7930794</v>
      </c>
      <c r="O1541">
        <v>7930794</v>
      </c>
      <c r="P1541">
        <v>1</v>
      </c>
      <c r="Q1541">
        <v>0</v>
      </c>
      <c r="R1541" t="s">
        <v>8047</v>
      </c>
      <c r="S1541">
        <v>70</v>
      </c>
    </row>
    <row r="1542" spans="1:19" x14ac:dyDescent="0.25">
      <c r="A1542">
        <v>20871707</v>
      </c>
      <c r="B1542" t="s">
        <v>8048</v>
      </c>
      <c r="C1542" t="s">
        <v>8049</v>
      </c>
      <c r="D1542">
        <v>20872255</v>
      </c>
      <c r="E1542">
        <v>1</v>
      </c>
      <c r="F1542">
        <v>3</v>
      </c>
      <c r="H1542" t="s">
        <v>8050</v>
      </c>
      <c r="I1542">
        <v>0</v>
      </c>
      <c r="J1542" t="s">
        <v>8051</v>
      </c>
      <c r="O1542">
        <v>1191072</v>
      </c>
      <c r="P1542">
        <v>1</v>
      </c>
      <c r="Q1542">
        <v>0</v>
      </c>
      <c r="R1542" t="s">
        <v>8052</v>
      </c>
      <c r="S1542">
        <v>73</v>
      </c>
    </row>
    <row r="1543" spans="1:19" x14ac:dyDescent="0.25">
      <c r="A1543">
        <v>12957703</v>
      </c>
      <c r="B1543" t="s">
        <v>8053</v>
      </c>
      <c r="C1543" s="1" t="s">
        <v>8054</v>
      </c>
      <c r="E1543">
        <v>1</v>
      </c>
      <c r="F1543">
        <v>1</v>
      </c>
      <c r="H1543" t="s">
        <v>8055</v>
      </c>
      <c r="J1543" t="s">
        <v>8056</v>
      </c>
      <c r="K1543" t="s">
        <v>8057</v>
      </c>
      <c r="M1543">
        <v>-1</v>
      </c>
      <c r="O1543">
        <v>1734167</v>
      </c>
      <c r="P1543">
        <v>1</v>
      </c>
      <c r="Q1543">
        <v>-1</v>
      </c>
      <c r="R1543" t="s">
        <v>8058</v>
      </c>
      <c r="S1543">
        <v>817</v>
      </c>
    </row>
    <row r="1544" spans="1:19" x14ac:dyDescent="0.25">
      <c r="A1544">
        <v>45042447</v>
      </c>
      <c r="B1544" t="s">
        <v>8059</v>
      </c>
      <c r="C1544" s="1" t="s">
        <v>8060</v>
      </c>
      <c r="E1544">
        <v>0</v>
      </c>
      <c r="F1544">
        <v>3</v>
      </c>
      <c r="H1544" t="s">
        <v>8061</v>
      </c>
      <c r="J1544" t="s">
        <v>8062</v>
      </c>
      <c r="O1544">
        <v>8291515</v>
      </c>
      <c r="P1544">
        <v>1</v>
      </c>
      <c r="Q1544">
        <v>1</v>
      </c>
      <c r="R1544" t="s">
        <v>8063</v>
      </c>
      <c r="S1544">
        <v>422</v>
      </c>
    </row>
    <row r="1545" spans="1:19" x14ac:dyDescent="0.25">
      <c r="A1545">
        <v>25125342</v>
      </c>
      <c r="B1545" t="s">
        <v>8064</v>
      </c>
      <c r="C1545" s="1" t="s">
        <v>8065</v>
      </c>
      <c r="E1545">
        <v>0</v>
      </c>
      <c r="F1545">
        <v>0</v>
      </c>
      <c r="H1545" t="s">
        <v>8066</v>
      </c>
      <c r="J1545" t="s">
        <v>8066</v>
      </c>
      <c r="O1545">
        <v>854254</v>
      </c>
      <c r="P1545">
        <v>1</v>
      </c>
      <c r="Q1545">
        <v>1</v>
      </c>
      <c r="R1545" t="s">
        <v>8067</v>
      </c>
      <c r="S1545">
        <v>281</v>
      </c>
    </row>
    <row r="1546" spans="1:19" x14ac:dyDescent="0.25">
      <c r="A1546">
        <v>48995393</v>
      </c>
      <c r="B1546" t="s">
        <v>8068</v>
      </c>
      <c r="C1546" s="1" t="s">
        <v>8069</v>
      </c>
      <c r="E1546">
        <v>1</v>
      </c>
      <c r="F1546">
        <v>4</v>
      </c>
      <c r="H1546" t="s">
        <v>8070</v>
      </c>
      <c r="J1546" t="s">
        <v>8071</v>
      </c>
      <c r="K1546" t="s">
        <v>8072</v>
      </c>
      <c r="M1546">
        <v>300187</v>
      </c>
      <c r="O1546">
        <v>6189879</v>
      </c>
      <c r="P1546">
        <v>1</v>
      </c>
      <c r="Q1546">
        <v>0</v>
      </c>
      <c r="R1546" t="s">
        <v>8073</v>
      </c>
      <c r="S1546">
        <v>292</v>
      </c>
    </row>
    <row r="1547" spans="1:19" x14ac:dyDescent="0.25">
      <c r="A1547">
        <v>47219147</v>
      </c>
      <c r="B1547" t="s">
        <v>8074</v>
      </c>
      <c r="C1547" s="1" t="s">
        <v>8075</v>
      </c>
      <c r="E1547">
        <v>1</v>
      </c>
      <c r="F1547">
        <v>2</v>
      </c>
      <c r="H1547" t="s">
        <v>8076</v>
      </c>
      <c r="J1547" t="s">
        <v>8077</v>
      </c>
      <c r="O1547">
        <v>1690675</v>
      </c>
      <c r="P1547">
        <v>1</v>
      </c>
      <c r="Q1547">
        <v>4</v>
      </c>
      <c r="R1547" t="s">
        <v>8078</v>
      </c>
      <c r="S1547">
        <v>1553</v>
      </c>
    </row>
    <row r="1548" spans="1:19" x14ac:dyDescent="0.25">
      <c r="A1548">
        <v>30476554</v>
      </c>
      <c r="B1548" t="s">
        <v>8079</v>
      </c>
      <c r="C1548" s="1" t="s">
        <v>8080</v>
      </c>
      <c r="D1548">
        <v>30478572</v>
      </c>
      <c r="E1548">
        <v>2</v>
      </c>
      <c r="F1548">
        <v>2</v>
      </c>
      <c r="H1548" t="s">
        <v>8081</v>
      </c>
      <c r="J1548" t="s">
        <v>8082</v>
      </c>
      <c r="K1548" t="s">
        <v>8083</v>
      </c>
      <c r="M1548">
        <v>4818513</v>
      </c>
      <c r="O1548">
        <v>2897869</v>
      </c>
      <c r="P1548">
        <v>1</v>
      </c>
      <c r="Q1548">
        <v>-1</v>
      </c>
      <c r="R1548" t="s">
        <v>8084</v>
      </c>
      <c r="S1548">
        <v>269</v>
      </c>
    </row>
    <row r="1549" spans="1:19" x14ac:dyDescent="0.25">
      <c r="A1549">
        <v>22996470</v>
      </c>
      <c r="B1549" t="s">
        <v>8085</v>
      </c>
      <c r="C1549" s="1" t="s">
        <v>8086</v>
      </c>
      <c r="D1549">
        <v>22996765</v>
      </c>
      <c r="E1549">
        <v>1</v>
      </c>
      <c r="F1549">
        <v>1</v>
      </c>
      <c r="H1549" t="s">
        <v>8087</v>
      </c>
      <c r="J1549" t="s">
        <v>8088</v>
      </c>
      <c r="K1549" t="s">
        <v>8088</v>
      </c>
      <c r="L1549" t="s">
        <v>8089</v>
      </c>
      <c r="N1549" t="s">
        <v>8089</v>
      </c>
      <c r="P1549">
        <v>1</v>
      </c>
      <c r="Q1549">
        <v>0</v>
      </c>
      <c r="R1549" t="s">
        <v>8090</v>
      </c>
      <c r="S1549">
        <v>160</v>
      </c>
    </row>
    <row r="1550" spans="1:19" x14ac:dyDescent="0.25">
      <c r="A1550">
        <v>26749760</v>
      </c>
      <c r="B1550" t="s">
        <v>8091</v>
      </c>
      <c r="C1550" s="1" t="s">
        <v>8092</v>
      </c>
      <c r="E1550">
        <v>1</v>
      </c>
      <c r="F1550">
        <v>1</v>
      </c>
      <c r="H1550" t="s">
        <v>8093</v>
      </c>
      <c r="J1550" t="s">
        <v>8094</v>
      </c>
      <c r="K1550" t="s">
        <v>8095</v>
      </c>
      <c r="M1550">
        <v>2430414</v>
      </c>
      <c r="O1550">
        <v>1542880</v>
      </c>
      <c r="P1550">
        <v>1</v>
      </c>
      <c r="Q1550">
        <v>1</v>
      </c>
      <c r="R1550" t="s">
        <v>8096</v>
      </c>
      <c r="S1550">
        <v>1580</v>
      </c>
    </row>
    <row r="1551" spans="1:19" x14ac:dyDescent="0.25">
      <c r="A1551">
        <v>24447667</v>
      </c>
      <c r="B1551" t="s">
        <v>8097</v>
      </c>
      <c r="C1551" s="1" t="s">
        <v>8098</v>
      </c>
      <c r="E1551">
        <v>1</v>
      </c>
      <c r="F1551">
        <v>4</v>
      </c>
      <c r="H1551" t="s">
        <v>8099</v>
      </c>
      <c r="J1551" t="s">
        <v>8100</v>
      </c>
      <c r="K1551" t="s">
        <v>8101</v>
      </c>
      <c r="M1551">
        <v>2894974</v>
      </c>
      <c r="O1551">
        <v>1315290</v>
      </c>
      <c r="P1551">
        <v>1</v>
      </c>
      <c r="Q1551">
        <v>0</v>
      </c>
      <c r="R1551" t="s">
        <v>8102</v>
      </c>
      <c r="S1551">
        <v>669</v>
      </c>
    </row>
    <row r="1552" spans="1:19" x14ac:dyDescent="0.25">
      <c r="A1552">
        <v>37180561</v>
      </c>
      <c r="B1552" t="s">
        <v>8103</v>
      </c>
      <c r="C1552" t="s">
        <v>8104</v>
      </c>
      <c r="E1552">
        <v>1</v>
      </c>
      <c r="F1552">
        <v>1</v>
      </c>
      <c r="H1552" t="s">
        <v>8105</v>
      </c>
      <c r="J1552" t="s">
        <v>8106</v>
      </c>
      <c r="O1552">
        <v>6324221</v>
      </c>
      <c r="P1552">
        <v>1</v>
      </c>
      <c r="Q1552">
        <v>0</v>
      </c>
      <c r="R1552" t="s">
        <v>8107</v>
      </c>
      <c r="S1552">
        <v>1331</v>
      </c>
    </row>
    <row r="1553" spans="1:19" x14ac:dyDescent="0.25">
      <c r="A1553">
        <v>43598016</v>
      </c>
      <c r="B1553" t="s">
        <v>8108</v>
      </c>
      <c r="C1553" s="1" t="s">
        <v>8109</v>
      </c>
      <c r="D1553">
        <v>43598445</v>
      </c>
      <c r="E1553">
        <v>1</v>
      </c>
      <c r="F1553">
        <v>0</v>
      </c>
      <c r="H1553" t="s">
        <v>8110</v>
      </c>
      <c r="J1553" t="s">
        <v>8111</v>
      </c>
      <c r="O1553">
        <v>4754246</v>
      </c>
      <c r="P1553">
        <v>1</v>
      </c>
      <c r="Q1553">
        <v>1</v>
      </c>
      <c r="R1553" t="s">
        <v>8112</v>
      </c>
      <c r="S1553">
        <v>65</v>
      </c>
    </row>
    <row r="1554" spans="1:19" x14ac:dyDescent="0.25">
      <c r="A1554">
        <v>27756003</v>
      </c>
      <c r="B1554" t="s">
        <v>8113</v>
      </c>
      <c r="C1554" s="1" t="s">
        <v>8114</v>
      </c>
      <c r="E1554">
        <v>2</v>
      </c>
      <c r="F1554">
        <v>5</v>
      </c>
      <c r="H1554" t="s">
        <v>8115</v>
      </c>
      <c r="J1554" t="s">
        <v>8116</v>
      </c>
      <c r="K1554" t="s">
        <v>8117</v>
      </c>
      <c r="M1554">
        <v>581907</v>
      </c>
      <c r="O1554">
        <v>581907</v>
      </c>
      <c r="P1554">
        <v>1</v>
      </c>
      <c r="Q1554">
        <v>1</v>
      </c>
      <c r="R1554" t="s">
        <v>8118</v>
      </c>
      <c r="S1554">
        <v>6212</v>
      </c>
    </row>
    <row r="1555" spans="1:19" x14ac:dyDescent="0.25">
      <c r="A1555">
        <v>19706208</v>
      </c>
      <c r="B1555" t="s">
        <v>8119</v>
      </c>
      <c r="C1555" s="1" t="s">
        <v>8120</v>
      </c>
      <c r="E1555">
        <v>3</v>
      </c>
      <c r="F1555">
        <v>3</v>
      </c>
      <c r="H1555" t="s">
        <v>8121</v>
      </c>
      <c r="J1555" t="s">
        <v>8122</v>
      </c>
      <c r="K1555" t="s">
        <v>8123</v>
      </c>
      <c r="M1555">
        <v>2265025</v>
      </c>
      <c r="O1555">
        <v>2265025</v>
      </c>
      <c r="P1555">
        <v>1</v>
      </c>
      <c r="Q1555">
        <v>1</v>
      </c>
      <c r="R1555" t="s">
        <v>8124</v>
      </c>
      <c r="S1555">
        <v>4079</v>
      </c>
    </row>
    <row r="1556" spans="1:19" x14ac:dyDescent="0.25">
      <c r="A1556">
        <v>34142255</v>
      </c>
      <c r="B1556" t="s">
        <v>8125</v>
      </c>
      <c r="C1556" s="1" t="s">
        <v>8126</v>
      </c>
      <c r="E1556">
        <v>1</v>
      </c>
      <c r="F1556">
        <v>7</v>
      </c>
      <c r="H1556" t="s">
        <v>8127</v>
      </c>
      <c r="J1556" t="s">
        <v>8128</v>
      </c>
      <c r="O1556">
        <v>5021893</v>
      </c>
      <c r="P1556">
        <v>1</v>
      </c>
      <c r="Q1556">
        <v>0</v>
      </c>
      <c r="R1556" t="s">
        <v>8129</v>
      </c>
      <c r="S1556">
        <v>975</v>
      </c>
    </row>
    <row r="1557" spans="1:19" x14ac:dyDescent="0.25">
      <c r="A1557">
        <v>10830675</v>
      </c>
      <c r="B1557" t="s">
        <v>8130</v>
      </c>
      <c r="C1557" s="1" t="s">
        <v>8131</v>
      </c>
      <c r="D1557">
        <v>10831199</v>
      </c>
      <c r="E1557">
        <v>1</v>
      </c>
      <c r="F1557">
        <v>0</v>
      </c>
      <c r="H1557" t="s">
        <v>8132</v>
      </c>
      <c r="J1557" t="s">
        <v>8133</v>
      </c>
      <c r="O1557">
        <v>1164796</v>
      </c>
      <c r="P1557">
        <v>1</v>
      </c>
      <c r="Q1557">
        <v>0</v>
      </c>
      <c r="R1557" t="s">
        <v>8134</v>
      </c>
      <c r="S1557">
        <v>312</v>
      </c>
    </row>
    <row r="1558" spans="1:19" x14ac:dyDescent="0.25">
      <c r="A1558">
        <v>21621492</v>
      </c>
      <c r="B1558" t="s">
        <v>8135</v>
      </c>
      <c r="C1558" s="1" t="s">
        <v>8136</v>
      </c>
      <c r="E1558">
        <v>0</v>
      </c>
      <c r="F1558">
        <v>7</v>
      </c>
      <c r="H1558" t="s">
        <v>8137</v>
      </c>
      <c r="J1558" t="s">
        <v>8138</v>
      </c>
      <c r="K1558" t="s">
        <v>8138</v>
      </c>
      <c r="M1558">
        <v>2417295</v>
      </c>
      <c r="O1558">
        <v>2727847</v>
      </c>
      <c r="P1558">
        <v>1</v>
      </c>
      <c r="Q1558">
        <v>0</v>
      </c>
      <c r="R1558" t="s">
        <v>8139</v>
      </c>
      <c r="S1558">
        <v>167</v>
      </c>
    </row>
    <row r="1559" spans="1:19" x14ac:dyDescent="0.25">
      <c r="A1559">
        <v>32743105</v>
      </c>
      <c r="B1559" t="s">
        <v>8140</v>
      </c>
      <c r="C1559" s="1" t="s">
        <v>8141</v>
      </c>
      <c r="D1559">
        <v>32743497</v>
      </c>
      <c r="E1559">
        <v>1</v>
      </c>
      <c r="F1559">
        <v>2</v>
      </c>
      <c r="H1559" t="s">
        <v>8142</v>
      </c>
      <c r="J1559" t="s">
        <v>8143</v>
      </c>
      <c r="O1559">
        <v>5098338</v>
      </c>
      <c r="P1559">
        <v>1</v>
      </c>
      <c r="Q1559">
        <v>0</v>
      </c>
      <c r="R1559" t="s">
        <v>8144</v>
      </c>
      <c r="S1559">
        <v>277</v>
      </c>
    </row>
    <row r="1560" spans="1:19" x14ac:dyDescent="0.25">
      <c r="A1560">
        <v>50963829</v>
      </c>
      <c r="B1560" t="s">
        <v>8145</v>
      </c>
      <c r="C1560" s="1" t="s">
        <v>8146</v>
      </c>
      <c r="D1560">
        <v>50964320</v>
      </c>
      <c r="E1560">
        <v>1</v>
      </c>
      <c r="F1560">
        <v>0</v>
      </c>
      <c r="H1560" t="s">
        <v>8147</v>
      </c>
      <c r="J1560" t="s">
        <v>8148</v>
      </c>
      <c r="K1560" t="s">
        <v>8148</v>
      </c>
      <c r="M1560">
        <v>4240413</v>
      </c>
      <c r="O1560">
        <v>4240413</v>
      </c>
      <c r="P1560">
        <v>1</v>
      </c>
      <c r="Q1560">
        <v>5</v>
      </c>
      <c r="R1560" t="s">
        <v>8149</v>
      </c>
      <c r="S1560">
        <v>159</v>
      </c>
    </row>
    <row r="1561" spans="1:19" x14ac:dyDescent="0.25">
      <c r="A1561">
        <v>6897765</v>
      </c>
      <c r="B1561" t="s">
        <v>8150</v>
      </c>
      <c r="C1561" s="1" t="s">
        <v>8151</v>
      </c>
      <c r="D1561">
        <v>6897853</v>
      </c>
      <c r="E1561">
        <v>1</v>
      </c>
      <c r="F1561">
        <v>2</v>
      </c>
      <c r="H1561" t="s">
        <v>8152</v>
      </c>
      <c r="J1561" t="s">
        <v>8153</v>
      </c>
      <c r="K1561" t="s">
        <v>8154</v>
      </c>
      <c r="M1561">
        <v>707414</v>
      </c>
      <c r="O1561">
        <v>707414</v>
      </c>
      <c r="P1561">
        <v>1</v>
      </c>
      <c r="Q1561">
        <v>2</v>
      </c>
      <c r="R1561" t="s">
        <v>8155</v>
      </c>
      <c r="S1561">
        <v>6341</v>
      </c>
    </row>
    <row r="1562" spans="1:19" x14ac:dyDescent="0.25">
      <c r="A1562">
        <v>39479583</v>
      </c>
      <c r="B1562" t="s">
        <v>8156</v>
      </c>
      <c r="C1562" s="1" t="s">
        <v>8157</v>
      </c>
      <c r="E1562">
        <v>1</v>
      </c>
      <c r="F1562">
        <v>0</v>
      </c>
      <c r="H1562" t="s">
        <v>8158</v>
      </c>
      <c r="J1562" t="s">
        <v>8159</v>
      </c>
      <c r="O1562">
        <v>4196034</v>
      </c>
      <c r="P1562">
        <v>1</v>
      </c>
      <c r="Q1562">
        <v>0</v>
      </c>
      <c r="R1562" t="s">
        <v>8160</v>
      </c>
      <c r="S1562">
        <v>429</v>
      </c>
    </row>
    <row r="1563" spans="1:19" x14ac:dyDescent="0.25">
      <c r="A1563">
        <v>40983368</v>
      </c>
      <c r="B1563" t="s">
        <v>8161</v>
      </c>
      <c r="C1563" s="1" t="s">
        <v>8162</v>
      </c>
      <c r="D1563">
        <v>41033830</v>
      </c>
      <c r="E1563">
        <v>1</v>
      </c>
      <c r="F1563">
        <v>6</v>
      </c>
      <c r="H1563" t="s">
        <v>8163</v>
      </c>
      <c r="J1563" t="s">
        <v>8164</v>
      </c>
      <c r="O1563">
        <v>1403083</v>
      </c>
      <c r="P1563">
        <v>1</v>
      </c>
      <c r="Q1563">
        <v>1</v>
      </c>
      <c r="R1563" t="s">
        <v>8165</v>
      </c>
      <c r="S1563">
        <v>694</v>
      </c>
    </row>
    <row r="1564" spans="1:19" x14ac:dyDescent="0.25">
      <c r="A1564">
        <v>46669340</v>
      </c>
      <c r="B1564" t="s">
        <v>8166</v>
      </c>
      <c r="C1564" s="1" t="s">
        <v>8167</v>
      </c>
      <c r="E1564">
        <v>1</v>
      </c>
      <c r="F1564">
        <v>9</v>
      </c>
      <c r="H1564" t="s">
        <v>8168</v>
      </c>
      <c r="J1564" t="s">
        <v>8169</v>
      </c>
      <c r="K1564" t="s">
        <v>8169</v>
      </c>
      <c r="M1564">
        <v>3915651</v>
      </c>
      <c r="O1564">
        <v>6161634</v>
      </c>
      <c r="P1564">
        <v>1</v>
      </c>
      <c r="Q1564">
        <v>0</v>
      </c>
      <c r="R1564" t="s">
        <v>8170</v>
      </c>
      <c r="S1564">
        <v>105</v>
      </c>
    </row>
    <row r="1565" spans="1:19" x14ac:dyDescent="0.25">
      <c r="A1565">
        <v>15301605</v>
      </c>
      <c r="B1565" t="s">
        <v>8171</v>
      </c>
      <c r="C1565" t="s">
        <v>8172</v>
      </c>
      <c r="D1565">
        <v>15309028</v>
      </c>
      <c r="E1565">
        <v>1</v>
      </c>
      <c r="F1565">
        <v>0</v>
      </c>
      <c r="H1565" t="s">
        <v>8173</v>
      </c>
      <c r="J1565" t="s">
        <v>8174</v>
      </c>
      <c r="O1565">
        <v>449227</v>
      </c>
      <c r="P1565">
        <v>1</v>
      </c>
      <c r="Q1565">
        <v>0</v>
      </c>
      <c r="R1565" t="s">
        <v>8175</v>
      </c>
      <c r="S1565">
        <v>418</v>
      </c>
    </row>
    <row r="1566" spans="1:19" x14ac:dyDescent="0.25">
      <c r="A1566">
        <v>3392890</v>
      </c>
      <c r="B1566" t="s">
        <v>8176</v>
      </c>
      <c r="C1566" s="1" t="s">
        <v>8177</v>
      </c>
      <c r="D1566">
        <v>3397800</v>
      </c>
      <c r="E1566">
        <v>1</v>
      </c>
      <c r="F1566">
        <v>0</v>
      </c>
      <c r="H1566" t="s">
        <v>8178</v>
      </c>
      <c r="J1566" t="s">
        <v>8179</v>
      </c>
      <c r="O1566">
        <v>396435</v>
      </c>
      <c r="P1566">
        <v>1</v>
      </c>
      <c r="Q1566">
        <v>2</v>
      </c>
      <c r="R1566" t="s">
        <v>8180</v>
      </c>
      <c r="S1566">
        <v>117</v>
      </c>
    </row>
    <row r="1567" spans="1:19" x14ac:dyDescent="0.25">
      <c r="A1567">
        <v>25408673</v>
      </c>
      <c r="B1567" t="s">
        <v>8181</v>
      </c>
      <c r="C1567" t="s">
        <v>8182</v>
      </c>
      <c r="D1567">
        <v>25409025</v>
      </c>
      <c r="E1567">
        <v>2</v>
      </c>
      <c r="F1567">
        <v>0</v>
      </c>
      <c r="H1567" t="s">
        <v>8183</v>
      </c>
      <c r="J1567" t="s">
        <v>8184</v>
      </c>
      <c r="O1567">
        <v>3147395</v>
      </c>
      <c r="P1567">
        <v>1</v>
      </c>
      <c r="Q1567">
        <v>0</v>
      </c>
      <c r="R1567" t="s">
        <v>8185</v>
      </c>
      <c r="S1567">
        <v>77</v>
      </c>
    </row>
    <row r="1568" spans="1:19" x14ac:dyDescent="0.25">
      <c r="A1568">
        <v>48958331</v>
      </c>
      <c r="B1568" t="s">
        <v>8186</v>
      </c>
      <c r="C1568" s="1" t="s">
        <v>8187</v>
      </c>
      <c r="E1568">
        <v>0</v>
      </c>
      <c r="F1568">
        <v>3</v>
      </c>
      <c r="H1568" t="s">
        <v>8188</v>
      </c>
      <c r="J1568" t="s">
        <v>8189</v>
      </c>
      <c r="K1568" t="s">
        <v>8189</v>
      </c>
      <c r="M1568">
        <v>5633198</v>
      </c>
      <c r="O1568">
        <v>5633198</v>
      </c>
      <c r="P1568">
        <v>1</v>
      </c>
      <c r="Q1568">
        <v>0</v>
      </c>
      <c r="R1568" t="s">
        <v>8190</v>
      </c>
      <c r="S1568">
        <v>65</v>
      </c>
    </row>
    <row r="1569" spans="1:19" x14ac:dyDescent="0.25">
      <c r="A1569">
        <v>42559739</v>
      </c>
      <c r="B1569" t="s">
        <v>8191</v>
      </c>
      <c r="C1569" s="1" t="s">
        <v>8192</v>
      </c>
      <c r="E1569">
        <v>1</v>
      </c>
      <c r="F1569">
        <v>2</v>
      </c>
      <c r="H1569" t="s">
        <v>8193</v>
      </c>
      <c r="J1569" t="s">
        <v>8194</v>
      </c>
      <c r="O1569">
        <v>7648391</v>
      </c>
      <c r="P1569">
        <v>1</v>
      </c>
      <c r="Q1569">
        <v>0</v>
      </c>
      <c r="R1569" t="s">
        <v>8195</v>
      </c>
      <c r="S1569">
        <v>61</v>
      </c>
    </row>
    <row r="1570" spans="1:19" x14ac:dyDescent="0.25">
      <c r="A1570">
        <v>27320191</v>
      </c>
      <c r="B1570" t="s">
        <v>8196</v>
      </c>
      <c r="C1570" s="1" t="s">
        <v>8197</v>
      </c>
      <c r="D1570">
        <v>27413320</v>
      </c>
      <c r="E1570">
        <v>3</v>
      </c>
      <c r="F1570">
        <v>2</v>
      </c>
      <c r="H1570" t="s">
        <v>8198</v>
      </c>
      <c r="J1570" t="s">
        <v>8199</v>
      </c>
      <c r="O1570">
        <v>2614561</v>
      </c>
      <c r="P1570">
        <v>1</v>
      </c>
      <c r="Q1570">
        <v>1</v>
      </c>
      <c r="R1570" t="s">
        <v>8200</v>
      </c>
      <c r="S1570">
        <v>3228</v>
      </c>
    </row>
    <row r="1571" spans="1:19" x14ac:dyDescent="0.25">
      <c r="A1571">
        <v>21656294</v>
      </c>
      <c r="B1571" t="s">
        <v>8201</v>
      </c>
      <c r="C1571" s="1" t="s">
        <v>8202</v>
      </c>
      <c r="E1571">
        <v>0</v>
      </c>
      <c r="F1571">
        <v>3</v>
      </c>
      <c r="H1571" t="s">
        <v>8203</v>
      </c>
      <c r="J1571" t="s">
        <v>8204</v>
      </c>
      <c r="K1571" t="s">
        <v>8204</v>
      </c>
      <c r="M1571">
        <v>2753840</v>
      </c>
      <c r="O1571">
        <v>2753840</v>
      </c>
      <c r="P1571">
        <v>1</v>
      </c>
      <c r="Q1571">
        <v>1</v>
      </c>
      <c r="R1571" t="s">
        <v>8205</v>
      </c>
      <c r="S1571">
        <v>159</v>
      </c>
    </row>
    <row r="1572" spans="1:19" x14ac:dyDescent="0.25">
      <c r="A1572">
        <v>36784047</v>
      </c>
      <c r="B1572" t="s">
        <v>8206</v>
      </c>
      <c r="C1572" s="1" t="s">
        <v>8207</v>
      </c>
      <c r="E1572">
        <v>1</v>
      </c>
      <c r="F1572">
        <v>0</v>
      </c>
      <c r="H1572" t="s">
        <v>8208</v>
      </c>
      <c r="J1572" t="s">
        <v>8209</v>
      </c>
      <c r="K1572" t="s">
        <v>8209</v>
      </c>
      <c r="M1572">
        <v>1033581</v>
      </c>
      <c r="O1572">
        <v>6036706</v>
      </c>
      <c r="P1572">
        <v>1</v>
      </c>
      <c r="Q1572">
        <v>1</v>
      </c>
      <c r="R1572" t="s">
        <v>8210</v>
      </c>
      <c r="S1572">
        <v>55</v>
      </c>
    </row>
    <row r="1573" spans="1:19" x14ac:dyDescent="0.25">
      <c r="A1573">
        <v>37292355</v>
      </c>
      <c r="B1573" t="s">
        <v>8211</v>
      </c>
      <c r="C1573" s="1" t="s">
        <v>8212</v>
      </c>
      <c r="D1573">
        <v>37292670</v>
      </c>
      <c r="E1573">
        <v>1</v>
      </c>
      <c r="F1573">
        <v>0</v>
      </c>
      <c r="H1573" t="s">
        <v>8213</v>
      </c>
      <c r="J1573" t="s">
        <v>8214</v>
      </c>
      <c r="K1573" t="s">
        <v>8215</v>
      </c>
      <c r="M1573">
        <v>2030321</v>
      </c>
      <c r="O1573">
        <v>3701974</v>
      </c>
      <c r="P1573">
        <v>1</v>
      </c>
      <c r="Q1573">
        <v>0</v>
      </c>
      <c r="R1573" t="s">
        <v>8216</v>
      </c>
      <c r="S1573">
        <v>140</v>
      </c>
    </row>
    <row r="1574" spans="1:19" x14ac:dyDescent="0.25">
      <c r="A1574">
        <v>47515107</v>
      </c>
      <c r="B1574" t="s">
        <v>8217</v>
      </c>
      <c r="C1574" s="1" t="s">
        <v>8218</v>
      </c>
      <c r="E1574">
        <v>2</v>
      </c>
      <c r="F1574">
        <v>3</v>
      </c>
      <c r="H1574" t="s">
        <v>8219</v>
      </c>
      <c r="J1574" t="s">
        <v>8220</v>
      </c>
      <c r="O1574">
        <v>9014750</v>
      </c>
      <c r="P1574">
        <v>1</v>
      </c>
      <c r="Q1574">
        <v>0</v>
      </c>
      <c r="R1574" t="s">
        <v>8221</v>
      </c>
      <c r="S1574">
        <v>38</v>
      </c>
    </row>
    <row r="1575" spans="1:19" x14ac:dyDescent="0.25">
      <c r="A1575">
        <v>39679910</v>
      </c>
      <c r="B1575" t="s">
        <v>8222</v>
      </c>
      <c r="C1575" s="1" t="s">
        <v>8223</v>
      </c>
      <c r="E1575">
        <v>0</v>
      </c>
      <c r="F1575">
        <v>0</v>
      </c>
      <c r="H1575" t="s">
        <v>8224</v>
      </c>
      <c r="J1575" t="s">
        <v>8225</v>
      </c>
      <c r="K1575" t="s">
        <v>8226</v>
      </c>
      <c r="M1575">
        <v>6754333</v>
      </c>
      <c r="O1575">
        <v>6850358</v>
      </c>
      <c r="P1575">
        <v>1</v>
      </c>
      <c r="Q1575">
        <v>1</v>
      </c>
      <c r="R1575" t="s">
        <v>8227</v>
      </c>
      <c r="S1575">
        <v>301</v>
      </c>
    </row>
    <row r="1576" spans="1:19" x14ac:dyDescent="0.25">
      <c r="A1576">
        <v>50429863</v>
      </c>
      <c r="B1576" t="s">
        <v>8228</v>
      </c>
      <c r="C1576" s="1" t="s">
        <v>8229</v>
      </c>
      <c r="D1576">
        <v>50456723</v>
      </c>
      <c r="E1576">
        <v>1</v>
      </c>
      <c r="F1576">
        <v>3</v>
      </c>
      <c r="H1576" t="s">
        <v>8230</v>
      </c>
      <c r="J1576" t="s">
        <v>8231</v>
      </c>
      <c r="O1576">
        <v>5115462</v>
      </c>
      <c r="P1576">
        <v>1</v>
      </c>
      <c r="Q1576">
        <v>-2</v>
      </c>
      <c r="R1576" t="s">
        <v>8232</v>
      </c>
      <c r="S1576">
        <v>498</v>
      </c>
    </row>
    <row r="1577" spans="1:19" x14ac:dyDescent="0.25">
      <c r="A1577">
        <v>43400614</v>
      </c>
      <c r="B1577" t="s">
        <v>8233</v>
      </c>
      <c r="C1577" s="1" t="s">
        <v>8234</v>
      </c>
      <c r="D1577">
        <v>43401044</v>
      </c>
      <c r="E1577">
        <v>1</v>
      </c>
      <c r="F1577">
        <v>9</v>
      </c>
      <c r="H1577" t="s">
        <v>8235</v>
      </c>
      <c r="J1577" t="s">
        <v>8236</v>
      </c>
      <c r="O1577">
        <v>3418376</v>
      </c>
      <c r="P1577">
        <v>1</v>
      </c>
      <c r="Q1577">
        <v>0</v>
      </c>
      <c r="R1577" t="s">
        <v>8237</v>
      </c>
      <c r="S1577">
        <v>280</v>
      </c>
    </row>
    <row r="1578" spans="1:19" x14ac:dyDescent="0.25">
      <c r="A1578">
        <v>24108203</v>
      </c>
      <c r="B1578" t="s">
        <v>8238</v>
      </c>
      <c r="C1578" s="1" t="s">
        <v>8239</v>
      </c>
      <c r="E1578">
        <v>1</v>
      </c>
      <c r="F1578">
        <v>3</v>
      </c>
      <c r="H1578" t="s">
        <v>8240</v>
      </c>
      <c r="J1578" t="s">
        <v>8241</v>
      </c>
      <c r="K1578" t="s">
        <v>8242</v>
      </c>
      <c r="M1578">
        <v>3720014</v>
      </c>
      <c r="O1578">
        <v>3720014</v>
      </c>
      <c r="P1578">
        <v>1</v>
      </c>
      <c r="Q1578">
        <v>0</v>
      </c>
      <c r="R1578" t="s">
        <v>8243</v>
      </c>
      <c r="S1578">
        <v>205</v>
      </c>
    </row>
    <row r="1579" spans="1:19" x14ac:dyDescent="0.25">
      <c r="A1579">
        <v>35065198</v>
      </c>
      <c r="B1579" t="s">
        <v>8244</v>
      </c>
      <c r="C1579" s="1" t="s">
        <v>8245</v>
      </c>
      <c r="D1579">
        <v>35068690</v>
      </c>
      <c r="E1579">
        <v>1</v>
      </c>
      <c r="F1579">
        <v>2</v>
      </c>
      <c r="H1579" t="s">
        <v>8246</v>
      </c>
      <c r="I1579">
        <v>1</v>
      </c>
      <c r="J1579" t="s">
        <v>8247</v>
      </c>
      <c r="O1579">
        <v>5291575</v>
      </c>
      <c r="P1579">
        <v>1</v>
      </c>
      <c r="Q1579">
        <v>0</v>
      </c>
      <c r="R1579" t="s">
        <v>8248</v>
      </c>
      <c r="S1579">
        <v>69</v>
      </c>
    </row>
    <row r="1580" spans="1:19" x14ac:dyDescent="0.25">
      <c r="A1580">
        <v>37715680</v>
      </c>
      <c r="B1580" t="s">
        <v>8249</v>
      </c>
      <c r="C1580" s="1" t="s">
        <v>8250</v>
      </c>
      <c r="E1580">
        <v>3</v>
      </c>
      <c r="F1580">
        <v>1</v>
      </c>
      <c r="H1580" t="s">
        <v>8251</v>
      </c>
      <c r="J1580" t="s">
        <v>8252</v>
      </c>
      <c r="O1580">
        <v>6214246</v>
      </c>
      <c r="P1580">
        <v>1</v>
      </c>
      <c r="Q1580">
        <v>-1</v>
      </c>
      <c r="R1580" t="s">
        <v>8253</v>
      </c>
      <c r="S1580">
        <v>565</v>
      </c>
    </row>
    <row r="1581" spans="1:19" x14ac:dyDescent="0.25">
      <c r="A1581">
        <v>13520287</v>
      </c>
      <c r="B1581" t="s">
        <v>8254</v>
      </c>
      <c r="C1581" s="1" t="s">
        <v>8255</v>
      </c>
      <c r="E1581">
        <v>2</v>
      </c>
      <c r="F1581">
        <v>3</v>
      </c>
      <c r="H1581" t="s">
        <v>8256</v>
      </c>
      <c r="J1581" t="s">
        <v>8257</v>
      </c>
      <c r="O1581">
        <v>1716168</v>
      </c>
      <c r="P1581">
        <v>1</v>
      </c>
      <c r="Q1581">
        <v>0</v>
      </c>
      <c r="R1581" t="s">
        <v>8258</v>
      </c>
      <c r="S1581">
        <v>480</v>
      </c>
    </row>
    <row r="1582" spans="1:19" x14ac:dyDescent="0.25">
      <c r="A1582">
        <v>13302480</v>
      </c>
      <c r="B1582" t="s">
        <v>8259</v>
      </c>
      <c r="C1582" t="s">
        <v>8260</v>
      </c>
      <c r="E1582">
        <v>0</v>
      </c>
      <c r="F1582">
        <v>2</v>
      </c>
      <c r="H1582" t="s">
        <v>8261</v>
      </c>
      <c r="J1582" t="s">
        <v>8262</v>
      </c>
      <c r="K1582" t="s">
        <v>8262</v>
      </c>
      <c r="M1582">
        <v>146325</v>
      </c>
      <c r="O1582">
        <v>1800186</v>
      </c>
      <c r="P1582">
        <v>1</v>
      </c>
      <c r="Q1582">
        <v>0</v>
      </c>
      <c r="R1582" t="s">
        <v>8263</v>
      </c>
      <c r="S1582">
        <v>382</v>
      </c>
    </row>
    <row r="1583" spans="1:19" x14ac:dyDescent="0.25">
      <c r="A1583">
        <v>12078531</v>
      </c>
      <c r="B1583" t="s">
        <v>8264</v>
      </c>
      <c r="C1583" s="1" t="s">
        <v>8265</v>
      </c>
      <c r="D1583">
        <v>12084304</v>
      </c>
      <c r="E1583">
        <v>1</v>
      </c>
      <c r="F1583">
        <v>1</v>
      </c>
      <c r="H1583" t="s">
        <v>8266</v>
      </c>
      <c r="J1583" t="s">
        <v>8267</v>
      </c>
      <c r="K1583" t="s">
        <v>8268</v>
      </c>
      <c r="M1583">
        <v>69785</v>
      </c>
      <c r="O1583">
        <v>69785</v>
      </c>
      <c r="P1583">
        <v>1</v>
      </c>
      <c r="Q1583">
        <v>0</v>
      </c>
      <c r="R1583" t="s">
        <v>8269</v>
      </c>
      <c r="S1583">
        <v>839</v>
      </c>
    </row>
    <row r="1584" spans="1:19" x14ac:dyDescent="0.25">
      <c r="A1584">
        <v>47682058</v>
      </c>
      <c r="B1584" t="s">
        <v>8270</v>
      </c>
      <c r="C1584" s="1" t="s">
        <v>8271</v>
      </c>
      <c r="D1584">
        <v>47684151</v>
      </c>
      <c r="E1584">
        <v>2</v>
      </c>
      <c r="F1584">
        <v>6</v>
      </c>
      <c r="H1584" t="s">
        <v>8272</v>
      </c>
      <c r="J1584" t="s">
        <v>8273</v>
      </c>
      <c r="K1584" t="s">
        <v>8274</v>
      </c>
      <c r="M1584">
        <v>8378498</v>
      </c>
      <c r="O1584">
        <v>8378498</v>
      </c>
      <c r="P1584">
        <v>1</v>
      </c>
      <c r="Q1584">
        <v>0</v>
      </c>
      <c r="R1584" t="s">
        <v>8275</v>
      </c>
      <c r="S1584">
        <v>91</v>
      </c>
    </row>
    <row r="1585" spans="1:19" x14ac:dyDescent="0.25">
      <c r="A1585">
        <v>2413541</v>
      </c>
      <c r="B1585" t="s">
        <v>8276</v>
      </c>
      <c r="C1585" s="1" t="s">
        <v>8277</v>
      </c>
      <c r="D1585">
        <v>2596034</v>
      </c>
      <c r="E1585">
        <v>3</v>
      </c>
      <c r="F1585">
        <v>1</v>
      </c>
      <c r="H1585" t="s">
        <v>8278</v>
      </c>
      <c r="J1585" t="s">
        <v>8279</v>
      </c>
      <c r="O1585">
        <v>110010</v>
      </c>
      <c r="P1585">
        <v>1</v>
      </c>
      <c r="Q1585">
        <v>1</v>
      </c>
      <c r="R1585" t="s">
        <v>8280</v>
      </c>
      <c r="S1585">
        <v>818</v>
      </c>
    </row>
    <row r="1586" spans="1:19" x14ac:dyDescent="0.25">
      <c r="A1586">
        <v>33365421</v>
      </c>
      <c r="B1586" t="s">
        <v>8281</v>
      </c>
      <c r="C1586" s="1" t="s">
        <v>8282</v>
      </c>
      <c r="E1586">
        <v>1</v>
      </c>
      <c r="F1586">
        <v>1</v>
      </c>
      <c r="H1586" t="s">
        <v>8283</v>
      </c>
      <c r="J1586" t="s">
        <v>8284</v>
      </c>
      <c r="O1586">
        <v>5493127</v>
      </c>
      <c r="P1586">
        <v>1</v>
      </c>
      <c r="Q1586">
        <v>0</v>
      </c>
      <c r="R1586" t="s">
        <v>8285</v>
      </c>
      <c r="S1586">
        <v>31</v>
      </c>
    </row>
    <row r="1587" spans="1:19" x14ac:dyDescent="0.25">
      <c r="A1587">
        <v>34620757</v>
      </c>
      <c r="B1587" t="s">
        <v>8286</v>
      </c>
      <c r="C1587" s="1" t="s">
        <v>8287</v>
      </c>
      <c r="D1587">
        <v>34683352</v>
      </c>
      <c r="E1587">
        <v>2</v>
      </c>
      <c r="F1587">
        <v>3</v>
      </c>
      <c r="H1587" t="s">
        <v>8288</v>
      </c>
      <c r="I1587">
        <v>0</v>
      </c>
      <c r="J1587" t="s">
        <v>8289</v>
      </c>
      <c r="K1587" t="s">
        <v>8290</v>
      </c>
      <c r="M1587">
        <v>3789946</v>
      </c>
      <c r="O1587">
        <v>3789946</v>
      </c>
      <c r="P1587">
        <v>1</v>
      </c>
      <c r="Q1587">
        <v>0</v>
      </c>
      <c r="R1587" t="s">
        <v>8291</v>
      </c>
      <c r="S1587">
        <v>766</v>
      </c>
    </row>
    <row r="1588" spans="1:19" x14ac:dyDescent="0.25">
      <c r="A1588">
        <v>26401076</v>
      </c>
      <c r="B1588" t="s">
        <v>8292</v>
      </c>
      <c r="C1588" s="1" t="s">
        <v>8293</v>
      </c>
      <c r="D1588">
        <v>26402039</v>
      </c>
      <c r="E1588">
        <v>1</v>
      </c>
      <c r="F1588">
        <v>6</v>
      </c>
      <c r="H1588" t="s">
        <v>8294</v>
      </c>
      <c r="I1588">
        <v>2</v>
      </c>
      <c r="J1588" t="s">
        <v>8295</v>
      </c>
      <c r="K1588" t="s">
        <v>8295</v>
      </c>
      <c r="M1588">
        <v>426671</v>
      </c>
      <c r="O1588">
        <v>4149058</v>
      </c>
      <c r="P1588">
        <v>1</v>
      </c>
      <c r="Q1588">
        <v>0</v>
      </c>
      <c r="R1588" t="s">
        <v>8296</v>
      </c>
      <c r="S1588">
        <v>1054</v>
      </c>
    </row>
    <row r="1589" spans="1:19" x14ac:dyDescent="0.25">
      <c r="A1589">
        <v>46547009</v>
      </c>
      <c r="B1589" t="s">
        <v>8297</v>
      </c>
      <c r="C1589" s="1" t="s">
        <v>8298</v>
      </c>
      <c r="E1589">
        <v>1</v>
      </c>
      <c r="F1589">
        <v>6</v>
      </c>
      <c r="H1589" t="s">
        <v>8299</v>
      </c>
      <c r="J1589" t="s">
        <v>8300</v>
      </c>
      <c r="K1589" t="s">
        <v>8301</v>
      </c>
      <c r="M1589">
        <v>8643247</v>
      </c>
      <c r="O1589">
        <v>8643247</v>
      </c>
      <c r="P1589">
        <v>1</v>
      </c>
      <c r="Q1589">
        <v>1</v>
      </c>
      <c r="R1589" t="s">
        <v>8302</v>
      </c>
      <c r="S1589">
        <v>206</v>
      </c>
    </row>
    <row r="1590" spans="1:19" x14ac:dyDescent="0.25">
      <c r="A1590">
        <v>46918325</v>
      </c>
      <c r="B1590" t="s">
        <v>8303</v>
      </c>
      <c r="C1590" s="1" t="s">
        <v>8304</v>
      </c>
      <c r="D1590">
        <v>46955581</v>
      </c>
      <c r="E1590">
        <v>1</v>
      </c>
      <c r="F1590">
        <v>5</v>
      </c>
      <c r="H1590" t="s">
        <v>8305</v>
      </c>
      <c r="J1590" t="s">
        <v>8306</v>
      </c>
      <c r="K1590" t="s">
        <v>8307</v>
      </c>
      <c r="M1590">
        <v>7109030</v>
      </c>
      <c r="O1590">
        <v>7109030</v>
      </c>
      <c r="P1590">
        <v>1</v>
      </c>
      <c r="Q1590">
        <v>-1</v>
      </c>
      <c r="R1590" t="s">
        <v>8308</v>
      </c>
      <c r="S1590">
        <v>81</v>
      </c>
    </row>
    <row r="1591" spans="1:19" x14ac:dyDescent="0.25">
      <c r="A1591">
        <v>13699845</v>
      </c>
      <c r="B1591" t="s">
        <v>8309</v>
      </c>
      <c r="C1591" s="1" t="s">
        <v>8310</v>
      </c>
      <c r="D1591">
        <v>13700463</v>
      </c>
      <c r="E1591">
        <v>1</v>
      </c>
      <c r="F1591">
        <v>0</v>
      </c>
      <c r="H1591" t="s">
        <v>8311</v>
      </c>
      <c r="I1591">
        <v>1</v>
      </c>
      <c r="J1591" t="s">
        <v>8312</v>
      </c>
      <c r="K1591" t="s">
        <v>8313</v>
      </c>
      <c r="M1591">
        <v>928304</v>
      </c>
      <c r="O1591">
        <v>928304</v>
      </c>
      <c r="P1591">
        <v>1</v>
      </c>
      <c r="Q1591">
        <v>2</v>
      </c>
      <c r="R1591" t="s">
        <v>8314</v>
      </c>
      <c r="S1591">
        <v>2530</v>
      </c>
    </row>
    <row r="1592" spans="1:19" x14ac:dyDescent="0.25">
      <c r="A1592">
        <v>38889117</v>
      </c>
      <c r="B1592" t="s">
        <v>8315</v>
      </c>
      <c r="C1592" s="1" t="s">
        <v>8316</v>
      </c>
      <c r="D1592">
        <v>38889983</v>
      </c>
      <c r="E1592">
        <v>2</v>
      </c>
      <c r="F1592">
        <v>0</v>
      </c>
      <c r="H1592" t="s">
        <v>8317</v>
      </c>
      <c r="J1592" t="s">
        <v>8318</v>
      </c>
      <c r="O1592">
        <v>2156013</v>
      </c>
      <c r="P1592">
        <v>1</v>
      </c>
      <c r="Q1592">
        <v>1</v>
      </c>
      <c r="R1592" t="s">
        <v>8319</v>
      </c>
      <c r="S1592">
        <v>35</v>
      </c>
    </row>
    <row r="1593" spans="1:19" x14ac:dyDescent="0.25">
      <c r="A1593">
        <v>51847645</v>
      </c>
      <c r="B1593" t="s">
        <v>8320</v>
      </c>
      <c r="C1593" s="1" t="s">
        <v>8321</v>
      </c>
      <c r="E1593">
        <v>1</v>
      </c>
      <c r="F1593">
        <v>0</v>
      </c>
      <c r="H1593" t="s">
        <v>8322</v>
      </c>
      <c r="J1593" t="s">
        <v>8323</v>
      </c>
      <c r="K1593" t="s">
        <v>8324</v>
      </c>
      <c r="M1593">
        <v>2145211</v>
      </c>
      <c r="O1593">
        <v>2145211</v>
      </c>
      <c r="P1593">
        <v>1</v>
      </c>
      <c r="Q1593">
        <v>0</v>
      </c>
      <c r="R1593" t="s">
        <v>8325</v>
      </c>
      <c r="S1593">
        <v>74</v>
      </c>
    </row>
    <row r="1594" spans="1:19" x14ac:dyDescent="0.25">
      <c r="A1594">
        <v>12634743</v>
      </c>
      <c r="B1594" t="s">
        <v>8326</v>
      </c>
      <c r="C1594" s="1" t="s">
        <v>8327</v>
      </c>
      <c r="D1594">
        <v>12651641</v>
      </c>
      <c r="E1594">
        <v>2</v>
      </c>
      <c r="F1594">
        <v>2</v>
      </c>
      <c r="H1594" t="s">
        <v>8328</v>
      </c>
      <c r="J1594" t="s">
        <v>8329</v>
      </c>
      <c r="K1594" t="s">
        <v>8330</v>
      </c>
      <c r="M1594">
        <v>-1</v>
      </c>
      <c r="O1594">
        <v>1258524</v>
      </c>
      <c r="P1594">
        <v>1</v>
      </c>
      <c r="Q1594">
        <v>1</v>
      </c>
      <c r="R1594" t="s">
        <v>8331</v>
      </c>
      <c r="S1594">
        <v>1392</v>
      </c>
    </row>
    <row r="1595" spans="1:19" x14ac:dyDescent="0.25">
      <c r="A1595">
        <v>35530733</v>
      </c>
      <c r="B1595" t="s">
        <v>8332</v>
      </c>
      <c r="C1595" s="1" t="s">
        <v>8333</v>
      </c>
      <c r="E1595">
        <v>3</v>
      </c>
      <c r="F1595">
        <v>0</v>
      </c>
      <c r="H1595" t="s">
        <v>8334</v>
      </c>
      <c r="J1595" t="s">
        <v>8335</v>
      </c>
      <c r="K1595" t="s">
        <v>8335</v>
      </c>
      <c r="M1595">
        <v>1677912</v>
      </c>
      <c r="O1595">
        <v>4927164</v>
      </c>
      <c r="P1595">
        <v>1</v>
      </c>
      <c r="Q1595">
        <v>0</v>
      </c>
      <c r="R1595" t="s">
        <v>8336</v>
      </c>
      <c r="S1595">
        <v>988</v>
      </c>
    </row>
    <row r="1596" spans="1:19" x14ac:dyDescent="0.25">
      <c r="A1596">
        <v>6810773</v>
      </c>
      <c r="B1596" t="s">
        <v>8337</v>
      </c>
      <c r="C1596" s="1" t="s">
        <v>8338</v>
      </c>
      <c r="D1596">
        <v>6810879</v>
      </c>
      <c r="E1596">
        <v>1</v>
      </c>
      <c r="F1596">
        <v>0</v>
      </c>
      <c r="H1596" t="s">
        <v>8339</v>
      </c>
      <c r="I1596">
        <v>1</v>
      </c>
      <c r="J1596" t="s">
        <v>8340</v>
      </c>
      <c r="O1596">
        <v>81636</v>
      </c>
      <c r="P1596">
        <v>1</v>
      </c>
      <c r="Q1596">
        <v>4</v>
      </c>
      <c r="R1596" t="s">
        <v>8341</v>
      </c>
      <c r="S1596">
        <v>431</v>
      </c>
    </row>
    <row r="1597" spans="1:19" x14ac:dyDescent="0.25">
      <c r="A1597">
        <v>34992186</v>
      </c>
      <c r="B1597" t="s">
        <v>8342</v>
      </c>
      <c r="C1597" s="1" t="s">
        <v>8343</v>
      </c>
      <c r="E1597">
        <v>0</v>
      </c>
      <c r="F1597">
        <v>2</v>
      </c>
      <c r="H1597" t="s">
        <v>8344</v>
      </c>
      <c r="J1597" t="s">
        <v>8344</v>
      </c>
      <c r="O1597">
        <v>5836892</v>
      </c>
      <c r="P1597">
        <v>1</v>
      </c>
      <c r="Q1597">
        <v>0</v>
      </c>
      <c r="R1597" t="s">
        <v>8345</v>
      </c>
      <c r="S1597">
        <v>33</v>
      </c>
    </row>
    <row r="1598" spans="1:19" x14ac:dyDescent="0.25">
      <c r="A1598">
        <v>7940028</v>
      </c>
      <c r="B1598" t="s">
        <v>8346</v>
      </c>
      <c r="C1598" s="1" t="s">
        <v>8347</v>
      </c>
      <c r="E1598">
        <v>3</v>
      </c>
      <c r="F1598">
        <v>1</v>
      </c>
      <c r="H1598" t="s">
        <v>8348</v>
      </c>
      <c r="J1598" t="s">
        <v>8349</v>
      </c>
      <c r="K1598" t="s">
        <v>8350</v>
      </c>
      <c r="M1598">
        <v>15541</v>
      </c>
      <c r="O1598">
        <v>1019918</v>
      </c>
      <c r="P1598">
        <v>1</v>
      </c>
      <c r="Q1598">
        <v>0</v>
      </c>
      <c r="R1598" t="s">
        <v>8351</v>
      </c>
      <c r="S1598">
        <v>2976</v>
      </c>
    </row>
    <row r="1599" spans="1:19" x14ac:dyDescent="0.25">
      <c r="A1599">
        <v>48660495</v>
      </c>
      <c r="B1599" t="s">
        <v>8352</v>
      </c>
      <c r="C1599" s="1" t="s">
        <v>8353</v>
      </c>
      <c r="D1599">
        <v>48667235</v>
      </c>
      <c r="E1599">
        <v>1</v>
      </c>
      <c r="F1599">
        <v>0</v>
      </c>
      <c r="H1599" t="s">
        <v>8354</v>
      </c>
      <c r="I1599">
        <v>1</v>
      </c>
      <c r="J1599" t="s">
        <v>8355</v>
      </c>
      <c r="K1599" t="s">
        <v>8356</v>
      </c>
      <c r="M1599">
        <v>9126886</v>
      </c>
      <c r="O1599">
        <v>9126886</v>
      </c>
      <c r="P1599">
        <v>1</v>
      </c>
      <c r="Q1599">
        <v>1</v>
      </c>
      <c r="R1599" t="s">
        <v>8357</v>
      </c>
      <c r="S1599">
        <v>230</v>
      </c>
    </row>
    <row r="1600" spans="1:19" x14ac:dyDescent="0.25">
      <c r="A1600">
        <v>19041145</v>
      </c>
      <c r="B1600" t="s">
        <v>8358</v>
      </c>
      <c r="C1600" s="1" t="s">
        <v>8359</v>
      </c>
      <c r="D1600">
        <v>19041308</v>
      </c>
      <c r="E1600">
        <v>1</v>
      </c>
      <c r="F1600">
        <v>0</v>
      </c>
      <c r="H1600" t="s">
        <v>8360</v>
      </c>
      <c r="J1600" t="s">
        <v>8361</v>
      </c>
      <c r="K1600" t="s">
        <v>8361</v>
      </c>
      <c r="M1600">
        <v>1190388</v>
      </c>
      <c r="O1600">
        <v>965619</v>
      </c>
      <c r="P1600">
        <v>1</v>
      </c>
      <c r="Q1600">
        <v>5</v>
      </c>
      <c r="R1600" t="s">
        <v>8362</v>
      </c>
      <c r="S1600">
        <v>1141</v>
      </c>
    </row>
    <row r="1601" spans="1:19" x14ac:dyDescent="0.25">
      <c r="A1601">
        <v>14029189</v>
      </c>
      <c r="B1601" t="s">
        <v>8363</v>
      </c>
      <c r="C1601" s="1" t="s">
        <v>8364</v>
      </c>
      <c r="D1601">
        <v>14029201</v>
      </c>
      <c r="E1601">
        <v>1</v>
      </c>
      <c r="F1601">
        <v>1</v>
      </c>
      <c r="H1601" t="s">
        <v>8365</v>
      </c>
      <c r="I1601">
        <v>1</v>
      </c>
      <c r="J1601" t="s">
        <v>8366</v>
      </c>
      <c r="K1601" t="s">
        <v>8367</v>
      </c>
      <c r="M1601">
        <v>1033591</v>
      </c>
      <c r="O1601">
        <v>1033591</v>
      </c>
      <c r="P1601">
        <v>1</v>
      </c>
      <c r="Q1601">
        <v>0</v>
      </c>
      <c r="R1601" t="s">
        <v>8368</v>
      </c>
      <c r="S1601">
        <v>578</v>
      </c>
    </row>
    <row r="1602" spans="1:19" x14ac:dyDescent="0.25">
      <c r="A1602">
        <v>22966058</v>
      </c>
      <c r="B1602" t="s">
        <v>8369</v>
      </c>
      <c r="C1602" s="1" t="s">
        <v>8370</v>
      </c>
      <c r="D1602">
        <v>22976835</v>
      </c>
      <c r="E1602">
        <v>1</v>
      </c>
      <c r="F1602">
        <v>0</v>
      </c>
      <c r="H1602" t="s">
        <v>8371</v>
      </c>
      <c r="J1602" t="s">
        <v>8372</v>
      </c>
      <c r="N1602" t="s">
        <v>8373</v>
      </c>
      <c r="P1602">
        <v>1</v>
      </c>
      <c r="Q1602">
        <v>0</v>
      </c>
      <c r="R1602" t="s">
        <v>8374</v>
      </c>
      <c r="S1602">
        <v>3036</v>
      </c>
    </row>
    <row r="1603" spans="1:19" x14ac:dyDescent="0.25">
      <c r="A1603">
        <v>50341883</v>
      </c>
      <c r="B1603" t="s">
        <v>8375</v>
      </c>
      <c r="C1603" s="1" t="s">
        <v>8376</v>
      </c>
      <c r="D1603">
        <v>50341948</v>
      </c>
      <c r="E1603">
        <v>1</v>
      </c>
      <c r="F1603">
        <v>0</v>
      </c>
      <c r="H1603" t="s">
        <v>8377</v>
      </c>
      <c r="J1603" t="s">
        <v>8378</v>
      </c>
      <c r="K1603" t="s">
        <v>8379</v>
      </c>
      <c r="M1603">
        <v>1226963</v>
      </c>
      <c r="O1603">
        <v>1774754</v>
      </c>
      <c r="P1603">
        <v>1</v>
      </c>
      <c r="Q1603">
        <v>1</v>
      </c>
      <c r="R1603" t="s">
        <v>8380</v>
      </c>
      <c r="S1603">
        <v>108</v>
      </c>
    </row>
    <row r="1604" spans="1:19" x14ac:dyDescent="0.25">
      <c r="A1604">
        <v>40181759</v>
      </c>
      <c r="B1604" t="s">
        <v>8381</v>
      </c>
      <c r="C1604" s="1" t="s">
        <v>8382</v>
      </c>
      <c r="E1604">
        <v>1</v>
      </c>
      <c r="F1604">
        <v>3</v>
      </c>
      <c r="H1604" t="s">
        <v>8383</v>
      </c>
      <c r="J1604" t="s">
        <v>8384</v>
      </c>
      <c r="O1604">
        <v>3666224</v>
      </c>
      <c r="P1604">
        <v>1</v>
      </c>
      <c r="Q1604">
        <v>0</v>
      </c>
      <c r="R1604" t="s">
        <v>780</v>
      </c>
      <c r="S1604">
        <v>45</v>
      </c>
    </row>
    <row r="1605" spans="1:19" x14ac:dyDescent="0.25">
      <c r="A1605">
        <v>8483068</v>
      </c>
      <c r="B1605" t="s">
        <v>8385</v>
      </c>
      <c r="C1605" s="1" t="s">
        <v>8386</v>
      </c>
      <c r="E1605">
        <v>1</v>
      </c>
      <c r="F1605">
        <v>0</v>
      </c>
      <c r="H1605" t="s">
        <v>8387</v>
      </c>
      <c r="J1605" t="s">
        <v>8388</v>
      </c>
      <c r="K1605" t="s">
        <v>8389</v>
      </c>
      <c r="M1605">
        <v>1094811</v>
      </c>
      <c r="O1605">
        <v>1094811</v>
      </c>
      <c r="P1605">
        <v>1</v>
      </c>
      <c r="Q1605">
        <v>0</v>
      </c>
      <c r="R1605" t="s">
        <v>8390</v>
      </c>
      <c r="S1605">
        <v>56</v>
      </c>
    </row>
    <row r="1606" spans="1:19" x14ac:dyDescent="0.25">
      <c r="A1606">
        <v>42428470</v>
      </c>
      <c r="B1606" t="s">
        <v>8391</v>
      </c>
      <c r="C1606" s="1" t="s">
        <v>8392</v>
      </c>
      <c r="E1606">
        <v>1</v>
      </c>
      <c r="F1606">
        <v>2</v>
      </c>
      <c r="H1606" t="s">
        <v>8393</v>
      </c>
      <c r="J1606" t="s">
        <v>8394</v>
      </c>
      <c r="K1606" t="s">
        <v>8394</v>
      </c>
      <c r="M1606">
        <v>7595685</v>
      </c>
      <c r="O1606">
        <v>7595685</v>
      </c>
      <c r="P1606">
        <v>1</v>
      </c>
      <c r="Q1606">
        <v>-1</v>
      </c>
      <c r="R1606" t="s">
        <v>8395</v>
      </c>
      <c r="S1606">
        <v>31</v>
      </c>
    </row>
    <row r="1607" spans="1:19" x14ac:dyDescent="0.25">
      <c r="A1607">
        <v>18490550</v>
      </c>
      <c r="B1607" t="s">
        <v>8396</v>
      </c>
      <c r="C1607" s="1" t="s">
        <v>8397</v>
      </c>
      <c r="D1607">
        <v>18490619</v>
      </c>
      <c r="E1607">
        <v>1</v>
      </c>
      <c r="F1607">
        <v>13</v>
      </c>
      <c r="H1607" t="s">
        <v>8398</v>
      </c>
      <c r="J1607" t="s">
        <v>8399</v>
      </c>
      <c r="O1607">
        <v>845056</v>
      </c>
      <c r="P1607">
        <v>1</v>
      </c>
      <c r="Q1607">
        <v>-3</v>
      </c>
      <c r="R1607" t="s">
        <v>989</v>
      </c>
      <c r="S1607">
        <v>133</v>
      </c>
    </row>
    <row r="1608" spans="1:19" x14ac:dyDescent="0.25">
      <c r="A1608">
        <v>41575634</v>
      </c>
      <c r="B1608" t="s">
        <v>8400</v>
      </c>
      <c r="C1608" s="1" t="s">
        <v>8401</v>
      </c>
      <c r="D1608">
        <v>41575993</v>
      </c>
      <c r="E1608">
        <v>1</v>
      </c>
      <c r="F1608">
        <v>6</v>
      </c>
      <c r="H1608" t="s">
        <v>8402</v>
      </c>
      <c r="J1608" t="s">
        <v>8403</v>
      </c>
      <c r="O1608">
        <v>7211112</v>
      </c>
      <c r="P1608">
        <v>1</v>
      </c>
      <c r="Q1608">
        <v>0</v>
      </c>
      <c r="R1608" t="s">
        <v>8404</v>
      </c>
      <c r="S1608">
        <v>67</v>
      </c>
    </row>
    <row r="1609" spans="1:19" x14ac:dyDescent="0.25">
      <c r="A1609">
        <v>28113997</v>
      </c>
      <c r="B1609" t="s">
        <v>8405</v>
      </c>
      <c r="C1609" s="1" t="s">
        <v>8406</v>
      </c>
      <c r="E1609">
        <v>2</v>
      </c>
      <c r="F1609">
        <v>3</v>
      </c>
      <c r="H1609" t="s">
        <v>8407</v>
      </c>
      <c r="J1609" t="s">
        <v>8408</v>
      </c>
      <c r="K1609" t="s">
        <v>8408</v>
      </c>
      <c r="M1609">
        <v>1264804</v>
      </c>
      <c r="O1609">
        <v>105937</v>
      </c>
      <c r="P1609">
        <v>1</v>
      </c>
      <c r="Q1609">
        <v>2</v>
      </c>
      <c r="R1609" t="s">
        <v>8409</v>
      </c>
      <c r="S1609">
        <v>1100</v>
      </c>
    </row>
    <row r="1610" spans="1:19" x14ac:dyDescent="0.25">
      <c r="A1610">
        <v>35477146</v>
      </c>
      <c r="B1610" t="s">
        <v>8410</v>
      </c>
      <c r="C1610" s="1" t="s">
        <v>8411</v>
      </c>
      <c r="E1610">
        <v>1</v>
      </c>
      <c r="F1610">
        <v>2</v>
      </c>
      <c r="H1610" t="s">
        <v>8412</v>
      </c>
      <c r="I1610">
        <v>0</v>
      </c>
      <c r="J1610" t="s">
        <v>8413</v>
      </c>
      <c r="O1610">
        <v>1688306</v>
      </c>
      <c r="P1610">
        <v>1</v>
      </c>
      <c r="Q1610">
        <v>0</v>
      </c>
      <c r="R1610" t="s">
        <v>8414</v>
      </c>
      <c r="S1610">
        <v>331</v>
      </c>
    </row>
    <row r="1611" spans="1:19" x14ac:dyDescent="0.25">
      <c r="A1611">
        <v>12912734</v>
      </c>
      <c r="B1611" t="s">
        <v>8415</v>
      </c>
      <c r="C1611" t="s">
        <v>8416</v>
      </c>
      <c r="D1611">
        <v>13024056</v>
      </c>
      <c r="E1611">
        <v>1</v>
      </c>
      <c r="F1611">
        <v>3</v>
      </c>
      <c r="H1611" t="s">
        <v>8417</v>
      </c>
      <c r="J1611" t="s">
        <v>8418</v>
      </c>
      <c r="K1611" t="s">
        <v>8419</v>
      </c>
      <c r="M1611">
        <v>76465</v>
      </c>
      <c r="O1611">
        <v>1112075</v>
      </c>
      <c r="P1611">
        <v>1</v>
      </c>
      <c r="Q1611">
        <v>-1</v>
      </c>
      <c r="R1611" t="s">
        <v>8420</v>
      </c>
      <c r="S1611">
        <v>267</v>
      </c>
    </row>
    <row r="1612" spans="1:19" x14ac:dyDescent="0.25">
      <c r="A1612">
        <v>10414041</v>
      </c>
      <c r="B1612" t="s">
        <v>8421</v>
      </c>
      <c r="C1612" s="1" t="s">
        <v>8422</v>
      </c>
      <c r="D1612">
        <v>10414137</v>
      </c>
      <c r="E1612">
        <v>1</v>
      </c>
      <c r="F1612">
        <v>3</v>
      </c>
      <c r="H1612" t="s">
        <v>8423</v>
      </c>
      <c r="I1612">
        <v>1</v>
      </c>
      <c r="J1612" t="s">
        <v>8424</v>
      </c>
      <c r="K1612" t="s">
        <v>8424</v>
      </c>
      <c r="M1612">
        <v>690672</v>
      </c>
      <c r="O1612">
        <v>690672</v>
      </c>
      <c r="P1612">
        <v>1</v>
      </c>
      <c r="Q1612">
        <v>0</v>
      </c>
      <c r="R1612" t="s">
        <v>2771</v>
      </c>
      <c r="S1612">
        <v>193</v>
      </c>
    </row>
    <row r="1613" spans="1:19" x14ac:dyDescent="0.25">
      <c r="A1613">
        <v>231764</v>
      </c>
      <c r="B1613" t="s">
        <v>8425</v>
      </c>
      <c r="C1613" s="1" t="s">
        <v>8426</v>
      </c>
      <c r="D1613">
        <v>373859</v>
      </c>
      <c r="E1613">
        <v>11</v>
      </c>
      <c r="F1613">
        <v>2</v>
      </c>
      <c r="H1613" t="s">
        <v>8427</v>
      </c>
      <c r="I1613">
        <v>4</v>
      </c>
      <c r="J1613" t="s">
        <v>8428</v>
      </c>
      <c r="N1613" t="s">
        <v>8429</v>
      </c>
      <c r="O1613">
        <v>26331</v>
      </c>
      <c r="P1613">
        <v>1</v>
      </c>
      <c r="Q1613">
        <v>12</v>
      </c>
      <c r="R1613" t="s">
        <v>8430</v>
      </c>
      <c r="S1613">
        <v>1659</v>
      </c>
    </row>
    <row r="1614" spans="1:19" x14ac:dyDescent="0.25">
      <c r="A1614">
        <v>47160284</v>
      </c>
      <c r="B1614" t="s">
        <v>8431</v>
      </c>
      <c r="C1614" s="1" t="s">
        <v>8432</v>
      </c>
      <c r="E1614">
        <v>1</v>
      </c>
      <c r="F1614">
        <v>3</v>
      </c>
      <c r="H1614" t="s">
        <v>8433</v>
      </c>
      <c r="J1614" t="s">
        <v>8434</v>
      </c>
      <c r="O1614">
        <v>8899707</v>
      </c>
      <c r="P1614">
        <v>1</v>
      </c>
      <c r="Q1614">
        <v>0</v>
      </c>
      <c r="R1614" t="s">
        <v>1288</v>
      </c>
      <c r="S1614">
        <v>36</v>
      </c>
    </row>
    <row r="1615" spans="1:19" x14ac:dyDescent="0.25">
      <c r="A1615">
        <v>41751205</v>
      </c>
      <c r="B1615" t="s">
        <v>8435</v>
      </c>
      <c r="C1615" s="1" t="s">
        <v>8436</v>
      </c>
      <c r="E1615">
        <v>1</v>
      </c>
      <c r="F1615">
        <v>0</v>
      </c>
      <c r="H1615" t="s">
        <v>8437</v>
      </c>
      <c r="J1615" t="s">
        <v>8438</v>
      </c>
      <c r="O1615">
        <v>1935534</v>
      </c>
      <c r="P1615">
        <v>1</v>
      </c>
      <c r="Q1615">
        <v>0</v>
      </c>
      <c r="R1615" t="s">
        <v>8439</v>
      </c>
      <c r="S1615">
        <v>147</v>
      </c>
    </row>
    <row r="1616" spans="1:19" x14ac:dyDescent="0.25">
      <c r="A1616">
        <v>23393712</v>
      </c>
      <c r="B1616" t="s">
        <v>8440</v>
      </c>
      <c r="C1616" s="1" t="s">
        <v>8441</v>
      </c>
      <c r="E1616">
        <v>1</v>
      </c>
      <c r="F1616">
        <v>2</v>
      </c>
      <c r="H1616" t="s">
        <v>8442</v>
      </c>
      <c r="J1616" t="s">
        <v>8443</v>
      </c>
      <c r="K1616" t="s">
        <v>8444</v>
      </c>
      <c r="M1616">
        <v>3590205</v>
      </c>
      <c r="O1616">
        <v>3590205</v>
      </c>
      <c r="P1616">
        <v>1</v>
      </c>
      <c r="Q1616">
        <v>0</v>
      </c>
      <c r="R1616" t="s">
        <v>8445</v>
      </c>
      <c r="S1616">
        <v>2148</v>
      </c>
    </row>
    <row r="1617" spans="1:19" x14ac:dyDescent="0.25">
      <c r="A1617">
        <v>32745699</v>
      </c>
      <c r="B1617" t="s">
        <v>8446</v>
      </c>
      <c r="C1617" s="1" t="s">
        <v>8447</v>
      </c>
      <c r="D1617">
        <v>32745791</v>
      </c>
      <c r="E1617">
        <v>2</v>
      </c>
      <c r="F1617">
        <v>0</v>
      </c>
      <c r="H1617" t="s">
        <v>8448</v>
      </c>
      <c r="J1617" t="s">
        <v>8449</v>
      </c>
      <c r="K1617" t="s">
        <v>8449</v>
      </c>
      <c r="L1617" t="s">
        <v>8450</v>
      </c>
      <c r="N1617" t="s">
        <v>8450</v>
      </c>
      <c r="P1617">
        <v>1</v>
      </c>
      <c r="Q1617">
        <v>1</v>
      </c>
      <c r="R1617" t="s">
        <v>3034</v>
      </c>
      <c r="S1617">
        <v>16</v>
      </c>
    </row>
    <row r="1618" spans="1:19" x14ac:dyDescent="0.25">
      <c r="A1618">
        <v>43421086</v>
      </c>
      <c r="B1618" t="s">
        <v>8451</v>
      </c>
      <c r="C1618" s="1" t="s">
        <v>8452</v>
      </c>
      <c r="E1618">
        <v>1</v>
      </c>
      <c r="F1618">
        <v>0</v>
      </c>
      <c r="H1618" t="s">
        <v>8453</v>
      </c>
      <c r="J1618" t="s">
        <v>8454</v>
      </c>
      <c r="O1618">
        <v>1594080</v>
      </c>
      <c r="P1618">
        <v>1</v>
      </c>
      <c r="Q1618">
        <v>-1</v>
      </c>
      <c r="R1618" t="s">
        <v>8455</v>
      </c>
      <c r="S1618">
        <v>43</v>
      </c>
    </row>
    <row r="1619" spans="1:19" x14ac:dyDescent="0.25">
      <c r="A1619">
        <v>52394816</v>
      </c>
      <c r="B1619" t="s">
        <v>8456</v>
      </c>
      <c r="C1619" s="1" t="s">
        <v>8457</v>
      </c>
      <c r="E1619">
        <v>1</v>
      </c>
      <c r="F1619">
        <v>0</v>
      </c>
      <c r="H1619" t="s">
        <v>8458</v>
      </c>
      <c r="J1619" t="s">
        <v>8459</v>
      </c>
      <c r="K1619" t="s">
        <v>8460</v>
      </c>
      <c r="M1619">
        <v>9812548</v>
      </c>
      <c r="O1619">
        <v>5811270</v>
      </c>
      <c r="P1619">
        <v>1</v>
      </c>
      <c r="Q1619">
        <v>0</v>
      </c>
      <c r="R1619" t="s">
        <v>8461</v>
      </c>
      <c r="S1619">
        <v>66</v>
      </c>
    </row>
    <row r="1620" spans="1:19" x14ac:dyDescent="0.25">
      <c r="A1620">
        <v>34670421</v>
      </c>
      <c r="B1620" t="s">
        <v>8462</v>
      </c>
      <c r="C1620" s="1" t="s">
        <v>8463</v>
      </c>
      <c r="E1620">
        <v>1</v>
      </c>
      <c r="F1620">
        <v>0</v>
      </c>
      <c r="H1620" t="s">
        <v>8464</v>
      </c>
      <c r="J1620" t="s">
        <v>8465</v>
      </c>
      <c r="O1620">
        <v>2314427</v>
      </c>
      <c r="P1620">
        <v>1</v>
      </c>
      <c r="Q1620">
        <v>1</v>
      </c>
      <c r="R1620" t="s">
        <v>8466</v>
      </c>
      <c r="S1620">
        <v>846</v>
      </c>
    </row>
    <row r="1621" spans="1:19" x14ac:dyDescent="0.25">
      <c r="A1621">
        <v>12231053</v>
      </c>
      <c r="B1621" t="s">
        <v>8467</v>
      </c>
      <c r="C1621" s="1" t="s">
        <v>8468</v>
      </c>
      <c r="D1621">
        <v>12232286</v>
      </c>
      <c r="E1621">
        <v>1</v>
      </c>
      <c r="F1621">
        <v>0</v>
      </c>
      <c r="H1621" t="s">
        <v>8469</v>
      </c>
      <c r="J1621" t="s">
        <v>8470</v>
      </c>
      <c r="K1621" t="s">
        <v>8471</v>
      </c>
      <c r="M1621">
        <v>698585</v>
      </c>
      <c r="O1621">
        <v>698585</v>
      </c>
      <c r="P1621">
        <v>1</v>
      </c>
      <c r="Q1621">
        <v>0</v>
      </c>
      <c r="R1621" t="s">
        <v>8472</v>
      </c>
      <c r="S1621">
        <v>498</v>
      </c>
    </row>
    <row r="1622" spans="1:19" x14ac:dyDescent="0.25">
      <c r="A1622">
        <v>4550617</v>
      </c>
      <c r="B1622" t="s">
        <v>8473</v>
      </c>
      <c r="C1622" s="1" t="s">
        <v>8474</v>
      </c>
      <c r="E1622">
        <v>1</v>
      </c>
      <c r="F1622">
        <v>0</v>
      </c>
      <c r="H1622" t="s">
        <v>8475</v>
      </c>
      <c r="J1622" t="s">
        <v>8476</v>
      </c>
      <c r="O1622">
        <v>556571</v>
      </c>
      <c r="P1622">
        <v>1</v>
      </c>
      <c r="Q1622">
        <v>2</v>
      </c>
      <c r="R1622" t="s">
        <v>8477</v>
      </c>
      <c r="S1622">
        <v>921</v>
      </c>
    </row>
    <row r="1623" spans="1:19" x14ac:dyDescent="0.25">
      <c r="A1623">
        <v>6518040</v>
      </c>
      <c r="B1623" t="s">
        <v>8478</v>
      </c>
      <c r="C1623" s="1" t="s">
        <v>8479</v>
      </c>
      <c r="D1623">
        <v>15390083</v>
      </c>
      <c r="E1623">
        <v>2</v>
      </c>
      <c r="F1623">
        <v>2</v>
      </c>
      <c r="H1623" t="s">
        <v>8480</v>
      </c>
      <c r="J1623" t="s">
        <v>8481</v>
      </c>
      <c r="K1623" t="s">
        <v>8482</v>
      </c>
      <c r="M1623">
        <v>580010</v>
      </c>
      <c r="O1623">
        <v>580010</v>
      </c>
      <c r="P1623">
        <v>1</v>
      </c>
      <c r="Q1623">
        <v>7</v>
      </c>
      <c r="R1623" t="s">
        <v>8483</v>
      </c>
      <c r="S1623">
        <v>370</v>
      </c>
    </row>
    <row r="1624" spans="1:19" x14ac:dyDescent="0.25">
      <c r="A1624">
        <v>9538945</v>
      </c>
      <c r="B1624" t="s">
        <v>8484</v>
      </c>
      <c r="C1624" s="1" t="s">
        <v>8485</v>
      </c>
      <c r="D1624">
        <v>9539030</v>
      </c>
      <c r="E1624">
        <v>2</v>
      </c>
      <c r="F1624">
        <v>4</v>
      </c>
      <c r="H1624" t="s">
        <v>8486</v>
      </c>
      <c r="J1624" t="s">
        <v>8487</v>
      </c>
      <c r="O1624">
        <v>1106275</v>
      </c>
      <c r="P1624">
        <v>1</v>
      </c>
      <c r="Q1624">
        <v>2</v>
      </c>
      <c r="R1624" t="s">
        <v>213</v>
      </c>
      <c r="S1624">
        <v>95</v>
      </c>
    </row>
    <row r="1625" spans="1:19" x14ac:dyDescent="0.25">
      <c r="A1625">
        <v>13784826</v>
      </c>
      <c r="B1625" t="s">
        <v>8488</v>
      </c>
      <c r="C1625" s="1" t="s">
        <v>8489</v>
      </c>
      <c r="D1625">
        <v>13784907</v>
      </c>
      <c r="E1625">
        <v>3</v>
      </c>
      <c r="F1625">
        <v>4</v>
      </c>
      <c r="H1625" t="s">
        <v>8490</v>
      </c>
      <c r="J1625" t="s">
        <v>8491</v>
      </c>
      <c r="K1625" t="s">
        <v>8491</v>
      </c>
      <c r="M1625">
        <v>315260</v>
      </c>
      <c r="O1625">
        <v>1843860</v>
      </c>
      <c r="P1625">
        <v>1</v>
      </c>
      <c r="Q1625">
        <v>1</v>
      </c>
      <c r="R1625" t="s">
        <v>93</v>
      </c>
      <c r="S1625">
        <v>49</v>
      </c>
    </row>
    <row r="1626" spans="1:19" x14ac:dyDescent="0.25">
      <c r="A1626">
        <v>47726492</v>
      </c>
      <c r="B1626" t="s">
        <v>8492</v>
      </c>
      <c r="C1626" s="1" t="s">
        <v>8493</v>
      </c>
      <c r="D1626">
        <v>47727722</v>
      </c>
      <c r="E1626">
        <v>2</v>
      </c>
      <c r="F1626">
        <v>0</v>
      </c>
      <c r="H1626" t="s">
        <v>8494</v>
      </c>
      <c r="J1626" t="s">
        <v>8495</v>
      </c>
      <c r="K1626" t="s">
        <v>8495</v>
      </c>
      <c r="M1626">
        <v>5535245</v>
      </c>
      <c r="O1626">
        <v>3003216</v>
      </c>
      <c r="P1626">
        <v>1</v>
      </c>
      <c r="Q1626">
        <v>0</v>
      </c>
      <c r="R1626" t="s">
        <v>8496</v>
      </c>
      <c r="S1626">
        <v>52</v>
      </c>
    </row>
    <row r="1627" spans="1:19" x14ac:dyDescent="0.25">
      <c r="A1627">
        <v>18948817</v>
      </c>
      <c r="B1627" t="s">
        <v>8497</v>
      </c>
      <c r="C1627" s="1" t="s">
        <v>8498</v>
      </c>
      <c r="D1627">
        <v>18948942</v>
      </c>
      <c r="E1627">
        <v>1</v>
      </c>
      <c r="F1627">
        <v>0</v>
      </c>
      <c r="H1627" t="s">
        <v>8499</v>
      </c>
      <c r="I1627">
        <v>0</v>
      </c>
      <c r="J1627" t="s">
        <v>8500</v>
      </c>
      <c r="O1627">
        <v>1062937</v>
      </c>
      <c r="P1627">
        <v>1</v>
      </c>
      <c r="Q1627">
        <v>1</v>
      </c>
      <c r="R1627" t="s">
        <v>8501</v>
      </c>
      <c r="S1627">
        <v>197</v>
      </c>
    </row>
    <row r="1628" spans="1:19" x14ac:dyDescent="0.25">
      <c r="A1628">
        <v>18498160</v>
      </c>
      <c r="B1628" t="s">
        <v>8502</v>
      </c>
      <c r="C1628" s="1" t="s">
        <v>8503</v>
      </c>
      <c r="D1628">
        <v>18498230</v>
      </c>
      <c r="E1628">
        <v>2</v>
      </c>
      <c r="F1628">
        <v>0</v>
      </c>
      <c r="H1628" t="s">
        <v>8504</v>
      </c>
      <c r="J1628" t="s">
        <v>8505</v>
      </c>
      <c r="K1628" t="s">
        <v>8506</v>
      </c>
      <c r="M1628">
        <v>816612</v>
      </c>
      <c r="O1628">
        <v>816612</v>
      </c>
      <c r="P1628">
        <v>1</v>
      </c>
      <c r="Q1628">
        <v>2</v>
      </c>
      <c r="R1628" t="s">
        <v>8507</v>
      </c>
      <c r="S1628">
        <v>122</v>
      </c>
    </row>
    <row r="1629" spans="1:19" x14ac:dyDescent="0.25">
      <c r="A1629">
        <v>18685910</v>
      </c>
      <c r="B1629" t="s">
        <v>8508</v>
      </c>
      <c r="C1629" s="1" t="s">
        <v>8509</v>
      </c>
      <c r="D1629">
        <v>18685945</v>
      </c>
      <c r="E1629">
        <v>3</v>
      </c>
      <c r="F1629">
        <v>4</v>
      </c>
      <c r="H1629" t="s">
        <v>8510</v>
      </c>
      <c r="J1629" t="s">
        <v>8511</v>
      </c>
      <c r="O1629">
        <v>543551</v>
      </c>
      <c r="P1629">
        <v>1</v>
      </c>
      <c r="Q1629">
        <v>0</v>
      </c>
      <c r="R1629" t="s">
        <v>8512</v>
      </c>
      <c r="S1629">
        <v>75</v>
      </c>
    </row>
    <row r="1630" spans="1:19" x14ac:dyDescent="0.25">
      <c r="A1630">
        <v>24347572</v>
      </c>
      <c r="B1630" t="s">
        <v>8513</v>
      </c>
      <c r="C1630" s="1" t="s">
        <v>8514</v>
      </c>
      <c r="D1630">
        <v>24347626</v>
      </c>
      <c r="E1630">
        <v>1</v>
      </c>
      <c r="F1630">
        <v>0</v>
      </c>
      <c r="H1630" t="s">
        <v>8515</v>
      </c>
      <c r="J1630" t="s">
        <v>8516</v>
      </c>
      <c r="K1630" t="s">
        <v>8516</v>
      </c>
      <c r="M1630">
        <v>3763949</v>
      </c>
      <c r="O1630">
        <v>3763949</v>
      </c>
      <c r="P1630">
        <v>1</v>
      </c>
      <c r="Q1630">
        <v>0</v>
      </c>
      <c r="R1630" t="s">
        <v>8517</v>
      </c>
      <c r="S1630">
        <v>2544</v>
      </c>
    </row>
    <row r="1631" spans="1:19" x14ac:dyDescent="0.25">
      <c r="A1631">
        <v>6627968</v>
      </c>
      <c r="B1631" t="s">
        <v>8518</v>
      </c>
      <c r="C1631" s="1" t="s">
        <v>8519</v>
      </c>
      <c r="D1631">
        <v>6628033</v>
      </c>
      <c r="E1631">
        <v>1</v>
      </c>
      <c r="F1631">
        <v>2</v>
      </c>
      <c r="H1631" t="s">
        <v>8520</v>
      </c>
      <c r="J1631" t="s">
        <v>8521</v>
      </c>
      <c r="K1631" t="s">
        <v>8522</v>
      </c>
      <c r="M1631">
        <v>156142</v>
      </c>
      <c r="O1631">
        <v>448391</v>
      </c>
      <c r="P1631">
        <v>1</v>
      </c>
      <c r="Q1631">
        <v>0</v>
      </c>
      <c r="R1631" t="s">
        <v>855</v>
      </c>
      <c r="S1631">
        <v>376</v>
      </c>
    </row>
    <row r="1632" spans="1:19" x14ac:dyDescent="0.25">
      <c r="A1632">
        <v>4900445</v>
      </c>
      <c r="B1632" t="s">
        <v>8523</v>
      </c>
      <c r="C1632" s="1" t="s">
        <v>8524</v>
      </c>
      <c r="D1632">
        <v>4900828</v>
      </c>
      <c r="E1632">
        <v>3</v>
      </c>
      <c r="F1632">
        <v>0</v>
      </c>
      <c r="H1632" t="s">
        <v>8525</v>
      </c>
      <c r="I1632">
        <v>1</v>
      </c>
      <c r="J1632" t="s">
        <v>8526</v>
      </c>
      <c r="K1632" t="s">
        <v>8527</v>
      </c>
      <c r="M1632">
        <v>251132</v>
      </c>
      <c r="O1632">
        <v>251132</v>
      </c>
      <c r="P1632">
        <v>1</v>
      </c>
      <c r="Q1632">
        <v>4</v>
      </c>
      <c r="R1632" t="s">
        <v>8528</v>
      </c>
      <c r="S1632">
        <v>629</v>
      </c>
    </row>
    <row r="1633" spans="1:19" x14ac:dyDescent="0.25">
      <c r="A1633">
        <v>51263411</v>
      </c>
      <c r="B1633" t="s">
        <v>8529</v>
      </c>
      <c r="C1633" t="s">
        <v>8530</v>
      </c>
      <c r="D1633">
        <v>51263796</v>
      </c>
      <c r="E1633">
        <v>2</v>
      </c>
      <c r="F1633">
        <v>0</v>
      </c>
      <c r="H1633" t="s">
        <v>8531</v>
      </c>
      <c r="I1633">
        <v>1</v>
      </c>
      <c r="J1633" t="s">
        <v>8532</v>
      </c>
      <c r="K1633" t="s">
        <v>8533</v>
      </c>
      <c r="M1633">
        <v>9068794</v>
      </c>
      <c r="O1633">
        <v>9068794</v>
      </c>
      <c r="P1633">
        <v>1</v>
      </c>
      <c r="Q1633">
        <v>1</v>
      </c>
      <c r="R1633" t="s">
        <v>8534</v>
      </c>
      <c r="S1633">
        <v>823</v>
      </c>
    </row>
    <row r="1634" spans="1:19" x14ac:dyDescent="0.25">
      <c r="A1634">
        <v>53037104</v>
      </c>
      <c r="B1634" t="s">
        <v>8535</v>
      </c>
      <c r="C1634" s="1" t="s">
        <v>8536</v>
      </c>
      <c r="E1634">
        <v>0</v>
      </c>
      <c r="F1634">
        <v>15</v>
      </c>
      <c r="H1634" t="s">
        <v>8537</v>
      </c>
      <c r="J1634" t="s">
        <v>8538</v>
      </c>
      <c r="K1634" t="s">
        <v>8538</v>
      </c>
      <c r="M1634">
        <v>8606164</v>
      </c>
      <c r="O1634">
        <v>8606164</v>
      </c>
      <c r="P1634">
        <v>1</v>
      </c>
      <c r="Q1634">
        <v>0</v>
      </c>
      <c r="R1634" t="s">
        <v>8539</v>
      </c>
      <c r="S1634">
        <v>158</v>
      </c>
    </row>
    <row r="1635" spans="1:19" x14ac:dyDescent="0.25">
      <c r="A1635">
        <v>38952808</v>
      </c>
      <c r="B1635" t="s">
        <v>8540</v>
      </c>
      <c r="C1635" s="1" t="s">
        <v>8541</v>
      </c>
      <c r="D1635">
        <v>38953287</v>
      </c>
      <c r="E1635">
        <v>1</v>
      </c>
      <c r="F1635">
        <v>0</v>
      </c>
      <c r="H1635" t="s">
        <v>8542</v>
      </c>
      <c r="J1635" t="s">
        <v>8543</v>
      </c>
      <c r="O1635">
        <v>1196549</v>
      </c>
      <c r="P1635">
        <v>1</v>
      </c>
      <c r="Q1635">
        <v>1</v>
      </c>
      <c r="R1635" t="s">
        <v>8544</v>
      </c>
      <c r="S1635">
        <v>49</v>
      </c>
    </row>
    <row r="1636" spans="1:19" x14ac:dyDescent="0.25">
      <c r="A1636">
        <v>51181173</v>
      </c>
      <c r="B1636" t="s">
        <v>8545</v>
      </c>
      <c r="C1636" s="1" t="s">
        <v>8546</v>
      </c>
      <c r="E1636">
        <v>1</v>
      </c>
      <c r="F1636">
        <v>5</v>
      </c>
      <c r="H1636" t="s">
        <v>8547</v>
      </c>
      <c r="I1636">
        <v>1</v>
      </c>
      <c r="J1636" t="s">
        <v>8548</v>
      </c>
      <c r="K1636" t="s">
        <v>8549</v>
      </c>
      <c r="M1636">
        <v>3175</v>
      </c>
      <c r="O1636">
        <v>3175</v>
      </c>
      <c r="P1636">
        <v>1</v>
      </c>
      <c r="Q1636">
        <v>8</v>
      </c>
      <c r="R1636" t="s">
        <v>8550</v>
      </c>
      <c r="S1636">
        <v>203</v>
      </c>
    </row>
    <row r="1637" spans="1:19" x14ac:dyDescent="0.25">
      <c r="A1637">
        <v>10959351</v>
      </c>
      <c r="B1637" t="s">
        <v>8551</v>
      </c>
      <c r="C1637" s="1" t="s">
        <v>8552</v>
      </c>
      <c r="D1637">
        <v>10960075</v>
      </c>
      <c r="E1637">
        <v>2</v>
      </c>
      <c r="F1637">
        <v>0</v>
      </c>
      <c r="H1637" t="s">
        <v>8553</v>
      </c>
      <c r="J1637" t="s">
        <v>8554</v>
      </c>
      <c r="K1637" t="s">
        <v>8555</v>
      </c>
      <c r="M1637">
        <v>92837</v>
      </c>
      <c r="O1637">
        <v>655062</v>
      </c>
      <c r="P1637">
        <v>1</v>
      </c>
      <c r="Q1637">
        <v>2</v>
      </c>
      <c r="R1637" t="s">
        <v>8556</v>
      </c>
      <c r="S1637">
        <v>14911</v>
      </c>
    </row>
    <row r="1638" spans="1:19" x14ac:dyDescent="0.25">
      <c r="A1638">
        <v>21884586</v>
      </c>
      <c r="B1638" t="s">
        <v>8557</v>
      </c>
      <c r="C1638" t="s">
        <v>8558</v>
      </c>
      <c r="E1638">
        <v>0</v>
      </c>
      <c r="F1638">
        <v>3</v>
      </c>
      <c r="H1638" t="s">
        <v>8559</v>
      </c>
      <c r="J1638" t="s">
        <v>8559</v>
      </c>
      <c r="O1638">
        <v>2555672</v>
      </c>
      <c r="P1638">
        <v>1</v>
      </c>
      <c r="Q1638">
        <v>0</v>
      </c>
      <c r="R1638" t="s">
        <v>8560</v>
      </c>
      <c r="S1638">
        <v>67</v>
      </c>
    </row>
    <row r="1639" spans="1:19" x14ac:dyDescent="0.25">
      <c r="A1639">
        <v>32158272</v>
      </c>
      <c r="B1639" t="s">
        <v>8561</v>
      </c>
      <c r="C1639" s="1" t="s">
        <v>8562</v>
      </c>
      <c r="D1639">
        <v>32159296</v>
      </c>
      <c r="E1639">
        <v>1</v>
      </c>
      <c r="F1639">
        <v>4</v>
      </c>
      <c r="H1639" t="s">
        <v>8563</v>
      </c>
      <c r="I1639">
        <v>1</v>
      </c>
      <c r="J1639" t="s">
        <v>8564</v>
      </c>
      <c r="K1639" t="s">
        <v>8564</v>
      </c>
      <c r="M1639">
        <v>5255380</v>
      </c>
      <c r="O1639">
        <v>5255380</v>
      </c>
      <c r="P1639">
        <v>1</v>
      </c>
      <c r="Q1639">
        <v>-3</v>
      </c>
      <c r="R1639" t="s">
        <v>8565</v>
      </c>
      <c r="S1639">
        <v>82</v>
      </c>
    </row>
    <row r="1640" spans="1:19" x14ac:dyDescent="0.25">
      <c r="A1640">
        <v>52114190</v>
      </c>
      <c r="B1640" t="s">
        <v>8566</v>
      </c>
      <c r="C1640" s="1" t="s">
        <v>8567</v>
      </c>
      <c r="D1640">
        <v>52114323</v>
      </c>
      <c r="E1640">
        <v>2</v>
      </c>
      <c r="F1640">
        <v>2</v>
      </c>
      <c r="H1640" t="s">
        <v>8568</v>
      </c>
      <c r="J1640" t="s">
        <v>8569</v>
      </c>
      <c r="O1640">
        <v>9089755</v>
      </c>
      <c r="P1640">
        <v>1</v>
      </c>
      <c r="Q1640">
        <v>1</v>
      </c>
      <c r="R1640" t="s">
        <v>8570</v>
      </c>
      <c r="S1640">
        <v>28</v>
      </c>
    </row>
    <row r="1641" spans="1:19" x14ac:dyDescent="0.25">
      <c r="A1641">
        <v>13201405</v>
      </c>
      <c r="B1641" t="s">
        <v>8571</v>
      </c>
      <c r="C1641" s="1" t="s">
        <v>8572</v>
      </c>
      <c r="D1641">
        <v>13201556</v>
      </c>
      <c r="E1641">
        <v>1</v>
      </c>
      <c r="F1641">
        <v>1</v>
      </c>
      <c r="H1641" t="s">
        <v>8573</v>
      </c>
      <c r="I1641">
        <v>3</v>
      </c>
      <c r="J1641" t="s">
        <v>8574</v>
      </c>
      <c r="K1641" t="s">
        <v>8575</v>
      </c>
      <c r="M1641">
        <v>109676</v>
      </c>
      <c r="O1641">
        <v>109676</v>
      </c>
      <c r="P1641">
        <v>1</v>
      </c>
      <c r="Q1641">
        <v>9</v>
      </c>
      <c r="R1641" t="s">
        <v>809</v>
      </c>
      <c r="S1641">
        <v>39275</v>
      </c>
    </row>
    <row r="1642" spans="1:19" x14ac:dyDescent="0.25">
      <c r="A1642">
        <v>28259179</v>
      </c>
      <c r="B1642" t="s">
        <v>8576</v>
      </c>
      <c r="C1642" s="1" t="s">
        <v>8577</v>
      </c>
      <c r="D1642">
        <v>28259241</v>
      </c>
      <c r="E1642">
        <v>1</v>
      </c>
      <c r="F1642">
        <v>0</v>
      </c>
      <c r="H1642" t="s">
        <v>8578</v>
      </c>
      <c r="J1642" t="s">
        <v>8579</v>
      </c>
      <c r="O1642">
        <v>1938929</v>
      </c>
      <c r="P1642">
        <v>1</v>
      </c>
      <c r="Q1642">
        <v>-1</v>
      </c>
      <c r="R1642" t="s">
        <v>2765</v>
      </c>
      <c r="S1642">
        <v>289</v>
      </c>
    </row>
    <row r="1643" spans="1:19" x14ac:dyDescent="0.25">
      <c r="A1643">
        <v>48852777</v>
      </c>
      <c r="B1643" t="s">
        <v>8580</v>
      </c>
      <c r="C1643" s="1" t="s">
        <v>8581</v>
      </c>
      <c r="E1643">
        <v>1</v>
      </c>
      <c r="F1643">
        <v>2</v>
      </c>
      <c r="H1643" t="s">
        <v>8582</v>
      </c>
      <c r="I1643">
        <v>0</v>
      </c>
      <c r="J1643" t="s">
        <v>8583</v>
      </c>
      <c r="K1643" t="s">
        <v>8583</v>
      </c>
      <c r="M1643">
        <v>9376985</v>
      </c>
      <c r="O1643">
        <v>9376985</v>
      </c>
      <c r="P1643">
        <v>1</v>
      </c>
      <c r="Q1643">
        <v>-2</v>
      </c>
      <c r="R1643" t="s">
        <v>8584</v>
      </c>
      <c r="S1643">
        <v>106</v>
      </c>
    </row>
    <row r="1644" spans="1:19" x14ac:dyDescent="0.25">
      <c r="A1644">
        <v>35204909</v>
      </c>
      <c r="B1644" t="s">
        <v>8585</v>
      </c>
      <c r="C1644" s="1" t="s">
        <v>8586</v>
      </c>
      <c r="E1644">
        <v>0</v>
      </c>
      <c r="F1644">
        <v>0</v>
      </c>
      <c r="H1644" t="s">
        <v>8587</v>
      </c>
      <c r="J1644" t="s">
        <v>8588</v>
      </c>
      <c r="K1644" t="s">
        <v>8588</v>
      </c>
      <c r="M1644">
        <v>4614626</v>
      </c>
      <c r="O1644">
        <v>4614626</v>
      </c>
      <c r="P1644">
        <v>1</v>
      </c>
      <c r="Q1644">
        <v>2</v>
      </c>
      <c r="R1644" t="s">
        <v>8589</v>
      </c>
      <c r="S1644">
        <v>250</v>
      </c>
    </row>
    <row r="1645" spans="1:19" x14ac:dyDescent="0.25">
      <c r="A1645">
        <v>36228803</v>
      </c>
      <c r="B1645" t="s">
        <v>8590</v>
      </c>
      <c r="C1645" s="1" t="s">
        <v>8591</v>
      </c>
      <c r="D1645">
        <v>36233384</v>
      </c>
      <c r="E1645">
        <v>2</v>
      </c>
      <c r="F1645">
        <v>0</v>
      </c>
      <c r="H1645" t="s">
        <v>8592</v>
      </c>
      <c r="J1645" t="s">
        <v>8593</v>
      </c>
      <c r="K1645" t="s">
        <v>8593</v>
      </c>
      <c r="M1645">
        <v>2415822</v>
      </c>
      <c r="O1645">
        <v>5660422</v>
      </c>
      <c r="P1645">
        <v>1</v>
      </c>
      <c r="Q1645">
        <v>-1</v>
      </c>
      <c r="R1645" t="s">
        <v>8594</v>
      </c>
      <c r="S1645">
        <v>1037</v>
      </c>
    </row>
    <row r="1646" spans="1:19" x14ac:dyDescent="0.25">
      <c r="A1646">
        <v>18975601</v>
      </c>
      <c r="B1646" t="s">
        <v>8595</v>
      </c>
      <c r="C1646" s="1" t="s">
        <v>8596</v>
      </c>
      <c r="D1646">
        <v>18978174</v>
      </c>
      <c r="E1646">
        <v>1</v>
      </c>
      <c r="F1646">
        <v>3</v>
      </c>
      <c r="H1646" t="s">
        <v>8597</v>
      </c>
      <c r="I1646">
        <v>1</v>
      </c>
      <c r="J1646" t="s">
        <v>8598</v>
      </c>
      <c r="O1646">
        <v>2768604</v>
      </c>
      <c r="P1646">
        <v>1</v>
      </c>
      <c r="Q1646">
        <v>1</v>
      </c>
      <c r="R1646" t="s">
        <v>8599</v>
      </c>
      <c r="S1646">
        <v>153</v>
      </c>
    </row>
    <row r="1647" spans="1:19" x14ac:dyDescent="0.25">
      <c r="A1647">
        <v>26673224</v>
      </c>
      <c r="B1647" t="s">
        <v>8600</v>
      </c>
      <c r="C1647" s="1" t="s">
        <v>8601</v>
      </c>
      <c r="E1647">
        <v>2</v>
      </c>
      <c r="F1647">
        <v>7</v>
      </c>
      <c r="H1647" t="s">
        <v>8602</v>
      </c>
      <c r="J1647" t="s">
        <v>8603</v>
      </c>
      <c r="K1647" t="s">
        <v>8603</v>
      </c>
      <c r="M1647">
        <v>1058134</v>
      </c>
      <c r="O1647">
        <v>4173227</v>
      </c>
      <c r="P1647">
        <v>1</v>
      </c>
      <c r="Q1647">
        <v>1</v>
      </c>
      <c r="R1647" t="s">
        <v>8604</v>
      </c>
      <c r="S1647">
        <v>70</v>
      </c>
    </row>
    <row r="1648" spans="1:19" x14ac:dyDescent="0.25">
      <c r="A1648">
        <v>32065452</v>
      </c>
      <c r="B1648" t="s">
        <v>8605</v>
      </c>
      <c r="C1648" s="1" t="s">
        <v>8606</v>
      </c>
      <c r="E1648">
        <v>1</v>
      </c>
      <c r="F1648">
        <v>0</v>
      </c>
      <c r="H1648" t="s">
        <v>8607</v>
      </c>
      <c r="J1648" t="s">
        <v>8608</v>
      </c>
      <c r="K1648" t="s">
        <v>8609</v>
      </c>
      <c r="M1648">
        <v>2083524</v>
      </c>
      <c r="O1648">
        <v>2083524</v>
      </c>
      <c r="P1648">
        <v>1</v>
      </c>
      <c r="Q1648">
        <v>0</v>
      </c>
      <c r="R1648" t="s">
        <v>2494</v>
      </c>
      <c r="S1648">
        <v>37</v>
      </c>
    </row>
    <row r="1649" spans="1:19" x14ac:dyDescent="0.25">
      <c r="A1649">
        <v>30431105</v>
      </c>
      <c r="B1649" t="s">
        <v>8610</v>
      </c>
      <c r="C1649" s="1" t="s">
        <v>8611</v>
      </c>
      <c r="E1649">
        <v>0</v>
      </c>
      <c r="F1649">
        <v>2</v>
      </c>
      <c r="H1649" t="s">
        <v>8612</v>
      </c>
      <c r="J1649" t="s">
        <v>8612</v>
      </c>
      <c r="O1649">
        <v>3566036</v>
      </c>
      <c r="P1649">
        <v>1</v>
      </c>
      <c r="Q1649">
        <v>0</v>
      </c>
      <c r="R1649" t="s">
        <v>8613</v>
      </c>
      <c r="S1649">
        <v>367</v>
      </c>
    </row>
    <row r="1650" spans="1:19" x14ac:dyDescent="0.25">
      <c r="A1650">
        <v>15452583</v>
      </c>
      <c r="B1650" t="s">
        <v>8614</v>
      </c>
      <c r="C1650" s="1" t="s">
        <v>8615</v>
      </c>
      <c r="E1650">
        <v>2</v>
      </c>
      <c r="F1650">
        <v>0</v>
      </c>
      <c r="H1650" t="s">
        <v>8616</v>
      </c>
      <c r="I1650">
        <v>2</v>
      </c>
      <c r="J1650" t="s">
        <v>8617</v>
      </c>
      <c r="O1650">
        <v>1720132</v>
      </c>
      <c r="P1650">
        <v>1</v>
      </c>
      <c r="Q1650">
        <v>1</v>
      </c>
      <c r="R1650" t="s">
        <v>8618</v>
      </c>
      <c r="S1650">
        <v>1192</v>
      </c>
    </row>
    <row r="1651" spans="1:19" x14ac:dyDescent="0.25">
      <c r="A1651">
        <v>11583930</v>
      </c>
      <c r="B1651" t="s">
        <v>8619</v>
      </c>
      <c r="C1651" s="1" t="s">
        <v>8620</v>
      </c>
      <c r="D1651">
        <v>11584149</v>
      </c>
      <c r="E1651">
        <v>1</v>
      </c>
      <c r="F1651">
        <v>3</v>
      </c>
      <c r="H1651" t="s">
        <v>8621</v>
      </c>
      <c r="J1651" t="s">
        <v>8622</v>
      </c>
      <c r="K1651" t="s">
        <v>8622</v>
      </c>
      <c r="M1651">
        <v>1519443</v>
      </c>
      <c r="O1651">
        <v>1519443</v>
      </c>
      <c r="P1651">
        <v>1</v>
      </c>
      <c r="Q1651">
        <v>6</v>
      </c>
      <c r="R1651" t="s">
        <v>8623</v>
      </c>
      <c r="S1651">
        <v>5314</v>
      </c>
    </row>
    <row r="1652" spans="1:19" x14ac:dyDescent="0.25">
      <c r="A1652">
        <v>51572372</v>
      </c>
      <c r="B1652" t="s">
        <v>8624</v>
      </c>
      <c r="C1652" s="1" t="s">
        <v>8625</v>
      </c>
      <c r="E1652">
        <v>1</v>
      </c>
      <c r="F1652">
        <v>4</v>
      </c>
      <c r="H1652" t="s">
        <v>8626</v>
      </c>
      <c r="J1652" t="s">
        <v>8627</v>
      </c>
      <c r="K1652" t="s">
        <v>8628</v>
      </c>
      <c r="M1652">
        <v>8504877</v>
      </c>
      <c r="O1652">
        <v>8504877</v>
      </c>
      <c r="P1652">
        <v>1</v>
      </c>
      <c r="Q1652">
        <v>0</v>
      </c>
      <c r="R1652" t="s">
        <v>8629</v>
      </c>
      <c r="S1652">
        <v>172</v>
      </c>
    </row>
    <row r="1653" spans="1:19" x14ac:dyDescent="0.25">
      <c r="A1653">
        <v>7830362</v>
      </c>
      <c r="B1653" t="s">
        <v>8630</v>
      </c>
      <c r="C1653" s="1" t="s">
        <v>8631</v>
      </c>
      <c r="E1653">
        <v>3</v>
      </c>
      <c r="F1653">
        <v>0</v>
      </c>
      <c r="H1653" t="s">
        <v>8632</v>
      </c>
      <c r="I1653">
        <v>1</v>
      </c>
      <c r="J1653" t="s">
        <v>8633</v>
      </c>
      <c r="O1653">
        <v>37759</v>
      </c>
      <c r="P1653">
        <v>1</v>
      </c>
      <c r="Q1653">
        <v>4</v>
      </c>
      <c r="R1653" t="s">
        <v>8634</v>
      </c>
      <c r="S1653">
        <v>3505</v>
      </c>
    </row>
    <row r="1654" spans="1:19" x14ac:dyDescent="0.25">
      <c r="A1654">
        <v>9108574</v>
      </c>
      <c r="B1654" t="s">
        <v>8635</v>
      </c>
      <c r="C1654" s="1" t="s">
        <v>8636</v>
      </c>
      <c r="E1654">
        <v>4</v>
      </c>
      <c r="F1654">
        <v>2</v>
      </c>
      <c r="H1654" t="s">
        <v>8637</v>
      </c>
      <c r="J1654" t="s">
        <v>8638</v>
      </c>
      <c r="O1654">
        <v>1021528</v>
      </c>
      <c r="P1654">
        <v>1</v>
      </c>
      <c r="Q1654">
        <v>2</v>
      </c>
      <c r="R1654" t="s">
        <v>8639</v>
      </c>
      <c r="S1654">
        <v>7766</v>
      </c>
    </row>
    <row r="1655" spans="1:19" x14ac:dyDescent="0.25">
      <c r="A1655">
        <v>32052447</v>
      </c>
      <c r="B1655" t="s">
        <v>8640</v>
      </c>
      <c r="C1655" s="1" t="s">
        <v>8641</v>
      </c>
      <c r="D1655">
        <v>32052764</v>
      </c>
      <c r="E1655">
        <v>2</v>
      </c>
      <c r="F1655">
        <v>0</v>
      </c>
      <c r="H1655" t="s">
        <v>8642</v>
      </c>
      <c r="I1655">
        <v>1</v>
      </c>
      <c r="J1655" t="s">
        <v>8643</v>
      </c>
      <c r="K1655" t="s">
        <v>8644</v>
      </c>
      <c r="M1655">
        <v>2848201</v>
      </c>
      <c r="O1655">
        <v>2848201</v>
      </c>
      <c r="P1655">
        <v>1</v>
      </c>
      <c r="Q1655">
        <v>2</v>
      </c>
      <c r="R1655" t="s">
        <v>8645</v>
      </c>
      <c r="S1655">
        <v>743</v>
      </c>
    </row>
    <row r="1656" spans="1:19" x14ac:dyDescent="0.25">
      <c r="A1656">
        <v>32538862</v>
      </c>
      <c r="B1656" t="s">
        <v>8646</v>
      </c>
      <c r="C1656" s="1" t="s">
        <v>8647</v>
      </c>
      <c r="D1656">
        <v>32540241</v>
      </c>
      <c r="E1656">
        <v>1</v>
      </c>
      <c r="F1656">
        <v>0</v>
      </c>
      <c r="H1656" t="s">
        <v>8648</v>
      </c>
      <c r="J1656" t="s">
        <v>8649</v>
      </c>
      <c r="K1656" t="s">
        <v>8649</v>
      </c>
      <c r="M1656">
        <v>4406318</v>
      </c>
      <c r="O1656">
        <v>4406318</v>
      </c>
      <c r="P1656">
        <v>1</v>
      </c>
      <c r="Q1656">
        <v>1</v>
      </c>
      <c r="R1656" t="s">
        <v>8650</v>
      </c>
      <c r="S1656">
        <v>210</v>
      </c>
    </row>
    <row r="1657" spans="1:19" x14ac:dyDescent="0.25">
      <c r="A1657">
        <v>16772850</v>
      </c>
      <c r="B1657" t="s">
        <v>8651</v>
      </c>
      <c r="C1657" s="1" t="s">
        <v>8652</v>
      </c>
      <c r="E1657">
        <v>2</v>
      </c>
      <c r="F1657">
        <v>2</v>
      </c>
      <c r="H1657" t="s">
        <v>8653</v>
      </c>
      <c r="J1657" t="s">
        <v>8654</v>
      </c>
      <c r="K1657" t="s">
        <v>8654</v>
      </c>
      <c r="M1657">
        <v>1882156</v>
      </c>
      <c r="O1657">
        <v>1882156</v>
      </c>
      <c r="P1657">
        <v>1</v>
      </c>
      <c r="Q1657">
        <v>0</v>
      </c>
      <c r="R1657" t="s">
        <v>8655</v>
      </c>
      <c r="S1657">
        <v>1546</v>
      </c>
    </row>
    <row r="1658" spans="1:19" x14ac:dyDescent="0.25">
      <c r="A1658">
        <v>8374287</v>
      </c>
      <c r="B1658" t="s">
        <v>8656</v>
      </c>
      <c r="C1658" s="1" t="s">
        <v>8657</v>
      </c>
      <c r="D1658">
        <v>8374414</v>
      </c>
      <c r="E1658">
        <v>1</v>
      </c>
      <c r="F1658">
        <v>0</v>
      </c>
      <c r="H1658" t="s">
        <v>8658</v>
      </c>
      <c r="J1658" t="s">
        <v>8659</v>
      </c>
      <c r="K1658" t="s">
        <v>8660</v>
      </c>
      <c r="M1658">
        <v>1079887</v>
      </c>
      <c r="O1658">
        <v>1079887</v>
      </c>
      <c r="P1658">
        <v>1</v>
      </c>
      <c r="Q1658">
        <v>0</v>
      </c>
      <c r="R1658" t="s">
        <v>8661</v>
      </c>
      <c r="S1658">
        <v>521</v>
      </c>
    </row>
    <row r="1659" spans="1:19" x14ac:dyDescent="0.25">
      <c r="A1659">
        <v>21708575</v>
      </c>
      <c r="B1659" t="s">
        <v>8662</v>
      </c>
      <c r="C1659" s="1" t="s">
        <v>8663</v>
      </c>
      <c r="D1659">
        <v>21708643</v>
      </c>
      <c r="E1659">
        <v>3</v>
      </c>
      <c r="F1659">
        <v>0</v>
      </c>
      <c r="H1659" t="s">
        <v>8664</v>
      </c>
      <c r="J1659" t="s">
        <v>8665</v>
      </c>
      <c r="K1659" t="s">
        <v>8666</v>
      </c>
      <c r="M1659">
        <v>2453699</v>
      </c>
      <c r="O1659">
        <v>3150377</v>
      </c>
      <c r="P1659">
        <v>1</v>
      </c>
      <c r="Q1659">
        <v>0</v>
      </c>
      <c r="R1659" t="s">
        <v>8667</v>
      </c>
      <c r="S1659">
        <v>336</v>
      </c>
    </row>
    <row r="1660" spans="1:19" x14ac:dyDescent="0.25">
      <c r="A1660">
        <v>45012858</v>
      </c>
      <c r="B1660" t="s">
        <v>8668</v>
      </c>
      <c r="C1660" s="1" t="s">
        <v>8669</v>
      </c>
      <c r="E1660">
        <v>1</v>
      </c>
      <c r="F1660">
        <v>2</v>
      </c>
      <c r="H1660" t="s">
        <v>8670</v>
      </c>
      <c r="J1660" t="s">
        <v>8671</v>
      </c>
      <c r="O1660">
        <v>7901934</v>
      </c>
      <c r="P1660">
        <v>1</v>
      </c>
      <c r="Q1660">
        <v>0</v>
      </c>
      <c r="R1660" t="s">
        <v>8672</v>
      </c>
      <c r="S1660">
        <v>312</v>
      </c>
    </row>
    <row r="1661" spans="1:19" x14ac:dyDescent="0.25">
      <c r="A1661">
        <v>19345997</v>
      </c>
      <c r="B1661" t="s">
        <v>8673</v>
      </c>
      <c r="C1661" s="1" t="s">
        <v>8674</v>
      </c>
      <c r="E1661">
        <v>0</v>
      </c>
      <c r="F1661">
        <v>1</v>
      </c>
      <c r="H1661" t="s">
        <v>8675</v>
      </c>
      <c r="J1661" t="s">
        <v>8675</v>
      </c>
      <c r="O1661">
        <v>1772165</v>
      </c>
      <c r="P1661">
        <v>1</v>
      </c>
      <c r="Q1661">
        <v>1</v>
      </c>
      <c r="R1661" t="s">
        <v>8676</v>
      </c>
      <c r="S1661">
        <v>163</v>
      </c>
    </row>
    <row r="1662" spans="1:19" x14ac:dyDescent="0.25">
      <c r="A1662">
        <v>36094311</v>
      </c>
      <c r="B1662" t="s">
        <v>8677</v>
      </c>
      <c r="C1662" s="1" t="s">
        <v>8678</v>
      </c>
      <c r="D1662">
        <v>36094565</v>
      </c>
      <c r="E1662">
        <v>1</v>
      </c>
      <c r="F1662">
        <v>0</v>
      </c>
      <c r="H1662" t="s">
        <v>8679</v>
      </c>
      <c r="J1662" t="s">
        <v>8680</v>
      </c>
      <c r="O1662">
        <v>2948478</v>
      </c>
      <c r="P1662">
        <v>1</v>
      </c>
      <c r="Q1662">
        <v>0</v>
      </c>
      <c r="R1662" t="s">
        <v>8681</v>
      </c>
      <c r="S1662">
        <v>36</v>
      </c>
    </row>
    <row r="1663" spans="1:19" x14ac:dyDescent="0.25">
      <c r="A1663">
        <v>8336214</v>
      </c>
      <c r="B1663" t="s">
        <v>8682</v>
      </c>
      <c r="C1663" s="1" t="s">
        <v>8683</v>
      </c>
      <c r="D1663">
        <v>8336745</v>
      </c>
      <c r="E1663">
        <v>2</v>
      </c>
      <c r="F1663">
        <v>0</v>
      </c>
      <c r="H1663" t="s">
        <v>8684</v>
      </c>
      <c r="I1663">
        <v>6</v>
      </c>
      <c r="J1663" t="s">
        <v>8685</v>
      </c>
      <c r="K1663" t="s">
        <v>8685</v>
      </c>
      <c r="M1663">
        <v>610692</v>
      </c>
      <c r="O1663">
        <v>1021319</v>
      </c>
      <c r="P1663">
        <v>1</v>
      </c>
      <c r="Q1663">
        <v>6</v>
      </c>
      <c r="R1663" t="s">
        <v>8686</v>
      </c>
      <c r="S1663">
        <v>6574</v>
      </c>
    </row>
    <row r="1664" spans="1:19" x14ac:dyDescent="0.25">
      <c r="A1664">
        <v>47746869</v>
      </c>
      <c r="B1664" t="s">
        <v>8687</v>
      </c>
      <c r="C1664" t="s">
        <v>8688</v>
      </c>
      <c r="D1664">
        <v>48410827</v>
      </c>
      <c r="E1664">
        <v>3</v>
      </c>
      <c r="F1664">
        <v>0</v>
      </c>
      <c r="H1664" t="s">
        <v>8689</v>
      </c>
      <c r="J1664" t="s">
        <v>8690</v>
      </c>
      <c r="K1664" t="s">
        <v>8691</v>
      </c>
      <c r="M1664">
        <v>1033581</v>
      </c>
      <c r="O1664">
        <v>939280</v>
      </c>
      <c r="P1664">
        <v>1</v>
      </c>
      <c r="Q1664">
        <v>2</v>
      </c>
      <c r="R1664" t="s">
        <v>8692</v>
      </c>
      <c r="S1664">
        <v>171</v>
      </c>
    </row>
    <row r="1665" spans="1:19" x14ac:dyDescent="0.25">
      <c r="A1665">
        <v>44949604</v>
      </c>
      <c r="B1665" t="s">
        <v>8693</v>
      </c>
      <c r="C1665" s="1" t="s">
        <v>8694</v>
      </c>
      <c r="E1665">
        <v>1</v>
      </c>
      <c r="F1665">
        <v>2</v>
      </c>
      <c r="H1665" t="s">
        <v>8695</v>
      </c>
      <c r="J1665" t="s">
        <v>8696</v>
      </c>
      <c r="K1665" t="s">
        <v>8697</v>
      </c>
      <c r="M1665">
        <v>411115</v>
      </c>
      <c r="O1665">
        <v>411115</v>
      </c>
      <c r="P1665">
        <v>1</v>
      </c>
      <c r="Q1665">
        <v>1</v>
      </c>
      <c r="R1665" t="s">
        <v>8698</v>
      </c>
      <c r="S1665">
        <v>504</v>
      </c>
    </row>
    <row r="1666" spans="1:19" x14ac:dyDescent="0.25">
      <c r="A1666">
        <v>7576760</v>
      </c>
      <c r="B1666" t="s">
        <v>8699</v>
      </c>
      <c r="C1666" s="1" t="s">
        <v>8700</v>
      </c>
      <c r="E1666">
        <v>2</v>
      </c>
      <c r="F1666">
        <v>0</v>
      </c>
      <c r="H1666" t="s">
        <v>8701</v>
      </c>
      <c r="J1666" t="s">
        <v>8702</v>
      </c>
      <c r="K1666" t="s">
        <v>8703</v>
      </c>
      <c r="M1666">
        <v>17469</v>
      </c>
      <c r="O1666">
        <v>884958</v>
      </c>
      <c r="P1666">
        <v>1</v>
      </c>
      <c r="Q1666">
        <v>2</v>
      </c>
      <c r="R1666" t="s">
        <v>8704</v>
      </c>
      <c r="S1666">
        <v>1701</v>
      </c>
    </row>
    <row r="1667" spans="1:19" x14ac:dyDescent="0.25">
      <c r="A1667">
        <v>31028961</v>
      </c>
      <c r="B1667" t="s">
        <v>8705</v>
      </c>
      <c r="C1667" s="1" t="s">
        <v>8706</v>
      </c>
      <c r="D1667">
        <v>31123046</v>
      </c>
      <c r="E1667">
        <v>3</v>
      </c>
      <c r="F1667">
        <v>3</v>
      </c>
      <c r="H1667" t="s">
        <v>8707</v>
      </c>
      <c r="I1667">
        <v>1</v>
      </c>
      <c r="J1667" t="s">
        <v>8708</v>
      </c>
      <c r="O1667">
        <v>5044966</v>
      </c>
      <c r="P1667">
        <v>1</v>
      </c>
      <c r="Q1667">
        <v>4</v>
      </c>
      <c r="R1667" t="s">
        <v>8709</v>
      </c>
      <c r="S1667">
        <v>73</v>
      </c>
    </row>
    <row r="1668" spans="1:19" x14ac:dyDescent="0.25">
      <c r="A1668">
        <v>37523438</v>
      </c>
      <c r="B1668" t="s">
        <v>8710</v>
      </c>
      <c r="C1668" s="1" t="s">
        <v>8711</v>
      </c>
      <c r="E1668">
        <v>1</v>
      </c>
      <c r="F1668">
        <v>0</v>
      </c>
      <c r="H1668" t="s">
        <v>8712</v>
      </c>
      <c r="J1668" t="s">
        <v>8713</v>
      </c>
      <c r="K1668" t="s">
        <v>8713</v>
      </c>
      <c r="M1668">
        <v>15168</v>
      </c>
      <c r="O1668">
        <v>3567553</v>
      </c>
      <c r="P1668">
        <v>1</v>
      </c>
      <c r="Q1668">
        <v>0</v>
      </c>
      <c r="R1668" t="s">
        <v>8714</v>
      </c>
      <c r="S1668">
        <v>622</v>
      </c>
    </row>
    <row r="1669" spans="1:19" x14ac:dyDescent="0.25">
      <c r="A1669">
        <v>13029516</v>
      </c>
      <c r="B1669" t="s">
        <v>8715</v>
      </c>
      <c r="C1669" s="1" t="s">
        <v>8716</v>
      </c>
      <c r="D1669">
        <v>13037386</v>
      </c>
      <c r="E1669">
        <v>3</v>
      </c>
      <c r="F1669">
        <v>2</v>
      </c>
      <c r="H1669" t="s">
        <v>8717</v>
      </c>
      <c r="I1669">
        <v>1</v>
      </c>
      <c r="J1669" t="s">
        <v>8718</v>
      </c>
      <c r="O1669">
        <v>57461</v>
      </c>
      <c r="P1669">
        <v>1</v>
      </c>
      <c r="Q1669">
        <v>2</v>
      </c>
      <c r="R1669" t="s">
        <v>8719</v>
      </c>
      <c r="S1669">
        <v>457</v>
      </c>
    </row>
    <row r="1670" spans="1:19" x14ac:dyDescent="0.25">
      <c r="A1670">
        <v>47747731</v>
      </c>
      <c r="B1670" t="s">
        <v>8720</v>
      </c>
      <c r="C1670" s="1" t="s">
        <v>8721</v>
      </c>
      <c r="D1670">
        <v>47747773</v>
      </c>
      <c r="E1670">
        <v>3</v>
      </c>
      <c r="F1670">
        <v>1</v>
      </c>
      <c r="H1670" t="s">
        <v>8722</v>
      </c>
      <c r="J1670" t="s">
        <v>8723</v>
      </c>
      <c r="K1670" t="s">
        <v>8723</v>
      </c>
      <c r="M1670">
        <v>5305246</v>
      </c>
      <c r="O1670">
        <v>5305246</v>
      </c>
      <c r="P1670">
        <v>1</v>
      </c>
      <c r="Q1670">
        <v>3</v>
      </c>
      <c r="R1670" t="s">
        <v>8724</v>
      </c>
      <c r="S1670">
        <v>70</v>
      </c>
    </row>
    <row r="1671" spans="1:19" x14ac:dyDescent="0.25">
      <c r="A1671">
        <v>24065620</v>
      </c>
      <c r="B1671" t="s">
        <v>8725</v>
      </c>
      <c r="C1671" s="1" t="s">
        <v>8726</v>
      </c>
      <c r="D1671">
        <v>24065727</v>
      </c>
      <c r="E1671">
        <v>3</v>
      </c>
      <c r="F1671">
        <v>1</v>
      </c>
      <c r="H1671" t="s">
        <v>8727</v>
      </c>
      <c r="J1671" t="s">
        <v>8728</v>
      </c>
      <c r="O1671">
        <v>158008</v>
      </c>
      <c r="P1671">
        <v>1</v>
      </c>
      <c r="Q1671">
        <v>4</v>
      </c>
      <c r="R1671" t="s">
        <v>8729</v>
      </c>
      <c r="S1671">
        <v>5027</v>
      </c>
    </row>
    <row r="1672" spans="1:19" x14ac:dyDescent="0.25">
      <c r="A1672">
        <v>23470474</v>
      </c>
      <c r="B1672" t="s">
        <v>8730</v>
      </c>
      <c r="C1672" s="1" t="s">
        <v>8731</v>
      </c>
      <c r="E1672">
        <v>0</v>
      </c>
      <c r="F1672">
        <v>2</v>
      </c>
      <c r="H1672" t="s">
        <v>8732</v>
      </c>
      <c r="J1672" t="s">
        <v>8733</v>
      </c>
      <c r="K1672" t="s">
        <v>8733</v>
      </c>
      <c r="M1672">
        <v>1837735</v>
      </c>
      <c r="O1672">
        <v>1837735</v>
      </c>
      <c r="P1672">
        <v>1</v>
      </c>
      <c r="Q1672">
        <v>0</v>
      </c>
      <c r="R1672" t="s">
        <v>8734</v>
      </c>
      <c r="S1672">
        <v>90</v>
      </c>
    </row>
    <row r="1673" spans="1:19" x14ac:dyDescent="0.25">
      <c r="A1673">
        <v>37066923</v>
      </c>
      <c r="B1673" t="s">
        <v>8735</v>
      </c>
      <c r="C1673" s="1" t="s">
        <v>8736</v>
      </c>
      <c r="D1673">
        <v>37067115</v>
      </c>
      <c r="E1673">
        <v>1</v>
      </c>
      <c r="F1673">
        <v>1</v>
      </c>
      <c r="H1673" t="s">
        <v>8737</v>
      </c>
      <c r="J1673" t="s">
        <v>8738</v>
      </c>
      <c r="O1673">
        <v>2393924</v>
      </c>
      <c r="P1673">
        <v>1</v>
      </c>
      <c r="Q1673">
        <v>2</v>
      </c>
      <c r="R1673" t="s">
        <v>8739</v>
      </c>
      <c r="S1673">
        <v>84</v>
      </c>
    </row>
    <row r="1674" spans="1:19" x14ac:dyDescent="0.25">
      <c r="A1674">
        <v>31741378</v>
      </c>
      <c r="B1674" t="s">
        <v>8740</v>
      </c>
      <c r="C1674" s="1" t="s">
        <v>8741</v>
      </c>
      <c r="E1674">
        <v>0</v>
      </c>
      <c r="F1674">
        <v>4</v>
      </c>
      <c r="H1674" t="s">
        <v>8742</v>
      </c>
      <c r="J1674" t="s">
        <v>8742</v>
      </c>
      <c r="O1674">
        <v>2039486</v>
      </c>
      <c r="P1674">
        <v>1</v>
      </c>
      <c r="Q1674">
        <v>0</v>
      </c>
      <c r="R1674" t="s">
        <v>8743</v>
      </c>
      <c r="S1674">
        <v>42</v>
      </c>
    </row>
    <row r="1675" spans="1:19" x14ac:dyDescent="0.25">
      <c r="A1675">
        <v>2154378</v>
      </c>
      <c r="B1675" t="s">
        <v>8744</v>
      </c>
      <c r="C1675" s="1" t="s">
        <v>8745</v>
      </c>
      <c r="D1675">
        <v>2154491</v>
      </c>
      <c r="E1675">
        <v>5</v>
      </c>
      <c r="F1675">
        <v>0</v>
      </c>
      <c r="H1675" t="s">
        <v>8746</v>
      </c>
      <c r="I1675">
        <v>1</v>
      </c>
      <c r="J1675" t="s">
        <v>8747</v>
      </c>
      <c r="O1675">
        <v>172637</v>
      </c>
      <c r="P1675">
        <v>1</v>
      </c>
      <c r="Q1675">
        <v>1</v>
      </c>
      <c r="R1675" t="s">
        <v>8748</v>
      </c>
      <c r="S1675">
        <v>2939</v>
      </c>
    </row>
    <row r="1676" spans="1:19" x14ac:dyDescent="0.25">
      <c r="A1676">
        <v>40572267</v>
      </c>
      <c r="B1676" t="s">
        <v>8749</v>
      </c>
      <c r="C1676" s="1" t="s">
        <v>8750</v>
      </c>
      <c r="D1676">
        <v>40572341</v>
      </c>
      <c r="E1676">
        <v>2</v>
      </c>
      <c r="F1676">
        <v>1</v>
      </c>
      <c r="H1676" t="s">
        <v>8751</v>
      </c>
      <c r="I1676">
        <v>1</v>
      </c>
      <c r="J1676" t="s">
        <v>8752</v>
      </c>
      <c r="K1676" t="s">
        <v>8752</v>
      </c>
      <c r="M1676">
        <v>243373</v>
      </c>
      <c r="O1676">
        <v>6393475</v>
      </c>
      <c r="P1676">
        <v>1</v>
      </c>
      <c r="Q1676">
        <v>1</v>
      </c>
      <c r="R1676" t="s">
        <v>8753</v>
      </c>
      <c r="S1676">
        <v>439</v>
      </c>
    </row>
    <row r="1677" spans="1:19" x14ac:dyDescent="0.25">
      <c r="A1677">
        <v>41520444</v>
      </c>
      <c r="B1677" t="s">
        <v>8754</v>
      </c>
      <c r="C1677" s="1" t="s">
        <v>8755</v>
      </c>
      <c r="E1677">
        <v>1</v>
      </c>
      <c r="F1677">
        <v>2</v>
      </c>
      <c r="H1677" t="s">
        <v>8756</v>
      </c>
      <c r="J1677" t="s">
        <v>8757</v>
      </c>
      <c r="O1677">
        <v>5523468</v>
      </c>
      <c r="P1677">
        <v>1</v>
      </c>
      <c r="Q1677">
        <v>0</v>
      </c>
      <c r="R1677" t="s">
        <v>8758</v>
      </c>
      <c r="S1677">
        <v>54</v>
      </c>
    </row>
    <row r="1678" spans="1:19" x14ac:dyDescent="0.25">
      <c r="A1678">
        <v>27437880</v>
      </c>
      <c r="B1678" t="s">
        <v>8759</v>
      </c>
      <c r="C1678" s="1" t="s">
        <v>8760</v>
      </c>
      <c r="D1678">
        <v>27437999</v>
      </c>
      <c r="E1678">
        <v>1</v>
      </c>
      <c r="F1678">
        <v>1</v>
      </c>
      <c r="H1678" t="s">
        <v>8761</v>
      </c>
      <c r="J1678" t="s">
        <v>8762</v>
      </c>
      <c r="K1678" t="s">
        <v>8762</v>
      </c>
      <c r="M1678">
        <v>1153745</v>
      </c>
      <c r="O1678">
        <v>4186513</v>
      </c>
      <c r="P1678">
        <v>1</v>
      </c>
      <c r="Q1678">
        <v>0</v>
      </c>
      <c r="R1678" t="s">
        <v>3339</v>
      </c>
      <c r="S1678">
        <v>66</v>
      </c>
    </row>
    <row r="1679" spans="1:19" x14ac:dyDescent="0.25">
      <c r="A1679">
        <v>52706084</v>
      </c>
      <c r="B1679" t="s">
        <v>8763</v>
      </c>
      <c r="C1679" s="1" t="s">
        <v>8764</v>
      </c>
      <c r="E1679">
        <v>1</v>
      </c>
      <c r="F1679">
        <v>0</v>
      </c>
      <c r="H1679" t="s">
        <v>8765</v>
      </c>
      <c r="J1679" t="s">
        <v>8766</v>
      </c>
      <c r="K1679" t="s">
        <v>8767</v>
      </c>
      <c r="M1679">
        <v>7433460</v>
      </c>
      <c r="O1679">
        <v>10474114</v>
      </c>
      <c r="P1679">
        <v>1</v>
      </c>
      <c r="Q1679">
        <v>0</v>
      </c>
      <c r="R1679" t="s">
        <v>8768</v>
      </c>
      <c r="S1679">
        <v>26</v>
      </c>
    </row>
    <row r="1680" spans="1:19" x14ac:dyDescent="0.25">
      <c r="A1680">
        <v>33648278</v>
      </c>
      <c r="B1680" t="s">
        <v>8769</v>
      </c>
      <c r="C1680" s="1" t="s">
        <v>8770</v>
      </c>
      <c r="D1680">
        <v>33731428</v>
      </c>
      <c r="E1680">
        <v>1</v>
      </c>
      <c r="F1680">
        <v>0</v>
      </c>
      <c r="H1680" t="s">
        <v>8771</v>
      </c>
      <c r="I1680">
        <v>1</v>
      </c>
      <c r="J1680" t="s">
        <v>8772</v>
      </c>
      <c r="K1680" t="s">
        <v>8773</v>
      </c>
      <c r="M1680">
        <v>2653729</v>
      </c>
      <c r="O1680">
        <v>2653729</v>
      </c>
      <c r="P1680">
        <v>1</v>
      </c>
      <c r="Q1680">
        <v>0</v>
      </c>
      <c r="R1680" t="s">
        <v>8774</v>
      </c>
      <c r="S1680">
        <v>695</v>
      </c>
    </row>
    <row r="1681" spans="1:19" x14ac:dyDescent="0.25">
      <c r="A1681">
        <v>47581198</v>
      </c>
      <c r="B1681" t="s">
        <v>8775</v>
      </c>
      <c r="C1681" s="1" t="s">
        <v>8776</v>
      </c>
      <c r="D1681">
        <v>47583642</v>
      </c>
      <c r="E1681">
        <v>1</v>
      </c>
      <c r="F1681">
        <v>6</v>
      </c>
      <c r="H1681" t="s">
        <v>8777</v>
      </c>
      <c r="J1681" t="s">
        <v>8778</v>
      </c>
      <c r="K1681" t="s">
        <v>8779</v>
      </c>
      <c r="M1681">
        <v>9015286</v>
      </c>
      <c r="O1681">
        <v>9015286</v>
      </c>
      <c r="P1681">
        <v>1</v>
      </c>
      <c r="Q1681">
        <v>0</v>
      </c>
      <c r="R1681" t="s">
        <v>2771</v>
      </c>
      <c r="S1681">
        <v>44</v>
      </c>
    </row>
    <row r="1682" spans="1:19" x14ac:dyDescent="0.25">
      <c r="A1682">
        <v>41491492</v>
      </c>
      <c r="B1682" t="s">
        <v>8780</v>
      </c>
      <c r="C1682" s="1" t="s">
        <v>8781</v>
      </c>
      <c r="E1682">
        <v>2</v>
      </c>
      <c r="F1682">
        <v>0</v>
      </c>
      <c r="H1682" t="s">
        <v>8782</v>
      </c>
      <c r="J1682" t="s">
        <v>8783</v>
      </c>
      <c r="O1682">
        <v>7380303</v>
      </c>
      <c r="P1682">
        <v>1</v>
      </c>
      <c r="Q1682">
        <v>0</v>
      </c>
      <c r="R1682" t="s">
        <v>8784</v>
      </c>
      <c r="S1682">
        <v>125</v>
      </c>
    </row>
    <row r="1683" spans="1:19" x14ac:dyDescent="0.25">
      <c r="A1683">
        <v>16588164</v>
      </c>
      <c r="B1683" t="s">
        <v>8785</v>
      </c>
      <c r="C1683" s="1" t="s">
        <v>8786</v>
      </c>
      <c r="E1683">
        <v>1</v>
      </c>
      <c r="F1683">
        <v>0</v>
      </c>
      <c r="H1683" t="s">
        <v>8787</v>
      </c>
      <c r="J1683" t="s">
        <v>8788</v>
      </c>
      <c r="K1683" t="s">
        <v>8788</v>
      </c>
      <c r="M1683">
        <v>1560062</v>
      </c>
      <c r="O1683">
        <v>940016</v>
      </c>
      <c r="P1683">
        <v>1</v>
      </c>
      <c r="Q1683">
        <v>0</v>
      </c>
      <c r="R1683" t="s">
        <v>8789</v>
      </c>
      <c r="S1683">
        <v>1293</v>
      </c>
    </row>
    <row r="1684" spans="1:19" x14ac:dyDescent="0.25">
      <c r="A1684">
        <v>2477226</v>
      </c>
      <c r="B1684" t="s">
        <v>8790</v>
      </c>
      <c r="C1684" s="1" t="s">
        <v>8791</v>
      </c>
      <c r="D1684">
        <v>2477279</v>
      </c>
      <c r="E1684">
        <v>1</v>
      </c>
      <c r="F1684">
        <v>0</v>
      </c>
      <c r="H1684" t="s">
        <v>8792</v>
      </c>
      <c r="J1684" t="s">
        <v>8793</v>
      </c>
      <c r="K1684" t="s">
        <v>8794</v>
      </c>
      <c r="M1684">
        <v>224671</v>
      </c>
      <c r="O1684">
        <v>274277</v>
      </c>
      <c r="P1684">
        <v>1</v>
      </c>
      <c r="Q1684">
        <v>0</v>
      </c>
      <c r="R1684" t="s">
        <v>7907</v>
      </c>
      <c r="S1684">
        <v>1018</v>
      </c>
    </row>
    <row r="1685" spans="1:19" x14ac:dyDescent="0.25">
      <c r="A1685">
        <v>24610707</v>
      </c>
      <c r="B1685" t="s">
        <v>8795</v>
      </c>
      <c r="C1685" s="1" t="s">
        <v>8796</v>
      </c>
      <c r="E1685">
        <v>2</v>
      </c>
      <c r="F1685">
        <v>4</v>
      </c>
      <c r="H1685" t="s">
        <v>8797</v>
      </c>
      <c r="I1685">
        <v>0</v>
      </c>
      <c r="J1685" t="s">
        <v>8798</v>
      </c>
      <c r="O1685">
        <v>1105829</v>
      </c>
      <c r="P1685">
        <v>1</v>
      </c>
      <c r="Q1685">
        <v>1</v>
      </c>
      <c r="R1685" t="s">
        <v>8799</v>
      </c>
      <c r="S1685">
        <v>2551</v>
      </c>
    </row>
    <row r="1686" spans="1:19" x14ac:dyDescent="0.25">
      <c r="A1686">
        <v>32477463</v>
      </c>
      <c r="B1686" t="s">
        <v>8800</v>
      </c>
      <c r="C1686" s="1" t="s">
        <v>8801</v>
      </c>
      <c r="E1686">
        <v>0</v>
      </c>
      <c r="F1686">
        <v>0</v>
      </c>
      <c r="H1686" t="s">
        <v>8802</v>
      </c>
      <c r="J1686" t="s">
        <v>8802</v>
      </c>
      <c r="O1686">
        <v>1500809</v>
      </c>
      <c r="P1686">
        <v>1</v>
      </c>
      <c r="Q1686">
        <v>1</v>
      </c>
      <c r="R1686" t="s">
        <v>8803</v>
      </c>
      <c r="S1686">
        <v>261</v>
      </c>
    </row>
    <row r="1687" spans="1:19" x14ac:dyDescent="0.25">
      <c r="A1687">
        <v>3389129</v>
      </c>
      <c r="B1687" t="s">
        <v>8804</v>
      </c>
      <c r="C1687" s="1" t="s">
        <v>8805</v>
      </c>
      <c r="D1687">
        <v>3392074</v>
      </c>
      <c r="E1687">
        <v>2</v>
      </c>
      <c r="F1687">
        <v>0</v>
      </c>
      <c r="H1687" t="s">
        <v>8806</v>
      </c>
      <c r="J1687" t="s">
        <v>8807</v>
      </c>
      <c r="K1687" t="s">
        <v>8808</v>
      </c>
      <c r="M1687">
        <v>43679</v>
      </c>
      <c r="O1687">
        <v>43679</v>
      </c>
      <c r="P1687">
        <v>1</v>
      </c>
      <c r="Q1687">
        <v>1</v>
      </c>
      <c r="R1687" t="s">
        <v>8809</v>
      </c>
      <c r="S1687">
        <v>1289</v>
      </c>
    </row>
    <row r="1688" spans="1:19" x14ac:dyDescent="0.25">
      <c r="A1688">
        <v>27724058</v>
      </c>
      <c r="B1688" t="s">
        <v>8810</v>
      </c>
      <c r="C1688" s="1" t="s">
        <v>8811</v>
      </c>
      <c r="D1688">
        <v>27727923</v>
      </c>
      <c r="E1688">
        <v>3</v>
      </c>
      <c r="F1688">
        <v>4</v>
      </c>
      <c r="H1688" t="s">
        <v>8812</v>
      </c>
      <c r="I1688">
        <v>0</v>
      </c>
      <c r="J1688" t="s">
        <v>8813</v>
      </c>
      <c r="O1688">
        <v>4350749</v>
      </c>
      <c r="P1688">
        <v>1</v>
      </c>
      <c r="Q1688">
        <v>0</v>
      </c>
      <c r="R1688" t="s">
        <v>3648</v>
      </c>
      <c r="S1688">
        <v>82</v>
      </c>
    </row>
    <row r="1689" spans="1:19" x14ac:dyDescent="0.25">
      <c r="A1689">
        <v>4156416</v>
      </c>
      <c r="B1689" t="s">
        <v>8814</v>
      </c>
      <c r="C1689" s="1" t="s">
        <v>8815</v>
      </c>
      <c r="E1689">
        <v>1</v>
      </c>
      <c r="F1689">
        <v>0</v>
      </c>
      <c r="H1689" t="s">
        <v>8816</v>
      </c>
      <c r="J1689" t="s">
        <v>8817</v>
      </c>
      <c r="K1689" t="s">
        <v>8817</v>
      </c>
      <c r="M1689">
        <v>2958086</v>
      </c>
      <c r="O1689">
        <v>504707</v>
      </c>
      <c r="P1689">
        <v>1</v>
      </c>
      <c r="Q1689">
        <v>2</v>
      </c>
      <c r="R1689" t="s">
        <v>8818</v>
      </c>
      <c r="S1689">
        <v>1663</v>
      </c>
    </row>
    <row r="1690" spans="1:19" x14ac:dyDescent="0.25">
      <c r="A1690">
        <v>52260525</v>
      </c>
      <c r="B1690" t="s">
        <v>8819</v>
      </c>
      <c r="C1690" s="1" t="s">
        <v>8820</v>
      </c>
      <c r="D1690">
        <v>52261635</v>
      </c>
      <c r="E1690">
        <v>4</v>
      </c>
      <c r="F1690">
        <v>3</v>
      </c>
      <c r="H1690" t="s">
        <v>8821</v>
      </c>
      <c r="J1690" t="s">
        <v>8822</v>
      </c>
      <c r="K1690" t="s">
        <v>8823</v>
      </c>
      <c r="M1690">
        <v>3589620</v>
      </c>
      <c r="O1690">
        <v>4255945</v>
      </c>
      <c r="P1690">
        <v>1</v>
      </c>
      <c r="Q1690">
        <v>0</v>
      </c>
      <c r="R1690" t="s">
        <v>93</v>
      </c>
      <c r="S1690">
        <v>81</v>
      </c>
    </row>
    <row r="1691" spans="1:19" x14ac:dyDescent="0.25">
      <c r="A1691">
        <v>33204501</v>
      </c>
      <c r="B1691" t="s">
        <v>8824</v>
      </c>
      <c r="C1691" s="1" t="s">
        <v>8825</v>
      </c>
      <c r="E1691">
        <v>1</v>
      </c>
      <c r="F1691">
        <v>0</v>
      </c>
      <c r="H1691" t="s">
        <v>8826</v>
      </c>
      <c r="J1691" t="s">
        <v>8827</v>
      </c>
      <c r="O1691">
        <v>1038565</v>
      </c>
      <c r="P1691">
        <v>1</v>
      </c>
      <c r="Q1691">
        <v>1</v>
      </c>
      <c r="R1691" t="s">
        <v>8828</v>
      </c>
      <c r="S1691">
        <v>32</v>
      </c>
    </row>
    <row r="1692" spans="1:19" x14ac:dyDescent="0.25">
      <c r="A1692">
        <v>31217256</v>
      </c>
      <c r="B1692" t="s">
        <v>8829</v>
      </c>
      <c r="C1692" s="1" t="s">
        <v>8830</v>
      </c>
      <c r="D1692">
        <v>31217292</v>
      </c>
      <c r="E1692">
        <v>1</v>
      </c>
      <c r="F1692">
        <v>0</v>
      </c>
      <c r="H1692" t="s">
        <v>8831</v>
      </c>
      <c r="J1692" t="s">
        <v>8832</v>
      </c>
      <c r="K1692" t="s">
        <v>8833</v>
      </c>
      <c r="M1692">
        <v>672786</v>
      </c>
      <c r="O1692">
        <v>672786</v>
      </c>
      <c r="P1692">
        <v>1</v>
      </c>
      <c r="Q1692">
        <v>0</v>
      </c>
      <c r="R1692" t="s">
        <v>8834</v>
      </c>
      <c r="S1692">
        <v>110</v>
      </c>
    </row>
    <row r="1693" spans="1:19" x14ac:dyDescent="0.25">
      <c r="A1693">
        <v>14770700</v>
      </c>
      <c r="B1693" t="s">
        <v>8835</v>
      </c>
      <c r="C1693" t="s">
        <v>8836</v>
      </c>
      <c r="E1693">
        <v>4</v>
      </c>
      <c r="F1693">
        <v>1</v>
      </c>
      <c r="H1693" t="s">
        <v>8837</v>
      </c>
      <c r="J1693" t="s">
        <v>8838</v>
      </c>
      <c r="O1693">
        <v>2054013</v>
      </c>
      <c r="P1693">
        <v>1</v>
      </c>
      <c r="Q1693">
        <v>1</v>
      </c>
      <c r="R1693" t="s">
        <v>7995</v>
      </c>
      <c r="S1693">
        <v>8288</v>
      </c>
    </row>
    <row r="1694" spans="1:19" x14ac:dyDescent="0.25">
      <c r="A1694">
        <v>23299542</v>
      </c>
      <c r="B1694" t="s">
        <v>8839</v>
      </c>
      <c r="C1694" s="1" t="s">
        <v>8840</v>
      </c>
      <c r="D1694">
        <v>23299831</v>
      </c>
      <c r="E1694">
        <v>1</v>
      </c>
      <c r="F1694">
        <v>0</v>
      </c>
      <c r="H1694" t="s">
        <v>8841</v>
      </c>
      <c r="J1694" t="s">
        <v>8842</v>
      </c>
      <c r="K1694" t="s">
        <v>8842</v>
      </c>
      <c r="M1694">
        <v>5067311</v>
      </c>
      <c r="O1694">
        <v>435129</v>
      </c>
      <c r="P1694">
        <v>1</v>
      </c>
      <c r="Q1694">
        <v>3</v>
      </c>
      <c r="R1694" t="s">
        <v>8843</v>
      </c>
      <c r="S1694">
        <v>878</v>
      </c>
    </row>
    <row r="1695" spans="1:19" x14ac:dyDescent="0.25">
      <c r="A1695">
        <v>10567234</v>
      </c>
      <c r="B1695" t="s">
        <v>8844</v>
      </c>
      <c r="C1695" s="1" t="s">
        <v>8845</v>
      </c>
      <c r="D1695">
        <v>10567265</v>
      </c>
      <c r="E1695">
        <v>1</v>
      </c>
      <c r="F1695">
        <v>0</v>
      </c>
      <c r="H1695" t="s">
        <v>8846</v>
      </c>
      <c r="I1695">
        <v>1</v>
      </c>
      <c r="J1695" t="s">
        <v>8847</v>
      </c>
      <c r="K1695" t="s">
        <v>8847</v>
      </c>
      <c r="M1695">
        <v>4186297</v>
      </c>
      <c r="O1695">
        <v>1391479</v>
      </c>
      <c r="P1695">
        <v>1</v>
      </c>
      <c r="Q1695">
        <v>1</v>
      </c>
      <c r="R1695" t="s">
        <v>759</v>
      </c>
      <c r="S1695">
        <v>122</v>
      </c>
    </row>
    <row r="1696" spans="1:19" x14ac:dyDescent="0.25">
      <c r="A1696">
        <v>22672453</v>
      </c>
      <c r="B1696" t="s">
        <v>8848</v>
      </c>
      <c r="C1696" s="1" t="s">
        <v>8849</v>
      </c>
      <c r="D1696">
        <v>22677197</v>
      </c>
      <c r="E1696">
        <v>2</v>
      </c>
      <c r="F1696">
        <v>6</v>
      </c>
      <c r="H1696" t="s">
        <v>8850</v>
      </c>
      <c r="I1696">
        <v>1</v>
      </c>
      <c r="J1696" t="s">
        <v>8851</v>
      </c>
      <c r="O1696">
        <v>2096905</v>
      </c>
      <c r="P1696">
        <v>1</v>
      </c>
      <c r="Q1696">
        <v>2</v>
      </c>
      <c r="R1696" t="s">
        <v>8852</v>
      </c>
      <c r="S1696">
        <v>1182</v>
      </c>
    </row>
    <row r="1697" spans="1:19" x14ac:dyDescent="0.25">
      <c r="A1697">
        <v>48710852</v>
      </c>
      <c r="B1697" t="s">
        <v>8853</v>
      </c>
      <c r="C1697" s="1" t="s">
        <v>8854</v>
      </c>
      <c r="D1697">
        <v>48710910</v>
      </c>
      <c r="E1697">
        <v>1</v>
      </c>
      <c r="F1697">
        <v>1</v>
      </c>
      <c r="H1697" t="s">
        <v>8855</v>
      </c>
      <c r="J1697" t="s">
        <v>8856</v>
      </c>
      <c r="O1697">
        <v>9339379</v>
      </c>
      <c r="P1697">
        <v>1</v>
      </c>
      <c r="Q1697">
        <v>1</v>
      </c>
      <c r="R1697" t="s">
        <v>3969</v>
      </c>
      <c r="S1697">
        <v>27</v>
      </c>
    </row>
    <row r="1698" spans="1:19" x14ac:dyDescent="0.25">
      <c r="A1698">
        <v>2199090</v>
      </c>
      <c r="B1698" t="s">
        <v>8857</v>
      </c>
      <c r="C1698" s="1" t="s">
        <v>8858</v>
      </c>
      <c r="E1698">
        <v>2</v>
      </c>
      <c r="F1698">
        <v>2</v>
      </c>
      <c r="H1698" t="s">
        <v>8859</v>
      </c>
      <c r="J1698" t="s">
        <v>8860</v>
      </c>
      <c r="K1698" t="s">
        <v>8861</v>
      </c>
      <c r="M1698">
        <v>266110</v>
      </c>
      <c r="O1698">
        <v>266110</v>
      </c>
      <c r="P1698">
        <v>1</v>
      </c>
      <c r="Q1698">
        <v>0</v>
      </c>
      <c r="R1698" t="s">
        <v>8862</v>
      </c>
      <c r="S1698">
        <v>1010</v>
      </c>
    </row>
    <row r="1699" spans="1:19" x14ac:dyDescent="0.25">
      <c r="A1699">
        <v>42512325</v>
      </c>
      <c r="B1699" t="s">
        <v>8863</v>
      </c>
      <c r="C1699" s="1" t="s">
        <v>8864</v>
      </c>
      <c r="E1699">
        <v>1</v>
      </c>
      <c r="F1699">
        <v>3</v>
      </c>
      <c r="H1699" t="s">
        <v>8865</v>
      </c>
      <c r="J1699" t="s">
        <v>8866</v>
      </c>
      <c r="K1699" t="s">
        <v>8867</v>
      </c>
      <c r="M1699">
        <v>177273</v>
      </c>
      <c r="O1699">
        <v>7636107</v>
      </c>
      <c r="P1699">
        <v>1</v>
      </c>
      <c r="Q1699">
        <v>1</v>
      </c>
      <c r="R1699" t="s">
        <v>1640</v>
      </c>
      <c r="S1699">
        <v>77</v>
      </c>
    </row>
    <row r="1700" spans="1:19" x14ac:dyDescent="0.25">
      <c r="A1700">
        <v>14853639</v>
      </c>
      <c r="B1700" t="s">
        <v>8868</v>
      </c>
      <c r="C1700" s="1" t="s">
        <v>8869</v>
      </c>
      <c r="D1700">
        <v>14853747</v>
      </c>
      <c r="E1700">
        <v>5</v>
      </c>
      <c r="F1700">
        <v>1</v>
      </c>
      <c r="H1700" t="s">
        <v>8870</v>
      </c>
      <c r="J1700" t="s">
        <v>8871</v>
      </c>
      <c r="K1700" t="s">
        <v>8872</v>
      </c>
      <c r="M1700">
        <v>761202</v>
      </c>
      <c r="O1700">
        <v>1930227</v>
      </c>
      <c r="P1700">
        <v>1</v>
      </c>
      <c r="Q1700">
        <v>0</v>
      </c>
      <c r="R1700" t="s">
        <v>8873</v>
      </c>
      <c r="S1700">
        <v>2752</v>
      </c>
    </row>
    <row r="1701" spans="1:19" x14ac:dyDescent="0.25">
      <c r="A1701">
        <v>44916777</v>
      </c>
      <c r="B1701" t="s">
        <v>8874</v>
      </c>
      <c r="C1701" s="1" t="s">
        <v>8875</v>
      </c>
      <c r="D1701">
        <v>44916835</v>
      </c>
      <c r="E1701">
        <v>1</v>
      </c>
      <c r="F1701">
        <v>2</v>
      </c>
      <c r="H1701" t="s">
        <v>8876</v>
      </c>
      <c r="I1701">
        <v>1</v>
      </c>
      <c r="J1701" t="s">
        <v>8877</v>
      </c>
      <c r="O1701">
        <v>388739</v>
      </c>
      <c r="P1701">
        <v>1</v>
      </c>
      <c r="Q1701">
        <v>0</v>
      </c>
      <c r="R1701" t="s">
        <v>8878</v>
      </c>
      <c r="S1701">
        <v>38</v>
      </c>
    </row>
    <row r="1702" spans="1:19" x14ac:dyDescent="0.25">
      <c r="A1702">
        <v>47368266</v>
      </c>
      <c r="B1702" t="s">
        <v>8879</v>
      </c>
      <c r="C1702" s="1" t="s">
        <v>8880</v>
      </c>
      <c r="E1702">
        <v>1</v>
      </c>
      <c r="F1702">
        <v>2</v>
      </c>
      <c r="H1702" t="s">
        <v>8881</v>
      </c>
      <c r="J1702" t="s">
        <v>8882</v>
      </c>
      <c r="O1702">
        <v>7186293</v>
      </c>
      <c r="P1702">
        <v>1</v>
      </c>
      <c r="Q1702">
        <v>0</v>
      </c>
      <c r="R1702" t="s">
        <v>8883</v>
      </c>
      <c r="S1702">
        <v>36</v>
      </c>
    </row>
    <row r="1703" spans="1:19" x14ac:dyDescent="0.25">
      <c r="A1703">
        <v>16407540</v>
      </c>
      <c r="B1703" t="s">
        <v>8884</v>
      </c>
      <c r="C1703" s="1" t="s">
        <v>8885</v>
      </c>
      <c r="D1703">
        <v>16407563</v>
      </c>
      <c r="E1703">
        <v>5</v>
      </c>
      <c r="F1703">
        <v>5</v>
      </c>
      <c r="H1703" t="s">
        <v>8886</v>
      </c>
      <c r="J1703" t="s">
        <v>8887</v>
      </c>
      <c r="K1703" t="s">
        <v>8887</v>
      </c>
      <c r="M1703">
        <v>732016</v>
      </c>
      <c r="O1703">
        <v>2027567</v>
      </c>
      <c r="P1703">
        <v>1</v>
      </c>
      <c r="Q1703">
        <v>3</v>
      </c>
      <c r="R1703" t="s">
        <v>8888</v>
      </c>
      <c r="S1703">
        <v>445</v>
      </c>
    </row>
    <row r="1704" spans="1:19" x14ac:dyDescent="0.25">
      <c r="A1704">
        <v>24415389</v>
      </c>
      <c r="B1704" t="s">
        <v>8889</v>
      </c>
      <c r="C1704" s="1" t="s">
        <v>8890</v>
      </c>
      <c r="D1704">
        <v>24423726</v>
      </c>
      <c r="E1704">
        <v>1</v>
      </c>
      <c r="F1704">
        <v>1</v>
      </c>
      <c r="H1704" t="s">
        <v>8891</v>
      </c>
      <c r="I1704">
        <v>0</v>
      </c>
      <c r="J1704" t="s">
        <v>8892</v>
      </c>
      <c r="O1704">
        <v>1738864</v>
      </c>
      <c r="P1704">
        <v>1</v>
      </c>
      <c r="Q1704">
        <v>3</v>
      </c>
      <c r="R1704" t="s">
        <v>8893</v>
      </c>
      <c r="S1704">
        <v>709</v>
      </c>
    </row>
    <row r="1705" spans="1:19" x14ac:dyDescent="0.25">
      <c r="A1705">
        <v>3631479</v>
      </c>
      <c r="B1705" t="s">
        <v>8894</v>
      </c>
      <c r="C1705" s="1" t="s">
        <v>8895</v>
      </c>
      <c r="D1705">
        <v>3631610</v>
      </c>
      <c r="E1705">
        <v>1</v>
      </c>
      <c r="F1705">
        <v>0</v>
      </c>
      <c r="H1705" t="s">
        <v>8896</v>
      </c>
      <c r="J1705" t="s">
        <v>8897</v>
      </c>
      <c r="K1705" t="s">
        <v>8898</v>
      </c>
      <c r="M1705">
        <v>-1</v>
      </c>
      <c r="O1705">
        <v>332617</v>
      </c>
      <c r="P1705">
        <v>1</v>
      </c>
      <c r="Q1705">
        <v>1</v>
      </c>
      <c r="R1705" t="s">
        <v>8899</v>
      </c>
      <c r="S1705">
        <v>3314</v>
      </c>
    </row>
    <row r="1706" spans="1:19" x14ac:dyDescent="0.25">
      <c r="A1706">
        <v>1317647</v>
      </c>
      <c r="B1706" t="s">
        <v>8900</v>
      </c>
      <c r="C1706" s="1" t="s">
        <v>8901</v>
      </c>
      <c r="E1706">
        <v>2</v>
      </c>
      <c r="F1706">
        <v>0</v>
      </c>
      <c r="H1706" t="s">
        <v>8902</v>
      </c>
      <c r="I1706">
        <v>0</v>
      </c>
      <c r="J1706" t="s">
        <v>8903</v>
      </c>
      <c r="O1706">
        <v>90165</v>
      </c>
      <c r="P1706">
        <v>1</v>
      </c>
      <c r="Q1706">
        <v>0</v>
      </c>
      <c r="R1706" t="s">
        <v>8904</v>
      </c>
      <c r="S1706">
        <v>144</v>
      </c>
    </row>
    <row r="1707" spans="1:19" x14ac:dyDescent="0.25">
      <c r="A1707">
        <v>20379693</v>
      </c>
      <c r="B1707" t="s">
        <v>8905</v>
      </c>
      <c r="C1707" s="1" t="s">
        <v>8906</v>
      </c>
      <c r="E1707">
        <v>1</v>
      </c>
      <c r="F1707">
        <v>0</v>
      </c>
      <c r="H1707" t="s">
        <v>8907</v>
      </c>
      <c r="J1707" t="s">
        <v>8908</v>
      </c>
      <c r="K1707" t="s">
        <v>8908</v>
      </c>
      <c r="M1707">
        <v>2862542</v>
      </c>
      <c r="O1707">
        <v>2862542</v>
      </c>
      <c r="P1707">
        <v>1</v>
      </c>
      <c r="Q1707">
        <v>0</v>
      </c>
      <c r="R1707" t="s">
        <v>8909</v>
      </c>
      <c r="S1707">
        <v>32</v>
      </c>
    </row>
    <row r="1708" spans="1:19" x14ac:dyDescent="0.25">
      <c r="A1708">
        <v>32643338</v>
      </c>
      <c r="B1708" t="s">
        <v>8910</v>
      </c>
      <c r="C1708" s="1" t="s">
        <v>8911</v>
      </c>
      <c r="E1708">
        <v>2</v>
      </c>
      <c r="F1708">
        <v>16</v>
      </c>
      <c r="H1708" t="s">
        <v>8912</v>
      </c>
      <c r="I1708">
        <v>2</v>
      </c>
      <c r="J1708" t="s">
        <v>8913</v>
      </c>
      <c r="K1708" t="s">
        <v>8913</v>
      </c>
      <c r="M1708">
        <v>1402846</v>
      </c>
      <c r="N1708" t="s">
        <v>8914</v>
      </c>
      <c r="O1708">
        <v>4970126</v>
      </c>
      <c r="P1708">
        <v>1</v>
      </c>
      <c r="Q1708">
        <v>0</v>
      </c>
      <c r="R1708" t="s">
        <v>8915</v>
      </c>
      <c r="S1708">
        <v>753</v>
      </c>
    </row>
    <row r="1709" spans="1:19" x14ac:dyDescent="0.25">
      <c r="A1709">
        <v>15467561</v>
      </c>
      <c r="B1709" t="s">
        <v>8916</v>
      </c>
      <c r="C1709" s="1" t="s">
        <v>8917</v>
      </c>
      <c r="D1709">
        <v>19794473</v>
      </c>
      <c r="E1709">
        <v>3</v>
      </c>
      <c r="F1709">
        <v>3</v>
      </c>
      <c r="H1709" t="s">
        <v>8918</v>
      </c>
      <c r="I1709">
        <v>2</v>
      </c>
      <c r="J1709" t="s">
        <v>8919</v>
      </c>
      <c r="K1709" t="s">
        <v>8919</v>
      </c>
      <c r="M1709">
        <v>507738</v>
      </c>
      <c r="O1709">
        <v>507738</v>
      </c>
      <c r="P1709">
        <v>1</v>
      </c>
      <c r="Q1709">
        <v>5</v>
      </c>
      <c r="R1709" t="s">
        <v>8920</v>
      </c>
      <c r="S1709">
        <v>1260</v>
      </c>
    </row>
    <row r="1710" spans="1:19" x14ac:dyDescent="0.25">
      <c r="A1710">
        <v>36190106</v>
      </c>
      <c r="B1710" t="s">
        <v>8921</v>
      </c>
      <c r="C1710" s="1" t="s">
        <v>8922</v>
      </c>
      <c r="D1710">
        <v>36190262</v>
      </c>
      <c r="E1710">
        <v>1</v>
      </c>
      <c r="F1710">
        <v>0</v>
      </c>
      <c r="H1710" t="s">
        <v>8923</v>
      </c>
      <c r="J1710" t="s">
        <v>8924</v>
      </c>
      <c r="O1710">
        <v>436560</v>
      </c>
      <c r="P1710">
        <v>1</v>
      </c>
      <c r="Q1710">
        <v>1</v>
      </c>
      <c r="R1710" t="s">
        <v>8925</v>
      </c>
      <c r="S1710">
        <v>78</v>
      </c>
    </row>
    <row r="1711" spans="1:19" x14ac:dyDescent="0.25">
      <c r="A1711">
        <v>1713123</v>
      </c>
      <c r="B1711" t="s">
        <v>8926</v>
      </c>
      <c r="C1711" s="1" t="s">
        <v>8927</v>
      </c>
      <c r="D1711">
        <v>4015982</v>
      </c>
      <c r="E1711">
        <v>3</v>
      </c>
      <c r="F1711">
        <v>0</v>
      </c>
      <c r="H1711" t="s">
        <v>8928</v>
      </c>
      <c r="I1711">
        <v>6</v>
      </c>
      <c r="J1711" t="s">
        <v>8929</v>
      </c>
      <c r="K1711" t="s">
        <v>8930</v>
      </c>
      <c r="M1711">
        <v>86020</v>
      </c>
      <c r="O1711">
        <v>86020</v>
      </c>
      <c r="P1711">
        <v>1</v>
      </c>
      <c r="Q1711">
        <v>6</v>
      </c>
      <c r="R1711" t="s">
        <v>8931</v>
      </c>
      <c r="S1711">
        <v>2098</v>
      </c>
    </row>
    <row r="1712" spans="1:19" x14ac:dyDescent="0.25">
      <c r="A1712">
        <v>22606791</v>
      </c>
      <c r="B1712" t="s">
        <v>8932</v>
      </c>
      <c r="C1712" s="1" t="s">
        <v>8933</v>
      </c>
      <c r="E1712">
        <v>1</v>
      </c>
      <c r="F1712">
        <v>4</v>
      </c>
      <c r="H1712" t="s">
        <v>8934</v>
      </c>
      <c r="J1712" t="s">
        <v>8935</v>
      </c>
      <c r="K1712" t="s">
        <v>8935</v>
      </c>
      <c r="M1712">
        <v>3454914</v>
      </c>
      <c r="O1712">
        <v>3454914</v>
      </c>
      <c r="P1712">
        <v>1</v>
      </c>
      <c r="Q1712">
        <v>0</v>
      </c>
      <c r="R1712" t="s">
        <v>8936</v>
      </c>
      <c r="S1712">
        <v>95</v>
      </c>
    </row>
    <row r="1713" spans="1:19" x14ac:dyDescent="0.25">
      <c r="A1713">
        <v>44141128</v>
      </c>
      <c r="B1713" t="s">
        <v>8937</v>
      </c>
      <c r="C1713" s="1" t="s">
        <v>8938</v>
      </c>
      <c r="D1713">
        <v>44164675</v>
      </c>
      <c r="E1713">
        <v>1</v>
      </c>
      <c r="F1713">
        <v>4</v>
      </c>
      <c r="H1713" t="s">
        <v>8939</v>
      </c>
      <c r="J1713" t="s">
        <v>8940</v>
      </c>
      <c r="O1713">
        <v>7247910</v>
      </c>
      <c r="P1713">
        <v>1</v>
      </c>
      <c r="Q1713">
        <v>0</v>
      </c>
      <c r="R1713" t="s">
        <v>8941</v>
      </c>
      <c r="S1713">
        <v>54</v>
      </c>
    </row>
    <row r="1714" spans="1:19" x14ac:dyDescent="0.25">
      <c r="A1714">
        <v>27772241</v>
      </c>
      <c r="B1714" t="s">
        <v>8942</v>
      </c>
      <c r="C1714" s="1" t="s">
        <v>8943</v>
      </c>
      <c r="D1714">
        <v>27772279</v>
      </c>
      <c r="E1714">
        <v>1</v>
      </c>
      <c r="F1714">
        <v>0</v>
      </c>
      <c r="H1714" t="s">
        <v>8944</v>
      </c>
      <c r="J1714" t="s">
        <v>8945</v>
      </c>
      <c r="O1714">
        <v>299725</v>
      </c>
      <c r="P1714">
        <v>1</v>
      </c>
      <c r="Q1714">
        <v>-1</v>
      </c>
      <c r="R1714" t="s">
        <v>8946</v>
      </c>
      <c r="S1714">
        <v>132</v>
      </c>
    </row>
    <row r="1715" spans="1:19" x14ac:dyDescent="0.25">
      <c r="A1715">
        <v>50772042</v>
      </c>
      <c r="B1715" t="s">
        <v>8947</v>
      </c>
      <c r="C1715" s="1" t="s">
        <v>8948</v>
      </c>
      <c r="D1715">
        <v>50772301</v>
      </c>
      <c r="E1715">
        <v>1</v>
      </c>
      <c r="F1715">
        <v>2</v>
      </c>
      <c r="H1715" t="s">
        <v>8949</v>
      </c>
      <c r="J1715" t="s">
        <v>8950</v>
      </c>
      <c r="K1715" t="s">
        <v>8950</v>
      </c>
      <c r="M1715">
        <v>595305</v>
      </c>
      <c r="O1715">
        <v>595305</v>
      </c>
      <c r="P1715">
        <v>1</v>
      </c>
      <c r="Q1715">
        <v>1</v>
      </c>
      <c r="R1715" t="s">
        <v>8951</v>
      </c>
      <c r="S1715">
        <v>74</v>
      </c>
    </row>
    <row r="1716" spans="1:19" x14ac:dyDescent="0.25">
      <c r="A1716">
        <v>48930064</v>
      </c>
      <c r="B1716" t="s">
        <v>8952</v>
      </c>
      <c r="C1716" s="1" t="s">
        <v>8953</v>
      </c>
      <c r="E1716">
        <v>1</v>
      </c>
      <c r="F1716">
        <v>6</v>
      </c>
      <c r="H1716" t="s">
        <v>8954</v>
      </c>
      <c r="I1716">
        <v>1</v>
      </c>
      <c r="J1716" t="s">
        <v>8955</v>
      </c>
      <c r="O1716">
        <v>5946763</v>
      </c>
      <c r="P1716">
        <v>1</v>
      </c>
      <c r="Q1716">
        <v>0</v>
      </c>
      <c r="R1716" t="s">
        <v>8956</v>
      </c>
      <c r="S1716">
        <v>138</v>
      </c>
    </row>
    <row r="1717" spans="1:19" x14ac:dyDescent="0.25">
      <c r="A1717">
        <v>38138663</v>
      </c>
      <c r="B1717" t="s">
        <v>8957</v>
      </c>
      <c r="C1717" s="1" t="s">
        <v>8958</v>
      </c>
      <c r="E1717">
        <v>1</v>
      </c>
      <c r="F1717">
        <v>2</v>
      </c>
      <c r="H1717" t="s">
        <v>8959</v>
      </c>
      <c r="J1717" t="s">
        <v>8960</v>
      </c>
      <c r="K1717" t="s">
        <v>8961</v>
      </c>
      <c r="M1717">
        <v>1615830</v>
      </c>
      <c r="O1717">
        <v>5819346</v>
      </c>
      <c r="P1717">
        <v>1</v>
      </c>
      <c r="Q1717">
        <v>2</v>
      </c>
      <c r="R1717" t="s">
        <v>8962</v>
      </c>
      <c r="S1717">
        <v>870</v>
      </c>
    </row>
    <row r="1718" spans="1:19" x14ac:dyDescent="0.25">
      <c r="A1718">
        <v>50997670</v>
      </c>
      <c r="B1718" t="s">
        <v>8963</v>
      </c>
      <c r="C1718" s="1" t="s">
        <v>8964</v>
      </c>
      <c r="E1718">
        <v>1</v>
      </c>
      <c r="F1718">
        <v>0</v>
      </c>
      <c r="H1718" t="s">
        <v>8965</v>
      </c>
      <c r="J1718" t="s">
        <v>8966</v>
      </c>
      <c r="K1718" t="s">
        <v>8966</v>
      </c>
      <c r="M1718">
        <v>929494</v>
      </c>
      <c r="O1718">
        <v>929494</v>
      </c>
      <c r="P1718">
        <v>1</v>
      </c>
      <c r="Q1718">
        <v>0</v>
      </c>
      <c r="R1718" t="s">
        <v>8967</v>
      </c>
      <c r="S1718">
        <v>72</v>
      </c>
    </row>
    <row r="1719" spans="1:19" x14ac:dyDescent="0.25">
      <c r="A1719">
        <v>27069548</v>
      </c>
      <c r="B1719" t="s">
        <v>8968</v>
      </c>
      <c r="C1719" s="1" t="s">
        <v>8969</v>
      </c>
      <c r="D1719">
        <v>27069843</v>
      </c>
      <c r="E1719">
        <v>3</v>
      </c>
      <c r="F1719">
        <v>6</v>
      </c>
      <c r="H1719" t="s">
        <v>8970</v>
      </c>
      <c r="I1719">
        <v>1</v>
      </c>
      <c r="J1719" t="s">
        <v>8971</v>
      </c>
      <c r="O1719">
        <v>2642059</v>
      </c>
      <c r="P1719">
        <v>1</v>
      </c>
      <c r="Q1719">
        <v>4</v>
      </c>
      <c r="R1719" t="s">
        <v>8972</v>
      </c>
      <c r="S1719">
        <v>924</v>
      </c>
    </row>
    <row r="1720" spans="1:19" x14ac:dyDescent="0.25">
      <c r="A1720">
        <v>18261208</v>
      </c>
      <c r="B1720" t="s">
        <v>8973</v>
      </c>
      <c r="C1720" s="1" t="s">
        <v>8974</v>
      </c>
      <c r="E1720">
        <v>1</v>
      </c>
      <c r="F1720">
        <v>2</v>
      </c>
      <c r="H1720" t="s">
        <v>8975</v>
      </c>
      <c r="I1720">
        <v>2</v>
      </c>
      <c r="J1720" t="s">
        <v>8976</v>
      </c>
      <c r="K1720" t="s">
        <v>8977</v>
      </c>
      <c r="M1720">
        <v>429846</v>
      </c>
      <c r="O1720">
        <v>2687283</v>
      </c>
      <c r="P1720">
        <v>1</v>
      </c>
      <c r="Q1720">
        <v>1</v>
      </c>
      <c r="R1720" t="s">
        <v>8978</v>
      </c>
      <c r="S1720">
        <v>924</v>
      </c>
    </row>
    <row r="1721" spans="1:19" x14ac:dyDescent="0.25">
      <c r="A1721">
        <v>42935625</v>
      </c>
      <c r="B1721" t="s">
        <v>8979</v>
      </c>
      <c r="C1721" s="1" t="s">
        <v>8980</v>
      </c>
      <c r="E1721">
        <v>0</v>
      </c>
      <c r="F1721">
        <v>3</v>
      </c>
      <c r="H1721" t="s">
        <v>8981</v>
      </c>
      <c r="J1721" t="s">
        <v>8981</v>
      </c>
      <c r="O1721">
        <v>3764994</v>
      </c>
      <c r="P1721">
        <v>1</v>
      </c>
      <c r="Q1721">
        <v>0</v>
      </c>
      <c r="R1721" t="s">
        <v>8982</v>
      </c>
      <c r="S1721">
        <v>52</v>
      </c>
    </row>
    <row r="1722" spans="1:19" x14ac:dyDescent="0.25">
      <c r="A1722">
        <v>6137405</v>
      </c>
      <c r="B1722" t="s">
        <v>8983</v>
      </c>
      <c r="C1722" s="1" t="s">
        <v>8984</v>
      </c>
      <c r="D1722">
        <v>6137447</v>
      </c>
      <c r="E1722">
        <v>1</v>
      </c>
      <c r="F1722">
        <v>0</v>
      </c>
      <c r="H1722" t="s">
        <v>8985</v>
      </c>
      <c r="J1722" t="s">
        <v>8986</v>
      </c>
      <c r="O1722">
        <v>597064</v>
      </c>
      <c r="P1722">
        <v>1</v>
      </c>
      <c r="Q1722">
        <v>1</v>
      </c>
      <c r="R1722" t="s">
        <v>8987</v>
      </c>
      <c r="S1722">
        <v>496</v>
      </c>
    </row>
    <row r="1723" spans="1:19" x14ac:dyDescent="0.25">
      <c r="A1723">
        <v>10843399</v>
      </c>
      <c r="B1723" t="s">
        <v>8988</v>
      </c>
      <c r="C1723" s="1" t="s">
        <v>8989</v>
      </c>
      <c r="D1723">
        <v>10843593</v>
      </c>
      <c r="E1723">
        <v>5</v>
      </c>
      <c r="F1723">
        <v>0</v>
      </c>
      <c r="H1723" t="s">
        <v>8990</v>
      </c>
      <c r="I1723">
        <v>2</v>
      </c>
      <c r="J1723" t="s">
        <v>8991</v>
      </c>
      <c r="K1723" t="s">
        <v>8992</v>
      </c>
      <c r="M1723">
        <v>1209690</v>
      </c>
      <c r="O1723">
        <v>1209690</v>
      </c>
      <c r="P1723">
        <v>1</v>
      </c>
      <c r="Q1723">
        <v>13</v>
      </c>
      <c r="R1723" t="s">
        <v>8993</v>
      </c>
      <c r="S1723">
        <v>33702</v>
      </c>
    </row>
    <row r="1724" spans="1:19" x14ac:dyDescent="0.25">
      <c r="A1724">
        <v>18222585</v>
      </c>
      <c r="B1724" t="s">
        <v>8994</v>
      </c>
      <c r="C1724" s="1" t="s">
        <v>8995</v>
      </c>
      <c r="E1724">
        <v>0</v>
      </c>
      <c r="F1724">
        <v>1</v>
      </c>
      <c r="H1724" t="s">
        <v>8996</v>
      </c>
      <c r="J1724" t="s">
        <v>8996</v>
      </c>
      <c r="O1724">
        <v>1139483</v>
      </c>
      <c r="P1724">
        <v>1</v>
      </c>
      <c r="Q1724">
        <v>1</v>
      </c>
      <c r="R1724" t="s">
        <v>8997</v>
      </c>
      <c r="S1724">
        <v>83</v>
      </c>
    </row>
    <row r="1725" spans="1:19" x14ac:dyDescent="0.25">
      <c r="A1725">
        <v>17323457</v>
      </c>
      <c r="B1725" t="s">
        <v>8998</v>
      </c>
      <c r="C1725" s="1" t="s">
        <v>8999</v>
      </c>
      <c r="D1725">
        <v>17324408</v>
      </c>
      <c r="E1725">
        <v>2</v>
      </c>
      <c r="F1725">
        <v>0</v>
      </c>
      <c r="H1725" t="s">
        <v>9000</v>
      </c>
      <c r="J1725" t="s">
        <v>9001</v>
      </c>
      <c r="K1725" t="s">
        <v>9002</v>
      </c>
      <c r="M1725">
        <v>2481597</v>
      </c>
      <c r="O1725">
        <v>2481597</v>
      </c>
      <c r="P1725">
        <v>1</v>
      </c>
      <c r="Q1725">
        <v>0</v>
      </c>
      <c r="R1725" t="s">
        <v>9003</v>
      </c>
      <c r="S1725">
        <v>846</v>
      </c>
    </row>
    <row r="1726" spans="1:19" x14ac:dyDescent="0.25">
      <c r="A1726">
        <v>20958847</v>
      </c>
      <c r="B1726" t="s">
        <v>9004</v>
      </c>
      <c r="C1726" s="1" t="s">
        <v>9005</v>
      </c>
      <c r="E1726">
        <v>1</v>
      </c>
      <c r="F1726">
        <v>0</v>
      </c>
      <c r="H1726" t="s">
        <v>9006</v>
      </c>
      <c r="J1726" t="s">
        <v>9007</v>
      </c>
      <c r="O1726">
        <v>2658157</v>
      </c>
      <c r="P1726">
        <v>1</v>
      </c>
      <c r="Q1726">
        <v>0</v>
      </c>
      <c r="R1726" t="s">
        <v>9008</v>
      </c>
      <c r="S1726">
        <v>2216</v>
      </c>
    </row>
    <row r="1727" spans="1:19" x14ac:dyDescent="0.25">
      <c r="A1727">
        <v>29708508</v>
      </c>
      <c r="B1727" t="s">
        <v>9009</v>
      </c>
      <c r="C1727" s="1" t="s">
        <v>9010</v>
      </c>
      <c r="E1727">
        <v>1</v>
      </c>
      <c r="F1727">
        <v>7</v>
      </c>
      <c r="H1727" t="s">
        <v>9011</v>
      </c>
      <c r="J1727" t="s">
        <v>9012</v>
      </c>
      <c r="O1727">
        <v>1920638</v>
      </c>
      <c r="P1727">
        <v>1</v>
      </c>
      <c r="Q1727">
        <v>0</v>
      </c>
      <c r="R1727" t="s">
        <v>9013</v>
      </c>
      <c r="S1727">
        <v>437</v>
      </c>
    </row>
    <row r="1728" spans="1:19" x14ac:dyDescent="0.25">
      <c r="A1728">
        <v>40878095</v>
      </c>
      <c r="B1728" t="s">
        <v>9014</v>
      </c>
      <c r="C1728" s="1" t="s">
        <v>9015</v>
      </c>
      <c r="E1728">
        <v>1</v>
      </c>
      <c r="F1728">
        <v>0</v>
      </c>
      <c r="H1728" t="s">
        <v>9016</v>
      </c>
      <c r="J1728" t="s">
        <v>9017</v>
      </c>
      <c r="K1728" t="s">
        <v>9017</v>
      </c>
      <c r="M1728">
        <v>721644</v>
      </c>
      <c r="O1728">
        <v>1493341</v>
      </c>
      <c r="P1728">
        <v>1</v>
      </c>
      <c r="Q1728">
        <v>1</v>
      </c>
      <c r="R1728" t="s">
        <v>9018</v>
      </c>
      <c r="S1728">
        <v>28</v>
      </c>
    </row>
    <row r="1729" spans="1:19" x14ac:dyDescent="0.25">
      <c r="A1729">
        <v>17549846</v>
      </c>
      <c r="B1729" t="s">
        <v>9019</v>
      </c>
      <c r="C1729" s="1" t="s">
        <v>9020</v>
      </c>
      <c r="D1729">
        <v>17552570</v>
      </c>
      <c r="E1729">
        <v>1</v>
      </c>
      <c r="F1729">
        <v>0</v>
      </c>
      <c r="H1729" t="s">
        <v>9021</v>
      </c>
      <c r="J1729" t="s">
        <v>9022</v>
      </c>
      <c r="O1729">
        <v>1326585</v>
      </c>
      <c r="P1729">
        <v>1</v>
      </c>
      <c r="Q1729">
        <v>0</v>
      </c>
      <c r="R1729" t="s">
        <v>9023</v>
      </c>
      <c r="S1729">
        <v>52</v>
      </c>
    </row>
    <row r="1730" spans="1:19" x14ac:dyDescent="0.25">
      <c r="A1730">
        <v>3057946</v>
      </c>
      <c r="B1730" t="s">
        <v>9024</v>
      </c>
      <c r="C1730" s="1" t="s">
        <v>9025</v>
      </c>
      <c r="D1730">
        <v>3058094</v>
      </c>
      <c r="E1730">
        <v>1</v>
      </c>
      <c r="F1730">
        <v>1</v>
      </c>
      <c r="H1730" t="s">
        <v>9026</v>
      </c>
      <c r="J1730" t="s">
        <v>9027</v>
      </c>
      <c r="K1730" t="s">
        <v>9027</v>
      </c>
      <c r="M1730">
        <v>367878</v>
      </c>
      <c r="O1730">
        <v>367878</v>
      </c>
      <c r="P1730">
        <v>1</v>
      </c>
      <c r="Q1730">
        <v>1</v>
      </c>
      <c r="R1730" t="s">
        <v>9028</v>
      </c>
      <c r="S1730">
        <v>639</v>
      </c>
    </row>
    <row r="1731" spans="1:19" x14ac:dyDescent="0.25">
      <c r="A1731">
        <v>18746736</v>
      </c>
      <c r="B1731" t="s">
        <v>9029</v>
      </c>
      <c r="C1731" s="1" t="s">
        <v>9030</v>
      </c>
      <c r="D1731">
        <v>18768536</v>
      </c>
      <c r="E1731">
        <v>1</v>
      </c>
      <c r="F1731">
        <v>2</v>
      </c>
      <c r="H1731" t="s">
        <v>9031</v>
      </c>
      <c r="J1731" t="s">
        <v>9032</v>
      </c>
      <c r="K1731" t="s">
        <v>9033</v>
      </c>
      <c r="M1731">
        <v>214639</v>
      </c>
      <c r="O1731">
        <v>2769550</v>
      </c>
      <c r="P1731">
        <v>1</v>
      </c>
      <c r="Q1731">
        <v>0</v>
      </c>
      <c r="R1731" t="s">
        <v>9034</v>
      </c>
      <c r="S1731">
        <v>438</v>
      </c>
    </row>
    <row r="1732" spans="1:19" x14ac:dyDescent="0.25">
      <c r="A1732">
        <v>46298287</v>
      </c>
      <c r="B1732" t="s">
        <v>9035</v>
      </c>
      <c r="C1732" s="1" t="s">
        <v>9036</v>
      </c>
      <c r="E1732">
        <v>1</v>
      </c>
      <c r="F1732">
        <v>2</v>
      </c>
      <c r="H1732" t="s">
        <v>9037</v>
      </c>
      <c r="I1732">
        <v>1</v>
      </c>
      <c r="J1732" t="s">
        <v>9038</v>
      </c>
      <c r="O1732">
        <v>2594560</v>
      </c>
      <c r="P1732">
        <v>1</v>
      </c>
      <c r="Q1732">
        <v>0</v>
      </c>
      <c r="R1732" t="s">
        <v>9039</v>
      </c>
      <c r="S1732">
        <v>41</v>
      </c>
    </row>
    <row r="1733" spans="1:19" x14ac:dyDescent="0.25">
      <c r="A1733">
        <v>51457811</v>
      </c>
      <c r="B1733" t="s">
        <v>9040</v>
      </c>
      <c r="C1733" t="s">
        <v>9041</v>
      </c>
      <c r="E1733">
        <v>0</v>
      </c>
      <c r="F1733">
        <v>0</v>
      </c>
      <c r="H1733" t="s">
        <v>9042</v>
      </c>
      <c r="J1733" t="s">
        <v>9042</v>
      </c>
      <c r="O1733">
        <v>4260303</v>
      </c>
      <c r="P1733">
        <v>1</v>
      </c>
      <c r="Q1733">
        <v>0</v>
      </c>
      <c r="R1733" t="s">
        <v>9043</v>
      </c>
      <c r="S1733">
        <v>133</v>
      </c>
    </row>
    <row r="1734" spans="1:19" x14ac:dyDescent="0.25">
      <c r="A1734">
        <v>560515</v>
      </c>
      <c r="B1734" t="s">
        <v>9044</v>
      </c>
      <c r="C1734" s="1" t="s">
        <v>9045</v>
      </c>
      <c r="E1734">
        <v>2</v>
      </c>
      <c r="F1734">
        <v>0</v>
      </c>
      <c r="H1734" t="s">
        <v>9046</v>
      </c>
      <c r="I1734">
        <v>2</v>
      </c>
      <c r="J1734" t="s">
        <v>9047</v>
      </c>
      <c r="N1734" t="s">
        <v>9048</v>
      </c>
      <c r="O1734">
        <v>1535</v>
      </c>
      <c r="P1734">
        <v>1</v>
      </c>
      <c r="Q1734">
        <v>0</v>
      </c>
      <c r="R1734" t="s">
        <v>9049</v>
      </c>
      <c r="S1734">
        <v>835</v>
      </c>
    </row>
    <row r="1735" spans="1:19" x14ac:dyDescent="0.25">
      <c r="A1735">
        <v>593946</v>
      </c>
      <c r="B1735" t="s">
        <v>9050</v>
      </c>
      <c r="C1735" s="1" t="s">
        <v>9051</v>
      </c>
      <c r="E1735">
        <v>4</v>
      </c>
      <c r="F1735">
        <v>1</v>
      </c>
      <c r="H1735" t="s">
        <v>9052</v>
      </c>
      <c r="J1735" t="s">
        <v>9053</v>
      </c>
      <c r="K1735" t="s">
        <v>9054</v>
      </c>
      <c r="L1735" t="s">
        <v>9055</v>
      </c>
      <c r="M1735">
        <v>1053</v>
      </c>
      <c r="N1735" t="s">
        <v>9056</v>
      </c>
      <c r="P1735">
        <v>1</v>
      </c>
      <c r="Q1735">
        <v>0</v>
      </c>
      <c r="R1735" t="s">
        <v>9057</v>
      </c>
      <c r="S1735">
        <v>411</v>
      </c>
    </row>
    <row r="1736" spans="1:19" x14ac:dyDescent="0.25">
      <c r="A1736">
        <v>52980473</v>
      </c>
      <c r="B1736" t="s">
        <v>9058</v>
      </c>
      <c r="C1736" s="1" t="s">
        <v>9059</v>
      </c>
      <c r="E1736">
        <v>0</v>
      </c>
      <c r="F1736">
        <v>5</v>
      </c>
      <c r="H1736" t="s">
        <v>9060</v>
      </c>
      <c r="J1736" t="s">
        <v>9061</v>
      </c>
      <c r="K1736" t="s">
        <v>9061</v>
      </c>
      <c r="M1736">
        <v>10098926</v>
      </c>
      <c r="O1736">
        <v>10098926</v>
      </c>
      <c r="P1736">
        <v>1</v>
      </c>
      <c r="Q1736">
        <v>0</v>
      </c>
      <c r="R1736" t="s">
        <v>9062</v>
      </c>
      <c r="S1736">
        <v>30</v>
      </c>
    </row>
    <row r="1737" spans="1:19" x14ac:dyDescent="0.25">
      <c r="A1737">
        <v>16101789</v>
      </c>
      <c r="B1737" t="s">
        <v>9063</v>
      </c>
      <c r="C1737" s="1" t="s">
        <v>9064</v>
      </c>
      <c r="D1737">
        <v>16141246</v>
      </c>
      <c r="E1737">
        <v>3</v>
      </c>
      <c r="F1737">
        <v>0</v>
      </c>
      <c r="H1737" t="s">
        <v>9065</v>
      </c>
      <c r="I1737">
        <v>4</v>
      </c>
      <c r="J1737" t="s">
        <v>9066</v>
      </c>
      <c r="K1737" t="s">
        <v>9067</v>
      </c>
      <c r="M1737">
        <v>198397</v>
      </c>
      <c r="O1737">
        <v>198397</v>
      </c>
      <c r="P1737">
        <v>1</v>
      </c>
      <c r="Q1737">
        <v>5</v>
      </c>
      <c r="R1737" t="s">
        <v>9068</v>
      </c>
      <c r="S1737">
        <v>5537</v>
      </c>
    </row>
    <row r="1738" spans="1:19" x14ac:dyDescent="0.25">
      <c r="A1738">
        <v>39357573</v>
      </c>
      <c r="B1738" t="s">
        <v>9069</v>
      </c>
      <c r="C1738" s="1" t="s">
        <v>9070</v>
      </c>
      <c r="D1738">
        <v>39357670</v>
      </c>
      <c r="E1738">
        <v>3</v>
      </c>
      <c r="F1738">
        <v>5</v>
      </c>
      <c r="H1738" t="s">
        <v>9071</v>
      </c>
      <c r="J1738" t="s">
        <v>9072</v>
      </c>
      <c r="K1738" t="s">
        <v>9073</v>
      </c>
      <c r="M1738">
        <v>-1</v>
      </c>
      <c r="O1738">
        <v>5236927</v>
      </c>
      <c r="P1738">
        <v>1</v>
      </c>
      <c r="Q1738">
        <v>-4</v>
      </c>
      <c r="R1738" t="s">
        <v>9074</v>
      </c>
      <c r="S1738">
        <v>96</v>
      </c>
    </row>
    <row r="1739" spans="1:19" x14ac:dyDescent="0.25">
      <c r="A1739">
        <v>32046733</v>
      </c>
      <c r="B1739" t="s">
        <v>9075</v>
      </c>
      <c r="C1739" s="1" t="s">
        <v>9076</v>
      </c>
      <c r="D1739">
        <v>32048604</v>
      </c>
      <c r="E1739">
        <v>1</v>
      </c>
      <c r="F1739">
        <v>2</v>
      </c>
      <c r="H1739" t="s">
        <v>9077</v>
      </c>
      <c r="J1739" t="s">
        <v>9078</v>
      </c>
      <c r="O1739">
        <v>4146145</v>
      </c>
      <c r="P1739">
        <v>1</v>
      </c>
      <c r="Q1739">
        <v>1</v>
      </c>
      <c r="R1739" t="s">
        <v>9079</v>
      </c>
      <c r="S1739">
        <v>63</v>
      </c>
    </row>
    <row r="1740" spans="1:19" x14ac:dyDescent="0.25">
      <c r="A1740">
        <v>25764111</v>
      </c>
      <c r="B1740" t="s">
        <v>9080</v>
      </c>
      <c r="C1740" s="1" t="s">
        <v>9081</v>
      </c>
      <c r="D1740">
        <v>25764539</v>
      </c>
      <c r="E1740">
        <v>3</v>
      </c>
      <c r="F1740">
        <v>1</v>
      </c>
      <c r="H1740" t="s">
        <v>9082</v>
      </c>
      <c r="I1740">
        <v>1</v>
      </c>
      <c r="J1740" t="s">
        <v>9083</v>
      </c>
      <c r="K1740" t="s">
        <v>9084</v>
      </c>
      <c r="M1740">
        <v>370671</v>
      </c>
      <c r="O1740">
        <v>3428422</v>
      </c>
      <c r="P1740">
        <v>1</v>
      </c>
      <c r="Q1740">
        <v>12</v>
      </c>
      <c r="R1740" t="s">
        <v>9085</v>
      </c>
      <c r="S1740">
        <v>17210</v>
      </c>
    </row>
    <row r="1741" spans="1:19" x14ac:dyDescent="0.25">
      <c r="A1741">
        <v>40530745</v>
      </c>
      <c r="B1741" t="s">
        <v>9086</v>
      </c>
      <c r="C1741" s="1" t="s">
        <v>9087</v>
      </c>
      <c r="D1741">
        <v>40530885</v>
      </c>
      <c r="E1741">
        <v>1</v>
      </c>
      <c r="F1741">
        <v>4</v>
      </c>
      <c r="H1741" t="s">
        <v>9088</v>
      </c>
      <c r="I1741">
        <v>1</v>
      </c>
      <c r="J1741" t="s">
        <v>9089</v>
      </c>
      <c r="K1741" t="s">
        <v>9090</v>
      </c>
      <c r="M1741">
        <v>4114996</v>
      </c>
      <c r="O1741">
        <v>4114996</v>
      </c>
      <c r="P1741">
        <v>1</v>
      </c>
      <c r="Q1741">
        <v>9</v>
      </c>
      <c r="R1741" t="s">
        <v>9091</v>
      </c>
      <c r="S1741">
        <v>7633</v>
      </c>
    </row>
    <row r="1742" spans="1:19" x14ac:dyDescent="0.25">
      <c r="A1742">
        <v>36512547</v>
      </c>
      <c r="B1742" t="s">
        <v>9092</v>
      </c>
      <c r="C1742" s="1" t="s">
        <v>9093</v>
      </c>
      <c r="E1742">
        <v>3</v>
      </c>
      <c r="F1742">
        <v>0</v>
      </c>
      <c r="H1742" t="s">
        <v>9094</v>
      </c>
      <c r="J1742" t="s">
        <v>9095</v>
      </c>
      <c r="K1742" t="s">
        <v>9096</v>
      </c>
      <c r="M1742">
        <v>773263</v>
      </c>
      <c r="O1742">
        <v>773263</v>
      </c>
      <c r="P1742">
        <v>1</v>
      </c>
      <c r="Q1742">
        <v>0</v>
      </c>
      <c r="R1742" t="s">
        <v>9097</v>
      </c>
      <c r="S1742">
        <v>390</v>
      </c>
    </row>
    <row r="1743" spans="1:19" x14ac:dyDescent="0.25">
      <c r="A1743">
        <v>17312059</v>
      </c>
      <c r="B1743" t="s">
        <v>9098</v>
      </c>
      <c r="C1743" s="1" t="s">
        <v>9099</v>
      </c>
      <c r="E1743">
        <v>0</v>
      </c>
      <c r="F1743">
        <v>2</v>
      </c>
      <c r="H1743" t="s">
        <v>9100</v>
      </c>
      <c r="I1743">
        <v>0</v>
      </c>
      <c r="J1743" t="s">
        <v>9100</v>
      </c>
      <c r="O1743">
        <v>1402686</v>
      </c>
      <c r="P1743">
        <v>1</v>
      </c>
      <c r="Q1743">
        <v>2</v>
      </c>
      <c r="R1743" t="s">
        <v>9101</v>
      </c>
      <c r="S1743">
        <v>1007</v>
      </c>
    </row>
    <row r="1744" spans="1:19" x14ac:dyDescent="0.25">
      <c r="A1744">
        <v>2905251</v>
      </c>
      <c r="B1744" t="s">
        <v>9102</v>
      </c>
      <c r="C1744" s="1" t="s">
        <v>9103</v>
      </c>
      <c r="E1744">
        <v>2</v>
      </c>
      <c r="F1744">
        <v>1</v>
      </c>
      <c r="H1744" t="s">
        <v>9104</v>
      </c>
      <c r="J1744" t="s">
        <v>9105</v>
      </c>
      <c r="K1744" t="s">
        <v>9106</v>
      </c>
      <c r="M1744">
        <v>314610</v>
      </c>
      <c r="O1744">
        <v>314610</v>
      </c>
      <c r="P1744">
        <v>1</v>
      </c>
      <c r="Q1744">
        <v>1</v>
      </c>
      <c r="R1744" t="s">
        <v>9107</v>
      </c>
      <c r="S1744">
        <v>794</v>
      </c>
    </row>
    <row r="1745" spans="1:19" x14ac:dyDescent="0.25">
      <c r="A1745">
        <v>47544887</v>
      </c>
      <c r="B1745" t="s">
        <v>9108</v>
      </c>
      <c r="C1745" s="1" t="s">
        <v>9109</v>
      </c>
      <c r="D1745">
        <v>47545499</v>
      </c>
      <c r="E1745">
        <v>1</v>
      </c>
      <c r="F1745">
        <v>5</v>
      </c>
      <c r="H1745" t="s">
        <v>9110</v>
      </c>
      <c r="J1745" t="s">
        <v>9111</v>
      </c>
      <c r="O1745">
        <v>8833039</v>
      </c>
      <c r="P1745">
        <v>1</v>
      </c>
      <c r="Q1745">
        <v>1</v>
      </c>
      <c r="R1745" t="s">
        <v>9112</v>
      </c>
      <c r="S1745">
        <v>82</v>
      </c>
    </row>
    <row r="1746" spans="1:19" x14ac:dyDescent="0.25">
      <c r="A1746">
        <v>35105209</v>
      </c>
      <c r="B1746" t="s">
        <v>9113</v>
      </c>
      <c r="C1746" s="1" t="s">
        <v>9114</v>
      </c>
      <c r="E1746">
        <v>2</v>
      </c>
      <c r="F1746">
        <v>1</v>
      </c>
      <c r="H1746" t="s">
        <v>9115</v>
      </c>
      <c r="J1746" t="s">
        <v>9116</v>
      </c>
      <c r="K1746" t="s">
        <v>9117</v>
      </c>
      <c r="M1746">
        <v>3555845</v>
      </c>
      <c r="O1746">
        <v>5861795</v>
      </c>
      <c r="P1746">
        <v>1</v>
      </c>
      <c r="Q1746">
        <v>-5</v>
      </c>
      <c r="R1746" t="s">
        <v>213</v>
      </c>
      <c r="S1746">
        <v>41</v>
      </c>
    </row>
    <row r="1747" spans="1:19" x14ac:dyDescent="0.25">
      <c r="A1747">
        <v>24457868</v>
      </c>
      <c r="B1747" t="s">
        <v>9118</v>
      </c>
      <c r="C1747" s="1" t="s">
        <v>9119</v>
      </c>
      <c r="E1747">
        <v>1</v>
      </c>
      <c r="F1747">
        <v>4</v>
      </c>
      <c r="H1747" t="s">
        <v>9120</v>
      </c>
      <c r="J1747" t="s">
        <v>9121</v>
      </c>
      <c r="O1747">
        <v>3738506</v>
      </c>
      <c r="P1747">
        <v>1</v>
      </c>
      <c r="Q1747">
        <v>-2</v>
      </c>
      <c r="R1747" t="s">
        <v>9122</v>
      </c>
      <c r="S1747">
        <v>740</v>
      </c>
    </row>
    <row r="1748" spans="1:19" x14ac:dyDescent="0.25">
      <c r="A1748">
        <v>12408648</v>
      </c>
      <c r="B1748" t="s">
        <v>9123</v>
      </c>
      <c r="C1748" s="1" t="s">
        <v>9124</v>
      </c>
      <c r="E1748">
        <v>2</v>
      </c>
      <c r="F1748">
        <v>2</v>
      </c>
      <c r="H1748" t="s">
        <v>9125</v>
      </c>
      <c r="I1748">
        <v>2</v>
      </c>
      <c r="J1748" t="s">
        <v>9126</v>
      </c>
      <c r="K1748" t="s">
        <v>9126</v>
      </c>
      <c r="M1748">
        <v>1240268</v>
      </c>
      <c r="O1748">
        <v>1668888</v>
      </c>
      <c r="P1748">
        <v>1</v>
      </c>
      <c r="Q1748">
        <v>0</v>
      </c>
      <c r="R1748" t="s">
        <v>9127</v>
      </c>
      <c r="S1748">
        <v>1272</v>
      </c>
    </row>
    <row r="1749" spans="1:19" x14ac:dyDescent="0.25">
      <c r="A1749">
        <v>24038147</v>
      </c>
      <c r="B1749" t="s">
        <v>9128</v>
      </c>
      <c r="C1749" s="1" t="s">
        <v>9129</v>
      </c>
      <c r="D1749">
        <v>24040553</v>
      </c>
      <c r="E1749">
        <v>2</v>
      </c>
      <c r="F1749">
        <v>0</v>
      </c>
      <c r="H1749" t="s">
        <v>9130</v>
      </c>
      <c r="J1749" t="s">
        <v>9131</v>
      </c>
      <c r="K1749" t="s">
        <v>9132</v>
      </c>
      <c r="M1749">
        <v>1420347</v>
      </c>
      <c r="O1749">
        <v>1420347</v>
      </c>
      <c r="P1749">
        <v>1</v>
      </c>
      <c r="Q1749">
        <v>0</v>
      </c>
      <c r="R1749" t="s">
        <v>9133</v>
      </c>
      <c r="S1749">
        <v>87</v>
      </c>
    </row>
    <row r="1750" spans="1:19" x14ac:dyDescent="0.25">
      <c r="A1750">
        <v>732202</v>
      </c>
      <c r="B1750" t="s">
        <v>9134</v>
      </c>
      <c r="C1750" s="1" t="s">
        <v>9135</v>
      </c>
      <c r="D1750">
        <v>762822</v>
      </c>
      <c r="E1750">
        <v>2</v>
      </c>
      <c r="F1750">
        <v>0</v>
      </c>
      <c r="H1750" t="s">
        <v>9136</v>
      </c>
      <c r="I1750">
        <v>0</v>
      </c>
      <c r="J1750" t="s">
        <v>9137</v>
      </c>
      <c r="K1750" t="s">
        <v>9138</v>
      </c>
      <c r="M1750">
        <v>32203</v>
      </c>
      <c r="O1750">
        <v>32203</v>
      </c>
      <c r="P1750">
        <v>1</v>
      </c>
      <c r="Q1750">
        <v>1</v>
      </c>
      <c r="R1750" t="s">
        <v>9139</v>
      </c>
      <c r="S1750">
        <v>1181</v>
      </c>
    </row>
    <row r="1751" spans="1:19" x14ac:dyDescent="0.25">
      <c r="A1751">
        <v>6015166</v>
      </c>
      <c r="B1751" t="s">
        <v>9140</v>
      </c>
      <c r="C1751" s="1" t="s">
        <v>9141</v>
      </c>
      <c r="E1751">
        <v>1</v>
      </c>
      <c r="F1751">
        <v>0</v>
      </c>
      <c r="H1751" t="s">
        <v>9142</v>
      </c>
      <c r="J1751" t="s">
        <v>9143</v>
      </c>
      <c r="O1751">
        <v>73056</v>
      </c>
      <c r="P1751">
        <v>1</v>
      </c>
      <c r="Q1751">
        <v>0</v>
      </c>
      <c r="R1751" t="s">
        <v>9144</v>
      </c>
      <c r="S1751">
        <v>1049</v>
      </c>
    </row>
    <row r="1752" spans="1:19" x14ac:dyDescent="0.25">
      <c r="A1752">
        <v>35704205</v>
      </c>
      <c r="B1752" t="s">
        <v>9145</v>
      </c>
      <c r="C1752" s="1" t="s">
        <v>9146</v>
      </c>
      <c r="E1752">
        <v>3</v>
      </c>
      <c r="F1752">
        <v>2</v>
      </c>
      <c r="H1752" t="s">
        <v>9147</v>
      </c>
      <c r="J1752" t="s">
        <v>9148</v>
      </c>
      <c r="O1752">
        <v>571156</v>
      </c>
      <c r="P1752">
        <v>1</v>
      </c>
      <c r="Q1752">
        <v>0</v>
      </c>
      <c r="R1752" t="s">
        <v>9149</v>
      </c>
      <c r="S1752">
        <v>56</v>
      </c>
    </row>
    <row r="1753" spans="1:19" x14ac:dyDescent="0.25">
      <c r="A1753">
        <v>27255665</v>
      </c>
      <c r="B1753" t="s">
        <v>9150</v>
      </c>
      <c r="C1753" s="1" t="s">
        <v>9151</v>
      </c>
      <c r="E1753">
        <v>0</v>
      </c>
      <c r="F1753">
        <v>6</v>
      </c>
      <c r="H1753" t="s">
        <v>9152</v>
      </c>
      <c r="J1753" t="s">
        <v>9153</v>
      </c>
      <c r="K1753" t="s">
        <v>9153</v>
      </c>
      <c r="M1753">
        <v>2384883</v>
      </c>
      <c r="O1753">
        <v>2384883</v>
      </c>
      <c r="P1753">
        <v>1</v>
      </c>
      <c r="Q1753">
        <v>1</v>
      </c>
      <c r="R1753" t="s">
        <v>9154</v>
      </c>
      <c r="S1753">
        <v>19</v>
      </c>
    </row>
    <row r="1754" spans="1:19" x14ac:dyDescent="0.25">
      <c r="A1754">
        <v>37951982</v>
      </c>
      <c r="B1754" t="s">
        <v>9155</v>
      </c>
      <c r="C1754" s="1" t="s">
        <v>9156</v>
      </c>
      <c r="E1754">
        <v>0</v>
      </c>
      <c r="F1754">
        <v>11</v>
      </c>
      <c r="H1754" t="s">
        <v>9157</v>
      </c>
      <c r="J1754" t="s">
        <v>9158</v>
      </c>
      <c r="K1754" t="s">
        <v>9158</v>
      </c>
      <c r="M1754">
        <v>1682657</v>
      </c>
      <c r="O1754">
        <v>1682657</v>
      </c>
      <c r="P1754">
        <v>1</v>
      </c>
      <c r="Q1754">
        <v>0</v>
      </c>
      <c r="R1754" t="s">
        <v>819</v>
      </c>
      <c r="S1754">
        <v>33</v>
      </c>
    </row>
    <row r="1755" spans="1:19" x14ac:dyDescent="0.25">
      <c r="A1755">
        <v>27188781</v>
      </c>
      <c r="B1755" t="s">
        <v>9159</v>
      </c>
      <c r="C1755" s="1" t="s">
        <v>9160</v>
      </c>
      <c r="D1755">
        <v>27188844</v>
      </c>
      <c r="E1755">
        <v>5</v>
      </c>
      <c r="F1755">
        <v>0</v>
      </c>
      <c r="H1755" t="s">
        <v>9161</v>
      </c>
      <c r="J1755" t="s">
        <v>9162</v>
      </c>
      <c r="K1755" t="s">
        <v>9163</v>
      </c>
      <c r="M1755">
        <v>13302</v>
      </c>
      <c r="O1755">
        <v>2952939</v>
      </c>
      <c r="P1755">
        <v>1</v>
      </c>
      <c r="Q1755">
        <v>-3</v>
      </c>
      <c r="R1755" t="s">
        <v>7990</v>
      </c>
      <c r="S1755">
        <v>50</v>
      </c>
    </row>
    <row r="1756" spans="1:19" x14ac:dyDescent="0.25">
      <c r="A1756">
        <v>44927638</v>
      </c>
      <c r="B1756" t="s">
        <v>9164</v>
      </c>
      <c r="C1756" s="1" t="s">
        <v>9165</v>
      </c>
      <c r="E1756">
        <v>1</v>
      </c>
      <c r="F1756">
        <v>1</v>
      </c>
      <c r="H1756" t="s">
        <v>9166</v>
      </c>
      <c r="J1756" t="s">
        <v>9167</v>
      </c>
      <c r="K1756" t="s">
        <v>9167</v>
      </c>
      <c r="L1756" t="s">
        <v>9168</v>
      </c>
      <c r="O1756">
        <v>8259351</v>
      </c>
      <c r="P1756">
        <v>1</v>
      </c>
      <c r="Q1756">
        <v>2</v>
      </c>
      <c r="R1756" t="s">
        <v>9169</v>
      </c>
      <c r="S1756">
        <v>56</v>
      </c>
    </row>
    <row r="1757" spans="1:19" x14ac:dyDescent="0.25">
      <c r="A1757">
        <v>33957934</v>
      </c>
      <c r="B1757" t="s">
        <v>9170</v>
      </c>
      <c r="C1757" s="1" t="s">
        <v>9171</v>
      </c>
      <c r="E1757">
        <v>1</v>
      </c>
      <c r="F1757">
        <v>1</v>
      </c>
      <c r="H1757" t="s">
        <v>9172</v>
      </c>
      <c r="J1757" t="s">
        <v>9173</v>
      </c>
      <c r="O1757">
        <v>188826</v>
      </c>
      <c r="P1757">
        <v>1</v>
      </c>
      <c r="Q1757">
        <v>0</v>
      </c>
      <c r="R1757" t="s">
        <v>9174</v>
      </c>
      <c r="S1757">
        <v>115</v>
      </c>
    </row>
    <row r="1758" spans="1:19" x14ac:dyDescent="0.25">
      <c r="A1758">
        <v>41744595</v>
      </c>
      <c r="B1758" t="s">
        <v>9175</v>
      </c>
      <c r="C1758" s="1" t="s">
        <v>9176</v>
      </c>
      <c r="E1758">
        <v>3</v>
      </c>
      <c r="F1758">
        <v>0</v>
      </c>
      <c r="H1758" t="s">
        <v>9177</v>
      </c>
      <c r="J1758" t="s">
        <v>9178</v>
      </c>
      <c r="O1758">
        <v>3177681</v>
      </c>
      <c r="P1758">
        <v>1</v>
      </c>
      <c r="Q1758">
        <v>0</v>
      </c>
      <c r="R1758" t="s">
        <v>9179</v>
      </c>
      <c r="S1758">
        <v>300</v>
      </c>
    </row>
    <row r="1759" spans="1:19" x14ac:dyDescent="0.25">
      <c r="A1759">
        <v>8135726</v>
      </c>
      <c r="B1759" t="s">
        <v>9180</v>
      </c>
      <c r="C1759" s="1" t="s">
        <v>9181</v>
      </c>
      <c r="D1759">
        <v>8149582</v>
      </c>
      <c r="E1759">
        <v>2</v>
      </c>
      <c r="F1759">
        <v>1</v>
      </c>
      <c r="H1759" t="s">
        <v>9182</v>
      </c>
      <c r="J1759" t="s">
        <v>9183</v>
      </c>
      <c r="K1759" t="s">
        <v>9184</v>
      </c>
      <c r="M1759">
        <v>775265</v>
      </c>
      <c r="O1759">
        <v>775265</v>
      </c>
      <c r="P1759">
        <v>1</v>
      </c>
      <c r="Q1759">
        <v>1</v>
      </c>
      <c r="R1759" t="s">
        <v>9185</v>
      </c>
      <c r="S1759">
        <v>176</v>
      </c>
    </row>
    <row r="1760" spans="1:19" x14ac:dyDescent="0.25">
      <c r="A1760">
        <v>21287054</v>
      </c>
      <c r="B1760" t="s">
        <v>9186</v>
      </c>
      <c r="C1760" t="s">
        <v>9187</v>
      </c>
      <c r="D1760">
        <v>21714618</v>
      </c>
      <c r="E1760">
        <v>3</v>
      </c>
      <c r="F1760">
        <v>5</v>
      </c>
      <c r="H1760" t="s">
        <v>9188</v>
      </c>
      <c r="J1760" t="s">
        <v>9189</v>
      </c>
      <c r="O1760">
        <v>3224106</v>
      </c>
      <c r="P1760">
        <v>1</v>
      </c>
      <c r="Q1760">
        <v>0</v>
      </c>
      <c r="R1760" t="s">
        <v>9190</v>
      </c>
      <c r="S1760">
        <v>1578</v>
      </c>
    </row>
    <row r="1761" spans="1:19" x14ac:dyDescent="0.25">
      <c r="A1761">
        <v>49540415</v>
      </c>
      <c r="B1761" t="s">
        <v>9191</v>
      </c>
      <c r="C1761" s="1" t="s">
        <v>9192</v>
      </c>
      <c r="D1761">
        <v>49556294</v>
      </c>
      <c r="E1761">
        <v>1</v>
      </c>
      <c r="F1761">
        <v>0</v>
      </c>
      <c r="H1761" t="s">
        <v>9193</v>
      </c>
      <c r="J1761" t="s">
        <v>9194</v>
      </c>
      <c r="O1761">
        <v>893406</v>
      </c>
      <c r="P1761">
        <v>1</v>
      </c>
      <c r="Q1761">
        <v>2</v>
      </c>
      <c r="R1761" t="s">
        <v>9195</v>
      </c>
      <c r="S1761">
        <v>52</v>
      </c>
    </row>
    <row r="1762" spans="1:19" x14ac:dyDescent="0.25">
      <c r="A1762">
        <v>27848127</v>
      </c>
      <c r="B1762" t="s">
        <v>9196</v>
      </c>
      <c r="C1762" s="1" t="s">
        <v>9197</v>
      </c>
      <c r="D1762">
        <v>27848196</v>
      </c>
      <c r="E1762">
        <v>1</v>
      </c>
      <c r="F1762">
        <v>3</v>
      </c>
      <c r="H1762" t="s">
        <v>9198</v>
      </c>
      <c r="J1762" t="s">
        <v>9199</v>
      </c>
      <c r="K1762" t="s">
        <v>9199</v>
      </c>
      <c r="M1762">
        <v>33404</v>
      </c>
      <c r="O1762">
        <v>33404</v>
      </c>
      <c r="P1762">
        <v>1</v>
      </c>
      <c r="Q1762">
        <v>1</v>
      </c>
      <c r="R1762" t="s">
        <v>9200</v>
      </c>
      <c r="S1762">
        <v>128</v>
      </c>
    </row>
    <row r="1763" spans="1:19" x14ac:dyDescent="0.25">
      <c r="A1763">
        <v>50279242</v>
      </c>
      <c r="B1763" t="s">
        <v>9201</v>
      </c>
      <c r="C1763" s="1" t="s">
        <v>9202</v>
      </c>
      <c r="E1763">
        <v>1</v>
      </c>
      <c r="F1763">
        <v>6</v>
      </c>
      <c r="H1763" t="s">
        <v>9203</v>
      </c>
      <c r="I1763">
        <v>3</v>
      </c>
      <c r="J1763" t="s">
        <v>9204</v>
      </c>
      <c r="O1763">
        <v>3706051</v>
      </c>
      <c r="P1763">
        <v>1</v>
      </c>
      <c r="Q1763">
        <v>1</v>
      </c>
      <c r="R1763" t="s">
        <v>9205</v>
      </c>
      <c r="S1763">
        <v>91</v>
      </c>
    </row>
    <row r="1764" spans="1:19" x14ac:dyDescent="0.25">
      <c r="A1764">
        <v>39914191</v>
      </c>
      <c r="B1764" t="s">
        <v>9206</v>
      </c>
      <c r="C1764" s="1" t="s">
        <v>9207</v>
      </c>
      <c r="E1764">
        <v>1</v>
      </c>
      <c r="F1764">
        <v>1</v>
      </c>
      <c r="H1764" t="s">
        <v>9208</v>
      </c>
      <c r="J1764" t="s">
        <v>9209</v>
      </c>
      <c r="O1764">
        <v>3387757</v>
      </c>
      <c r="P1764">
        <v>1</v>
      </c>
      <c r="Q1764">
        <v>0</v>
      </c>
      <c r="R1764" t="s">
        <v>9210</v>
      </c>
      <c r="S1764">
        <v>295</v>
      </c>
    </row>
    <row r="1765" spans="1:19" x14ac:dyDescent="0.25">
      <c r="A1765">
        <v>18230566</v>
      </c>
      <c r="B1765" t="s">
        <v>9211</v>
      </c>
      <c r="C1765" s="1" t="s">
        <v>9212</v>
      </c>
      <c r="E1765">
        <v>1</v>
      </c>
      <c r="F1765">
        <v>0</v>
      </c>
      <c r="H1765" t="s">
        <v>9213</v>
      </c>
      <c r="J1765" t="s">
        <v>9214</v>
      </c>
      <c r="K1765" t="s">
        <v>9215</v>
      </c>
      <c r="M1765">
        <v>-1</v>
      </c>
      <c r="O1765">
        <v>1219317</v>
      </c>
      <c r="P1765">
        <v>1</v>
      </c>
      <c r="Q1765">
        <v>0</v>
      </c>
      <c r="R1765" t="s">
        <v>9216</v>
      </c>
      <c r="S1765">
        <v>1225</v>
      </c>
    </row>
    <row r="1766" spans="1:19" x14ac:dyDescent="0.25">
      <c r="A1766">
        <v>29807084</v>
      </c>
      <c r="B1766" t="s">
        <v>9217</v>
      </c>
      <c r="C1766" s="1" t="s">
        <v>9218</v>
      </c>
      <c r="E1766">
        <v>1</v>
      </c>
      <c r="F1766">
        <v>5</v>
      </c>
      <c r="H1766" t="s">
        <v>9219</v>
      </c>
      <c r="J1766" t="s">
        <v>9220</v>
      </c>
      <c r="K1766" t="s">
        <v>9221</v>
      </c>
      <c r="M1766">
        <v>4723996</v>
      </c>
      <c r="O1766">
        <v>4723996</v>
      </c>
      <c r="P1766">
        <v>1</v>
      </c>
      <c r="Q1766">
        <v>1</v>
      </c>
      <c r="R1766" t="s">
        <v>9222</v>
      </c>
      <c r="S1766">
        <v>412</v>
      </c>
    </row>
    <row r="1767" spans="1:19" x14ac:dyDescent="0.25">
      <c r="A1767">
        <v>14996637</v>
      </c>
      <c r="B1767" t="s">
        <v>9223</v>
      </c>
      <c r="C1767" s="1" t="s">
        <v>9224</v>
      </c>
      <c r="D1767">
        <v>14996725</v>
      </c>
      <c r="E1767">
        <v>4</v>
      </c>
      <c r="F1767">
        <v>2</v>
      </c>
      <c r="H1767" t="s">
        <v>9225</v>
      </c>
      <c r="J1767" t="s">
        <v>9226</v>
      </c>
      <c r="K1767" t="s">
        <v>9226</v>
      </c>
      <c r="M1767">
        <v>2176945</v>
      </c>
      <c r="O1767">
        <v>1129189</v>
      </c>
      <c r="P1767">
        <v>1</v>
      </c>
      <c r="Q1767">
        <v>0</v>
      </c>
      <c r="R1767" t="s">
        <v>9227</v>
      </c>
      <c r="S1767">
        <v>1274</v>
      </c>
    </row>
    <row r="1768" spans="1:19" x14ac:dyDescent="0.25">
      <c r="A1768">
        <v>48174367</v>
      </c>
      <c r="B1768" t="s">
        <v>9228</v>
      </c>
      <c r="C1768" s="1" t="s">
        <v>9229</v>
      </c>
      <c r="E1768">
        <v>0</v>
      </c>
      <c r="F1768">
        <v>1</v>
      </c>
      <c r="H1768" t="s">
        <v>9230</v>
      </c>
      <c r="J1768" t="s">
        <v>9231</v>
      </c>
      <c r="K1768" t="s">
        <v>9231</v>
      </c>
      <c r="M1768">
        <v>322912</v>
      </c>
      <c r="O1768">
        <v>8853231</v>
      </c>
      <c r="P1768">
        <v>1</v>
      </c>
      <c r="Q1768">
        <v>1</v>
      </c>
      <c r="R1768" t="s">
        <v>229</v>
      </c>
      <c r="S1768">
        <v>206</v>
      </c>
    </row>
    <row r="1769" spans="1:19" x14ac:dyDescent="0.25">
      <c r="A1769">
        <v>32397896</v>
      </c>
      <c r="B1769" t="s">
        <v>9232</v>
      </c>
      <c r="C1769" s="1" t="s">
        <v>9233</v>
      </c>
      <c r="E1769">
        <v>1</v>
      </c>
      <c r="F1769">
        <v>1</v>
      </c>
      <c r="H1769" t="s">
        <v>9234</v>
      </c>
      <c r="J1769" t="s">
        <v>9235</v>
      </c>
      <c r="O1769">
        <v>5119654</v>
      </c>
      <c r="P1769">
        <v>1</v>
      </c>
      <c r="Q1769">
        <v>0</v>
      </c>
      <c r="R1769" t="s">
        <v>9236</v>
      </c>
      <c r="S1769">
        <v>920</v>
      </c>
    </row>
    <row r="1770" spans="1:19" x14ac:dyDescent="0.25">
      <c r="A1770">
        <v>28826246</v>
      </c>
      <c r="B1770" t="s">
        <v>9237</v>
      </c>
      <c r="C1770" s="1" t="s">
        <v>9238</v>
      </c>
      <c r="D1770">
        <v>28826683</v>
      </c>
      <c r="E1770">
        <v>1</v>
      </c>
      <c r="F1770">
        <v>0</v>
      </c>
      <c r="H1770" t="s">
        <v>9239</v>
      </c>
      <c r="J1770" t="s">
        <v>9240</v>
      </c>
      <c r="O1770">
        <v>2593814</v>
      </c>
      <c r="P1770">
        <v>1</v>
      </c>
      <c r="Q1770">
        <v>1</v>
      </c>
      <c r="R1770" t="s">
        <v>759</v>
      </c>
      <c r="S1770">
        <v>64</v>
      </c>
    </row>
    <row r="1771" spans="1:19" x14ac:dyDescent="0.25">
      <c r="A1771">
        <v>33064343</v>
      </c>
      <c r="B1771" t="s">
        <v>9241</v>
      </c>
      <c r="C1771" s="1" t="s">
        <v>9242</v>
      </c>
      <c r="E1771">
        <v>2</v>
      </c>
      <c r="F1771">
        <v>3</v>
      </c>
      <c r="H1771" t="s">
        <v>9243</v>
      </c>
      <c r="J1771" t="s">
        <v>9244</v>
      </c>
      <c r="O1771">
        <v>1330710</v>
      </c>
      <c r="P1771">
        <v>1</v>
      </c>
      <c r="Q1771">
        <v>0</v>
      </c>
      <c r="R1771" t="s">
        <v>9245</v>
      </c>
      <c r="S1771">
        <v>895</v>
      </c>
    </row>
    <row r="1772" spans="1:19" x14ac:dyDescent="0.25">
      <c r="A1772">
        <v>17605817</v>
      </c>
      <c r="B1772" t="s">
        <v>9246</v>
      </c>
      <c r="C1772" s="1" t="s">
        <v>9247</v>
      </c>
      <c r="E1772">
        <v>1</v>
      </c>
      <c r="F1772">
        <v>4</v>
      </c>
      <c r="H1772" t="s">
        <v>9248</v>
      </c>
      <c r="J1772" t="s">
        <v>9249</v>
      </c>
      <c r="K1772" t="s">
        <v>9250</v>
      </c>
      <c r="M1772">
        <v>1258409</v>
      </c>
      <c r="O1772">
        <v>1258409</v>
      </c>
      <c r="P1772">
        <v>1</v>
      </c>
      <c r="Q1772">
        <v>0</v>
      </c>
      <c r="R1772" t="s">
        <v>9251</v>
      </c>
      <c r="S1772">
        <v>115</v>
      </c>
    </row>
    <row r="1773" spans="1:19" x14ac:dyDescent="0.25">
      <c r="A1773">
        <v>42213169</v>
      </c>
      <c r="B1773" t="s">
        <v>9252</v>
      </c>
      <c r="C1773" s="1" t="s">
        <v>9253</v>
      </c>
      <c r="E1773">
        <v>1</v>
      </c>
      <c r="F1773">
        <v>0</v>
      </c>
      <c r="H1773" t="s">
        <v>9254</v>
      </c>
      <c r="J1773" t="s">
        <v>9255</v>
      </c>
      <c r="K1773" t="s">
        <v>9256</v>
      </c>
      <c r="M1773">
        <v>640595</v>
      </c>
      <c r="O1773">
        <v>7558474</v>
      </c>
      <c r="P1773">
        <v>1</v>
      </c>
      <c r="Q1773">
        <v>0</v>
      </c>
      <c r="R1773" t="s">
        <v>9257</v>
      </c>
      <c r="S1773">
        <v>362</v>
      </c>
    </row>
    <row r="1774" spans="1:19" x14ac:dyDescent="0.25">
      <c r="A1774">
        <v>13668947</v>
      </c>
      <c r="B1774" t="s">
        <v>9258</v>
      </c>
      <c r="C1774" s="1" t="s">
        <v>9259</v>
      </c>
      <c r="E1774">
        <v>3</v>
      </c>
      <c r="F1774">
        <v>5</v>
      </c>
      <c r="H1774" t="s">
        <v>9260</v>
      </c>
      <c r="I1774">
        <v>2</v>
      </c>
      <c r="J1774" t="s">
        <v>9261</v>
      </c>
      <c r="K1774" t="s">
        <v>9262</v>
      </c>
      <c r="M1774">
        <v>1870087</v>
      </c>
      <c r="O1774">
        <v>1870087</v>
      </c>
      <c r="P1774">
        <v>1</v>
      </c>
      <c r="Q1774">
        <v>3</v>
      </c>
      <c r="R1774" t="s">
        <v>9263</v>
      </c>
      <c r="S1774">
        <v>907</v>
      </c>
    </row>
    <row r="1775" spans="1:19" x14ac:dyDescent="0.25">
      <c r="A1775">
        <v>50690109</v>
      </c>
      <c r="B1775" t="s">
        <v>9264</v>
      </c>
      <c r="C1775" s="1" t="s">
        <v>9265</v>
      </c>
      <c r="D1775">
        <v>50703805</v>
      </c>
      <c r="E1775">
        <v>1</v>
      </c>
      <c r="F1775">
        <v>3</v>
      </c>
      <c r="H1775" t="s">
        <v>9266</v>
      </c>
      <c r="J1775" t="s">
        <v>9267</v>
      </c>
      <c r="K1775" t="s">
        <v>9267</v>
      </c>
      <c r="M1775">
        <v>7396613</v>
      </c>
      <c r="O1775">
        <v>7396613</v>
      </c>
      <c r="P1775">
        <v>1</v>
      </c>
      <c r="Q1775">
        <v>-1</v>
      </c>
      <c r="R1775" t="s">
        <v>9268</v>
      </c>
      <c r="S1775">
        <v>56</v>
      </c>
    </row>
    <row r="1776" spans="1:19" x14ac:dyDescent="0.25">
      <c r="A1776">
        <v>29329156</v>
      </c>
      <c r="B1776" t="s">
        <v>9269</v>
      </c>
      <c r="C1776" s="1" t="s">
        <v>9270</v>
      </c>
      <c r="D1776">
        <v>29329209</v>
      </c>
      <c r="E1776">
        <v>1</v>
      </c>
      <c r="F1776">
        <v>1</v>
      </c>
      <c r="H1776" t="s">
        <v>9271</v>
      </c>
      <c r="J1776" t="s">
        <v>9272</v>
      </c>
      <c r="O1776">
        <v>4120788</v>
      </c>
      <c r="P1776">
        <v>1</v>
      </c>
      <c r="Q1776">
        <v>0</v>
      </c>
      <c r="R1776" t="s">
        <v>1466</v>
      </c>
      <c r="S1776">
        <v>233</v>
      </c>
    </row>
    <row r="1777" spans="1:19" x14ac:dyDescent="0.25">
      <c r="A1777">
        <v>45648651</v>
      </c>
      <c r="B1777" t="s">
        <v>9273</v>
      </c>
      <c r="C1777" t="s">
        <v>9274</v>
      </c>
      <c r="E1777">
        <v>1</v>
      </c>
      <c r="F1777">
        <v>1</v>
      </c>
      <c r="H1777" t="s">
        <v>9275</v>
      </c>
      <c r="J1777" t="s">
        <v>9276</v>
      </c>
      <c r="O1777">
        <v>7775440</v>
      </c>
      <c r="P1777">
        <v>1</v>
      </c>
      <c r="Q1777">
        <v>0</v>
      </c>
      <c r="R1777" t="s">
        <v>9277</v>
      </c>
      <c r="S1777">
        <v>18</v>
      </c>
    </row>
    <row r="1778" spans="1:19" x14ac:dyDescent="0.25">
      <c r="A1778">
        <v>43757911</v>
      </c>
      <c r="B1778" t="s">
        <v>9278</v>
      </c>
      <c r="C1778" s="1" t="s">
        <v>9279</v>
      </c>
      <c r="D1778">
        <v>43758037</v>
      </c>
      <c r="E1778">
        <v>1</v>
      </c>
      <c r="F1778">
        <v>0</v>
      </c>
      <c r="H1778" t="s">
        <v>9280</v>
      </c>
      <c r="J1778" t="s">
        <v>9281</v>
      </c>
      <c r="O1778">
        <v>5466944</v>
      </c>
      <c r="P1778">
        <v>1</v>
      </c>
      <c r="Q1778">
        <v>0</v>
      </c>
      <c r="R1778" t="s">
        <v>9282</v>
      </c>
      <c r="S1778">
        <v>167</v>
      </c>
    </row>
    <row r="1779" spans="1:19" x14ac:dyDescent="0.25">
      <c r="A1779">
        <v>49586145</v>
      </c>
      <c r="B1779" t="s">
        <v>9283</v>
      </c>
      <c r="C1779" s="1" t="s">
        <v>9284</v>
      </c>
      <c r="E1779">
        <v>1</v>
      </c>
      <c r="F1779">
        <v>0</v>
      </c>
      <c r="H1779" t="s">
        <v>9285</v>
      </c>
      <c r="J1779" t="s">
        <v>9286</v>
      </c>
      <c r="O1779">
        <v>5962385</v>
      </c>
      <c r="P1779">
        <v>1</v>
      </c>
      <c r="Q1779">
        <v>2</v>
      </c>
      <c r="R1779" t="s">
        <v>9287</v>
      </c>
      <c r="S1779">
        <v>91</v>
      </c>
    </row>
    <row r="1780" spans="1:19" x14ac:dyDescent="0.25">
      <c r="A1780">
        <v>21919177</v>
      </c>
      <c r="B1780" t="s">
        <v>9288</v>
      </c>
      <c r="C1780" t="s">
        <v>9289</v>
      </c>
      <c r="E1780">
        <v>1</v>
      </c>
      <c r="F1780">
        <v>1</v>
      </c>
      <c r="H1780" t="s">
        <v>9290</v>
      </c>
      <c r="J1780" t="s">
        <v>9291</v>
      </c>
      <c r="K1780" t="s">
        <v>9292</v>
      </c>
      <c r="M1780">
        <v>1952862</v>
      </c>
      <c r="O1780">
        <v>3311121</v>
      </c>
      <c r="P1780">
        <v>1</v>
      </c>
      <c r="Q1780">
        <v>1</v>
      </c>
      <c r="R1780" t="s">
        <v>9293</v>
      </c>
      <c r="S1780">
        <v>141</v>
      </c>
    </row>
    <row r="1781" spans="1:19" x14ac:dyDescent="0.25">
      <c r="A1781">
        <v>22824210</v>
      </c>
      <c r="B1781" t="s">
        <v>9294</v>
      </c>
      <c r="C1781" s="1" t="s">
        <v>9295</v>
      </c>
      <c r="D1781">
        <v>22825052</v>
      </c>
      <c r="E1781">
        <v>1</v>
      </c>
      <c r="F1781">
        <v>2</v>
      </c>
      <c r="H1781" t="s">
        <v>9296</v>
      </c>
      <c r="I1781">
        <v>1</v>
      </c>
      <c r="J1781" t="s">
        <v>9297</v>
      </c>
      <c r="K1781" t="s">
        <v>9298</v>
      </c>
      <c r="M1781">
        <v>203371</v>
      </c>
      <c r="O1781">
        <v>1760774</v>
      </c>
      <c r="P1781">
        <v>1</v>
      </c>
      <c r="Q1781">
        <v>5</v>
      </c>
      <c r="R1781" t="s">
        <v>9299</v>
      </c>
      <c r="S1781">
        <v>4085</v>
      </c>
    </row>
    <row r="1782" spans="1:19" x14ac:dyDescent="0.25">
      <c r="A1782">
        <v>16499725</v>
      </c>
      <c r="B1782" t="s">
        <v>9300</v>
      </c>
      <c r="C1782" s="1" t="s">
        <v>9301</v>
      </c>
      <c r="D1782">
        <v>16499833</v>
      </c>
      <c r="E1782">
        <v>1</v>
      </c>
      <c r="F1782">
        <v>0</v>
      </c>
      <c r="H1782" t="s">
        <v>9302</v>
      </c>
      <c r="J1782" t="s">
        <v>9303</v>
      </c>
      <c r="K1782" t="s">
        <v>9303</v>
      </c>
      <c r="M1782">
        <v>13302</v>
      </c>
      <c r="O1782">
        <v>2301952</v>
      </c>
      <c r="P1782">
        <v>1</v>
      </c>
      <c r="Q1782">
        <v>0</v>
      </c>
      <c r="R1782" t="s">
        <v>9304</v>
      </c>
      <c r="S1782">
        <v>62</v>
      </c>
    </row>
    <row r="1783" spans="1:19" x14ac:dyDescent="0.25">
      <c r="A1783">
        <v>34186275</v>
      </c>
      <c r="B1783" t="s">
        <v>9305</v>
      </c>
      <c r="C1783" s="1" t="s">
        <v>9306</v>
      </c>
      <c r="E1783">
        <v>1</v>
      </c>
      <c r="F1783">
        <v>1</v>
      </c>
      <c r="H1783" t="s">
        <v>9307</v>
      </c>
      <c r="J1783" t="s">
        <v>9308</v>
      </c>
      <c r="K1783" t="s">
        <v>9308</v>
      </c>
      <c r="M1783">
        <v>1334859</v>
      </c>
      <c r="O1783">
        <v>4950126</v>
      </c>
      <c r="P1783">
        <v>1</v>
      </c>
      <c r="Q1783">
        <v>0</v>
      </c>
      <c r="R1783" t="s">
        <v>9309</v>
      </c>
      <c r="S1783">
        <v>937</v>
      </c>
    </row>
    <row r="1784" spans="1:19" x14ac:dyDescent="0.25">
      <c r="A1784">
        <v>14949382</v>
      </c>
      <c r="B1784" t="s">
        <v>9310</v>
      </c>
      <c r="C1784" s="1" t="s">
        <v>9311</v>
      </c>
      <c r="D1784">
        <v>14950438</v>
      </c>
      <c r="E1784">
        <v>1</v>
      </c>
      <c r="F1784">
        <v>11</v>
      </c>
      <c r="H1784" t="s">
        <v>9312</v>
      </c>
      <c r="I1784">
        <v>1</v>
      </c>
      <c r="J1784" t="s">
        <v>9313</v>
      </c>
      <c r="K1784" t="s">
        <v>9314</v>
      </c>
      <c r="M1784">
        <v>1559833</v>
      </c>
      <c r="O1784">
        <v>1559833</v>
      </c>
      <c r="P1784">
        <v>1</v>
      </c>
      <c r="Q1784">
        <v>1</v>
      </c>
      <c r="R1784" t="s">
        <v>9315</v>
      </c>
      <c r="S1784">
        <v>1066</v>
      </c>
    </row>
    <row r="1785" spans="1:19" x14ac:dyDescent="0.25">
      <c r="A1785">
        <v>37264407</v>
      </c>
      <c r="B1785" t="s">
        <v>9316</v>
      </c>
      <c r="C1785" s="1" t="s">
        <v>9317</v>
      </c>
      <c r="D1785">
        <v>37264628</v>
      </c>
      <c r="E1785">
        <v>2</v>
      </c>
      <c r="F1785">
        <v>4</v>
      </c>
      <c r="H1785" t="s">
        <v>9318</v>
      </c>
      <c r="J1785" t="s">
        <v>9319</v>
      </c>
      <c r="O1785">
        <v>2075992</v>
      </c>
      <c r="P1785">
        <v>1</v>
      </c>
      <c r="Q1785">
        <v>1</v>
      </c>
      <c r="R1785" t="s">
        <v>9320</v>
      </c>
      <c r="S1785">
        <v>79</v>
      </c>
    </row>
    <row r="1786" spans="1:19" x14ac:dyDescent="0.25">
      <c r="A1786">
        <v>26813550</v>
      </c>
      <c r="B1786" t="s">
        <v>9321</v>
      </c>
      <c r="C1786" s="1" t="s">
        <v>9322</v>
      </c>
      <c r="E1786">
        <v>1</v>
      </c>
      <c r="F1786">
        <v>0</v>
      </c>
      <c r="H1786" t="s">
        <v>9323</v>
      </c>
      <c r="J1786" t="s">
        <v>9324</v>
      </c>
      <c r="O1786">
        <v>1002424</v>
      </c>
      <c r="P1786">
        <v>1</v>
      </c>
      <c r="Q1786">
        <v>0</v>
      </c>
      <c r="R1786" t="s">
        <v>9325</v>
      </c>
      <c r="S1786">
        <v>677</v>
      </c>
    </row>
    <row r="1787" spans="1:19" x14ac:dyDescent="0.25">
      <c r="A1787">
        <v>37300703</v>
      </c>
      <c r="B1787" t="s">
        <v>9326</v>
      </c>
      <c r="C1787" s="1" t="s">
        <v>9327</v>
      </c>
      <c r="E1787">
        <v>1</v>
      </c>
      <c r="F1787">
        <v>4</v>
      </c>
      <c r="H1787" t="s">
        <v>9328</v>
      </c>
      <c r="I1787">
        <v>1</v>
      </c>
      <c r="J1787" t="s">
        <v>9329</v>
      </c>
      <c r="K1787" t="s">
        <v>9329</v>
      </c>
      <c r="M1787">
        <v>3290339</v>
      </c>
      <c r="O1787">
        <v>58945</v>
      </c>
      <c r="P1787">
        <v>1</v>
      </c>
      <c r="Q1787">
        <v>10</v>
      </c>
      <c r="R1787" t="s">
        <v>9330</v>
      </c>
      <c r="S1787">
        <v>604</v>
      </c>
    </row>
    <row r="1788" spans="1:19" x14ac:dyDescent="0.25">
      <c r="A1788">
        <v>49802576</v>
      </c>
      <c r="B1788" t="s">
        <v>9331</v>
      </c>
      <c r="C1788" s="1" t="s">
        <v>9332</v>
      </c>
      <c r="E1788">
        <v>1</v>
      </c>
      <c r="F1788">
        <v>3</v>
      </c>
      <c r="H1788" t="s">
        <v>9333</v>
      </c>
      <c r="J1788" t="s">
        <v>9334</v>
      </c>
      <c r="O1788">
        <v>1690506</v>
      </c>
      <c r="P1788">
        <v>1</v>
      </c>
      <c r="Q1788">
        <v>0</v>
      </c>
      <c r="R1788" t="s">
        <v>8275</v>
      </c>
      <c r="S1788">
        <v>24</v>
      </c>
    </row>
    <row r="1789" spans="1:19" x14ac:dyDescent="0.25">
      <c r="A1789">
        <v>8908399</v>
      </c>
      <c r="B1789" t="s">
        <v>9335</v>
      </c>
      <c r="C1789" s="1" t="s">
        <v>9336</v>
      </c>
      <c r="D1789">
        <v>8913363</v>
      </c>
      <c r="E1789">
        <v>1</v>
      </c>
      <c r="F1789">
        <v>2</v>
      </c>
      <c r="H1789" t="s">
        <v>9337</v>
      </c>
      <c r="I1789">
        <v>1</v>
      </c>
      <c r="J1789" t="s">
        <v>9338</v>
      </c>
      <c r="K1789" t="s">
        <v>9339</v>
      </c>
      <c r="M1789">
        <v>-1</v>
      </c>
      <c r="O1789">
        <v>1155891</v>
      </c>
      <c r="P1789">
        <v>1</v>
      </c>
      <c r="Q1789">
        <v>0</v>
      </c>
      <c r="R1789" t="s">
        <v>9340</v>
      </c>
      <c r="S1789">
        <v>2106</v>
      </c>
    </row>
    <row r="1790" spans="1:19" x14ac:dyDescent="0.25">
      <c r="A1790">
        <v>27412070</v>
      </c>
      <c r="B1790" t="s">
        <v>9341</v>
      </c>
      <c r="C1790" s="1" t="s">
        <v>9342</v>
      </c>
      <c r="E1790">
        <v>1</v>
      </c>
      <c r="F1790">
        <v>6</v>
      </c>
      <c r="H1790" t="s">
        <v>9343</v>
      </c>
      <c r="J1790" t="s">
        <v>9344</v>
      </c>
      <c r="K1790" t="s">
        <v>9345</v>
      </c>
      <c r="M1790">
        <v>2071807</v>
      </c>
      <c r="O1790">
        <v>4347020</v>
      </c>
      <c r="P1790">
        <v>1</v>
      </c>
      <c r="Q1790">
        <v>-1</v>
      </c>
      <c r="R1790" t="s">
        <v>351</v>
      </c>
      <c r="S1790">
        <v>281</v>
      </c>
    </row>
    <row r="1791" spans="1:19" x14ac:dyDescent="0.25">
      <c r="A1791">
        <v>29082382</v>
      </c>
      <c r="B1791" t="s">
        <v>9346</v>
      </c>
      <c r="C1791" s="1" t="s">
        <v>9347</v>
      </c>
      <c r="D1791">
        <v>29089240</v>
      </c>
      <c r="E1791">
        <v>1</v>
      </c>
      <c r="F1791">
        <v>3</v>
      </c>
      <c r="H1791" t="s">
        <v>9348</v>
      </c>
      <c r="J1791" t="s">
        <v>9349</v>
      </c>
      <c r="O1791">
        <v>190833</v>
      </c>
      <c r="P1791">
        <v>1</v>
      </c>
      <c r="Q1791">
        <v>0</v>
      </c>
      <c r="R1791" t="s">
        <v>9350</v>
      </c>
      <c r="S1791">
        <v>149</v>
      </c>
    </row>
    <row r="1792" spans="1:19" x14ac:dyDescent="0.25">
      <c r="A1792">
        <v>42259654</v>
      </c>
      <c r="B1792" t="s">
        <v>9351</v>
      </c>
      <c r="C1792" s="1" t="s">
        <v>9352</v>
      </c>
      <c r="D1792">
        <v>42263374</v>
      </c>
      <c r="E1792">
        <v>1</v>
      </c>
      <c r="F1792">
        <v>0</v>
      </c>
      <c r="H1792" t="s">
        <v>9353</v>
      </c>
      <c r="J1792" t="s">
        <v>9354</v>
      </c>
      <c r="O1792">
        <v>7511702</v>
      </c>
      <c r="P1792">
        <v>1</v>
      </c>
      <c r="Q1792">
        <v>0</v>
      </c>
      <c r="R1792" t="s">
        <v>7361</v>
      </c>
      <c r="S1792">
        <v>252</v>
      </c>
    </row>
    <row r="1793" spans="1:19" x14ac:dyDescent="0.25">
      <c r="A1793">
        <v>21707153</v>
      </c>
      <c r="B1793" t="s">
        <v>9355</v>
      </c>
      <c r="C1793" s="1" t="s">
        <v>9356</v>
      </c>
      <c r="D1793">
        <v>21707198</v>
      </c>
      <c r="E1793">
        <v>4</v>
      </c>
      <c r="F1793">
        <v>1</v>
      </c>
      <c r="H1793" t="s">
        <v>9357</v>
      </c>
      <c r="J1793" t="s">
        <v>9358</v>
      </c>
      <c r="O1793">
        <v>1477926</v>
      </c>
      <c r="P1793">
        <v>1</v>
      </c>
      <c r="Q1793">
        <v>3</v>
      </c>
      <c r="R1793" t="s">
        <v>9359</v>
      </c>
      <c r="S1793">
        <v>104</v>
      </c>
    </row>
    <row r="1794" spans="1:19" x14ac:dyDescent="0.25">
      <c r="A1794">
        <v>43747368</v>
      </c>
      <c r="B1794" t="s">
        <v>9360</v>
      </c>
      <c r="C1794" s="1" t="s">
        <v>9361</v>
      </c>
      <c r="D1794">
        <v>43747411</v>
      </c>
      <c r="E1794">
        <v>1</v>
      </c>
      <c r="F1794">
        <v>2</v>
      </c>
      <c r="H1794" t="s">
        <v>9362</v>
      </c>
      <c r="J1794" t="s">
        <v>9363</v>
      </c>
      <c r="K1794" t="s">
        <v>9364</v>
      </c>
      <c r="M1794">
        <v>2255089</v>
      </c>
      <c r="O1794">
        <v>797963</v>
      </c>
      <c r="P1794">
        <v>1</v>
      </c>
      <c r="Q1794">
        <v>0</v>
      </c>
      <c r="R1794" t="s">
        <v>9365</v>
      </c>
      <c r="S1794">
        <v>592</v>
      </c>
    </row>
    <row r="1795" spans="1:19" x14ac:dyDescent="0.25">
      <c r="A1795">
        <v>39442630</v>
      </c>
      <c r="B1795" t="s">
        <v>9366</v>
      </c>
      <c r="C1795" s="1" t="s">
        <v>9367</v>
      </c>
      <c r="E1795">
        <v>1</v>
      </c>
      <c r="F1795">
        <v>6</v>
      </c>
      <c r="H1795" t="s">
        <v>9368</v>
      </c>
      <c r="J1795" t="s">
        <v>9369</v>
      </c>
      <c r="K1795" t="s">
        <v>9370</v>
      </c>
      <c r="M1795">
        <v>4983184</v>
      </c>
      <c r="O1795">
        <v>4983184</v>
      </c>
      <c r="P1795">
        <v>1</v>
      </c>
      <c r="Q1795">
        <v>2</v>
      </c>
      <c r="R1795" t="s">
        <v>9371</v>
      </c>
      <c r="S1795">
        <v>526</v>
      </c>
    </row>
    <row r="1796" spans="1:19" x14ac:dyDescent="0.25">
      <c r="A1796">
        <v>30522779</v>
      </c>
      <c r="B1796" t="s">
        <v>9372</v>
      </c>
      <c r="C1796" s="1" t="s">
        <v>9373</v>
      </c>
      <c r="E1796">
        <v>1</v>
      </c>
      <c r="F1796">
        <v>4</v>
      </c>
      <c r="H1796" t="s">
        <v>9374</v>
      </c>
      <c r="J1796" t="s">
        <v>9375</v>
      </c>
      <c r="O1796">
        <v>962777</v>
      </c>
      <c r="P1796">
        <v>1</v>
      </c>
      <c r="Q1796">
        <v>1</v>
      </c>
      <c r="R1796" t="s">
        <v>9376</v>
      </c>
      <c r="S1796">
        <v>151</v>
      </c>
    </row>
    <row r="1797" spans="1:19" x14ac:dyDescent="0.25">
      <c r="A1797">
        <v>44518756</v>
      </c>
      <c r="B1797" t="s">
        <v>9377</v>
      </c>
      <c r="C1797" s="1" t="s">
        <v>9378</v>
      </c>
      <c r="E1797">
        <v>0</v>
      </c>
      <c r="F1797">
        <v>4</v>
      </c>
      <c r="H1797" t="s">
        <v>9379</v>
      </c>
      <c r="I1797">
        <v>0</v>
      </c>
      <c r="J1797" t="s">
        <v>9380</v>
      </c>
      <c r="K1797" t="s">
        <v>9380</v>
      </c>
      <c r="M1797">
        <v>5908693</v>
      </c>
      <c r="O1797">
        <v>5908693</v>
      </c>
      <c r="P1797">
        <v>1</v>
      </c>
      <c r="Q1797">
        <v>0</v>
      </c>
      <c r="R1797" t="s">
        <v>9381</v>
      </c>
      <c r="S1797">
        <v>99</v>
      </c>
    </row>
    <row r="1798" spans="1:19" x14ac:dyDescent="0.25">
      <c r="A1798">
        <v>49820887</v>
      </c>
      <c r="B1798" t="s">
        <v>9382</v>
      </c>
      <c r="C1798" s="1" t="s">
        <v>9383</v>
      </c>
      <c r="E1798">
        <v>1</v>
      </c>
      <c r="F1798">
        <v>5</v>
      </c>
      <c r="H1798" t="s">
        <v>9384</v>
      </c>
      <c r="J1798" t="s">
        <v>9385</v>
      </c>
      <c r="O1798">
        <v>1802826</v>
      </c>
      <c r="P1798">
        <v>1</v>
      </c>
      <c r="Q1798">
        <v>0</v>
      </c>
      <c r="R1798" t="s">
        <v>9386</v>
      </c>
      <c r="S1798">
        <v>41</v>
      </c>
    </row>
    <row r="1799" spans="1:19" x14ac:dyDescent="0.25">
      <c r="A1799">
        <v>11128891</v>
      </c>
      <c r="B1799" t="s">
        <v>9387</v>
      </c>
      <c r="C1799" s="1" t="s">
        <v>9388</v>
      </c>
      <c r="D1799">
        <v>11128962</v>
      </c>
      <c r="E1799">
        <v>1</v>
      </c>
      <c r="F1799">
        <v>0</v>
      </c>
      <c r="H1799" t="s">
        <v>9389</v>
      </c>
      <c r="J1799" t="s">
        <v>9390</v>
      </c>
      <c r="O1799">
        <v>478520</v>
      </c>
      <c r="P1799">
        <v>1</v>
      </c>
      <c r="Q1799">
        <v>0</v>
      </c>
      <c r="R1799" t="s">
        <v>9391</v>
      </c>
      <c r="S1799">
        <v>47</v>
      </c>
    </row>
    <row r="1800" spans="1:19" x14ac:dyDescent="0.25">
      <c r="A1800">
        <v>15712335</v>
      </c>
      <c r="B1800" t="s">
        <v>9392</v>
      </c>
      <c r="C1800" s="1" t="s">
        <v>9393</v>
      </c>
      <c r="D1800">
        <v>15754143</v>
      </c>
      <c r="E1800">
        <v>2</v>
      </c>
      <c r="F1800">
        <v>4</v>
      </c>
      <c r="H1800" t="s">
        <v>9394</v>
      </c>
      <c r="J1800" t="s">
        <v>9395</v>
      </c>
      <c r="O1800">
        <v>98706</v>
      </c>
      <c r="P1800">
        <v>1</v>
      </c>
      <c r="Q1800">
        <v>0</v>
      </c>
      <c r="R1800" t="s">
        <v>9396</v>
      </c>
      <c r="S1800">
        <v>1329</v>
      </c>
    </row>
    <row r="1801" spans="1:19" x14ac:dyDescent="0.25">
      <c r="A1801">
        <v>51086235</v>
      </c>
      <c r="B1801" t="s">
        <v>9397</v>
      </c>
      <c r="C1801" s="1" t="s">
        <v>9398</v>
      </c>
      <c r="E1801">
        <v>0</v>
      </c>
      <c r="F1801">
        <v>0</v>
      </c>
      <c r="H1801" t="s">
        <v>9399</v>
      </c>
      <c r="J1801" t="s">
        <v>9399</v>
      </c>
      <c r="O1801">
        <v>3607584</v>
      </c>
      <c r="P1801">
        <v>1</v>
      </c>
      <c r="Q1801">
        <v>0</v>
      </c>
      <c r="R1801" t="s">
        <v>1359</v>
      </c>
      <c r="S1801">
        <v>36</v>
      </c>
    </row>
    <row r="1802" spans="1:19" x14ac:dyDescent="0.25">
      <c r="A1802">
        <v>35776299</v>
      </c>
      <c r="B1802" t="s">
        <v>9400</v>
      </c>
      <c r="C1802" s="1" t="s">
        <v>9401</v>
      </c>
      <c r="D1802">
        <v>35776552</v>
      </c>
      <c r="E1802">
        <v>2</v>
      </c>
      <c r="F1802">
        <v>1</v>
      </c>
      <c r="H1802" t="s">
        <v>9402</v>
      </c>
      <c r="J1802" t="s">
        <v>9403</v>
      </c>
      <c r="K1802" t="s">
        <v>9404</v>
      </c>
      <c r="M1802">
        <v>181783</v>
      </c>
      <c r="O1802">
        <v>181783</v>
      </c>
      <c r="P1802">
        <v>1</v>
      </c>
      <c r="Q1802">
        <v>1</v>
      </c>
      <c r="R1802" t="s">
        <v>9405</v>
      </c>
      <c r="S1802">
        <v>204</v>
      </c>
    </row>
    <row r="1803" spans="1:19" x14ac:dyDescent="0.25">
      <c r="A1803">
        <v>31764720</v>
      </c>
      <c r="B1803" t="s">
        <v>9406</v>
      </c>
      <c r="C1803" s="1" t="s">
        <v>9407</v>
      </c>
      <c r="D1803">
        <v>31767128</v>
      </c>
      <c r="E1803">
        <v>1</v>
      </c>
      <c r="F1803">
        <v>1</v>
      </c>
      <c r="H1803" t="s">
        <v>9408</v>
      </c>
      <c r="J1803" t="s">
        <v>9409</v>
      </c>
      <c r="K1803" t="s">
        <v>9410</v>
      </c>
      <c r="M1803">
        <v>4661191</v>
      </c>
      <c r="O1803">
        <v>4661191</v>
      </c>
      <c r="P1803">
        <v>1</v>
      </c>
      <c r="Q1803">
        <v>1</v>
      </c>
      <c r="R1803" t="s">
        <v>9411</v>
      </c>
      <c r="S1803">
        <v>424</v>
      </c>
    </row>
    <row r="1804" spans="1:19" x14ac:dyDescent="0.25">
      <c r="A1804">
        <v>47721020</v>
      </c>
      <c r="B1804" t="s">
        <v>9412</v>
      </c>
      <c r="C1804" s="1" t="s">
        <v>9413</v>
      </c>
      <c r="D1804">
        <v>47724787</v>
      </c>
      <c r="E1804">
        <v>1</v>
      </c>
      <c r="F1804">
        <v>0</v>
      </c>
      <c r="H1804" t="s">
        <v>9414</v>
      </c>
      <c r="J1804" t="s">
        <v>9415</v>
      </c>
      <c r="O1804">
        <v>814687</v>
      </c>
      <c r="P1804">
        <v>1</v>
      </c>
      <c r="Q1804">
        <v>0</v>
      </c>
      <c r="R1804" t="s">
        <v>9416</v>
      </c>
      <c r="S1804">
        <v>72</v>
      </c>
    </row>
    <row r="1805" spans="1:19" x14ac:dyDescent="0.25">
      <c r="A1805">
        <v>9639791</v>
      </c>
      <c r="B1805" t="s">
        <v>9417</v>
      </c>
      <c r="C1805" s="1" t="s">
        <v>9418</v>
      </c>
      <c r="D1805">
        <v>9639930</v>
      </c>
      <c r="E1805">
        <v>3</v>
      </c>
      <c r="F1805">
        <v>4</v>
      </c>
      <c r="H1805" t="s">
        <v>9419</v>
      </c>
      <c r="J1805" t="s">
        <v>9420</v>
      </c>
      <c r="K1805" t="s">
        <v>9421</v>
      </c>
      <c r="L1805" t="s">
        <v>9422</v>
      </c>
      <c r="O1805">
        <v>965895</v>
      </c>
      <c r="P1805">
        <v>1</v>
      </c>
      <c r="Q1805">
        <v>2</v>
      </c>
      <c r="R1805" t="s">
        <v>9423</v>
      </c>
      <c r="S1805">
        <v>755</v>
      </c>
    </row>
    <row r="1806" spans="1:19" x14ac:dyDescent="0.25">
      <c r="A1806">
        <v>26601777</v>
      </c>
      <c r="B1806" t="s">
        <v>9424</v>
      </c>
      <c r="C1806" s="1" t="s">
        <v>9425</v>
      </c>
      <c r="E1806">
        <v>0</v>
      </c>
      <c r="F1806">
        <v>9</v>
      </c>
      <c r="H1806" t="s">
        <v>9426</v>
      </c>
      <c r="I1806">
        <v>0</v>
      </c>
      <c r="J1806" t="s">
        <v>9427</v>
      </c>
      <c r="K1806" t="s">
        <v>9427</v>
      </c>
      <c r="M1806">
        <v>3309109</v>
      </c>
      <c r="O1806">
        <v>1065078</v>
      </c>
      <c r="P1806">
        <v>1</v>
      </c>
      <c r="Q1806">
        <v>1</v>
      </c>
      <c r="R1806" t="s">
        <v>9428</v>
      </c>
      <c r="S1806">
        <v>139</v>
      </c>
    </row>
    <row r="1807" spans="1:19" x14ac:dyDescent="0.25">
      <c r="A1807">
        <v>26547869</v>
      </c>
      <c r="B1807" t="s">
        <v>9429</v>
      </c>
      <c r="C1807" s="1" t="s">
        <v>9430</v>
      </c>
      <c r="D1807">
        <v>26550971</v>
      </c>
      <c r="E1807">
        <v>2</v>
      </c>
      <c r="F1807">
        <v>8</v>
      </c>
      <c r="H1807" t="s">
        <v>9431</v>
      </c>
      <c r="J1807" t="s">
        <v>9432</v>
      </c>
      <c r="K1807" t="s">
        <v>9433</v>
      </c>
      <c r="M1807">
        <v>2138872</v>
      </c>
      <c r="O1807">
        <v>2138872</v>
      </c>
      <c r="P1807">
        <v>1</v>
      </c>
      <c r="Q1807">
        <v>0</v>
      </c>
      <c r="R1807" t="s">
        <v>9434</v>
      </c>
      <c r="S1807">
        <v>503</v>
      </c>
    </row>
    <row r="1808" spans="1:19" x14ac:dyDescent="0.25">
      <c r="A1808">
        <v>42160544</v>
      </c>
      <c r="B1808" t="s">
        <v>9435</v>
      </c>
      <c r="C1808" s="1" t="s">
        <v>9436</v>
      </c>
      <c r="D1808">
        <v>42160980</v>
      </c>
      <c r="E1808">
        <v>4</v>
      </c>
      <c r="F1808">
        <v>0</v>
      </c>
      <c r="H1808" t="s">
        <v>9437</v>
      </c>
      <c r="J1808" t="s">
        <v>9438</v>
      </c>
      <c r="K1808" t="s">
        <v>9439</v>
      </c>
      <c r="M1808">
        <v>5501950</v>
      </c>
      <c r="O1808">
        <v>5501950</v>
      </c>
      <c r="P1808">
        <v>1</v>
      </c>
      <c r="Q1808">
        <v>0</v>
      </c>
      <c r="R1808" t="s">
        <v>9440</v>
      </c>
      <c r="S1808">
        <v>502</v>
      </c>
    </row>
    <row r="1809" spans="1:19" x14ac:dyDescent="0.25">
      <c r="A1809">
        <v>5134764</v>
      </c>
      <c r="B1809" t="s">
        <v>9441</v>
      </c>
      <c r="C1809" s="1" t="s">
        <v>9442</v>
      </c>
      <c r="E1809">
        <v>1</v>
      </c>
      <c r="F1809">
        <v>0</v>
      </c>
      <c r="H1809" t="s">
        <v>9443</v>
      </c>
      <c r="I1809">
        <v>1</v>
      </c>
      <c r="J1809" t="s">
        <v>9444</v>
      </c>
      <c r="K1809" t="s">
        <v>9444</v>
      </c>
      <c r="M1809">
        <v>1105514</v>
      </c>
      <c r="O1809">
        <v>636674</v>
      </c>
      <c r="P1809">
        <v>1</v>
      </c>
      <c r="Q1809">
        <v>2</v>
      </c>
      <c r="R1809" t="s">
        <v>9445</v>
      </c>
      <c r="S1809">
        <v>2640</v>
      </c>
    </row>
    <row r="1810" spans="1:19" x14ac:dyDescent="0.25">
      <c r="A1810">
        <v>26208893</v>
      </c>
      <c r="B1810" t="s">
        <v>9446</v>
      </c>
      <c r="C1810" s="1" t="s">
        <v>9447</v>
      </c>
      <c r="D1810">
        <v>26210252</v>
      </c>
      <c r="E1810">
        <v>1</v>
      </c>
      <c r="F1810">
        <v>4</v>
      </c>
      <c r="H1810" t="s">
        <v>9448</v>
      </c>
      <c r="J1810" t="s">
        <v>9449</v>
      </c>
      <c r="O1810">
        <v>3805963</v>
      </c>
      <c r="P1810">
        <v>1</v>
      </c>
      <c r="Q1810">
        <v>-4</v>
      </c>
      <c r="R1810" t="s">
        <v>3453</v>
      </c>
      <c r="S1810">
        <v>40</v>
      </c>
    </row>
    <row r="1811" spans="1:19" x14ac:dyDescent="0.25">
      <c r="A1811">
        <v>42487002</v>
      </c>
      <c r="B1811" t="s">
        <v>9450</v>
      </c>
      <c r="C1811" s="1" t="s">
        <v>9451</v>
      </c>
      <c r="E1811">
        <v>2</v>
      </c>
      <c r="F1811">
        <v>2</v>
      </c>
      <c r="H1811" t="s">
        <v>9452</v>
      </c>
      <c r="I1811">
        <v>1</v>
      </c>
      <c r="J1811" t="s">
        <v>9453</v>
      </c>
      <c r="K1811" t="s">
        <v>9454</v>
      </c>
      <c r="M1811">
        <v>4358339</v>
      </c>
      <c r="O1811">
        <v>7629976</v>
      </c>
      <c r="P1811">
        <v>1</v>
      </c>
      <c r="Q1811">
        <v>0</v>
      </c>
      <c r="R1811" t="s">
        <v>9455</v>
      </c>
      <c r="S1811">
        <v>311</v>
      </c>
    </row>
    <row r="1812" spans="1:19" x14ac:dyDescent="0.25">
      <c r="A1812">
        <v>39337315</v>
      </c>
      <c r="B1812" t="s">
        <v>9456</v>
      </c>
      <c r="C1812" s="1" t="s">
        <v>9457</v>
      </c>
      <c r="E1812">
        <v>0</v>
      </c>
      <c r="F1812">
        <v>3</v>
      </c>
      <c r="H1812" t="s">
        <v>9458</v>
      </c>
      <c r="J1812" t="s">
        <v>9458</v>
      </c>
      <c r="O1812">
        <v>2209893</v>
      </c>
      <c r="P1812">
        <v>1</v>
      </c>
      <c r="Q1812">
        <v>1</v>
      </c>
      <c r="R1812" t="s">
        <v>9459</v>
      </c>
      <c r="S1812">
        <v>84</v>
      </c>
    </row>
    <row r="1813" spans="1:19" x14ac:dyDescent="0.25">
      <c r="A1813">
        <v>38214975</v>
      </c>
      <c r="B1813" t="s">
        <v>9460</v>
      </c>
      <c r="C1813" t="s">
        <v>9461</v>
      </c>
      <c r="E1813">
        <v>0</v>
      </c>
      <c r="F1813">
        <v>4</v>
      </c>
      <c r="H1813" t="s">
        <v>9462</v>
      </c>
      <c r="J1813" t="s">
        <v>9462</v>
      </c>
      <c r="O1813">
        <v>3792934</v>
      </c>
      <c r="P1813">
        <v>1</v>
      </c>
      <c r="Q1813">
        <v>0</v>
      </c>
      <c r="R1813" t="s">
        <v>9463</v>
      </c>
      <c r="S1813">
        <v>236</v>
      </c>
    </row>
    <row r="1814" spans="1:19" x14ac:dyDescent="0.25">
      <c r="A1814">
        <v>3254563</v>
      </c>
      <c r="B1814" t="s">
        <v>9464</v>
      </c>
      <c r="C1814" s="1" t="s">
        <v>9465</v>
      </c>
      <c r="D1814">
        <v>3254724</v>
      </c>
      <c r="E1814">
        <v>2</v>
      </c>
      <c r="F1814">
        <v>0</v>
      </c>
      <c r="H1814" t="s">
        <v>9466</v>
      </c>
      <c r="J1814" t="s">
        <v>9467</v>
      </c>
      <c r="O1814">
        <v>132873</v>
      </c>
      <c r="P1814">
        <v>1</v>
      </c>
      <c r="Q1814">
        <v>1</v>
      </c>
      <c r="R1814" t="s">
        <v>9468</v>
      </c>
      <c r="S1814">
        <v>409</v>
      </c>
    </row>
    <row r="1815" spans="1:19" x14ac:dyDescent="0.25">
      <c r="A1815">
        <v>7869500</v>
      </c>
      <c r="B1815" t="s">
        <v>9469</v>
      </c>
      <c r="C1815" s="1" t="s">
        <v>9470</v>
      </c>
      <c r="D1815">
        <v>8906493</v>
      </c>
      <c r="E1815">
        <v>1</v>
      </c>
      <c r="F1815">
        <v>3</v>
      </c>
      <c r="H1815" t="s">
        <v>9471</v>
      </c>
      <c r="I1815">
        <v>2</v>
      </c>
      <c r="J1815" t="s">
        <v>9472</v>
      </c>
      <c r="K1815" t="s">
        <v>9473</v>
      </c>
      <c r="M1815">
        <v>79379</v>
      </c>
      <c r="O1815">
        <v>627071</v>
      </c>
      <c r="P1815">
        <v>1</v>
      </c>
      <c r="Q1815">
        <v>3</v>
      </c>
      <c r="R1815" t="s">
        <v>9474</v>
      </c>
      <c r="S1815">
        <v>515</v>
      </c>
    </row>
    <row r="1816" spans="1:19" x14ac:dyDescent="0.25">
      <c r="A1816">
        <v>833685</v>
      </c>
      <c r="B1816" t="s">
        <v>9475</v>
      </c>
      <c r="C1816" t="s">
        <v>9476</v>
      </c>
      <c r="E1816">
        <v>4</v>
      </c>
      <c r="F1816">
        <v>1</v>
      </c>
      <c r="H1816" t="s">
        <v>9477</v>
      </c>
      <c r="I1816">
        <v>1</v>
      </c>
      <c r="J1816" t="s">
        <v>9478</v>
      </c>
      <c r="K1816" t="s">
        <v>9479</v>
      </c>
      <c r="L1816" t="s">
        <v>9480</v>
      </c>
      <c r="N1816" t="s">
        <v>9480</v>
      </c>
      <c r="P1816">
        <v>1</v>
      </c>
      <c r="Q1816">
        <v>0</v>
      </c>
      <c r="R1816" t="s">
        <v>9481</v>
      </c>
      <c r="S1816">
        <v>1710</v>
      </c>
    </row>
    <row r="1817" spans="1:19" x14ac:dyDescent="0.25">
      <c r="A1817">
        <v>17699004</v>
      </c>
      <c r="B1817" t="s">
        <v>9482</v>
      </c>
      <c r="C1817" s="1" t="s">
        <v>9483</v>
      </c>
      <c r="D1817">
        <v>17699913</v>
      </c>
      <c r="E1817">
        <v>2</v>
      </c>
      <c r="F1817">
        <v>5</v>
      </c>
      <c r="H1817" t="s">
        <v>9484</v>
      </c>
      <c r="J1817" t="s">
        <v>9485</v>
      </c>
      <c r="O1817">
        <v>1733310</v>
      </c>
      <c r="P1817">
        <v>1</v>
      </c>
      <c r="Q1817">
        <v>0</v>
      </c>
      <c r="R1817" t="s">
        <v>9486</v>
      </c>
      <c r="S1817">
        <v>124</v>
      </c>
    </row>
    <row r="1818" spans="1:19" x14ac:dyDescent="0.25">
      <c r="A1818">
        <v>9499836</v>
      </c>
      <c r="B1818" t="s">
        <v>9487</v>
      </c>
      <c r="C1818" s="1" t="s">
        <v>9488</v>
      </c>
      <c r="D1818">
        <v>9665324</v>
      </c>
      <c r="E1818">
        <v>4</v>
      </c>
      <c r="F1818">
        <v>8</v>
      </c>
      <c r="H1818" t="s">
        <v>9489</v>
      </c>
      <c r="I1818">
        <v>2</v>
      </c>
      <c r="J1818" t="s">
        <v>9490</v>
      </c>
      <c r="K1818" t="s">
        <v>9490</v>
      </c>
      <c r="M1818">
        <v>940096</v>
      </c>
      <c r="O1818">
        <v>940096</v>
      </c>
      <c r="P1818">
        <v>1</v>
      </c>
      <c r="Q1818">
        <v>3</v>
      </c>
      <c r="R1818" t="s">
        <v>9491</v>
      </c>
      <c r="S1818">
        <v>1630</v>
      </c>
    </row>
    <row r="1819" spans="1:19" x14ac:dyDescent="0.25">
      <c r="A1819">
        <v>25091193</v>
      </c>
      <c r="B1819" t="s">
        <v>9492</v>
      </c>
      <c r="C1819" s="1" t="s">
        <v>9493</v>
      </c>
      <c r="D1819">
        <v>25092291</v>
      </c>
      <c r="E1819">
        <v>2</v>
      </c>
      <c r="F1819">
        <v>0</v>
      </c>
      <c r="H1819" t="s">
        <v>9494</v>
      </c>
      <c r="I1819">
        <v>2</v>
      </c>
      <c r="J1819" t="s">
        <v>9495</v>
      </c>
      <c r="K1819" t="s">
        <v>9495</v>
      </c>
      <c r="M1819">
        <v>1450389</v>
      </c>
      <c r="O1819">
        <v>1450389</v>
      </c>
      <c r="P1819">
        <v>1</v>
      </c>
      <c r="Q1819">
        <v>0</v>
      </c>
      <c r="R1819" t="s">
        <v>9496</v>
      </c>
      <c r="S1819">
        <v>53</v>
      </c>
    </row>
    <row r="1820" spans="1:19" x14ac:dyDescent="0.25">
      <c r="A1820">
        <v>46945118</v>
      </c>
      <c r="B1820" t="s">
        <v>9497</v>
      </c>
      <c r="C1820" s="1" t="s">
        <v>9498</v>
      </c>
      <c r="D1820">
        <v>46949036</v>
      </c>
      <c r="E1820">
        <v>2</v>
      </c>
      <c r="F1820">
        <v>5</v>
      </c>
      <c r="H1820" t="s">
        <v>9499</v>
      </c>
      <c r="J1820" t="s">
        <v>9500</v>
      </c>
      <c r="K1820" t="s">
        <v>9500</v>
      </c>
      <c r="M1820">
        <v>4109882</v>
      </c>
      <c r="O1820">
        <v>4109882</v>
      </c>
      <c r="P1820">
        <v>1</v>
      </c>
      <c r="Q1820">
        <v>-1</v>
      </c>
      <c r="R1820" t="s">
        <v>9501</v>
      </c>
      <c r="S1820">
        <v>103</v>
      </c>
    </row>
    <row r="1821" spans="1:19" x14ac:dyDescent="0.25">
      <c r="A1821">
        <v>51944454</v>
      </c>
      <c r="B1821" t="s">
        <v>9502</v>
      </c>
      <c r="C1821" t="s">
        <v>9503</v>
      </c>
      <c r="D1821">
        <v>51944626</v>
      </c>
      <c r="E1821">
        <v>1</v>
      </c>
      <c r="F1821">
        <v>5</v>
      </c>
      <c r="H1821" t="s">
        <v>9504</v>
      </c>
      <c r="J1821" t="s">
        <v>9505</v>
      </c>
      <c r="O1821">
        <v>10253551</v>
      </c>
      <c r="P1821">
        <v>1</v>
      </c>
      <c r="Q1821">
        <v>-2</v>
      </c>
      <c r="R1821" t="s">
        <v>4631</v>
      </c>
      <c r="S1821">
        <v>29</v>
      </c>
    </row>
    <row r="1822" spans="1:19" x14ac:dyDescent="0.25">
      <c r="A1822">
        <v>22263829</v>
      </c>
      <c r="B1822" t="s">
        <v>9506</v>
      </c>
      <c r="C1822" s="1" t="s">
        <v>9507</v>
      </c>
      <c r="E1822">
        <v>0</v>
      </c>
      <c r="F1822">
        <v>1</v>
      </c>
      <c r="H1822" t="s">
        <v>9508</v>
      </c>
      <c r="J1822" t="s">
        <v>9508</v>
      </c>
      <c r="O1822">
        <v>3394879</v>
      </c>
      <c r="P1822">
        <v>1</v>
      </c>
      <c r="Q1822">
        <v>1</v>
      </c>
      <c r="R1822" t="s">
        <v>9509</v>
      </c>
      <c r="S1822">
        <v>499</v>
      </c>
    </row>
    <row r="1823" spans="1:19" x14ac:dyDescent="0.25">
      <c r="A1823">
        <v>18532359</v>
      </c>
      <c r="B1823" t="s">
        <v>9510</v>
      </c>
      <c r="C1823" s="1" t="s">
        <v>9511</v>
      </c>
      <c r="D1823">
        <v>18532734</v>
      </c>
      <c r="E1823">
        <v>2</v>
      </c>
      <c r="F1823">
        <v>1</v>
      </c>
      <c r="H1823" t="s">
        <v>9512</v>
      </c>
      <c r="I1823">
        <v>1</v>
      </c>
      <c r="J1823" t="s">
        <v>9513</v>
      </c>
      <c r="K1823" t="s">
        <v>9514</v>
      </c>
      <c r="M1823">
        <v>100008</v>
      </c>
      <c r="O1823">
        <v>100008</v>
      </c>
      <c r="P1823">
        <v>1</v>
      </c>
      <c r="Q1823">
        <v>8</v>
      </c>
      <c r="R1823" t="s">
        <v>9515</v>
      </c>
      <c r="S1823">
        <v>7831</v>
      </c>
    </row>
    <row r="1824" spans="1:19" x14ac:dyDescent="0.25">
      <c r="A1824">
        <v>19463323</v>
      </c>
      <c r="B1824" t="s">
        <v>9516</v>
      </c>
      <c r="C1824" t="s">
        <v>9517</v>
      </c>
      <c r="D1824">
        <v>19463324</v>
      </c>
      <c r="E1824">
        <v>2</v>
      </c>
      <c r="F1824">
        <v>0</v>
      </c>
      <c r="H1824" t="s">
        <v>9518</v>
      </c>
      <c r="I1824">
        <v>2</v>
      </c>
      <c r="J1824" t="s">
        <v>9519</v>
      </c>
      <c r="K1824" t="s">
        <v>9520</v>
      </c>
      <c r="M1824">
        <v>1096070</v>
      </c>
      <c r="O1824">
        <v>1096070</v>
      </c>
      <c r="P1824">
        <v>1</v>
      </c>
      <c r="Q1824">
        <v>3</v>
      </c>
      <c r="R1824" t="s">
        <v>9521</v>
      </c>
      <c r="S1824">
        <v>860</v>
      </c>
    </row>
    <row r="1825" spans="1:19" x14ac:dyDescent="0.25">
      <c r="A1825">
        <v>16539601</v>
      </c>
      <c r="B1825" t="s">
        <v>9522</v>
      </c>
      <c r="C1825" s="1" t="s">
        <v>9523</v>
      </c>
      <c r="E1825">
        <v>1</v>
      </c>
      <c r="F1825">
        <v>3</v>
      </c>
      <c r="H1825" t="s">
        <v>9524</v>
      </c>
      <c r="J1825" t="s">
        <v>9525</v>
      </c>
      <c r="K1825" t="s">
        <v>9525</v>
      </c>
      <c r="M1825">
        <v>1033581</v>
      </c>
      <c r="O1825">
        <v>1947898</v>
      </c>
      <c r="P1825">
        <v>1</v>
      </c>
      <c r="Q1825">
        <v>0</v>
      </c>
      <c r="R1825" t="s">
        <v>9526</v>
      </c>
      <c r="S1825">
        <v>182</v>
      </c>
    </row>
    <row r="1826" spans="1:19" x14ac:dyDescent="0.25">
      <c r="A1826">
        <v>37044714</v>
      </c>
      <c r="B1826" t="s">
        <v>9527</v>
      </c>
      <c r="C1826" s="1" t="s">
        <v>9528</v>
      </c>
      <c r="D1826">
        <v>37182317</v>
      </c>
      <c r="E1826">
        <v>1</v>
      </c>
      <c r="F1826">
        <v>0</v>
      </c>
      <c r="H1826" t="s">
        <v>9529</v>
      </c>
      <c r="I1826">
        <v>1</v>
      </c>
      <c r="J1826" t="s">
        <v>9530</v>
      </c>
      <c r="O1826">
        <v>1695172</v>
      </c>
      <c r="P1826">
        <v>1</v>
      </c>
      <c r="Q1826">
        <v>0</v>
      </c>
      <c r="R1826" t="s">
        <v>9531</v>
      </c>
      <c r="S1826">
        <v>54</v>
      </c>
    </row>
    <row r="1827" spans="1:19" x14ac:dyDescent="0.25">
      <c r="A1827">
        <v>21181349</v>
      </c>
      <c r="B1827" t="s">
        <v>9532</v>
      </c>
      <c r="C1827" s="1" t="s">
        <v>9533</v>
      </c>
      <c r="E1827">
        <v>0</v>
      </c>
      <c r="F1827">
        <v>2</v>
      </c>
      <c r="H1827" t="s">
        <v>9534</v>
      </c>
      <c r="J1827" t="s">
        <v>9534</v>
      </c>
      <c r="K1827" t="s">
        <v>9535</v>
      </c>
      <c r="M1827">
        <v>-1</v>
      </c>
      <c r="O1827">
        <v>2918275</v>
      </c>
      <c r="P1827">
        <v>1</v>
      </c>
      <c r="Q1827">
        <v>0</v>
      </c>
      <c r="R1827" t="s">
        <v>9536</v>
      </c>
      <c r="S1827">
        <v>275</v>
      </c>
    </row>
    <row r="1828" spans="1:19" x14ac:dyDescent="0.25">
      <c r="A1828">
        <v>32666335</v>
      </c>
      <c r="B1828" t="s">
        <v>9537</v>
      </c>
      <c r="C1828" s="1" t="s">
        <v>9538</v>
      </c>
      <c r="E1828">
        <v>2</v>
      </c>
      <c r="F1828">
        <v>0</v>
      </c>
      <c r="H1828" t="s">
        <v>9539</v>
      </c>
      <c r="J1828" t="s">
        <v>9540</v>
      </c>
      <c r="O1828">
        <v>354901</v>
      </c>
      <c r="P1828">
        <v>1</v>
      </c>
      <c r="Q1828">
        <v>1</v>
      </c>
      <c r="R1828" t="s">
        <v>9541</v>
      </c>
      <c r="S1828">
        <v>790</v>
      </c>
    </row>
    <row r="1829" spans="1:19" x14ac:dyDescent="0.25">
      <c r="A1829">
        <v>41390324</v>
      </c>
      <c r="B1829" t="s">
        <v>9542</v>
      </c>
      <c r="C1829" s="1" t="s">
        <v>9543</v>
      </c>
      <c r="D1829">
        <v>41399400</v>
      </c>
      <c r="E1829">
        <v>1</v>
      </c>
      <c r="F1829">
        <v>0</v>
      </c>
      <c r="H1829" t="s">
        <v>9544</v>
      </c>
      <c r="I1829">
        <v>1</v>
      </c>
      <c r="J1829" t="s">
        <v>9545</v>
      </c>
      <c r="O1829">
        <v>5021034</v>
      </c>
      <c r="P1829">
        <v>1</v>
      </c>
      <c r="Q1829">
        <v>2</v>
      </c>
      <c r="R1829" t="s">
        <v>7825</v>
      </c>
      <c r="S1829">
        <v>154</v>
      </c>
    </row>
    <row r="1830" spans="1:19" x14ac:dyDescent="0.25">
      <c r="A1830">
        <v>14649967</v>
      </c>
      <c r="B1830" t="s">
        <v>9546</v>
      </c>
      <c r="C1830" s="1" t="s">
        <v>9547</v>
      </c>
      <c r="E1830">
        <v>2</v>
      </c>
      <c r="F1830">
        <v>0</v>
      </c>
      <c r="H1830" t="s">
        <v>9548</v>
      </c>
      <c r="J1830" t="s">
        <v>9549</v>
      </c>
      <c r="O1830">
        <v>572575</v>
      </c>
      <c r="P1830">
        <v>1</v>
      </c>
      <c r="Q1830">
        <v>0</v>
      </c>
      <c r="R1830" t="s">
        <v>9550</v>
      </c>
      <c r="S1830">
        <v>446</v>
      </c>
    </row>
    <row r="1831" spans="1:19" x14ac:dyDescent="0.25">
      <c r="A1831">
        <v>37626510</v>
      </c>
      <c r="B1831" t="s">
        <v>9551</v>
      </c>
      <c r="C1831" t="s">
        <v>9552</v>
      </c>
      <c r="E1831">
        <v>1</v>
      </c>
      <c r="F1831">
        <v>6</v>
      </c>
      <c r="H1831" t="s">
        <v>9553</v>
      </c>
      <c r="J1831" t="s">
        <v>9554</v>
      </c>
      <c r="K1831" t="s">
        <v>9554</v>
      </c>
      <c r="M1831">
        <v>6389130</v>
      </c>
      <c r="O1831">
        <v>6389130</v>
      </c>
      <c r="P1831">
        <v>1</v>
      </c>
      <c r="Q1831">
        <v>0</v>
      </c>
      <c r="R1831" t="s">
        <v>9555</v>
      </c>
      <c r="S1831">
        <v>60</v>
      </c>
    </row>
    <row r="1832" spans="1:19" x14ac:dyDescent="0.25">
      <c r="A1832">
        <v>48005611</v>
      </c>
      <c r="B1832" t="s">
        <v>9556</v>
      </c>
      <c r="C1832" s="1" t="s">
        <v>9557</v>
      </c>
      <c r="E1832">
        <v>0</v>
      </c>
      <c r="F1832">
        <v>0</v>
      </c>
      <c r="H1832" t="s">
        <v>9558</v>
      </c>
      <c r="I1832">
        <v>1</v>
      </c>
      <c r="J1832" t="s">
        <v>9558</v>
      </c>
      <c r="O1832">
        <v>2190491</v>
      </c>
      <c r="P1832">
        <v>1</v>
      </c>
      <c r="Q1832">
        <v>0</v>
      </c>
      <c r="R1832" t="s">
        <v>9559</v>
      </c>
      <c r="S1832">
        <v>65</v>
      </c>
    </row>
    <row r="1833" spans="1:19" x14ac:dyDescent="0.25">
      <c r="A1833">
        <v>40260053</v>
      </c>
      <c r="B1833" t="s">
        <v>9560</v>
      </c>
      <c r="C1833" s="1" t="s">
        <v>9561</v>
      </c>
      <c r="D1833">
        <v>40261095</v>
      </c>
      <c r="E1833">
        <v>2</v>
      </c>
      <c r="F1833">
        <v>0</v>
      </c>
      <c r="H1833" t="s">
        <v>9562</v>
      </c>
      <c r="J1833" t="s">
        <v>9563</v>
      </c>
      <c r="O1833">
        <v>6588818</v>
      </c>
      <c r="P1833">
        <v>1</v>
      </c>
      <c r="Q1833">
        <v>2</v>
      </c>
      <c r="R1833" t="s">
        <v>9564</v>
      </c>
      <c r="S1833">
        <v>3395</v>
      </c>
    </row>
    <row r="1834" spans="1:19" x14ac:dyDescent="0.25">
      <c r="A1834">
        <v>9299928</v>
      </c>
      <c r="B1834" t="s">
        <v>9565</v>
      </c>
      <c r="C1834" s="1" t="s">
        <v>9566</v>
      </c>
      <c r="D1834">
        <v>9301945</v>
      </c>
      <c r="E1834">
        <v>1</v>
      </c>
      <c r="F1834">
        <v>3</v>
      </c>
      <c r="H1834" t="s">
        <v>9567</v>
      </c>
      <c r="J1834" t="s">
        <v>9568</v>
      </c>
      <c r="K1834" t="s">
        <v>9569</v>
      </c>
      <c r="M1834">
        <v>892054</v>
      </c>
      <c r="O1834">
        <v>892054</v>
      </c>
      <c r="P1834">
        <v>1</v>
      </c>
      <c r="Q1834">
        <v>0</v>
      </c>
      <c r="R1834" t="s">
        <v>9570</v>
      </c>
      <c r="S1834">
        <v>849</v>
      </c>
    </row>
    <row r="1835" spans="1:19" x14ac:dyDescent="0.25">
      <c r="A1835">
        <v>28826073</v>
      </c>
      <c r="B1835" t="s">
        <v>9571</v>
      </c>
      <c r="C1835" s="1" t="s">
        <v>9572</v>
      </c>
      <c r="E1835">
        <v>4</v>
      </c>
      <c r="F1835">
        <v>2</v>
      </c>
      <c r="H1835" t="s">
        <v>9573</v>
      </c>
      <c r="J1835" t="s">
        <v>9574</v>
      </c>
      <c r="N1835" t="s">
        <v>9575</v>
      </c>
      <c r="P1835">
        <v>1</v>
      </c>
      <c r="Q1835">
        <v>1</v>
      </c>
      <c r="R1835" t="s">
        <v>9576</v>
      </c>
      <c r="S1835">
        <v>3573</v>
      </c>
    </row>
    <row r="1836" spans="1:19" x14ac:dyDescent="0.25">
      <c r="A1836">
        <v>18362942</v>
      </c>
      <c r="B1836" t="s">
        <v>9577</v>
      </c>
      <c r="C1836" s="1" t="s">
        <v>9578</v>
      </c>
      <c r="D1836">
        <v>18383915</v>
      </c>
      <c r="E1836">
        <v>4</v>
      </c>
      <c r="F1836">
        <v>4</v>
      </c>
      <c r="H1836" t="s">
        <v>9579</v>
      </c>
      <c r="I1836">
        <v>3</v>
      </c>
      <c r="J1836" t="s">
        <v>9580</v>
      </c>
      <c r="O1836">
        <v>605609</v>
      </c>
      <c r="P1836">
        <v>1</v>
      </c>
      <c r="Q1836">
        <v>10</v>
      </c>
      <c r="R1836" t="s">
        <v>5125</v>
      </c>
      <c r="S1836">
        <v>34209</v>
      </c>
    </row>
    <row r="1837" spans="1:19" x14ac:dyDescent="0.25">
      <c r="A1837">
        <v>22021873</v>
      </c>
      <c r="B1837" t="s">
        <v>9581</v>
      </c>
      <c r="C1837" s="1" t="s">
        <v>9582</v>
      </c>
      <c r="D1837">
        <v>22022280</v>
      </c>
      <c r="E1837">
        <v>1</v>
      </c>
      <c r="F1837">
        <v>0</v>
      </c>
      <c r="H1837" t="s">
        <v>9583</v>
      </c>
      <c r="J1837" t="s">
        <v>9584</v>
      </c>
      <c r="O1837">
        <v>812239</v>
      </c>
      <c r="P1837">
        <v>1</v>
      </c>
      <c r="Q1837">
        <v>1</v>
      </c>
      <c r="R1837" t="s">
        <v>9585</v>
      </c>
      <c r="S1837">
        <v>547</v>
      </c>
    </row>
    <row r="1838" spans="1:19" x14ac:dyDescent="0.25">
      <c r="A1838">
        <v>35801751</v>
      </c>
      <c r="B1838" t="s">
        <v>9586</v>
      </c>
      <c r="C1838" s="1" t="s">
        <v>9587</v>
      </c>
      <c r="D1838">
        <v>35801881</v>
      </c>
      <c r="E1838">
        <v>1</v>
      </c>
      <c r="F1838">
        <v>2</v>
      </c>
      <c r="H1838" t="s">
        <v>9588</v>
      </c>
      <c r="J1838" t="s">
        <v>9589</v>
      </c>
      <c r="K1838" t="s">
        <v>9590</v>
      </c>
      <c r="M1838">
        <v>2690520</v>
      </c>
      <c r="O1838">
        <v>2690520</v>
      </c>
      <c r="P1838">
        <v>1</v>
      </c>
      <c r="Q1838">
        <v>0</v>
      </c>
      <c r="R1838" t="s">
        <v>9591</v>
      </c>
      <c r="S1838">
        <v>59</v>
      </c>
    </row>
    <row r="1839" spans="1:19" x14ac:dyDescent="0.25">
      <c r="A1839">
        <v>11131358</v>
      </c>
      <c r="B1839" t="s">
        <v>9592</v>
      </c>
      <c r="C1839" s="1" t="s">
        <v>9593</v>
      </c>
      <c r="E1839">
        <v>1</v>
      </c>
      <c r="F1839">
        <v>4</v>
      </c>
      <c r="H1839" t="s">
        <v>9594</v>
      </c>
      <c r="I1839">
        <v>1</v>
      </c>
      <c r="J1839" t="s">
        <v>9595</v>
      </c>
      <c r="K1839" t="s">
        <v>9596</v>
      </c>
      <c r="M1839">
        <v>-1</v>
      </c>
      <c r="N1839" t="s">
        <v>9597</v>
      </c>
      <c r="P1839">
        <v>1</v>
      </c>
      <c r="Q1839">
        <v>0</v>
      </c>
      <c r="R1839" t="s">
        <v>9598</v>
      </c>
      <c r="S1839">
        <v>1058</v>
      </c>
    </row>
    <row r="1840" spans="1:19" x14ac:dyDescent="0.25">
      <c r="A1840">
        <v>22377236</v>
      </c>
      <c r="B1840" t="s">
        <v>9599</v>
      </c>
      <c r="C1840" s="1" t="s">
        <v>9600</v>
      </c>
      <c r="E1840">
        <v>2</v>
      </c>
      <c r="F1840">
        <v>0</v>
      </c>
      <c r="H1840" t="s">
        <v>9601</v>
      </c>
      <c r="J1840" t="s">
        <v>9602</v>
      </c>
      <c r="K1840" t="s">
        <v>9602</v>
      </c>
      <c r="M1840">
        <v>1667010</v>
      </c>
      <c r="O1840">
        <v>1667010</v>
      </c>
      <c r="P1840">
        <v>1</v>
      </c>
      <c r="Q1840">
        <v>1</v>
      </c>
      <c r="R1840" t="s">
        <v>9603</v>
      </c>
      <c r="S1840">
        <v>3991</v>
      </c>
    </row>
    <row r="1841" spans="1:19" x14ac:dyDescent="0.25">
      <c r="A1841">
        <v>28781270</v>
      </c>
      <c r="B1841" t="s">
        <v>9604</v>
      </c>
      <c r="C1841" s="1" t="s">
        <v>9605</v>
      </c>
      <c r="D1841">
        <v>28781342</v>
      </c>
      <c r="E1841">
        <v>1</v>
      </c>
      <c r="F1841">
        <v>0</v>
      </c>
      <c r="H1841" t="s">
        <v>9606</v>
      </c>
      <c r="J1841" t="s">
        <v>9607</v>
      </c>
      <c r="O1841">
        <v>4198637</v>
      </c>
      <c r="P1841">
        <v>1</v>
      </c>
      <c r="Q1841">
        <v>0</v>
      </c>
      <c r="R1841" t="s">
        <v>9608</v>
      </c>
      <c r="S1841">
        <v>63</v>
      </c>
    </row>
    <row r="1842" spans="1:19" x14ac:dyDescent="0.25">
      <c r="A1842">
        <v>23575620</v>
      </c>
      <c r="B1842" t="s">
        <v>9609</v>
      </c>
      <c r="C1842" s="1" t="s">
        <v>9610</v>
      </c>
      <c r="D1842">
        <v>23575939</v>
      </c>
      <c r="E1842">
        <v>1</v>
      </c>
      <c r="F1842">
        <v>5</v>
      </c>
      <c r="H1842" t="s">
        <v>9611</v>
      </c>
      <c r="J1842" t="s">
        <v>9612</v>
      </c>
      <c r="K1842" t="s">
        <v>9613</v>
      </c>
      <c r="M1842">
        <v>2926271</v>
      </c>
      <c r="O1842">
        <v>1424564</v>
      </c>
      <c r="P1842">
        <v>1</v>
      </c>
      <c r="Q1842">
        <v>0</v>
      </c>
      <c r="R1842" t="s">
        <v>9614</v>
      </c>
      <c r="S1842">
        <v>41</v>
      </c>
    </row>
    <row r="1843" spans="1:19" x14ac:dyDescent="0.25">
      <c r="A1843">
        <v>19084365</v>
      </c>
      <c r="B1843" t="s">
        <v>9615</v>
      </c>
      <c r="C1843" s="1" t="s">
        <v>9616</v>
      </c>
      <c r="D1843">
        <v>19084385</v>
      </c>
      <c r="E1843">
        <v>2</v>
      </c>
      <c r="F1843">
        <v>3</v>
      </c>
      <c r="H1843" t="s">
        <v>9617</v>
      </c>
      <c r="J1843" t="s">
        <v>9618</v>
      </c>
      <c r="K1843" t="s">
        <v>9619</v>
      </c>
      <c r="M1843">
        <v>2592879</v>
      </c>
      <c r="O1843">
        <v>2592879</v>
      </c>
      <c r="P1843">
        <v>1</v>
      </c>
      <c r="Q1843">
        <v>-5</v>
      </c>
      <c r="R1843" t="s">
        <v>9620</v>
      </c>
      <c r="S1843">
        <v>565</v>
      </c>
    </row>
    <row r="1844" spans="1:19" x14ac:dyDescent="0.25">
      <c r="A1844">
        <v>11348778</v>
      </c>
      <c r="B1844" t="s">
        <v>9621</v>
      </c>
      <c r="C1844" s="1" t="s">
        <v>9622</v>
      </c>
      <c r="D1844">
        <v>11348890</v>
      </c>
      <c r="E1844">
        <v>1</v>
      </c>
      <c r="F1844">
        <v>0</v>
      </c>
      <c r="H1844" t="s">
        <v>9623</v>
      </c>
      <c r="J1844" t="s">
        <v>9624</v>
      </c>
      <c r="O1844">
        <v>1504533</v>
      </c>
      <c r="P1844">
        <v>1</v>
      </c>
      <c r="Q1844">
        <v>-1</v>
      </c>
      <c r="R1844" t="s">
        <v>2771</v>
      </c>
      <c r="S1844">
        <v>178</v>
      </c>
    </row>
    <row r="1845" spans="1:19" x14ac:dyDescent="0.25">
      <c r="A1845">
        <v>52101462</v>
      </c>
      <c r="B1845" t="s">
        <v>9625</v>
      </c>
      <c r="C1845" s="1" t="s">
        <v>9626</v>
      </c>
      <c r="D1845">
        <v>52101731</v>
      </c>
      <c r="E1845">
        <v>1</v>
      </c>
      <c r="F1845">
        <v>2</v>
      </c>
      <c r="H1845" t="s">
        <v>9627</v>
      </c>
      <c r="J1845" t="s">
        <v>9628</v>
      </c>
      <c r="O1845">
        <v>231999</v>
      </c>
      <c r="P1845">
        <v>1</v>
      </c>
      <c r="Q1845">
        <v>0</v>
      </c>
      <c r="R1845" t="s">
        <v>9629</v>
      </c>
      <c r="S1845">
        <v>32</v>
      </c>
    </row>
    <row r="1846" spans="1:19" x14ac:dyDescent="0.25">
      <c r="A1846">
        <v>45052233</v>
      </c>
      <c r="B1846" t="s">
        <v>9630</v>
      </c>
      <c r="C1846" s="1" t="s">
        <v>9631</v>
      </c>
      <c r="D1846">
        <v>45052524</v>
      </c>
      <c r="E1846">
        <v>4</v>
      </c>
      <c r="F1846">
        <v>2</v>
      </c>
      <c r="H1846" t="s">
        <v>9632</v>
      </c>
      <c r="J1846" t="s">
        <v>9633</v>
      </c>
      <c r="K1846" t="s">
        <v>9634</v>
      </c>
      <c r="M1846">
        <v>1801544</v>
      </c>
      <c r="O1846">
        <v>8198060</v>
      </c>
      <c r="P1846">
        <v>1</v>
      </c>
      <c r="Q1846">
        <v>0</v>
      </c>
      <c r="R1846" t="s">
        <v>9635</v>
      </c>
      <c r="S1846">
        <v>93</v>
      </c>
    </row>
    <row r="1847" spans="1:19" x14ac:dyDescent="0.25">
      <c r="A1847">
        <v>32630308</v>
      </c>
      <c r="B1847" t="s">
        <v>9636</v>
      </c>
      <c r="C1847" s="1" t="s">
        <v>9637</v>
      </c>
      <c r="D1847">
        <v>32630597</v>
      </c>
      <c r="E1847">
        <v>1</v>
      </c>
      <c r="F1847">
        <v>2</v>
      </c>
      <c r="H1847" t="s">
        <v>9638</v>
      </c>
      <c r="J1847" t="s">
        <v>9639</v>
      </c>
      <c r="O1847">
        <v>4051203</v>
      </c>
      <c r="P1847">
        <v>1</v>
      </c>
      <c r="Q1847">
        <v>0</v>
      </c>
      <c r="R1847" t="s">
        <v>9640</v>
      </c>
      <c r="S1847">
        <v>28</v>
      </c>
    </row>
    <row r="1848" spans="1:19" x14ac:dyDescent="0.25">
      <c r="A1848">
        <v>45685210</v>
      </c>
      <c r="B1848" t="s">
        <v>9641</v>
      </c>
      <c r="C1848" s="1" t="s">
        <v>9642</v>
      </c>
      <c r="D1848">
        <v>45685580</v>
      </c>
      <c r="E1848">
        <v>3</v>
      </c>
      <c r="F1848">
        <v>2</v>
      </c>
      <c r="H1848" t="s">
        <v>9643</v>
      </c>
      <c r="J1848" t="s">
        <v>9644</v>
      </c>
      <c r="K1848" t="s">
        <v>9645</v>
      </c>
      <c r="M1848">
        <v>1226963</v>
      </c>
      <c r="O1848">
        <v>7835545</v>
      </c>
      <c r="P1848">
        <v>1</v>
      </c>
      <c r="Q1848">
        <v>0</v>
      </c>
      <c r="R1848" t="s">
        <v>9646</v>
      </c>
      <c r="S1848">
        <v>1576</v>
      </c>
    </row>
    <row r="1849" spans="1:19" x14ac:dyDescent="0.25">
      <c r="A1849">
        <v>45494586</v>
      </c>
      <c r="B1849" t="s">
        <v>9647</v>
      </c>
      <c r="C1849" s="1" t="s">
        <v>9648</v>
      </c>
      <c r="D1849">
        <v>45738315</v>
      </c>
      <c r="E1849">
        <v>1</v>
      </c>
      <c r="F1849">
        <v>0</v>
      </c>
      <c r="H1849" t="s">
        <v>9649</v>
      </c>
      <c r="I1849">
        <v>1</v>
      </c>
      <c r="J1849" t="s">
        <v>9650</v>
      </c>
      <c r="K1849" t="s">
        <v>9651</v>
      </c>
      <c r="M1849">
        <v>899365</v>
      </c>
      <c r="O1849">
        <v>899365</v>
      </c>
      <c r="P1849">
        <v>1</v>
      </c>
      <c r="Q1849">
        <v>3</v>
      </c>
      <c r="R1849" t="s">
        <v>9652</v>
      </c>
      <c r="S1849">
        <v>527</v>
      </c>
    </row>
    <row r="1850" spans="1:19" x14ac:dyDescent="0.25">
      <c r="A1850">
        <v>11685851</v>
      </c>
      <c r="B1850" t="s">
        <v>9653</v>
      </c>
      <c r="C1850" s="1" t="s">
        <v>9654</v>
      </c>
      <c r="D1850">
        <v>11686062</v>
      </c>
      <c r="E1850">
        <v>2</v>
      </c>
      <c r="F1850">
        <v>0</v>
      </c>
      <c r="H1850" t="s">
        <v>9655</v>
      </c>
      <c r="J1850" t="s">
        <v>9656</v>
      </c>
      <c r="O1850">
        <v>1557305</v>
      </c>
      <c r="P1850">
        <v>1</v>
      </c>
      <c r="Q1850">
        <v>0</v>
      </c>
      <c r="R1850" t="s">
        <v>2494</v>
      </c>
      <c r="S1850">
        <v>51</v>
      </c>
    </row>
    <row r="1851" spans="1:19" x14ac:dyDescent="0.25">
      <c r="A1851">
        <v>7574976</v>
      </c>
      <c r="B1851" t="s">
        <v>9657</v>
      </c>
      <c r="C1851" s="1" t="s">
        <v>9658</v>
      </c>
      <c r="D1851">
        <v>7575034</v>
      </c>
      <c r="E1851">
        <v>4</v>
      </c>
      <c r="F1851">
        <v>0</v>
      </c>
      <c r="H1851" t="s">
        <v>9659</v>
      </c>
      <c r="I1851">
        <v>1</v>
      </c>
      <c r="J1851" t="s">
        <v>9660</v>
      </c>
      <c r="K1851" t="s">
        <v>9661</v>
      </c>
      <c r="M1851">
        <v>7586</v>
      </c>
      <c r="O1851">
        <v>695101</v>
      </c>
      <c r="P1851">
        <v>1</v>
      </c>
      <c r="Q1851">
        <v>4</v>
      </c>
      <c r="R1851" t="s">
        <v>9662</v>
      </c>
      <c r="S1851">
        <v>23277</v>
      </c>
    </row>
    <row r="1852" spans="1:19" x14ac:dyDescent="0.25">
      <c r="A1852">
        <v>44509637</v>
      </c>
      <c r="B1852" t="s">
        <v>9663</v>
      </c>
      <c r="C1852" s="1" t="s">
        <v>9664</v>
      </c>
      <c r="E1852">
        <v>0</v>
      </c>
      <c r="F1852">
        <v>3</v>
      </c>
      <c r="H1852" t="s">
        <v>9665</v>
      </c>
      <c r="J1852" t="s">
        <v>9666</v>
      </c>
      <c r="K1852" t="s">
        <v>9666</v>
      </c>
      <c r="M1852">
        <v>4774918</v>
      </c>
      <c r="O1852">
        <v>7591608</v>
      </c>
      <c r="P1852">
        <v>1</v>
      </c>
      <c r="Q1852">
        <v>0</v>
      </c>
      <c r="R1852" t="s">
        <v>9667</v>
      </c>
      <c r="S1852">
        <v>137</v>
      </c>
    </row>
    <row r="1853" spans="1:19" x14ac:dyDescent="0.25">
      <c r="A1853">
        <v>7509238</v>
      </c>
      <c r="B1853" t="s">
        <v>9668</v>
      </c>
      <c r="C1853" s="1" t="s">
        <v>9669</v>
      </c>
      <c r="D1853">
        <v>7509450</v>
      </c>
      <c r="E1853">
        <v>1</v>
      </c>
      <c r="F1853">
        <v>3</v>
      </c>
      <c r="H1853" t="s">
        <v>9670</v>
      </c>
      <c r="J1853" t="s">
        <v>9671</v>
      </c>
      <c r="K1853" t="s">
        <v>9672</v>
      </c>
      <c r="M1853">
        <v>929611</v>
      </c>
      <c r="O1853">
        <v>929611</v>
      </c>
      <c r="P1853">
        <v>1</v>
      </c>
      <c r="Q1853">
        <v>0</v>
      </c>
      <c r="R1853" t="s">
        <v>9673</v>
      </c>
      <c r="S1853">
        <v>236</v>
      </c>
    </row>
    <row r="1854" spans="1:19" x14ac:dyDescent="0.25">
      <c r="A1854">
        <v>48652722</v>
      </c>
      <c r="B1854" t="s">
        <v>9674</v>
      </c>
      <c r="C1854" s="1" t="s">
        <v>9675</v>
      </c>
      <c r="D1854">
        <v>48653789</v>
      </c>
      <c r="E1854">
        <v>1</v>
      </c>
      <c r="F1854">
        <v>3</v>
      </c>
      <c r="H1854" t="s">
        <v>9676</v>
      </c>
      <c r="I1854">
        <v>1</v>
      </c>
      <c r="J1854" t="s">
        <v>9677</v>
      </c>
      <c r="O1854">
        <v>2171129</v>
      </c>
      <c r="P1854">
        <v>1</v>
      </c>
      <c r="Q1854">
        <v>2</v>
      </c>
      <c r="R1854" t="s">
        <v>9678</v>
      </c>
      <c r="S1854">
        <v>56</v>
      </c>
    </row>
    <row r="1855" spans="1:19" x14ac:dyDescent="0.25">
      <c r="A1855">
        <v>11789615</v>
      </c>
      <c r="B1855" t="s">
        <v>9679</v>
      </c>
      <c r="C1855" s="1" t="s">
        <v>9680</v>
      </c>
      <c r="D1855">
        <v>11789648</v>
      </c>
      <c r="E1855">
        <v>5</v>
      </c>
      <c r="F1855">
        <v>2</v>
      </c>
      <c r="H1855" t="s">
        <v>9681</v>
      </c>
      <c r="I1855">
        <v>2</v>
      </c>
      <c r="J1855" t="s">
        <v>9682</v>
      </c>
      <c r="K1855" t="s">
        <v>9683</v>
      </c>
      <c r="M1855">
        <v>558892</v>
      </c>
      <c r="O1855">
        <v>558892</v>
      </c>
      <c r="P1855">
        <v>1</v>
      </c>
      <c r="Q1855">
        <v>3</v>
      </c>
      <c r="R1855" t="s">
        <v>9684</v>
      </c>
      <c r="S1855">
        <v>4461</v>
      </c>
    </row>
    <row r="1856" spans="1:19" x14ac:dyDescent="0.25">
      <c r="A1856">
        <v>3985341</v>
      </c>
      <c r="B1856" t="s">
        <v>9685</v>
      </c>
      <c r="C1856" t="s">
        <v>9686</v>
      </c>
      <c r="D1856">
        <v>3985410</v>
      </c>
      <c r="E1856">
        <v>1</v>
      </c>
      <c r="F1856">
        <v>0</v>
      </c>
      <c r="H1856" t="s">
        <v>9687</v>
      </c>
      <c r="I1856">
        <v>7</v>
      </c>
      <c r="J1856" t="s">
        <v>9688</v>
      </c>
      <c r="O1856">
        <v>238030</v>
      </c>
      <c r="P1856">
        <v>1</v>
      </c>
      <c r="Q1856">
        <v>24</v>
      </c>
      <c r="R1856" t="s">
        <v>9689</v>
      </c>
      <c r="S1856">
        <v>10580</v>
      </c>
    </row>
    <row r="1857" spans="1:19" x14ac:dyDescent="0.25">
      <c r="A1857">
        <v>34104652</v>
      </c>
      <c r="B1857" t="s">
        <v>9690</v>
      </c>
      <c r="C1857" s="1" t="s">
        <v>9691</v>
      </c>
      <c r="E1857">
        <v>1</v>
      </c>
      <c r="F1857">
        <v>0</v>
      </c>
      <c r="H1857" t="s">
        <v>9692</v>
      </c>
      <c r="J1857" t="s">
        <v>9693</v>
      </c>
      <c r="O1857">
        <v>2707399</v>
      </c>
      <c r="P1857">
        <v>1</v>
      </c>
      <c r="Q1857">
        <v>0</v>
      </c>
      <c r="R1857" t="s">
        <v>9694</v>
      </c>
      <c r="S1857">
        <v>1066</v>
      </c>
    </row>
    <row r="1858" spans="1:19" x14ac:dyDescent="0.25">
      <c r="A1858">
        <v>8599233</v>
      </c>
      <c r="B1858" t="s">
        <v>9695</v>
      </c>
      <c r="C1858" s="1" t="s">
        <v>9696</v>
      </c>
      <c r="E1858">
        <v>2</v>
      </c>
      <c r="F1858">
        <v>1</v>
      </c>
      <c r="H1858" t="s">
        <v>9697</v>
      </c>
      <c r="J1858" t="s">
        <v>9698</v>
      </c>
      <c r="O1858">
        <v>1111021</v>
      </c>
      <c r="P1858">
        <v>1</v>
      </c>
      <c r="Q1858">
        <v>2</v>
      </c>
      <c r="R1858" t="s">
        <v>9699</v>
      </c>
      <c r="S1858">
        <v>315</v>
      </c>
    </row>
    <row r="1859" spans="1:19" x14ac:dyDescent="0.25">
      <c r="A1859">
        <v>30630332</v>
      </c>
      <c r="B1859" t="s">
        <v>9700</v>
      </c>
      <c r="C1859" s="1" t="s">
        <v>9701</v>
      </c>
      <c r="D1859">
        <v>30630662</v>
      </c>
      <c r="E1859">
        <v>2</v>
      </c>
      <c r="F1859">
        <v>0</v>
      </c>
      <c r="H1859" t="s">
        <v>9702</v>
      </c>
      <c r="J1859" t="s">
        <v>9703</v>
      </c>
      <c r="O1859">
        <v>1967979</v>
      </c>
      <c r="P1859">
        <v>1</v>
      </c>
      <c r="Q1859">
        <v>1</v>
      </c>
      <c r="R1859" t="s">
        <v>9704</v>
      </c>
      <c r="S1859">
        <v>51</v>
      </c>
    </row>
    <row r="1860" spans="1:19" x14ac:dyDescent="0.25">
      <c r="A1860">
        <v>24086374</v>
      </c>
      <c r="B1860" t="s">
        <v>9705</v>
      </c>
      <c r="C1860" s="1" t="s">
        <v>9706</v>
      </c>
      <c r="D1860">
        <v>24086461</v>
      </c>
      <c r="E1860">
        <v>4</v>
      </c>
      <c r="F1860">
        <v>0</v>
      </c>
      <c r="H1860" t="s">
        <v>9707</v>
      </c>
      <c r="J1860" t="s">
        <v>9708</v>
      </c>
      <c r="O1860">
        <v>172359</v>
      </c>
      <c r="P1860">
        <v>1</v>
      </c>
      <c r="Q1860">
        <v>0</v>
      </c>
      <c r="R1860" t="s">
        <v>3056</v>
      </c>
      <c r="S1860">
        <v>552</v>
      </c>
    </row>
    <row r="1861" spans="1:19" x14ac:dyDescent="0.25">
      <c r="A1861">
        <v>13638538</v>
      </c>
      <c r="B1861" t="s">
        <v>9709</v>
      </c>
      <c r="C1861" s="1" t="s">
        <v>9710</v>
      </c>
      <c r="D1861">
        <v>13638601</v>
      </c>
      <c r="E1861">
        <v>2</v>
      </c>
      <c r="F1861">
        <v>1</v>
      </c>
      <c r="H1861" t="s">
        <v>9711</v>
      </c>
      <c r="J1861" t="s">
        <v>9712</v>
      </c>
      <c r="O1861">
        <v>1078678</v>
      </c>
      <c r="P1861">
        <v>1</v>
      </c>
      <c r="Q1861">
        <v>0</v>
      </c>
      <c r="R1861" t="s">
        <v>9713</v>
      </c>
      <c r="S1861">
        <v>71</v>
      </c>
    </row>
    <row r="1862" spans="1:19" x14ac:dyDescent="0.25">
      <c r="A1862">
        <v>38113452</v>
      </c>
      <c r="B1862" t="s">
        <v>9714</v>
      </c>
      <c r="C1862" s="1" t="s">
        <v>9715</v>
      </c>
      <c r="E1862">
        <v>1</v>
      </c>
      <c r="F1862">
        <v>0</v>
      </c>
      <c r="H1862" t="s">
        <v>9716</v>
      </c>
      <c r="J1862" t="s">
        <v>9717</v>
      </c>
      <c r="K1862" t="s">
        <v>9718</v>
      </c>
      <c r="M1862">
        <v>2686013</v>
      </c>
      <c r="O1862">
        <v>6317978</v>
      </c>
      <c r="P1862">
        <v>1</v>
      </c>
      <c r="Q1862">
        <v>1</v>
      </c>
      <c r="R1862" t="s">
        <v>9719</v>
      </c>
      <c r="S1862">
        <v>159</v>
      </c>
    </row>
    <row r="1863" spans="1:19" x14ac:dyDescent="0.25">
      <c r="A1863">
        <v>22212711</v>
      </c>
      <c r="B1863" t="s">
        <v>9720</v>
      </c>
      <c r="C1863" s="1" t="s">
        <v>9721</v>
      </c>
      <c r="D1863">
        <v>22213958</v>
      </c>
      <c r="E1863">
        <v>1</v>
      </c>
      <c r="F1863">
        <v>7</v>
      </c>
      <c r="H1863" t="s">
        <v>9722</v>
      </c>
      <c r="J1863" t="s">
        <v>9723</v>
      </c>
      <c r="K1863" t="s">
        <v>9723</v>
      </c>
      <c r="M1863">
        <v>884521</v>
      </c>
      <c r="O1863">
        <v>3311616</v>
      </c>
      <c r="P1863">
        <v>1</v>
      </c>
      <c r="Q1863">
        <v>0</v>
      </c>
      <c r="R1863" t="s">
        <v>4367</v>
      </c>
      <c r="S1863">
        <v>562</v>
      </c>
    </row>
    <row r="1864" spans="1:19" x14ac:dyDescent="0.25">
      <c r="A1864">
        <v>42135012</v>
      </c>
      <c r="B1864" t="s">
        <v>9724</v>
      </c>
      <c r="C1864" s="1" t="s">
        <v>9725</v>
      </c>
      <c r="E1864">
        <v>0</v>
      </c>
      <c r="F1864">
        <v>1</v>
      </c>
      <c r="H1864" t="s">
        <v>9726</v>
      </c>
      <c r="J1864" t="s">
        <v>9726</v>
      </c>
      <c r="O1864">
        <v>2320094</v>
      </c>
      <c r="P1864">
        <v>1</v>
      </c>
      <c r="Q1864">
        <v>1</v>
      </c>
      <c r="R1864" t="s">
        <v>9727</v>
      </c>
      <c r="S1864">
        <v>321</v>
      </c>
    </row>
    <row r="1865" spans="1:19" x14ac:dyDescent="0.25">
      <c r="A1865">
        <v>6010405</v>
      </c>
      <c r="B1865" t="s">
        <v>9728</v>
      </c>
      <c r="C1865" t="s">
        <v>9729</v>
      </c>
      <c r="E1865">
        <v>0</v>
      </c>
      <c r="F1865">
        <v>2</v>
      </c>
      <c r="H1865" t="s">
        <v>9730</v>
      </c>
      <c r="J1865" t="s">
        <v>9731</v>
      </c>
      <c r="K1865" t="s">
        <v>9731</v>
      </c>
      <c r="M1865">
        <v>3204551</v>
      </c>
      <c r="O1865">
        <v>531984</v>
      </c>
      <c r="P1865">
        <v>1</v>
      </c>
      <c r="Q1865">
        <v>2</v>
      </c>
      <c r="R1865" t="s">
        <v>9732</v>
      </c>
      <c r="S1865">
        <v>314</v>
      </c>
    </row>
    <row r="1866" spans="1:19" x14ac:dyDescent="0.25">
      <c r="A1866">
        <v>13951818</v>
      </c>
      <c r="B1866" t="s">
        <v>9733</v>
      </c>
      <c r="C1866" s="1" t="s">
        <v>9734</v>
      </c>
      <c r="E1866">
        <v>2</v>
      </c>
      <c r="F1866">
        <v>5</v>
      </c>
      <c r="H1866" t="s">
        <v>9735</v>
      </c>
      <c r="J1866" t="s">
        <v>9736</v>
      </c>
      <c r="K1866" t="s">
        <v>9736</v>
      </c>
      <c r="M1866">
        <v>519413</v>
      </c>
      <c r="O1866">
        <v>1915665</v>
      </c>
      <c r="P1866">
        <v>1</v>
      </c>
      <c r="Q1866">
        <v>7</v>
      </c>
      <c r="R1866" t="s">
        <v>9737</v>
      </c>
      <c r="S1866">
        <v>113</v>
      </c>
    </row>
    <row r="1867" spans="1:19" x14ac:dyDescent="0.25">
      <c r="A1867">
        <v>27457751</v>
      </c>
      <c r="B1867" t="s">
        <v>9738</v>
      </c>
      <c r="C1867" s="1" t="s">
        <v>9739</v>
      </c>
      <c r="D1867">
        <v>27458025</v>
      </c>
      <c r="E1867">
        <v>1</v>
      </c>
      <c r="F1867">
        <v>0</v>
      </c>
      <c r="H1867" t="s">
        <v>9740</v>
      </c>
      <c r="J1867" t="s">
        <v>9741</v>
      </c>
      <c r="K1867" t="s">
        <v>9741</v>
      </c>
      <c r="M1867">
        <v>100297</v>
      </c>
      <c r="O1867">
        <v>1924666</v>
      </c>
      <c r="P1867">
        <v>1</v>
      </c>
      <c r="Q1867">
        <v>2</v>
      </c>
      <c r="R1867" t="s">
        <v>9742</v>
      </c>
      <c r="S1867">
        <v>603</v>
      </c>
    </row>
    <row r="1868" spans="1:19" x14ac:dyDescent="0.25">
      <c r="A1868">
        <v>8309639</v>
      </c>
      <c r="B1868" t="s">
        <v>9743</v>
      </c>
      <c r="C1868" s="1" t="s">
        <v>9744</v>
      </c>
      <c r="E1868">
        <v>1</v>
      </c>
      <c r="F1868">
        <v>4</v>
      </c>
      <c r="H1868" t="s">
        <v>9745</v>
      </c>
      <c r="J1868" t="s">
        <v>9746</v>
      </c>
      <c r="K1868" t="s">
        <v>9747</v>
      </c>
      <c r="M1868">
        <v>930146</v>
      </c>
      <c r="O1868">
        <v>930146</v>
      </c>
      <c r="P1868">
        <v>1</v>
      </c>
      <c r="Q1868">
        <v>0</v>
      </c>
      <c r="R1868" t="s">
        <v>9748</v>
      </c>
      <c r="S1868">
        <v>359</v>
      </c>
    </row>
    <row r="1869" spans="1:19" x14ac:dyDescent="0.25">
      <c r="A1869">
        <v>33516882</v>
      </c>
      <c r="B1869" t="s">
        <v>9749</v>
      </c>
      <c r="C1869" s="1" t="s">
        <v>9750</v>
      </c>
      <c r="D1869">
        <v>33952243</v>
      </c>
      <c r="E1869">
        <v>1</v>
      </c>
      <c r="F1869">
        <v>2</v>
      </c>
      <c r="H1869" t="s">
        <v>9751</v>
      </c>
      <c r="J1869" t="s">
        <v>9752</v>
      </c>
      <c r="K1869" t="s">
        <v>9753</v>
      </c>
      <c r="M1869">
        <v>3460040</v>
      </c>
      <c r="O1869">
        <v>1500635</v>
      </c>
      <c r="P1869">
        <v>1</v>
      </c>
      <c r="Q1869">
        <v>0</v>
      </c>
      <c r="R1869" t="s">
        <v>9754</v>
      </c>
      <c r="S1869">
        <v>58</v>
      </c>
    </row>
    <row r="1870" spans="1:19" x14ac:dyDescent="0.25">
      <c r="A1870">
        <v>30331156</v>
      </c>
      <c r="B1870" t="s">
        <v>9755</v>
      </c>
      <c r="C1870" s="1" t="s">
        <v>9756</v>
      </c>
      <c r="D1870">
        <v>30331218</v>
      </c>
      <c r="E1870">
        <v>3</v>
      </c>
      <c r="F1870">
        <v>7</v>
      </c>
      <c r="H1870" t="s">
        <v>9757</v>
      </c>
      <c r="J1870" t="s">
        <v>9758</v>
      </c>
      <c r="K1870" t="s">
        <v>9758</v>
      </c>
      <c r="M1870">
        <v>4828819</v>
      </c>
      <c r="O1870">
        <v>4828819</v>
      </c>
      <c r="P1870">
        <v>1</v>
      </c>
      <c r="Q1870">
        <v>-1</v>
      </c>
      <c r="R1870" t="s">
        <v>9759</v>
      </c>
      <c r="S1870">
        <v>73</v>
      </c>
    </row>
    <row r="1871" spans="1:19" x14ac:dyDescent="0.25">
      <c r="A1871">
        <v>13589683</v>
      </c>
      <c r="B1871" t="s">
        <v>9760</v>
      </c>
      <c r="C1871" s="1" t="s">
        <v>9761</v>
      </c>
      <c r="D1871">
        <v>13590918</v>
      </c>
      <c r="E1871">
        <v>5</v>
      </c>
      <c r="F1871">
        <v>0</v>
      </c>
      <c r="H1871" t="s">
        <v>9762</v>
      </c>
      <c r="I1871">
        <v>2</v>
      </c>
      <c r="J1871" t="s">
        <v>9763</v>
      </c>
      <c r="K1871" t="s">
        <v>9764</v>
      </c>
      <c r="M1871">
        <v>1413414</v>
      </c>
      <c r="O1871">
        <v>1413414</v>
      </c>
      <c r="P1871">
        <v>1</v>
      </c>
      <c r="Q1871">
        <v>11</v>
      </c>
      <c r="R1871" t="s">
        <v>9765</v>
      </c>
      <c r="S1871">
        <v>22301</v>
      </c>
    </row>
    <row r="1872" spans="1:19" x14ac:dyDescent="0.25">
      <c r="A1872">
        <v>45876319</v>
      </c>
      <c r="B1872" t="s">
        <v>9766</v>
      </c>
      <c r="C1872" s="1" t="s">
        <v>9767</v>
      </c>
      <c r="E1872">
        <v>0</v>
      </c>
      <c r="F1872">
        <v>2</v>
      </c>
      <c r="H1872" t="s">
        <v>9768</v>
      </c>
      <c r="J1872" t="s">
        <v>9768</v>
      </c>
      <c r="O1872">
        <v>1097880</v>
      </c>
      <c r="P1872">
        <v>1</v>
      </c>
      <c r="Q1872">
        <v>2</v>
      </c>
      <c r="R1872" t="s">
        <v>9769</v>
      </c>
      <c r="S1872">
        <v>151</v>
      </c>
    </row>
    <row r="1873" spans="1:19" x14ac:dyDescent="0.25">
      <c r="A1873">
        <v>10807662</v>
      </c>
      <c r="B1873" t="s">
        <v>9770</v>
      </c>
      <c r="C1873" t="s">
        <v>9771</v>
      </c>
      <c r="E1873">
        <v>1</v>
      </c>
      <c r="F1873">
        <v>0</v>
      </c>
      <c r="H1873" t="s">
        <v>9772</v>
      </c>
      <c r="J1873" t="s">
        <v>9773</v>
      </c>
      <c r="K1873" t="s">
        <v>9774</v>
      </c>
      <c r="M1873">
        <v>879049</v>
      </c>
      <c r="O1873">
        <v>879049</v>
      </c>
      <c r="P1873">
        <v>1</v>
      </c>
      <c r="Q1873">
        <v>0</v>
      </c>
      <c r="R1873" t="s">
        <v>9775</v>
      </c>
      <c r="S1873">
        <v>779</v>
      </c>
    </row>
    <row r="1874" spans="1:19" x14ac:dyDescent="0.25">
      <c r="A1874">
        <v>34550766</v>
      </c>
      <c r="B1874" t="s">
        <v>9776</v>
      </c>
      <c r="C1874" s="1" t="s">
        <v>9777</v>
      </c>
      <c r="E1874">
        <v>5</v>
      </c>
      <c r="F1874">
        <v>1</v>
      </c>
      <c r="H1874" t="s">
        <v>9778</v>
      </c>
      <c r="J1874" t="s">
        <v>9779</v>
      </c>
      <c r="K1874" t="s">
        <v>9780</v>
      </c>
      <c r="M1874">
        <v>3494013</v>
      </c>
      <c r="O1874">
        <v>1226843</v>
      </c>
      <c r="P1874">
        <v>1</v>
      </c>
      <c r="Q1874">
        <v>5</v>
      </c>
      <c r="R1874" t="s">
        <v>9781</v>
      </c>
      <c r="S1874">
        <v>1883</v>
      </c>
    </row>
    <row r="1875" spans="1:19" x14ac:dyDescent="0.25">
      <c r="A1875">
        <v>37881658</v>
      </c>
      <c r="B1875" t="s">
        <v>9782</v>
      </c>
      <c r="C1875" s="1" t="s">
        <v>9783</v>
      </c>
      <c r="E1875">
        <v>0</v>
      </c>
      <c r="F1875">
        <v>5</v>
      </c>
      <c r="H1875" t="s">
        <v>9784</v>
      </c>
      <c r="I1875">
        <v>0</v>
      </c>
      <c r="J1875" t="s">
        <v>9784</v>
      </c>
      <c r="O1875">
        <v>4779156</v>
      </c>
      <c r="P1875">
        <v>1</v>
      </c>
      <c r="Q1875">
        <v>0</v>
      </c>
      <c r="R1875" t="s">
        <v>6042</v>
      </c>
      <c r="S1875">
        <v>43</v>
      </c>
    </row>
    <row r="1876" spans="1:19" x14ac:dyDescent="0.25">
      <c r="A1876">
        <v>21194090</v>
      </c>
      <c r="B1876" t="s">
        <v>9785</v>
      </c>
      <c r="C1876" s="1" t="s">
        <v>9786</v>
      </c>
      <c r="E1876">
        <v>1</v>
      </c>
      <c r="F1876">
        <v>2</v>
      </c>
      <c r="H1876" t="s">
        <v>9787</v>
      </c>
      <c r="I1876">
        <v>2</v>
      </c>
      <c r="J1876" t="s">
        <v>9788</v>
      </c>
      <c r="K1876" t="s">
        <v>9788</v>
      </c>
      <c r="M1876">
        <v>7879193</v>
      </c>
      <c r="O1876">
        <v>1614607</v>
      </c>
      <c r="P1876">
        <v>1</v>
      </c>
      <c r="Q1876">
        <v>7</v>
      </c>
      <c r="R1876" t="s">
        <v>9789</v>
      </c>
      <c r="S1876">
        <v>489</v>
      </c>
    </row>
    <row r="1877" spans="1:19" x14ac:dyDescent="0.25">
      <c r="A1877">
        <v>28647309</v>
      </c>
      <c r="B1877" t="s">
        <v>9790</v>
      </c>
      <c r="C1877" s="1" t="s">
        <v>9791</v>
      </c>
      <c r="D1877">
        <v>28649601</v>
      </c>
      <c r="E1877">
        <v>1</v>
      </c>
      <c r="F1877">
        <v>0</v>
      </c>
      <c r="H1877" t="s">
        <v>9792</v>
      </c>
      <c r="J1877" t="s">
        <v>9793</v>
      </c>
      <c r="K1877" t="s">
        <v>9793</v>
      </c>
      <c r="M1877">
        <v>128421</v>
      </c>
      <c r="O1877">
        <v>2505904</v>
      </c>
      <c r="P1877">
        <v>1</v>
      </c>
      <c r="Q1877">
        <v>0</v>
      </c>
      <c r="R1877" t="s">
        <v>9794</v>
      </c>
      <c r="S1877">
        <v>126</v>
      </c>
    </row>
    <row r="1878" spans="1:19" x14ac:dyDescent="0.25">
      <c r="A1878">
        <v>43924512</v>
      </c>
      <c r="B1878" t="s">
        <v>9795</v>
      </c>
      <c r="C1878" s="1" t="s">
        <v>9796</v>
      </c>
      <c r="E1878">
        <v>1</v>
      </c>
      <c r="F1878">
        <v>0</v>
      </c>
      <c r="H1878" t="s">
        <v>9797</v>
      </c>
      <c r="J1878" t="s">
        <v>9798</v>
      </c>
      <c r="O1878">
        <v>6016952</v>
      </c>
      <c r="P1878">
        <v>1</v>
      </c>
      <c r="Q1878">
        <v>0</v>
      </c>
      <c r="R1878" t="s">
        <v>9799</v>
      </c>
      <c r="S1878">
        <v>34</v>
      </c>
    </row>
    <row r="1879" spans="1:19" x14ac:dyDescent="0.25">
      <c r="A1879">
        <v>21570746</v>
      </c>
      <c r="B1879" t="s">
        <v>9800</v>
      </c>
      <c r="C1879" s="1" t="s">
        <v>9801</v>
      </c>
      <c r="E1879">
        <v>0</v>
      </c>
      <c r="F1879">
        <v>5</v>
      </c>
      <c r="H1879" t="s">
        <v>9802</v>
      </c>
      <c r="J1879" t="s">
        <v>9803</v>
      </c>
      <c r="K1879" t="s">
        <v>9803</v>
      </c>
      <c r="M1879">
        <v>993547</v>
      </c>
      <c r="O1879">
        <v>3273824</v>
      </c>
      <c r="P1879">
        <v>1</v>
      </c>
      <c r="Q1879">
        <v>1</v>
      </c>
      <c r="R1879" t="s">
        <v>9804</v>
      </c>
      <c r="S1879">
        <v>746</v>
      </c>
    </row>
    <row r="1880" spans="1:19" x14ac:dyDescent="0.25">
      <c r="A1880">
        <v>13929478</v>
      </c>
      <c r="B1880" t="s">
        <v>9805</v>
      </c>
      <c r="C1880" s="1" t="s">
        <v>9806</v>
      </c>
      <c r="D1880">
        <v>13935698</v>
      </c>
      <c r="E1880">
        <v>1</v>
      </c>
      <c r="F1880">
        <v>1</v>
      </c>
      <c r="H1880" t="s">
        <v>9807</v>
      </c>
      <c r="J1880" t="s">
        <v>9808</v>
      </c>
      <c r="O1880">
        <v>1497818</v>
      </c>
      <c r="P1880">
        <v>1</v>
      </c>
      <c r="Q1880">
        <v>1</v>
      </c>
      <c r="R1880" t="s">
        <v>9809</v>
      </c>
      <c r="S1880">
        <v>232</v>
      </c>
    </row>
    <row r="1881" spans="1:19" x14ac:dyDescent="0.25">
      <c r="A1881">
        <v>13035895</v>
      </c>
      <c r="B1881" t="s">
        <v>9810</v>
      </c>
      <c r="C1881" s="1" t="s">
        <v>9811</v>
      </c>
      <c r="D1881">
        <v>13075111</v>
      </c>
      <c r="E1881">
        <v>2</v>
      </c>
      <c r="F1881">
        <v>0</v>
      </c>
      <c r="H1881" t="s">
        <v>9812</v>
      </c>
      <c r="J1881" t="s">
        <v>9813</v>
      </c>
      <c r="K1881" t="s">
        <v>9813</v>
      </c>
      <c r="M1881">
        <v>1631577</v>
      </c>
      <c r="O1881">
        <v>306212</v>
      </c>
      <c r="P1881">
        <v>1</v>
      </c>
      <c r="Q1881">
        <v>1</v>
      </c>
      <c r="R1881" t="s">
        <v>9814</v>
      </c>
      <c r="S1881">
        <v>1082</v>
      </c>
    </row>
    <row r="1882" spans="1:19" x14ac:dyDescent="0.25">
      <c r="A1882">
        <v>12322015</v>
      </c>
      <c r="B1882" t="s">
        <v>9815</v>
      </c>
      <c r="C1882" s="1" t="s">
        <v>9816</v>
      </c>
      <c r="D1882">
        <v>12352156</v>
      </c>
      <c r="E1882">
        <v>1</v>
      </c>
      <c r="F1882">
        <v>0</v>
      </c>
      <c r="H1882" t="s">
        <v>9817</v>
      </c>
      <c r="I1882">
        <v>0</v>
      </c>
      <c r="J1882" t="s">
        <v>9818</v>
      </c>
      <c r="O1882">
        <v>356635</v>
      </c>
      <c r="P1882">
        <v>1</v>
      </c>
      <c r="Q1882">
        <v>3</v>
      </c>
      <c r="R1882" t="s">
        <v>9819</v>
      </c>
      <c r="S1882">
        <v>124</v>
      </c>
    </row>
    <row r="1883" spans="1:19" x14ac:dyDescent="0.25">
      <c r="A1883">
        <v>49544979</v>
      </c>
      <c r="B1883" t="s">
        <v>9820</v>
      </c>
      <c r="C1883" s="1" t="s">
        <v>9821</v>
      </c>
      <c r="E1883">
        <v>1</v>
      </c>
      <c r="F1883">
        <v>2</v>
      </c>
      <c r="H1883" t="s">
        <v>9822</v>
      </c>
      <c r="J1883" t="s">
        <v>9823</v>
      </c>
      <c r="O1883">
        <v>9482311</v>
      </c>
      <c r="P1883">
        <v>1</v>
      </c>
      <c r="Q1883">
        <v>0</v>
      </c>
      <c r="R1883" t="s">
        <v>229</v>
      </c>
      <c r="S1883">
        <v>23</v>
      </c>
    </row>
    <row r="1884" spans="1:19" x14ac:dyDescent="0.25">
      <c r="A1884">
        <v>29002023</v>
      </c>
      <c r="B1884" t="s">
        <v>9824</v>
      </c>
      <c r="C1884" s="1" t="s">
        <v>9825</v>
      </c>
      <c r="E1884">
        <v>1</v>
      </c>
      <c r="F1884">
        <v>2</v>
      </c>
      <c r="H1884" t="s">
        <v>9826</v>
      </c>
      <c r="J1884" t="s">
        <v>9827</v>
      </c>
      <c r="K1884" t="s">
        <v>9827</v>
      </c>
      <c r="M1884">
        <v>4295591</v>
      </c>
      <c r="O1884">
        <v>4295591</v>
      </c>
      <c r="P1884">
        <v>1</v>
      </c>
      <c r="Q1884">
        <v>0</v>
      </c>
      <c r="R1884" t="s">
        <v>9828</v>
      </c>
      <c r="S1884">
        <v>334</v>
      </c>
    </row>
    <row r="1885" spans="1:19" x14ac:dyDescent="0.25">
      <c r="A1885">
        <v>14759774</v>
      </c>
      <c r="B1885" t="s">
        <v>9829</v>
      </c>
      <c r="C1885" s="1" t="s">
        <v>9830</v>
      </c>
      <c r="D1885">
        <v>14760603</v>
      </c>
      <c r="E1885">
        <v>3</v>
      </c>
      <c r="F1885">
        <v>0</v>
      </c>
      <c r="H1885" t="s">
        <v>9831</v>
      </c>
      <c r="J1885" t="s">
        <v>9832</v>
      </c>
      <c r="K1885" t="s">
        <v>9833</v>
      </c>
      <c r="M1885">
        <v>337529</v>
      </c>
      <c r="O1885">
        <v>337529</v>
      </c>
      <c r="P1885">
        <v>1</v>
      </c>
      <c r="Q1885">
        <v>1</v>
      </c>
      <c r="R1885" t="s">
        <v>9834</v>
      </c>
      <c r="S1885">
        <v>329</v>
      </c>
    </row>
    <row r="1886" spans="1:19" x14ac:dyDescent="0.25">
      <c r="A1886">
        <v>52897888</v>
      </c>
      <c r="B1886" t="s">
        <v>9835</v>
      </c>
      <c r="C1886" s="1" t="s">
        <v>9836</v>
      </c>
      <c r="E1886">
        <v>1</v>
      </c>
      <c r="F1886">
        <v>2</v>
      </c>
      <c r="H1886" t="s">
        <v>9837</v>
      </c>
      <c r="J1886" t="s">
        <v>9838</v>
      </c>
      <c r="K1886" t="s">
        <v>9839</v>
      </c>
      <c r="M1886">
        <v>7437040</v>
      </c>
      <c r="O1886">
        <v>7437040</v>
      </c>
      <c r="P1886">
        <v>1</v>
      </c>
      <c r="Q1886">
        <v>1</v>
      </c>
      <c r="R1886" t="s">
        <v>9840</v>
      </c>
      <c r="S1886">
        <v>26</v>
      </c>
    </row>
    <row r="1887" spans="1:19" x14ac:dyDescent="0.25">
      <c r="A1887">
        <v>51135192</v>
      </c>
      <c r="B1887" t="s">
        <v>9841</v>
      </c>
      <c r="C1887" s="1" t="s">
        <v>9842</v>
      </c>
      <c r="D1887">
        <v>51135579</v>
      </c>
      <c r="E1887">
        <v>2</v>
      </c>
      <c r="F1887">
        <v>1</v>
      </c>
      <c r="H1887" t="s">
        <v>9843</v>
      </c>
      <c r="I1887">
        <v>1</v>
      </c>
      <c r="J1887" t="s">
        <v>9844</v>
      </c>
      <c r="K1887" t="s">
        <v>9845</v>
      </c>
      <c r="M1887">
        <v>205608</v>
      </c>
      <c r="O1887">
        <v>8934008</v>
      </c>
      <c r="P1887">
        <v>1</v>
      </c>
      <c r="Q1887">
        <v>0</v>
      </c>
      <c r="R1887" t="s">
        <v>9846</v>
      </c>
      <c r="S1887">
        <v>37</v>
      </c>
    </row>
    <row r="1888" spans="1:19" x14ac:dyDescent="0.25">
      <c r="A1888">
        <v>7545015</v>
      </c>
      <c r="B1888" t="s">
        <v>9847</v>
      </c>
      <c r="C1888" s="1" t="s">
        <v>9848</v>
      </c>
      <c r="D1888">
        <v>7545025</v>
      </c>
      <c r="E1888">
        <v>2</v>
      </c>
      <c r="F1888">
        <v>2</v>
      </c>
      <c r="H1888" t="s">
        <v>9849</v>
      </c>
      <c r="I1888">
        <v>9</v>
      </c>
      <c r="J1888" t="s">
        <v>9850</v>
      </c>
      <c r="K1888" t="s">
        <v>9851</v>
      </c>
      <c r="M1888">
        <v>-1</v>
      </c>
      <c r="O1888">
        <v>724112</v>
      </c>
      <c r="P1888">
        <v>1</v>
      </c>
      <c r="Q1888">
        <v>14</v>
      </c>
      <c r="R1888" t="s">
        <v>9852</v>
      </c>
      <c r="S1888">
        <v>16761</v>
      </c>
    </row>
    <row r="1889" spans="1:19" x14ac:dyDescent="0.25">
      <c r="A1889">
        <v>3849509</v>
      </c>
      <c r="B1889" t="s">
        <v>9853</v>
      </c>
      <c r="C1889" s="1" t="s">
        <v>9854</v>
      </c>
      <c r="D1889">
        <v>3849519</v>
      </c>
      <c r="E1889">
        <v>14</v>
      </c>
      <c r="F1889">
        <v>1</v>
      </c>
      <c r="H1889" t="s">
        <v>9855</v>
      </c>
      <c r="I1889">
        <v>22</v>
      </c>
      <c r="J1889" t="s">
        <v>9856</v>
      </c>
      <c r="K1889" t="s">
        <v>9857</v>
      </c>
      <c r="M1889">
        <v>4099593</v>
      </c>
      <c r="O1889">
        <v>451291</v>
      </c>
      <c r="P1889">
        <v>1</v>
      </c>
      <c r="Q1889">
        <v>52</v>
      </c>
      <c r="R1889" t="s">
        <v>9858</v>
      </c>
      <c r="S1889">
        <v>189965</v>
      </c>
    </row>
    <row r="1890" spans="1:19" x14ac:dyDescent="0.25">
      <c r="A1890">
        <v>21896721</v>
      </c>
      <c r="B1890" t="s">
        <v>9859</v>
      </c>
      <c r="C1890" s="1" t="s">
        <v>9860</v>
      </c>
      <c r="D1890">
        <v>21896807</v>
      </c>
      <c r="E1890">
        <v>1</v>
      </c>
      <c r="F1890">
        <v>2</v>
      </c>
      <c r="H1890" t="s">
        <v>9861</v>
      </c>
      <c r="I1890">
        <v>1</v>
      </c>
      <c r="J1890" t="s">
        <v>9862</v>
      </c>
      <c r="O1890">
        <v>2623747</v>
      </c>
      <c r="P1890">
        <v>1</v>
      </c>
      <c r="Q1890">
        <v>0</v>
      </c>
      <c r="R1890" t="s">
        <v>9863</v>
      </c>
      <c r="S1890">
        <v>2184</v>
      </c>
    </row>
    <row r="1891" spans="1:19" x14ac:dyDescent="0.25">
      <c r="A1891">
        <v>5330958</v>
      </c>
      <c r="B1891" t="s">
        <v>9864</v>
      </c>
      <c r="C1891" s="1" t="s">
        <v>9865</v>
      </c>
      <c r="E1891">
        <v>2</v>
      </c>
      <c r="F1891">
        <v>5</v>
      </c>
      <c r="H1891" t="s">
        <v>9866</v>
      </c>
      <c r="J1891" t="s">
        <v>9867</v>
      </c>
      <c r="K1891" t="s">
        <v>9867</v>
      </c>
      <c r="M1891">
        <v>178433</v>
      </c>
      <c r="O1891">
        <v>178433</v>
      </c>
      <c r="P1891">
        <v>1</v>
      </c>
      <c r="Q1891">
        <v>0</v>
      </c>
      <c r="R1891" t="s">
        <v>9868</v>
      </c>
      <c r="S1891">
        <v>176</v>
      </c>
    </row>
    <row r="1892" spans="1:19" x14ac:dyDescent="0.25">
      <c r="A1892">
        <v>44126822</v>
      </c>
      <c r="B1892" t="s">
        <v>9869</v>
      </c>
      <c r="C1892" s="1" t="s">
        <v>9870</v>
      </c>
      <c r="D1892">
        <v>44127066</v>
      </c>
      <c r="E1892">
        <v>2</v>
      </c>
      <c r="F1892">
        <v>0</v>
      </c>
      <c r="H1892" t="s">
        <v>9871</v>
      </c>
      <c r="J1892" t="s">
        <v>9872</v>
      </c>
      <c r="O1892">
        <v>4359986</v>
      </c>
      <c r="P1892">
        <v>1</v>
      </c>
      <c r="Q1892">
        <v>2</v>
      </c>
      <c r="R1892" t="s">
        <v>3969</v>
      </c>
      <c r="S1892">
        <v>290</v>
      </c>
    </row>
    <row r="1893" spans="1:19" x14ac:dyDescent="0.25">
      <c r="A1893">
        <v>26562773</v>
      </c>
      <c r="B1893" t="s">
        <v>9873</v>
      </c>
      <c r="C1893" s="1" t="s">
        <v>9874</v>
      </c>
      <c r="D1893">
        <v>26584626</v>
      </c>
      <c r="E1893">
        <v>1</v>
      </c>
      <c r="F1893">
        <v>4</v>
      </c>
      <c r="H1893" t="s">
        <v>9875</v>
      </c>
      <c r="J1893" t="s">
        <v>9876</v>
      </c>
      <c r="K1893" t="s">
        <v>9877</v>
      </c>
      <c r="M1893">
        <v>3512216</v>
      </c>
      <c r="O1893">
        <v>2128797</v>
      </c>
      <c r="P1893">
        <v>1</v>
      </c>
      <c r="Q1893">
        <v>0</v>
      </c>
      <c r="R1893" t="s">
        <v>9878</v>
      </c>
      <c r="S1893">
        <v>558</v>
      </c>
    </row>
    <row r="1894" spans="1:19" x14ac:dyDescent="0.25">
      <c r="A1894">
        <v>32171653</v>
      </c>
      <c r="B1894" t="s">
        <v>9879</v>
      </c>
      <c r="C1894" s="1" t="s">
        <v>9880</v>
      </c>
      <c r="E1894">
        <v>1</v>
      </c>
      <c r="F1894">
        <v>3</v>
      </c>
      <c r="H1894" t="s">
        <v>9881</v>
      </c>
      <c r="J1894" t="s">
        <v>9882</v>
      </c>
      <c r="K1894" t="s">
        <v>9883</v>
      </c>
      <c r="M1894">
        <v>781366</v>
      </c>
      <c r="O1894">
        <v>4080207</v>
      </c>
      <c r="P1894">
        <v>1</v>
      </c>
      <c r="Q1894">
        <v>2</v>
      </c>
      <c r="R1894" t="s">
        <v>9884</v>
      </c>
      <c r="S1894">
        <v>1088</v>
      </c>
    </row>
    <row r="1895" spans="1:19" x14ac:dyDescent="0.25">
      <c r="A1895">
        <v>52779953</v>
      </c>
      <c r="B1895" t="s">
        <v>9885</v>
      </c>
      <c r="C1895" s="1" t="s">
        <v>9886</v>
      </c>
      <c r="D1895">
        <v>52780345</v>
      </c>
      <c r="E1895">
        <v>1</v>
      </c>
      <c r="F1895">
        <v>3</v>
      </c>
      <c r="H1895" t="s">
        <v>9887</v>
      </c>
      <c r="J1895" t="s">
        <v>9888</v>
      </c>
      <c r="O1895">
        <v>9058788</v>
      </c>
      <c r="P1895">
        <v>1</v>
      </c>
      <c r="Q1895">
        <v>0</v>
      </c>
      <c r="R1895" t="s">
        <v>1239</v>
      </c>
      <c r="S1895">
        <v>39</v>
      </c>
    </row>
    <row r="1896" spans="1:19" x14ac:dyDescent="0.25">
      <c r="A1896">
        <v>29320276</v>
      </c>
      <c r="B1896" t="s">
        <v>9889</v>
      </c>
      <c r="C1896" s="1" t="s">
        <v>9890</v>
      </c>
      <c r="E1896">
        <v>1</v>
      </c>
      <c r="F1896">
        <v>1</v>
      </c>
      <c r="H1896" t="s">
        <v>9891</v>
      </c>
      <c r="J1896" t="s">
        <v>9892</v>
      </c>
      <c r="K1896" t="s">
        <v>9893</v>
      </c>
      <c r="M1896">
        <v>1406137</v>
      </c>
      <c r="O1896">
        <v>1406137</v>
      </c>
      <c r="P1896">
        <v>1</v>
      </c>
      <c r="Q1896">
        <v>-1</v>
      </c>
      <c r="R1896" t="s">
        <v>9894</v>
      </c>
      <c r="S1896">
        <v>58</v>
      </c>
    </row>
    <row r="1897" spans="1:19" x14ac:dyDescent="0.25">
      <c r="A1897">
        <v>45660497</v>
      </c>
      <c r="B1897" t="s">
        <v>9895</v>
      </c>
      <c r="C1897" s="1" t="s">
        <v>9896</v>
      </c>
      <c r="D1897">
        <v>45661056</v>
      </c>
      <c r="E1897">
        <v>2</v>
      </c>
      <c r="F1897">
        <v>4</v>
      </c>
      <c r="H1897" t="s">
        <v>9897</v>
      </c>
      <c r="J1897" t="s">
        <v>9898</v>
      </c>
      <c r="O1897">
        <v>562465</v>
      </c>
      <c r="P1897">
        <v>1</v>
      </c>
      <c r="Q1897">
        <v>0</v>
      </c>
      <c r="R1897" t="s">
        <v>275</v>
      </c>
      <c r="S1897">
        <v>73</v>
      </c>
    </row>
    <row r="1898" spans="1:19" x14ac:dyDescent="0.25">
      <c r="A1898">
        <v>47247405</v>
      </c>
      <c r="B1898" t="s">
        <v>9899</v>
      </c>
      <c r="C1898" s="1" t="s">
        <v>9900</v>
      </c>
      <c r="E1898">
        <v>0</v>
      </c>
      <c r="F1898">
        <v>2</v>
      </c>
      <c r="H1898" t="s">
        <v>9901</v>
      </c>
      <c r="J1898" t="s">
        <v>9901</v>
      </c>
      <c r="O1898">
        <v>8902446</v>
      </c>
      <c r="P1898">
        <v>1</v>
      </c>
      <c r="Q1898">
        <v>0</v>
      </c>
      <c r="R1898" t="s">
        <v>8461</v>
      </c>
      <c r="S1898">
        <v>476</v>
      </c>
    </row>
    <row r="1899" spans="1:19" x14ac:dyDescent="0.25">
      <c r="A1899">
        <v>48362302</v>
      </c>
      <c r="B1899" t="s">
        <v>9902</v>
      </c>
      <c r="C1899" s="1" t="s">
        <v>9903</v>
      </c>
      <c r="D1899">
        <v>48390460</v>
      </c>
      <c r="E1899">
        <v>3</v>
      </c>
      <c r="F1899">
        <v>6</v>
      </c>
      <c r="H1899" t="s">
        <v>9904</v>
      </c>
      <c r="J1899" t="s">
        <v>9905</v>
      </c>
      <c r="O1899">
        <v>1523671</v>
      </c>
      <c r="P1899">
        <v>1</v>
      </c>
      <c r="Q1899">
        <v>0</v>
      </c>
      <c r="R1899" t="s">
        <v>9906</v>
      </c>
      <c r="S1899">
        <v>1010</v>
      </c>
    </row>
    <row r="1900" spans="1:19" x14ac:dyDescent="0.25">
      <c r="A1900">
        <v>12858159</v>
      </c>
      <c r="B1900" t="s">
        <v>9907</v>
      </c>
      <c r="C1900" s="1" t="s">
        <v>9908</v>
      </c>
      <c r="D1900">
        <v>12878588</v>
      </c>
      <c r="E1900">
        <v>1</v>
      </c>
      <c r="F1900">
        <v>0</v>
      </c>
      <c r="H1900" t="s">
        <v>9909</v>
      </c>
      <c r="I1900">
        <v>0</v>
      </c>
      <c r="J1900" t="s">
        <v>9910</v>
      </c>
      <c r="O1900">
        <v>1154390</v>
      </c>
      <c r="P1900">
        <v>1</v>
      </c>
      <c r="Q1900">
        <v>0</v>
      </c>
      <c r="R1900" t="s">
        <v>2771</v>
      </c>
      <c r="S1900">
        <v>2521</v>
      </c>
    </row>
    <row r="1901" spans="1:19" x14ac:dyDescent="0.25">
      <c r="A1901">
        <v>8361901</v>
      </c>
      <c r="B1901" t="s">
        <v>9911</v>
      </c>
      <c r="C1901" t="s">
        <v>9912</v>
      </c>
      <c r="D1901">
        <v>8361966</v>
      </c>
      <c r="E1901">
        <v>3</v>
      </c>
      <c r="F1901">
        <v>0</v>
      </c>
      <c r="H1901" t="s">
        <v>9913</v>
      </c>
      <c r="I1901">
        <v>4</v>
      </c>
      <c r="J1901" t="s">
        <v>9914</v>
      </c>
      <c r="O1901">
        <v>1042382</v>
      </c>
      <c r="P1901">
        <v>1</v>
      </c>
      <c r="Q1901">
        <v>4</v>
      </c>
      <c r="R1901" t="s">
        <v>9915</v>
      </c>
      <c r="S1901">
        <v>12934</v>
      </c>
    </row>
    <row r="1902" spans="1:19" x14ac:dyDescent="0.25">
      <c r="A1902">
        <v>15644987</v>
      </c>
      <c r="B1902" t="s">
        <v>9916</v>
      </c>
      <c r="C1902" s="1" t="s">
        <v>9917</v>
      </c>
      <c r="D1902">
        <v>15645460</v>
      </c>
      <c r="E1902">
        <v>1</v>
      </c>
      <c r="F1902">
        <v>6</v>
      </c>
      <c r="H1902" t="s">
        <v>9918</v>
      </c>
      <c r="J1902" t="s">
        <v>9919</v>
      </c>
      <c r="K1902" t="s">
        <v>9919</v>
      </c>
      <c r="M1902">
        <v>875317</v>
      </c>
      <c r="O1902">
        <v>875317</v>
      </c>
      <c r="P1902">
        <v>1</v>
      </c>
      <c r="Q1902">
        <v>0</v>
      </c>
      <c r="R1902" t="s">
        <v>9920</v>
      </c>
      <c r="S1902">
        <v>76</v>
      </c>
    </row>
    <row r="1903" spans="1:19" x14ac:dyDescent="0.25">
      <c r="A1903">
        <v>5142415</v>
      </c>
      <c r="B1903" t="s">
        <v>9921</v>
      </c>
      <c r="C1903" s="1" t="s">
        <v>9922</v>
      </c>
      <c r="D1903">
        <v>5143022</v>
      </c>
      <c r="E1903">
        <v>3</v>
      </c>
      <c r="F1903">
        <v>0</v>
      </c>
      <c r="H1903" t="s">
        <v>9923</v>
      </c>
      <c r="J1903" t="s">
        <v>9924</v>
      </c>
      <c r="O1903">
        <v>277021</v>
      </c>
      <c r="P1903">
        <v>1</v>
      </c>
      <c r="Q1903">
        <v>1</v>
      </c>
      <c r="R1903" t="s">
        <v>9925</v>
      </c>
      <c r="S1903">
        <v>990</v>
      </c>
    </row>
    <row r="1904" spans="1:19" x14ac:dyDescent="0.25">
      <c r="A1904">
        <v>16085100</v>
      </c>
      <c r="B1904" t="s">
        <v>9926</v>
      </c>
      <c r="C1904" s="1" t="s">
        <v>9927</v>
      </c>
      <c r="D1904">
        <v>16085556</v>
      </c>
      <c r="E1904">
        <v>1</v>
      </c>
      <c r="F1904">
        <v>2</v>
      </c>
      <c r="H1904" t="s">
        <v>9928</v>
      </c>
      <c r="J1904" t="s">
        <v>9929</v>
      </c>
      <c r="K1904" t="s">
        <v>9930</v>
      </c>
      <c r="M1904">
        <v>520162</v>
      </c>
      <c r="O1904">
        <v>2295343</v>
      </c>
      <c r="P1904">
        <v>1</v>
      </c>
      <c r="Q1904">
        <v>0</v>
      </c>
      <c r="R1904" t="s">
        <v>9931</v>
      </c>
      <c r="S1904">
        <v>1026</v>
      </c>
    </row>
    <row r="1905" spans="1:19" x14ac:dyDescent="0.25">
      <c r="A1905">
        <v>7233621</v>
      </c>
      <c r="B1905" t="s">
        <v>9932</v>
      </c>
      <c r="C1905" s="1" t="s">
        <v>9933</v>
      </c>
      <c r="D1905">
        <v>7233778</v>
      </c>
      <c r="E1905">
        <v>1</v>
      </c>
      <c r="F1905">
        <v>0</v>
      </c>
      <c r="H1905" t="s">
        <v>9934</v>
      </c>
      <c r="J1905" t="s">
        <v>9935</v>
      </c>
      <c r="O1905">
        <v>775624</v>
      </c>
      <c r="P1905">
        <v>1</v>
      </c>
      <c r="Q1905">
        <v>0</v>
      </c>
      <c r="R1905" t="s">
        <v>9936</v>
      </c>
      <c r="S1905">
        <v>224</v>
      </c>
    </row>
    <row r="1906" spans="1:19" x14ac:dyDescent="0.25">
      <c r="A1906">
        <v>28959868</v>
      </c>
      <c r="B1906" t="s">
        <v>9937</v>
      </c>
      <c r="C1906" s="1" t="s">
        <v>9938</v>
      </c>
      <c r="D1906">
        <v>30754069</v>
      </c>
      <c r="E1906">
        <v>1</v>
      </c>
      <c r="F1906">
        <v>1</v>
      </c>
      <c r="H1906" t="s">
        <v>9939</v>
      </c>
      <c r="J1906" t="s">
        <v>9940</v>
      </c>
      <c r="K1906" t="s">
        <v>9941</v>
      </c>
      <c r="M1906">
        <v>714831</v>
      </c>
      <c r="O1906">
        <v>714831</v>
      </c>
      <c r="P1906">
        <v>1</v>
      </c>
      <c r="Q1906">
        <v>-1</v>
      </c>
      <c r="R1906" t="s">
        <v>9942</v>
      </c>
      <c r="S1906">
        <v>269</v>
      </c>
    </row>
    <row r="1907" spans="1:19" x14ac:dyDescent="0.25">
      <c r="A1907">
        <v>49914411</v>
      </c>
      <c r="B1907" t="s">
        <v>9943</v>
      </c>
      <c r="C1907" s="1" t="s">
        <v>9944</v>
      </c>
      <c r="D1907">
        <v>49915023</v>
      </c>
      <c r="E1907">
        <v>2</v>
      </c>
      <c r="F1907">
        <v>2</v>
      </c>
      <c r="H1907" t="s">
        <v>9945</v>
      </c>
      <c r="J1907" t="s">
        <v>9946</v>
      </c>
      <c r="K1907" t="s">
        <v>9946</v>
      </c>
      <c r="M1907">
        <v>4628962</v>
      </c>
      <c r="O1907">
        <v>8689468</v>
      </c>
      <c r="P1907">
        <v>1</v>
      </c>
      <c r="Q1907">
        <v>3</v>
      </c>
      <c r="R1907" t="s">
        <v>9947</v>
      </c>
      <c r="S1907">
        <v>916</v>
      </c>
    </row>
    <row r="1908" spans="1:19" x14ac:dyDescent="0.25">
      <c r="A1908">
        <v>4002580</v>
      </c>
      <c r="B1908" t="s">
        <v>9948</v>
      </c>
      <c r="C1908" s="1" t="s">
        <v>9949</v>
      </c>
      <c r="D1908">
        <v>4002600</v>
      </c>
      <c r="E1908">
        <v>6</v>
      </c>
      <c r="F1908">
        <v>0</v>
      </c>
      <c r="H1908" t="s">
        <v>9950</v>
      </c>
      <c r="I1908">
        <v>2</v>
      </c>
      <c r="J1908" t="s">
        <v>9951</v>
      </c>
      <c r="K1908" t="s">
        <v>9951</v>
      </c>
      <c r="M1908">
        <v>555121</v>
      </c>
      <c r="O1908">
        <v>366938</v>
      </c>
      <c r="P1908">
        <v>1</v>
      </c>
      <c r="Q1908">
        <v>7</v>
      </c>
      <c r="R1908" t="s">
        <v>208</v>
      </c>
      <c r="S1908">
        <v>15873</v>
      </c>
    </row>
    <row r="1909" spans="1:19" x14ac:dyDescent="0.25">
      <c r="A1909">
        <v>12839517</v>
      </c>
      <c r="B1909" t="s">
        <v>9952</v>
      </c>
      <c r="C1909" s="1" t="s">
        <v>9953</v>
      </c>
      <c r="D1909">
        <v>12839666</v>
      </c>
      <c r="E1909">
        <v>2</v>
      </c>
      <c r="F1909">
        <v>4</v>
      </c>
      <c r="H1909" t="s">
        <v>9954</v>
      </c>
      <c r="J1909" t="s">
        <v>9955</v>
      </c>
      <c r="O1909">
        <v>1028138</v>
      </c>
      <c r="P1909">
        <v>1</v>
      </c>
      <c r="Q1909">
        <v>4</v>
      </c>
      <c r="R1909" t="s">
        <v>9956</v>
      </c>
      <c r="S1909">
        <v>3145</v>
      </c>
    </row>
    <row r="1910" spans="1:19" x14ac:dyDescent="0.25">
      <c r="A1910">
        <v>17285786</v>
      </c>
      <c r="B1910" t="s">
        <v>9957</v>
      </c>
      <c r="C1910" s="1" t="s">
        <v>9958</v>
      </c>
      <c r="E1910">
        <v>1</v>
      </c>
      <c r="F1910">
        <v>1</v>
      </c>
      <c r="H1910" t="s">
        <v>9959</v>
      </c>
      <c r="J1910" t="s">
        <v>9960</v>
      </c>
      <c r="K1910" t="s">
        <v>9960</v>
      </c>
      <c r="M1910">
        <v>633098</v>
      </c>
      <c r="O1910">
        <v>633098</v>
      </c>
      <c r="P1910">
        <v>1</v>
      </c>
      <c r="Q1910">
        <v>1</v>
      </c>
      <c r="R1910" t="s">
        <v>9961</v>
      </c>
      <c r="S1910">
        <v>130</v>
      </c>
    </row>
    <row r="1911" spans="1:19" x14ac:dyDescent="0.25">
      <c r="A1911">
        <v>17770410</v>
      </c>
      <c r="B1911" t="s">
        <v>9962</v>
      </c>
      <c r="C1911" t="s">
        <v>9963</v>
      </c>
      <c r="E1911">
        <v>0</v>
      </c>
      <c r="F1911">
        <v>2</v>
      </c>
      <c r="H1911" t="s">
        <v>9964</v>
      </c>
      <c r="J1911" t="s">
        <v>9964</v>
      </c>
      <c r="O1911">
        <v>1546928</v>
      </c>
      <c r="P1911">
        <v>1</v>
      </c>
      <c r="Q1911">
        <v>0</v>
      </c>
      <c r="R1911" t="s">
        <v>9965</v>
      </c>
      <c r="S1911">
        <v>198</v>
      </c>
    </row>
    <row r="1912" spans="1:19" x14ac:dyDescent="0.25">
      <c r="A1912">
        <v>20539208</v>
      </c>
      <c r="B1912" t="s">
        <v>9966</v>
      </c>
      <c r="C1912" s="1" t="s">
        <v>9967</v>
      </c>
      <c r="D1912">
        <v>20539654</v>
      </c>
      <c r="E1912">
        <v>2</v>
      </c>
      <c r="F1912">
        <v>0</v>
      </c>
      <c r="H1912" t="s">
        <v>9968</v>
      </c>
      <c r="J1912" t="s">
        <v>9969</v>
      </c>
      <c r="K1912" t="s">
        <v>9969</v>
      </c>
      <c r="M1912">
        <v>727208</v>
      </c>
      <c r="O1912">
        <v>761137</v>
      </c>
      <c r="P1912">
        <v>1</v>
      </c>
      <c r="Q1912">
        <v>2</v>
      </c>
      <c r="R1912" t="s">
        <v>9970</v>
      </c>
      <c r="S1912">
        <v>1140</v>
      </c>
    </row>
    <row r="1913" spans="1:19" x14ac:dyDescent="0.25">
      <c r="A1913">
        <v>13193146</v>
      </c>
      <c r="B1913" t="s">
        <v>9971</v>
      </c>
      <c r="C1913" s="1" t="s">
        <v>9972</v>
      </c>
      <c r="E1913">
        <v>0</v>
      </c>
      <c r="F1913">
        <v>0</v>
      </c>
      <c r="H1913" t="s">
        <v>9973</v>
      </c>
      <c r="J1913" t="s">
        <v>9974</v>
      </c>
      <c r="K1913" t="s">
        <v>9974</v>
      </c>
      <c r="M1913">
        <v>867349</v>
      </c>
      <c r="O1913">
        <v>1793857</v>
      </c>
      <c r="P1913">
        <v>1</v>
      </c>
      <c r="Q1913">
        <v>3</v>
      </c>
      <c r="R1913" t="s">
        <v>9975</v>
      </c>
      <c r="S1913">
        <v>294</v>
      </c>
    </row>
    <row r="1914" spans="1:19" x14ac:dyDescent="0.25">
      <c r="A1914">
        <v>31405193</v>
      </c>
      <c r="B1914" t="s">
        <v>9976</v>
      </c>
      <c r="C1914" s="1" t="s">
        <v>9977</v>
      </c>
      <c r="E1914">
        <v>2</v>
      </c>
      <c r="F1914">
        <v>1</v>
      </c>
      <c r="H1914" t="s">
        <v>9978</v>
      </c>
      <c r="J1914" t="s">
        <v>9979</v>
      </c>
      <c r="O1914">
        <v>3405433</v>
      </c>
      <c r="P1914">
        <v>1</v>
      </c>
      <c r="Q1914">
        <v>1</v>
      </c>
      <c r="R1914" t="s">
        <v>9980</v>
      </c>
      <c r="S1914">
        <v>84</v>
      </c>
    </row>
    <row r="1915" spans="1:19" x14ac:dyDescent="0.25">
      <c r="A1915">
        <v>42521345</v>
      </c>
      <c r="B1915" t="s">
        <v>9981</v>
      </c>
      <c r="C1915" s="1" t="s">
        <v>9982</v>
      </c>
      <c r="D1915">
        <v>42526877</v>
      </c>
      <c r="E1915">
        <v>1</v>
      </c>
      <c r="F1915">
        <v>1</v>
      </c>
      <c r="H1915" t="s">
        <v>9983</v>
      </c>
      <c r="J1915" t="s">
        <v>9984</v>
      </c>
      <c r="O1915">
        <v>4948028</v>
      </c>
      <c r="P1915">
        <v>1</v>
      </c>
      <c r="Q1915">
        <v>0</v>
      </c>
      <c r="R1915" t="s">
        <v>9985</v>
      </c>
      <c r="S1915">
        <v>58</v>
      </c>
    </row>
    <row r="1916" spans="1:19" x14ac:dyDescent="0.25">
      <c r="A1916">
        <v>15882706</v>
      </c>
      <c r="B1916" t="s">
        <v>9986</v>
      </c>
      <c r="C1916" s="1" t="s">
        <v>9987</v>
      </c>
      <c r="D1916">
        <v>15883084</v>
      </c>
      <c r="E1916">
        <v>1</v>
      </c>
      <c r="F1916">
        <v>0</v>
      </c>
      <c r="H1916" t="s">
        <v>9988</v>
      </c>
      <c r="J1916" t="s">
        <v>9989</v>
      </c>
      <c r="K1916" t="s">
        <v>9990</v>
      </c>
      <c r="M1916">
        <v>1894684</v>
      </c>
      <c r="O1916">
        <v>1894684</v>
      </c>
      <c r="P1916">
        <v>1</v>
      </c>
      <c r="Q1916">
        <v>0</v>
      </c>
      <c r="R1916" t="s">
        <v>9991</v>
      </c>
      <c r="S1916">
        <v>532</v>
      </c>
    </row>
    <row r="1917" spans="1:19" x14ac:dyDescent="0.25">
      <c r="A1917">
        <v>36421397</v>
      </c>
      <c r="B1917" t="s">
        <v>9992</v>
      </c>
      <c r="C1917" s="1" t="s">
        <v>9993</v>
      </c>
      <c r="D1917">
        <v>36421489</v>
      </c>
      <c r="E1917">
        <v>1</v>
      </c>
      <c r="F1917">
        <v>1</v>
      </c>
      <c r="H1917" t="s">
        <v>9994</v>
      </c>
      <c r="J1917" t="s">
        <v>9995</v>
      </c>
      <c r="O1917">
        <v>2545680</v>
      </c>
      <c r="P1917">
        <v>1</v>
      </c>
      <c r="Q1917">
        <v>8</v>
      </c>
      <c r="R1917" t="s">
        <v>819</v>
      </c>
      <c r="S1917">
        <v>102</v>
      </c>
    </row>
    <row r="1918" spans="1:19" x14ac:dyDescent="0.25">
      <c r="A1918">
        <v>11842338</v>
      </c>
      <c r="B1918" t="s">
        <v>9996</v>
      </c>
      <c r="C1918" s="1" t="s">
        <v>9997</v>
      </c>
      <c r="E1918">
        <v>1</v>
      </c>
      <c r="F1918">
        <v>1</v>
      </c>
      <c r="H1918" t="s">
        <v>9998</v>
      </c>
      <c r="J1918" t="s">
        <v>9999</v>
      </c>
      <c r="O1918">
        <v>1474191</v>
      </c>
      <c r="P1918">
        <v>1</v>
      </c>
      <c r="Q1918">
        <v>1</v>
      </c>
      <c r="R1918" t="s">
        <v>10000</v>
      </c>
      <c r="S1918">
        <v>131</v>
      </c>
    </row>
    <row r="1919" spans="1:19" x14ac:dyDescent="0.25">
      <c r="A1919">
        <v>39716567</v>
      </c>
      <c r="B1919" t="s">
        <v>10001</v>
      </c>
      <c r="C1919" s="1" t="s">
        <v>10002</v>
      </c>
      <c r="D1919">
        <v>39716657</v>
      </c>
      <c r="E1919">
        <v>3</v>
      </c>
      <c r="F1919">
        <v>2</v>
      </c>
      <c r="H1919" t="s">
        <v>10003</v>
      </c>
      <c r="J1919" t="s">
        <v>10004</v>
      </c>
      <c r="O1919">
        <v>4985248</v>
      </c>
      <c r="P1919">
        <v>1</v>
      </c>
      <c r="Q1919">
        <v>0</v>
      </c>
      <c r="R1919" t="s">
        <v>3266</v>
      </c>
      <c r="S1919">
        <v>124</v>
      </c>
    </row>
    <row r="1920" spans="1:19" x14ac:dyDescent="0.25">
      <c r="A1920">
        <v>17723896</v>
      </c>
      <c r="B1920" t="s">
        <v>10005</v>
      </c>
      <c r="C1920" s="1" t="s">
        <v>10006</v>
      </c>
      <c r="E1920">
        <v>2</v>
      </c>
      <c r="F1920">
        <v>0</v>
      </c>
      <c r="H1920" t="s">
        <v>10007</v>
      </c>
      <c r="I1920">
        <v>1</v>
      </c>
      <c r="J1920" t="s">
        <v>10008</v>
      </c>
      <c r="K1920" t="s">
        <v>10009</v>
      </c>
      <c r="M1920">
        <v>2283442</v>
      </c>
      <c r="O1920">
        <v>2283442</v>
      </c>
      <c r="P1920">
        <v>1</v>
      </c>
      <c r="Q1920">
        <v>0</v>
      </c>
      <c r="R1920" t="s">
        <v>10010</v>
      </c>
      <c r="S1920">
        <v>831</v>
      </c>
    </row>
    <row r="1921" spans="1:19" x14ac:dyDescent="0.25">
      <c r="A1921">
        <v>36634845</v>
      </c>
      <c r="B1921" t="s">
        <v>10011</v>
      </c>
      <c r="C1921" s="1" t="s">
        <v>10012</v>
      </c>
      <c r="E1921">
        <v>1</v>
      </c>
      <c r="F1921">
        <v>9</v>
      </c>
      <c r="H1921" t="s">
        <v>10013</v>
      </c>
      <c r="J1921" t="s">
        <v>10014</v>
      </c>
      <c r="K1921" t="s">
        <v>10015</v>
      </c>
      <c r="M1921">
        <v>6095170</v>
      </c>
      <c r="O1921">
        <v>6095170</v>
      </c>
      <c r="P1921">
        <v>1</v>
      </c>
      <c r="Q1921">
        <v>0</v>
      </c>
      <c r="R1921" t="s">
        <v>10016</v>
      </c>
      <c r="S1921">
        <v>173</v>
      </c>
    </row>
    <row r="1922" spans="1:19" x14ac:dyDescent="0.25">
      <c r="A1922">
        <v>25041654</v>
      </c>
      <c r="B1922" t="s">
        <v>10017</v>
      </c>
      <c r="C1922" s="1" t="s">
        <v>10018</v>
      </c>
      <c r="E1922">
        <v>1</v>
      </c>
      <c r="F1922">
        <v>0</v>
      </c>
      <c r="H1922" t="s">
        <v>10019</v>
      </c>
      <c r="J1922" t="s">
        <v>10020</v>
      </c>
      <c r="O1922">
        <v>3865560</v>
      </c>
      <c r="P1922">
        <v>1</v>
      </c>
      <c r="Q1922">
        <v>0</v>
      </c>
      <c r="R1922" t="s">
        <v>8799</v>
      </c>
      <c r="S1922">
        <v>211</v>
      </c>
    </row>
    <row r="1923" spans="1:19" x14ac:dyDescent="0.25">
      <c r="A1923">
        <v>36843151</v>
      </c>
      <c r="B1923" t="s">
        <v>10021</v>
      </c>
      <c r="C1923" s="1" t="s">
        <v>10022</v>
      </c>
      <c r="D1923">
        <v>36908962</v>
      </c>
      <c r="E1923">
        <v>2</v>
      </c>
      <c r="F1923">
        <v>9</v>
      </c>
      <c r="H1923" t="s">
        <v>10023</v>
      </c>
      <c r="J1923" t="s">
        <v>10024</v>
      </c>
      <c r="K1923" t="s">
        <v>10025</v>
      </c>
      <c r="M1923">
        <v>3007732</v>
      </c>
      <c r="O1923">
        <v>3007732</v>
      </c>
      <c r="P1923">
        <v>1</v>
      </c>
      <c r="Q1923">
        <v>0</v>
      </c>
      <c r="R1923" t="s">
        <v>10026</v>
      </c>
      <c r="S1923">
        <v>385</v>
      </c>
    </row>
    <row r="1924" spans="1:19" x14ac:dyDescent="0.25">
      <c r="A1924">
        <v>28654023</v>
      </c>
      <c r="B1924" t="s">
        <v>10027</v>
      </c>
      <c r="C1924" s="1" t="s">
        <v>10028</v>
      </c>
      <c r="D1924">
        <v>28654115</v>
      </c>
      <c r="E1924">
        <v>3</v>
      </c>
      <c r="F1924">
        <v>6</v>
      </c>
      <c r="H1924" t="s">
        <v>10029</v>
      </c>
      <c r="J1924" t="s">
        <v>10030</v>
      </c>
      <c r="K1924" t="s">
        <v>10031</v>
      </c>
      <c r="M1924">
        <v>4076916</v>
      </c>
      <c r="O1924">
        <v>4076916</v>
      </c>
      <c r="P1924">
        <v>1</v>
      </c>
      <c r="Q1924">
        <v>-2</v>
      </c>
      <c r="R1924" t="s">
        <v>1446</v>
      </c>
      <c r="S1924">
        <v>42</v>
      </c>
    </row>
    <row r="1925" spans="1:19" x14ac:dyDescent="0.25">
      <c r="A1925">
        <v>16328806</v>
      </c>
      <c r="B1925" t="s">
        <v>10032</v>
      </c>
      <c r="C1925" s="1" t="s">
        <v>10033</v>
      </c>
      <c r="E1925">
        <v>2</v>
      </c>
      <c r="F1925">
        <v>6</v>
      </c>
      <c r="H1925" t="s">
        <v>10034</v>
      </c>
      <c r="I1925">
        <v>1</v>
      </c>
      <c r="J1925" t="s">
        <v>10035</v>
      </c>
      <c r="K1925" t="s">
        <v>10036</v>
      </c>
      <c r="M1925">
        <v>1959424</v>
      </c>
      <c r="O1925">
        <v>1959424</v>
      </c>
      <c r="P1925">
        <v>1</v>
      </c>
      <c r="Q1925">
        <v>1</v>
      </c>
      <c r="R1925" t="s">
        <v>10037</v>
      </c>
      <c r="S1925">
        <v>1185</v>
      </c>
    </row>
    <row r="1926" spans="1:19" x14ac:dyDescent="0.25">
      <c r="A1926">
        <v>23509611</v>
      </c>
      <c r="B1926" t="s">
        <v>10038</v>
      </c>
      <c r="C1926" s="1" t="s">
        <v>10039</v>
      </c>
      <c r="E1926">
        <v>1</v>
      </c>
      <c r="F1926">
        <v>0</v>
      </c>
      <c r="H1926" t="s">
        <v>10040</v>
      </c>
      <c r="J1926" t="s">
        <v>10041</v>
      </c>
      <c r="O1926">
        <v>529899</v>
      </c>
      <c r="P1926">
        <v>1</v>
      </c>
      <c r="Q1926">
        <v>0</v>
      </c>
      <c r="R1926" t="s">
        <v>10042</v>
      </c>
      <c r="S1926">
        <v>957</v>
      </c>
    </row>
    <row r="1927" spans="1:19" x14ac:dyDescent="0.25">
      <c r="A1927">
        <v>2634964</v>
      </c>
      <c r="B1927" t="s">
        <v>10043</v>
      </c>
      <c r="C1927" s="1" t="s">
        <v>10044</v>
      </c>
      <c r="D1927">
        <v>2673470</v>
      </c>
      <c r="E1927">
        <v>4</v>
      </c>
      <c r="F1927">
        <v>0</v>
      </c>
      <c r="H1927" t="s">
        <v>10045</v>
      </c>
      <c r="I1927">
        <v>23</v>
      </c>
      <c r="J1927" t="s">
        <v>10046</v>
      </c>
      <c r="K1927" t="s">
        <v>10047</v>
      </c>
      <c r="M1927">
        <v>184600</v>
      </c>
      <c r="O1927">
        <v>184600</v>
      </c>
      <c r="P1927">
        <v>1</v>
      </c>
      <c r="Q1927">
        <v>20</v>
      </c>
      <c r="R1927" t="s">
        <v>10048</v>
      </c>
      <c r="S1927">
        <v>22142</v>
      </c>
    </row>
    <row r="1928" spans="1:19" x14ac:dyDescent="0.25">
      <c r="A1928">
        <v>14409183</v>
      </c>
      <c r="B1928" t="s">
        <v>10049</v>
      </c>
      <c r="C1928" s="1" t="s">
        <v>10050</v>
      </c>
      <c r="D1928">
        <v>14409306</v>
      </c>
      <c r="E1928">
        <v>2</v>
      </c>
      <c r="F1928">
        <v>1</v>
      </c>
      <c r="H1928" t="s">
        <v>10051</v>
      </c>
      <c r="J1928" t="s">
        <v>10052</v>
      </c>
      <c r="K1928" t="s">
        <v>10053</v>
      </c>
      <c r="M1928">
        <v>1920232</v>
      </c>
      <c r="O1928">
        <v>650109</v>
      </c>
      <c r="P1928">
        <v>1</v>
      </c>
      <c r="Q1928">
        <v>0</v>
      </c>
      <c r="R1928" t="s">
        <v>10054</v>
      </c>
      <c r="S1928">
        <v>86</v>
      </c>
    </row>
    <row r="1929" spans="1:19" x14ac:dyDescent="0.25">
      <c r="A1929">
        <v>32011888</v>
      </c>
      <c r="B1929" t="s">
        <v>10055</v>
      </c>
      <c r="C1929" s="1" t="s">
        <v>10056</v>
      </c>
      <c r="D1929">
        <v>32011935</v>
      </c>
      <c r="E1929">
        <v>1</v>
      </c>
      <c r="F1929">
        <v>0</v>
      </c>
      <c r="H1929" t="s">
        <v>10057</v>
      </c>
      <c r="J1929" t="s">
        <v>10058</v>
      </c>
      <c r="O1929">
        <v>2577680</v>
      </c>
      <c r="P1929">
        <v>1</v>
      </c>
      <c r="Q1929">
        <v>1</v>
      </c>
      <c r="R1929" t="s">
        <v>10059</v>
      </c>
      <c r="S1929">
        <v>132</v>
      </c>
    </row>
    <row r="1930" spans="1:19" x14ac:dyDescent="0.25">
      <c r="A1930">
        <v>32976367</v>
      </c>
      <c r="B1930" t="s">
        <v>10060</v>
      </c>
      <c r="C1930" s="1" t="s">
        <v>10061</v>
      </c>
      <c r="D1930">
        <v>32977223</v>
      </c>
      <c r="E1930">
        <v>1</v>
      </c>
      <c r="F1930">
        <v>0</v>
      </c>
      <c r="H1930" t="s">
        <v>10062</v>
      </c>
      <c r="J1930" t="s">
        <v>10063</v>
      </c>
      <c r="O1930">
        <v>4484340</v>
      </c>
      <c r="P1930">
        <v>1</v>
      </c>
      <c r="Q1930">
        <v>0</v>
      </c>
      <c r="R1930" t="s">
        <v>10064</v>
      </c>
      <c r="S1930">
        <v>158</v>
      </c>
    </row>
    <row r="1931" spans="1:19" x14ac:dyDescent="0.25">
      <c r="A1931">
        <v>27940492</v>
      </c>
      <c r="B1931" t="s">
        <v>10065</v>
      </c>
      <c r="C1931" s="1" t="s">
        <v>10066</v>
      </c>
      <c r="D1931">
        <v>27941537</v>
      </c>
      <c r="E1931">
        <v>1</v>
      </c>
      <c r="F1931">
        <v>0</v>
      </c>
      <c r="H1931" t="s">
        <v>10067</v>
      </c>
      <c r="J1931" t="s">
        <v>10068</v>
      </c>
      <c r="O1931">
        <v>946197</v>
      </c>
      <c r="P1931">
        <v>1</v>
      </c>
      <c r="Q1931">
        <v>2</v>
      </c>
      <c r="R1931" t="s">
        <v>3969</v>
      </c>
      <c r="S1931">
        <v>114</v>
      </c>
    </row>
    <row r="1932" spans="1:19" x14ac:dyDescent="0.25">
      <c r="A1932">
        <v>14533569</v>
      </c>
      <c r="B1932" t="s">
        <v>10069</v>
      </c>
      <c r="C1932" s="1" t="s">
        <v>10070</v>
      </c>
      <c r="D1932">
        <v>14533749</v>
      </c>
      <c r="E1932">
        <v>1</v>
      </c>
      <c r="F1932">
        <v>9</v>
      </c>
      <c r="H1932" t="s">
        <v>10071</v>
      </c>
      <c r="I1932">
        <v>1</v>
      </c>
      <c r="J1932" t="s">
        <v>10072</v>
      </c>
      <c r="O1932">
        <v>610505</v>
      </c>
      <c r="P1932">
        <v>1</v>
      </c>
      <c r="Q1932">
        <v>3</v>
      </c>
      <c r="R1932" t="s">
        <v>8686</v>
      </c>
      <c r="S1932">
        <v>1315</v>
      </c>
    </row>
    <row r="1933" spans="1:19" x14ac:dyDescent="0.25">
      <c r="A1933">
        <v>18147554</v>
      </c>
      <c r="B1933" t="s">
        <v>10073</v>
      </c>
      <c r="C1933" s="1" t="s">
        <v>10074</v>
      </c>
      <c r="D1933">
        <v>18157001</v>
      </c>
      <c r="E1933">
        <v>1</v>
      </c>
      <c r="F1933">
        <v>3</v>
      </c>
      <c r="H1933" t="s">
        <v>10075</v>
      </c>
      <c r="J1933" t="s">
        <v>10076</v>
      </c>
      <c r="K1933" t="s">
        <v>10077</v>
      </c>
      <c r="M1933">
        <v>2668021</v>
      </c>
      <c r="O1933">
        <v>2668021</v>
      </c>
      <c r="P1933">
        <v>1</v>
      </c>
      <c r="Q1933">
        <v>0</v>
      </c>
      <c r="R1933" t="s">
        <v>10078</v>
      </c>
      <c r="S1933">
        <v>286</v>
      </c>
    </row>
    <row r="1934" spans="1:19" x14ac:dyDescent="0.25">
      <c r="A1934">
        <v>44789965</v>
      </c>
      <c r="B1934" t="s">
        <v>10079</v>
      </c>
      <c r="C1934" s="1" t="s">
        <v>10080</v>
      </c>
      <c r="E1934">
        <v>1</v>
      </c>
      <c r="F1934">
        <v>4</v>
      </c>
      <c r="H1934" t="s">
        <v>10081</v>
      </c>
      <c r="I1934">
        <v>0</v>
      </c>
      <c r="J1934" t="s">
        <v>10082</v>
      </c>
      <c r="K1934" t="s">
        <v>10083</v>
      </c>
      <c r="M1934">
        <v>8190219</v>
      </c>
      <c r="O1934">
        <v>8190219</v>
      </c>
      <c r="P1934">
        <v>1</v>
      </c>
      <c r="Q1934">
        <v>0</v>
      </c>
      <c r="R1934" t="s">
        <v>10084</v>
      </c>
      <c r="S1934">
        <v>268</v>
      </c>
    </row>
    <row r="1935" spans="1:19" x14ac:dyDescent="0.25">
      <c r="A1935">
        <v>34207940</v>
      </c>
      <c r="B1935" t="s">
        <v>10085</v>
      </c>
      <c r="C1935" s="1" t="s">
        <v>10086</v>
      </c>
      <c r="D1935">
        <v>34208042</v>
      </c>
      <c r="E1935">
        <v>2</v>
      </c>
      <c r="F1935">
        <v>1</v>
      </c>
      <c r="H1935" t="s">
        <v>10087</v>
      </c>
      <c r="J1935" t="s">
        <v>10088</v>
      </c>
      <c r="K1935" t="s">
        <v>10088</v>
      </c>
      <c r="M1935">
        <v>2680216</v>
      </c>
      <c r="O1935">
        <v>3334375</v>
      </c>
      <c r="P1935">
        <v>1</v>
      </c>
      <c r="Q1935">
        <v>1</v>
      </c>
      <c r="R1935" t="s">
        <v>10089</v>
      </c>
      <c r="S1935">
        <v>931</v>
      </c>
    </row>
    <row r="1936" spans="1:19" x14ac:dyDescent="0.25">
      <c r="A1936">
        <v>8383391</v>
      </c>
      <c r="B1936" t="s">
        <v>10090</v>
      </c>
      <c r="C1936" s="1" t="s">
        <v>10091</v>
      </c>
      <c r="D1936">
        <v>8383440</v>
      </c>
      <c r="E1936">
        <v>2</v>
      </c>
      <c r="F1936">
        <v>1</v>
      </c>
      <c r="H1936" t="s">
        <v>10092</v>
      </c>
      <c r="J1936" t="s">
        <v>10093</v>
      </c>
      <c r="K1936" t="s">
        <v>10093</v>
      </c>
      <c r="M1936">
        <v>609630</v>
      </c>
      <c r="O1936">
        <v>609630</v>
      </c>
      <c r="P1936">
        <v>1</v>
      </c>
      <c r="Q1936">
        <v>0</v>
      </c>
      <c r="R1936" t="s">
        <v>10094</v>
      </c>
      <c r="S1936">
        <v>1546</v>
      </c>
    </row>
    <row r="1937" spans="1:19" x14ac:dyDescent="0.25">
      <c r="A1937">
        <v>50272190</v>
      </c>
      <c r="B1937" t="s">
        <v>10095</v>
      </c>
      <c r="C1937" s="1" t="s">
        <v>10096</v>
      </c>
      <c r="E1937">
        <v>0</v>
      </c>
      <c r="F1937">
        <v>3</v>
      </c>
      <c r="H1937" t="s">
        <v>10097</v>
      </c>
      <c r="J1937" t="s">
        <v>10098</v>
      </c>
      <c r="K1937" t="s">
        <v>10098</v>
      </c>
      <c r="M1937">
        <v>13302</v>
      </c>
      <c r="O1937">
        <v>5524294</v>
      </c>
      <c r="P1937">
        <v>1</v>
      </c>
      <c r="Q1937">
        <v>0</v>
      </c>
      <c r="R1937" t="s">
        <v>10099</v>
      </c>
      <c r="S1937">
        <v>35</v>
      </c>
    </row>
    <row r="1938" spans="1:19" x14ac:dyDescent="0.25">
      <c r="A1938">
        <v>19491036</v>
      </c>
      <c r="B1938" t="s">
        <v>10100</v>
      </c>
      <c r="C1938" s="1" t="s">
        <v>10101</v>
      </c>
      <c r="E1938">
        <v>2</v>
      </c>
      <c r="F1938">
        <v>12</v>
      </c>
      <c r="H1938" t="s">
        <v>10102</v>
      </c>
      <c r="I1938">
        <v>2</v>
      </c>
      <c r="J1938" t="s">
        <v>10103</v>
      </c>
      <c r="K1938" t="s">
        <v>10104</v>
      </c>
      <c r="M1938">
        <v>1988185</v>
      </c>
      <c r="O1938">
        <v>2707795</v>
      </c>
      <c r="P1938">
        <v>1</v>
      </c>
      <c r="Q1938">
        <v>7</v>
      </c>
      <c r="R1938" t="s">
        <v>10105</v>
      </c>
      <c r="S1938">
        <v>4120</v>
      </c>
    </row>
    <row r="1939" spans="1:19" x14ac:dyDescent="0.25">
      <c r="A1939">
        <v>7522533</v>
      </c>
      <c r="B1939" t="s">
        <v>10106</v>
      </c>
      <c r="C1939" t="s">
        <v>10107</v>
      </c>
      <c r="E1939">
        <v>1</v>
      </c>
      <c r="F1939">
        <v>3</v>
      </c>
      <c r="H1939" t="s">
        <v>10108</v>
      </c>
      <c r="I1939">
        <v>4</v>
      </c>
      <c r="J1939" t="s">
        <v>10109</v>
      </c>
      <c r="K1939" t="s">
        <v>10110</v>
      </c>
      <c r="M1939">
        <v>1114</v>
      </c>
      <c r="O1939">
        <v>520756</v>
      </c>
      <c r="P1939">
        <v>1</v>
      </c>
      <c r="Q1939">
        <v>15</v>
      </c>
      <c r="R1939" t="s">
        <v>10111</v>
      </c>
      <c r="S1939">
        <v>162245</v>
      </c>
    </row>
    <row r="1940" spans="1:19" x14ac:dyDescent="0.25">
      <c r="A1940">
        <v>9251981</v>
      </c>
      <c r="B1940" t="s">
        <v>10112</v>
      </c>
      <c r="C1940" s="1" t="s">
        <v>10113</v>
      </c>
      <c r="D1940">
        <v>9252189</v>
      </c>
      <c r="E1940">
        <v>4</v>
      </c>
      <c r="F1940">
        <v>2</v>
      </c>
      <c r="H1940" t="s">
        <v>10114</v>
      </c>
      <c r="I1940">
        <v>1</v>
      </c>
      <c r="J1940" t="s">
        <v>10115</v>
      </c>
      <c r="K1940" t="s">
        <v>10116</v>
      </c>
      <c r="M1940">
        <v>230513</v>
      </c>
      <c r="O1940">
        <v>759527</v>
      </c>
      <c r="P1940">
        <v>1</v>
      </c>
      <c r="Q1940">
        <v>1</v>
      </c>
      <c r="R1940" t="s">
        <v>10117</v>
      </c>
      <c r="S1940">
        <v>1662</v>
      </c>
    </row>
    <row r="1941" spans="1:19" x14ac:dyDescent="0.25">
      <c r="A1941">
        <v>17329951</v>
      </c>
      <c r="B1941" t="s">
        <v>10118</v>
      </c>
      <c r="C1941" s="1" t="s">
        <v>10119</v>
      </c>
      <c r="D1941">
        <v>17332186</v>
      </c>
      <c r="E1941">
        <v>1</v>
      </c>
      <c r="F1941">
        <v>0</v>
      </c>
      <c r="H1941" t="s">
        <v>10120</v>
      </c>
      <c r="J1941" t="s">
        <v>10121</v>
      </c>
      <c r="O1941">
        <v>918366</v>
      </c>
      <c r="P1941">
        <v>1</v>
      </c>
      <c r="Q1941">
        <v>0</v>
      </c>
      <c r="R1941" t="s">
        <v>10122</v>
      </c>
      <c r="S1941">
        <v>9977</v>
      </c>
    </row>
    <row r="1942" spans="1:19" x14ac:dyDescent="0.25">
      <c r="A1942">
        <v>32809967</v>
      </c>
      <c r="B1942" t="s">
        <v>10123</v>
      </c>
      <c r="C1942" s="1" t="s">
        <v>10124</v>
      </c>
      <c r="D1942">
        <v>32810173</v>
      </c>
      <c r="E1942">
        <v>1</v>
      </c>
      <c r="F1942">
        <v>1</v>
      </c>
      <c r="H1942" t="s">
        <v>10125</v>
      </c>
      <c r="J1942" t="s">
        <v>10126</v>
      </c>
      <c r="O1942">
        <v>2158982</v>
      </c>
      <c r="P1942">
        <v>1</v>
      </c>
      <c r="Q1942">
        <v>0</v>
      </c>
      <c r="R1942" t="s">
        <v>10127</v>
      </c>
      <c r="S1942">
        <v>285</v>
      </c>
    </row>
    <row r="1943" spans="1:19" x14ac:dyDescent="0.25">
      <c r="A1943">
        <v>36527709</v>
      </c>
      <c r="B1943" t="s">
        <v>10128</v>
      </c>
      <c r="C1943" s="1" t="s">
        <v>10129</v>
      </c>
      <c r="E1943">
        <v>2</v>
      </c>
      <c r="F1943">
        <v>0</v>
      </c>
      <c r="H1943" t="s">
        <v>10130</v>
      </c>
      <c r="J1943" t="s">
        <v>10131</v>
      </c>
      <c r="K1943" t="s">
        <v>10132</v>
      </c>
      <c r="M1943">
        <v>6056322</v>
      </c>
      <c r="O1943">
        <v>6056322</v>
      </c>
      <c r="P1943">
        <v>1</v>
      </c>
      <c r="Q1943">
        <v>2</v>
      </c>
      <c r="R1943" t="s">
        <v>10133</v>
      </c>
      <c r="S1943">
        <v>184</v>
      </c>
    </row>
    <row r="1944" spans="1:19" x14ac:dyDescent="0.25">
      <c r="A1944">
        <v>35260304</v>
      </c>
      <c r="B1944" t="s">
        <v>10134</v>
      </c>
      <c r="C1944" s="1" t="s">
        <v>10135</v>
      </c>
      <c r="D1944">
        <v>35260466</v>
      </c>
      <c r="E1944">
        <v>2</v>
      </c>
      <c r="F1944">
        <v>2</v>
      </c>
      <c r="H1944" t="s">
        <v>10136</v>
      </c>
      <c r="J1944" t="s">
        <v>10137</v>
      </c>
      <c r="K1944" t="s">
        <v>10137</v>
      </c>
      <c r="M1944">
        <v>3575547</v>
      </c>
      <c r="O1944">
        <v>3575547</v>
      </c>
      <c r="P1944">
        <v>1</v>
      </c>
      <c r="Q1944">
        <v>0</v>
      </c>
      <c r="R1944" t="s">
        <v>10138</v>
      </c>
      <c r="S1944">
        <v>317</v>
      </c>
    </row>
    <row r="1945" spans="1:19" x14ac:dyDescent="0.25">
      <c r="A1945">
        <v>21024611</v>
      </c>
      <c r="B1945" t="s">
        <v>10139</v>
      </c>
      <c r="C1945" s="1" t="s">
        <v>10140</v>
      </c>
      <c r="E1945">
        <v>1</v>
      </c>
      <c r="F1945">
        <v>1</v>
      </c>
      <c r="H1945" t="s">
        <v>10141</v>
      </c>
      <c r="J1945" t="s">
        <v>10142</v>
      </c>
      <c r="K1945" t="s">
        <v>10142</v>
      </c>
      <c r="M1945">
        <v>1951708</v>
      </c>
      <c r="O1945">
        <v>504277</v>
      </c>
      <c r="P1945">
        <v>1</v>
      </c>
      <c r="Q1945">
        <v>0</v>
      </c>
      <c r="R1945" t="s">
        <v>10143</v>
      </c>
      <c r="S1945">
        <v>987</v>
      </c>
    </row>
    <row r="1946" spans="1:19" x14ac:dyDescent="0.25">
      <c r="A1946">
        <v>51223692</v>
      </c>
      <c r="B1946" t="s">
        <v>10144</v>
      </c>
      <c r="C1946" s="1" t="s">
        <v>10145</v>
      </c>
      <c r="E1946">
        <v>0</v>
      </c>
      <c r="F1946">
        <v>0</v>
      </c>
      <c r="H1946" t="s">
        <v>10146</v>
      </c>
      <c r="J1946" t="s">
        <v>10147</v>
      </c>
      <c r="O1946">
        <v>5106170</v>
      </c>
      <c r="P1946">
        <v>1</v>
      </c>
      <c r="Q1946">
        <v>0</v>
      </c>
      <c r="R1946" t="s">
        <v>10148</v>
      </c>
      <c r="S1946">
        <v>138</v>
      </c>
    </row>
    <row r="1947" spans="1:19" x14ac:dyDescent="0.25">
      <c r="A1947">
        <v>41359711</v>
      </c>
      <c r="B1947" t="s">
        <v>10149</v>
      </c>
      <c r="C1947" s="1" t="s">
        <v>10150</v>
      </c>
      <c r="D1947">
        <v>41359801</v>
      </c>
      <c r="E1947">
        <v>2</v>
      </c>
      <c r="F1947">
        <v>1</v>
      </c>
      <c r="H1947" t="s">
        <v>10151</v>
      </c>
      <c r="J1947" t="s">
        <v>10152</v>
      </c>
      <c r="K1947" t="s">
        <v>10153</v>
      </c>
      <c r="M1947">
        <v>4281779</v>
      </c>
      <c r="O1947">
        <v>1306170</v>
      </c>
      <c r="P1947">
        <v>1</v>
      </c>
      <c r="Q1947">
        <v>2</v>
      </c>
      <c r="R1947" t="s">
        <v>10154</v>
      </c>
      <c r="S1947">
        <v>503</v>
      </c>
    </row>
    <row r="1948" spans="1:19" x14ac:dyDescent="0.25">
      <c r="A1948">
        <v>10453179</v>
      </c>
      <c r="B1948" t="s">
        <v>10155</v>
      </c>
      <c r="C1948" s="1" t="s">
        <v>10156</v>
      </c>
      <c r="E1948">
        <v>2</v>
      </c>
      <c r="F1948">
        <v>2</v>
      </c>
      <c r="H1948" t="s">
        <v>10157</v>
      </c>
      <c r="J1948" t="s">
        <v>10158</v>
      </c>
      <c r="K1948" t="s">
        <v>10158</v>
      </c>
      <c r="M1948">
        <v>1530508</v>
      </c>
      <c r="O1948">
        <v>1375456</v>
      </c>
      <c r="P1948">
        <v>1</v>
      </c>
      <c r="Q1948">
        <v>0</v>
      </c>
      <c r="R1948" t="s">
        <v>10159</v>
      </c>
      <c r="S1948">
        <v>6150</v>
      </c>
    </row>
    <row r="1949" spans="1:19" x14ac:dyDescent="0.25">
      <c r="A1949">
        <v>39599957</v>
      </c>
      <c r="B1949" t="s">
        <v>10160</v>
      </c>
      <c r="C1949" s="1" t="s">
        <v>10161</v>
      </c>
      <c r="E1949">
        <v>2</v>
      </c>
      <c r="F1949">
        <v>0</v>
      </c>
      <c r="H1949" t="s">
        <v>10162</v>
      </c>
      <c r="J1949" t="s">
        <v>10163</v>
      </c>
      <c r="O1949">
        <v>4286777</v>
      </c>
      <c r="P1949">
        <v>1</v>
      </c>
      <c r="Q1949">
        <v>0</v>
      </c>
      <c r="R1949" t="s">
        <v>10164</v>
      </c>
      <c r="S1949">
        <v>710</v>
      </c>
    </row>
    <row r="1950" spans="1:19" x14ac:dyDescent="0.25">
      <c r="A1950">
        <v>46019827</v>
      </c>
      <c r="B1950" t="s">
        <v>10165</v>
      </c>
      <c r="C1950" s="1" t="s">
        <v>10166</v>
      </c>
      <c r="D1950">
        <v>46020264</v>
      </c>
      <c r="E1950">
        <v>3</v>
      </c>
      <c r="F1950">
        <v>7</v>
      </c>
      <c r="H1950" t="s">
        <v>10167</v>
      </c>
      <c r="J1950" t="s">
        <v>10168</v>
      </c>
      <c r="O1950">
        <v>7452002</v>
      </c>
      <c r="P1950">
        <v>1</v>
      </c>
      <c r="Q1950">
        <v>-2</v>
      </c>
      <c r="R1950" t="s">
        <v>10169</v>
      </c>
      <c r="S1950">
        <v>63</v>
      </c>
    </row>
    <row r="1951" spans="1:19" x14ac:dyDescent="0.25">
      <c r="A1951">
        <v>36109960</v>
      </c>
      <c r="B1951" t="s">
        <v>10170</v>
      </c>
      <c r="C1951" s="1" t="s">
        <v>10171</v>
      </c>
      <c r="E1951">
        <v>3</v>
      </c>
      <c r="F1951">
        <v>4</v>
      </c>
      <c r="H1951" t="s">
        <v>10172</v>
      </c>
      <c r="J1951" t="s">
        <v>10173</v>
      </c>
      <c r="K1951" t="s">
        <v>10174</v>
      </c>
      <c r="M1951">
        <v>6051083</v>
      </c>
      <c r="O1951">
        <v>6051083</v>
      </c>
      <c r="P1951">
        <v>1</v>
      </c>
      <c r="Q1951">
        <v>-1</v>
      </c>
      <c r="R1951" t="s">
        <v>2793</v>
      </c>
      <c r="S1951">
        <v>36</v>
      </c>
    </row>
    <row r="1952" spans="1:19" x14ac:dyDescent="0.25">
      <c r="A1952">
        <v>40496782</v>
      </c>
      <c r="B1952" t="s">
        <v>10175</v>
      </c>
      <c r="C1952" s="1" t="s">
        <v>10176</v>
      </c>
      <c r="E1952">
        <v>1</v>
      </c>
      <c r="F1952">
        <v>0</v>
      </c>
      <c r="H1952" t="s">
        <v>10177</v>
      </c>
      <c r="J1952" t="s">
        <v>10178</v>
      </c>
      <c r="K1952" t="s">
        <v>10178</v>
      </c>
      <c r="M1952">
        <v>245614</v>
      </c>
      <c r="O1952">
        <v>4806970</v>
      </c>
      <c r="P1952">
        <v>1</v>
      </c>
      <c r="Q1952">
        <v>1</v>
      </c>
      <c r="R1952" t="s">
        <v>10179</v>
      </c>
      <c r="S1952">
        <v>291</v>
      </c>
    </row>
    <row r="1953" spans="1:19" x14ac:dyDescent="0.25">
      <c r="A1953">
        <v>50288038</v>
      </c>
      <c r="B1953" t="s">
        <v>10180</v>
      </c>
      <c r="C1953" s="1" t="s">
        <v>10181</v>
      </c>
      <c r="E1953">
        <v>2</v>
      </c>
      <c r="F1953">
        <v>1</v>
      </c>
      <c r="H1953" t="s">
        <v>10182</v>
      </c>
      <c r="J1953" t="s">
        <v>10183</v>
      </c>
      <c r="K1953" t="s">
        <v>10184</v>
      </c>
      <c r="M1953">
        <v>1727948</v>
      </c>
      <c r="O1953">
        <v>5692612</v>
      </c>
      <c r="P1953">
        <v>1</v>
      </c>
      <c r="Q1953">
        <v>0</v>
      </c>
      <c r="R1953" t="s">
        <v>10185</v>
      </c>
      <c r="S1953">
        <v>39</v>
      </c>
    </row>
    <row r="1954" spans="1:19" x14ac:dyDescent="0.25">
      <c r="A1954">
        <v>2645758</v>
      </c>
      <c r="B1954" t="s">
        <v>10186</v>
      </c>
      <c r="C1954" s="1" t="s">
        <v>10187</v>
      </c>
      <c r="D1954">
        <v>2645795</v>
      </c>
      <c r="E1954">
        <v>3</v>
      </c>
      <c r="F1954">
        <v>2</v>
      </c>
      <c r="H1954" t="s">
        <v>10188</v>
      </c>
      <c r="I1954">
        <v>0</v>
      </c>
      <c r="J1954" t="s">
        <v>10189</v>
      </c>
      <c r="O1954">
        <v>158487</v>
      </c>
      <c r="P1954">
        <v>1</v>
      </c>
      <c r="Q1954">
        <v>1</v>
      </c>
      <c r="R1954" t="s">
        <v>759</v>
      </c>
      <c r="S1954">
        <v>2440</v>
      </c>
    </row>
    <row r="1955" spans="1:19" x14ac:dyDescent="0.25">
      <c r="A1955">
        <v>6241386</v>
      </c>
      <c r="B1955" t="s">
        <v>10190</v>
      </c>
      <c r="C1955" s="1" t="s">
        <v>10191</v>
      </c>
      <c r="D1955">
        <v>6241413</v>
      </c>
      <c r="E1955">
        <v>1</v>
      </c>
      <c r="F1955">
        <v>0</v>
      </c>
      <c r="H1955" t="s">
        <v>10192</v>
      </c>
      <c r="J1955" t="s">
        <v>10193</v>
      </c>
      <c r="O1955">
        <v>192077</v>
      </c>
      <c r="P1955">
        <v>1</v>
      </c>
      <c r="Q1955">
        <v>1</v>
      </c>
      <c r="R1955" t="s">
        <v>10194</v>
      </c>
      <c r="S1955">
        <v>1153</v>
      </c>
    </row>
    <row r="1956" spans="1:19" x14ac:dyDescent="0.25">
      <c r="A1956">
        <v>51763159</v>
      </c>
      <c r="B1956" t="s">
        <v>10195</v>
      </c>
      <c r="C1956" s="1" t="s">
        <v>10196</v>
      </c>
      <c r="E1956">
        <v>0</v>
      </c>
      <c r="F1956">
        <v>2</v>
      </c>
      <c r="H1956" t="s">
        <v>10197</v>
      </c>
      <c r="J1956" t="s">
        <v>10198</v>
      </c>
      <c r="K1956" t="s">
        <v>10198</v>
      </c>
      <c r="M1956">
        <v>9225671</v>
      </c>
      <c r="O1956">
        <v>755371</v>
      </c>
      <c r="P1956">
        <v>1</v>
      </c>
      <c r="Q1956">
        <v>0</v>
      </c>
      <c r="R1956" t="s">
        <v>6707</v>
      </c>
      <c r="S1956">
        <v>31</v>
      </c>
    </row>
    <row r="1957" spans="1:19" x14ac:dyDescent="0.25">
      <c r="A1957">
        <v>40867199</v>
      </c>
      <c r="B1957" t="s">
        <v>10199</v>
      </c>
      <c r="C1957" s="1" t="s">
        <v>10200</v>
      </c>
      <c r="D1957">
        <v>40873768</v>
      </c>
      <c r="E1957">
        <v>1</v>
      </c>
      <c r="F1957">
        <v>2</v>
      </c>
      <c r="H1957" t="s">
        <v>10201</v>
      </c>
      <c r="I1957">
        <v>0</v>
      </c>
      <c r="J1957" t="s">
        <v>10202</v>
      </c>
      <c r="K1957" t="s">
        <v>10203</v>
      </c>
      <c r="M1957">
        <v>7147995</v>
      </c>
      <c r="O1957">
        <v>7147995</v>
      </c>
      <c r="P1957">
        <v>1</v>
      </c>
      <c r="Q1957">
        <v>0</v>
      </c>
      <c r="R1957" t="s">
        <v>280</v>
      </c>
      <c r="S1957">
        <v>195</v>
      </c>
    </row>
    <row r="1958" spans="1:19" x14ac:dyDescent="0.25">
      <c r="A1958">
        <v>26435517</v>
      </c>
      <c r="B1958" t="s">
        <v>10204</v>
      </c>
      <c r="C1958" s="1" t="s">
        <v>10205</v>
      </c>
      <c r="E1958">
        <v>1</v>
      </c>
      <c r="F1958">
        <v>0</v>
      </c>
      <c r="H1958" t="s">
        <v>10206</v>
      </c>
      <c r="J1958" t="s">
        <v>10207</v>
      </c>
      <c r="K1958" t="s">
        <v>10208</v>
      </c>
      <c r="L1958" t="s">
        <v>10209</v>
      </c>
      <c r="N1958" t="s">
        <v>10209</v>
      </c>
      <c r="P1958">
        <v>1</v>
      </c>
      <c r="Q1958">
        <v>0</v>
      </c>
      <c r="R1958" t="s">
        <v>10210</v>
      </c>
      <c r="S1958">
        <v>1121</v>
      </c>
    </row>
    <row r="1959" spans="1:19" x14ac:dyDescent="0.25">
      <c r="A1959">
        <v>23094069</v>
      </c>
      <c r="B1959" t="s">
        <v>10211</v>
      </c>
      <c r="C1959" s="1" t="s">
        <v>10212</v>
      </c>
      <c r="E1959">
        <v>1</v>
      </c>
      <c r="F1959">
        <v>2</v>
      </c>
      <c r="H1959" t="s">
        <v>10213</v>
      </c>
      <c r="J1959" t="s">
        <v>10214</v>
      </c>
      <c r="O1959">
        <v>3537511</v>
      </c>
      <c r="P1959">
        <v>1</v>
      </c>
      <c r="Q1959">
        <v>-2</v>
      </c>
      <c r="R1959" t="s">
        <v>10215</v>
      </c>
      <c r="S1959">
        <v>101</v>
      </c>
    </row>
    <row r="1960" spans="1:19" x14ac:dyDescent="0.25">
      <c r="A1960">
        <v>20795306</v>
      </c>
      <c r="B1960" t="s">
        <v>10216</v>
      </c>
      <c r="C1960" t="s">
        <v>10217</v>
      </c>
      <c r="D1960">
        <v>20806360</v>
      </c>
      <c r="E1960">
        <v>1</v>
      </c>
      <c r="F1960">
        <v>1</v>
      </c>
      <c r="H1960" t="s">
        <v>10218</v>
      </c>
      <c r="J1960" t="s">
        <v>10219</v>
      </c>
      <c r="O1960">
        <v>124875</v>
      </c>
      <c r="P1960">
        <v>1</v>
      </c>
      <c r="Q1960">
        <v>0</v>
      </c>
      <c r="R1960" t="s">
        <v>10220</v>
      </c>
      <c r="S1960">
        <v>1302</v>
      </c>
    </row>
    <row r="1961" spans="1:19" x14ac:dyDescent="0.25">
      <c r="A1961">
        <v>22521638</v>
      </c>
      <c r="B1961" t="s">
        <v>10221</v>
      </c>
      <c r="C1961" s="1" t="s">
        <v>10222</v>
      </c>
      <c r="D1961">
        <v>22521765</v>
      </c>
      <c r="E1961">
        <v>1</v>
      </c>
      <c r="F1961">
        <v>0</v>
      </c>
      <c r="H1961" t="s">
        <v>10223</v>
      </c>
      <c r="J1961" t="s">
        <v>10224</v>
      </c>
      <c r="O1961">
        <v>1369317</v>
      </c>
      <c r="P1961">
        <v>1</v>
      </c>
      <c r="Q1961">
        <v>1</v>
      </c>
      <c r="R1961" t="s">
        <v>10225</v>
      </c>
      <c r="S1961">
        <v>212</v>
      </c>
    </row>
    <row r="1962" spans="1:19" x14ac:dyDescent="0.25">
      <c r="A1962">
        <v>36872280</v>
      </c>
      <c r="B1962" t="s">
        <v>10226</v>
      </c>
      <c r="C1962" s="1" t="s">
        <v>10227</v>
      </c>
      <c r="D1962">
        <v>36872510</v>
      </c>
      <c r="E1962">
        <v>3</v>
      </c>
      <c r="F1962">
        <v>19</v>
      </c>
      <c r="H1962" t="s">
        <v>10228</v>
      </c>
      <c r="J1962" t="s">
        <v>10229</v>
      </c>
      <c r="O1962">
        <v>5913188</v>
      </c>
      <c r="P1962">
        <v>1</v>
      </c>
      <c r="Q1962">
        <v>-4</v>
      </c>
      <c r="R1962" t="s">
        <v>759</v>
      </c>
      <c r="S1962">
        <v>87</v>
      </c>
    </row>
    <row r="1963" spans="1:19" x14ac:dyDescent="0.25">
      <c r="A1963">
        <v>35598601</v>
      </c>
      <c r="B1963" t="s">
        <v>10230</v>
      </c>
      <c r="C1963" s="1" t="s">
        <v>10231</v>
      </c>
      <c r="E1963">
        <v>1</v>
      </c>
      <c r="F1963">
        <v>2</v>
      </c>
      <c r="H1963" t="s">
        <v>10232</v>
      </c>
      <c r="J1963" t="s">
        <v>10233</v>
      </c>
      <c r="O1963">
        <v>1842694</v>
      </c>
      <c r="P1963">
        <v>1</v>
      </c>
      <c r="Q1963">
        <v>0</v>
      </c>
      <c r="R1963" t="s">
        <v>10234</v>
      </c>
      <c r="S1963">
        <v>548</v>
      </c>
    </row>
    <row r="1964" spans="1:19" x14ac:dyDescent="0.25">
      <c r="A1964">
        <v>34523173</v>
      </c>
      <c r="B1964" t="s">
        <v>10235</v>
      </c>
      <c r="C1964" s="1" t="s">
        <v>10236</v>
      </c>
      <c r="D1964">
        <v>34524041</v>
      </c>
      <c r="E1964">
        <v>1</v>
      </c>
      <c r="F1964">
        <v>7</v>
      </c>
      <c r="H1964" t="s">
        <v>10237</v>
      </c>
      <c r="J1964" t="s">
        <v>10238</v>
      </c>
      <c r="K1964" t="s">
        <v>10238</v>
      </c>
      <c r="M1964">
        <v>165309</v>
      </c>
      <c r="O1964">
        <v>165309</v>
      </c>
      <c r="P1964">
        <v>1</v>
      </c>
      <c r="Q1964">
        <v>-1</v>
      </c>
      <c r="R1964" t="s">
        <v>10239</v>
      </c>
      <c r="S1964">
        <v>87</v>
      </c>
    </row>
    <row r="1965" spans="1:19" x14ac:dyDescent="0.25">
      <c r="A1965">
        <v>42048160</v>
      </c>
      <c r="B1965" t="s">
        <v>10240</v>
      </c>
      <c r="C1965" s="1" t="s">
        <v>10241</v>
      </c>
      <c r="E1965">
        <v>0</v>
      </c>
      <c r="F1965">
        <v>13</v>
      </c>
      <c r="H1965" t="s">
        <v>10242</v>
      </c>
      <c r="I1965">
        <v>1</v>
      </c>
      <c r="J1965" t="s">
        <v>10243</v>
      </c>
      <c r="K1965" t="s">
        <v>10243</v>
      </c>
      <c r="M1965">
        <v>3088897</v>
      </c>
      <c r="O1965">
        <v>3088897</v>
      </c>
      <c r="P1965">
        <v>1</v>
      </c>
      <c r="Q1965">
        <v>3</v>
      </c>
      <c r="R1965" t="s">
        <v>10244</v>
      </c>
      <c r="S1965">
        <v>218</v>
      </c>
    </row>
    <row r="1966" spans="1:19" x14ac:dyDescent="0.25">
      <c r="A1966">
        <v>14359626</v>
      </c>
      <c r="B1966" t="s">
        <v>10245</v>
      </c>
      <c r="C1966" s="1" t="s">
        <v>10246</v>
      </c>
      <c r="D1966">
        <v>14359901</v>
      </c>
      <c r="E1966">
        <v>2</v>
      </c>
      <c r="F1966">
        <v>3</v>
      </c>
      <c r="H1966" t="s">
        <v>10247</v>
      </c>
      <c r="J1966" t="s">
        <v>10248</v>
      </c>
      <c r="K1966" t="s">
        <v>10248</v>
      </c>
      <c r="M1966">
        <v>1978406</v>
      </c>
      <c r="O1966">
        <v>1978406</v>
      </c>
      <c r="P1966">
        <v>1</v>
      </c>
      <c r="Q1966">
        <v>2</v>
      </c>
      <c r="R1966" t="s">
        <v>2847</v>
      </c>
      <c r="S1966">
        <v>145</v>
      </c>
    </row>
    <row r="1967" spans="1:19" x14ac:dyDescent="0.25">
      <c r="A1967">
        <v>34179672</v>
      </c>
      <c r="B1967" t="s">
        <v>10249</v>
      </c>
      <c r="C1967" s="1" t="s">
        <v>10250</v>
      </c>
      <c r="E1967">
        <v>0</v>
      </c>
      <c r="F1967">
        <v>3</v>
      </c>
      <c r="H1967" t="s">
        <v>10251</v>
      </c>
      <c r="J1967" t="s">
        <v>10251</v>
      </c>
      <c r="O1967">
        <v>4522594</v>
      </c>
      <c r="P1967">
        <v>1</v>
      </c>
      <c r="Q1967">
        <v>0</v>
      </c>
      <c r="R1967" t="s">
        <v>10252</v>
      </c>
      <c r="S1967">
        <v>236</v>
      </c>
    </row>
    <row r="1968" spans="1:19" x14ac:dyDescent="0.25">
      <c r="A1968">
        <v>29386309</v>
      </c>
      <c r="B1968" t="s">
        <v>10253</v>
      </c>
      <c r="C1968" s="1" t="s">
        <v>10254</v>
      </c>
      <c r="D1968">
        <v>29386856</v>
      </c>
      <c r="E1968">
        <v>1</v>
      </c>
      <c r="F1968">
        <v>0</v>
      </c>
      <c r="H1968" t="s">
        <v>10255</v>
      </c>
      <c r="I1968">
        <v>2</v>
      </c>
      <c r="J1968" t="s">
        <v>10256</v>
      </c>
      <c r="K1968" t="s">
        <v>10257</v>
      </c>
      <c r="M1968">
        <v>608639</v>
      </c>
      <c r="O1968">
        <v>4532422</v>
      </c>
      <c r="P1968">
        <v>1</v>
      </c>
      <c r="Q1968">
        <v>2</v>
      </c>
      <c r="R1968" t="s">
        <v>10258</v>
      </c>
      <c r="S1968">
        <v>1062</v>
      </c>
    </row>
    <row r="1969" spans="1:19" x14ac:dyDescent="0.25">
      <c r="A1969">
        <v>25896452</v>
      </c>
      <c r="B1969" t="s">
        <v>10259</v>
      </c>
      <c r="C1969" s="1" t="s">
        <v>10260</v>
      </c>
      <c r="D1969">
        <v>25899967</v>
      </c>
      <c r="E1969">
        <v>1</v>
      </c>
      <c r="F1969">
        <v>3</v>
      </c>
      <c r="H1969" t="s">
        <v>10261</v>
      </c>
      <c r="J1969" t="s">
        <v>10262</v>
      </c>
      <c r="K1969" t="s">
        <v>10263</v>
      </c>
      <c r="M1969">
        <v>1598799</v>
      </c>
      <c r="O1969">
        <v>1598799</v>
      </c>
      <c r="P1969">
        <v>1</v>
      </c>
      <c r="Q1969">
        <v>0</v>
      </c>
      <c r="R1969" t="s">
        <v>10264</v>
      </c>
      <c r="S1969">
        <v>142</v>
      </c>
    </row>
    <row r="1970" spans="1:19" x14ac:dyDescent="0.25">
      <c r="A1970">
        <v>17591975</v>
      </c>
      <c r="B1970" t="s">
        <v>10265</v>
      </c>
      <c r="C1970" s="1" t="s">
        <v>10266</v>
      </c>
      <c r="D1970">
        <v>17592278</v>
      </c>
      <c r="E1970">
        <v>1</v>
      </c>
      <c r="F1970">
        <v>1</v>
      </c>
      <c r="H1970" t="s">
        <v>10267</v>
      </c>
      <c r="J1970" t="s">
        <v>10268</v>
      </c>
      <c r="K1970" t="s">
        <v>10269</v>
      </c>
      <c r="M1970">
        <v>1818123</v>
      </c>
      <c r="O1970">
        <v>1818123</v>
      </c>
      <c r="P1970">
        <v>1</v>
      </c>
      <c r="Q1970">
        <v>1</v>
      </c>
      <c r="R1970" t="s">
        <v>10270</v>
      </c>
      <c r="S1970">
        <v>6138</v>
      </c>
    </row>
    <row r="1971" spans="1:19" x14ac:dyDescent="0.25">
      <c r="A1971">
        <v>11948420</v>
      </c>
      <c r="B1971" t="s">
        <v>10271</v>
      </c>
      <c r="C1971" s="1" t="s">
        <v>10272</v>
      </c>
      <c r="D1971">
        <v>11948621</v>
      </c>
      <c r="E1971">
        <v>1</v>
      </c>
      <c r="F1971">
        <v>1</v>
      </c>
      <c r="H1971" t="s">
        <v>10273</v>
      </c>
      <c r="I1971">
        <v>1</v>
      </c>
      <c r="J1971" t="s">
        <v>10274</v>
      </c>
      <c r="K1971" t="s">
        <v>10275</v>
      </c>
      <c r="M1971">
        <v>-1</v>
      </c>
      <c r="O1971">
        <v>1233682</v>
      </c>
      <c r="P1971">
        <v>1</v>
      </c>
      <c r="Q1971">
        <v>2</v>
      </c>
      <c r="R1971" t="s">
        <v>10276</v>
      </c>
      <c r="S1971">
        <v>1884</v>
      </c>
    </row>
    <row r="1972" spans="1:19" x14ac:dyDescent="0.25">
      <c r="A1972">
        <v>42962940</v>
      </c>
      <c r="B1972" t="s">
        <v>10277</v>
      </c>
      <c r="C1972" s="1" t="s">
        <v>10278</v>
      </c>
      <c r="E1972">
        <v>1</v>
      </c>
      <c r="F1972">
        <v>0</v>
      </c>
      <c r="H1972" t="s">
        <v>10279</v>
      </c>
      <c r="I1972">
        <v>1</v>
      </c>
      <c r="J1972" t="s">
        <v>10280</v>
      </c>
      <c r="K1972" t="s">
        <v>10280</v>
      </c>
      <c r="M1972">
        <v>5521183</v>
      </c>
      <c r="O1972">
        <v>2744963</v>
      </c>
      <c r="P1972">
        <v>1</v>
      </c>
      <c r="Q1972">
        <v>2</v>
      </c>
      <c r="R1972" t="s">
        <v>10281</v>
      </c>
      <c r="S1972">
        <v>214</v>
      </c>
    </row>
    <row r="1973" spans="1:19" x14ac:dyDescent="0.25">
      <c r="A1973">
        <v>30852786</v>
      </c>
      <c r="B1973" t="s">
        <v>10282</v>
      </c>
      <c r="C1973" s="1" t="s">
        <v>10283</v>
      </c>
      <c r="D1973">
        <v>30853096</v>
      </c>
      <c r="E1973">
        <v>1</v>
      </c>
      <c r="F1973">
        <v>4</v>
      </c>
      <c r="H1973" t="s">
        <v>10284</v>
      </c>
      <c r="J1973" t="s">
        <v>10285</v>
      </c>
      <c r="K1973" t="s">
        <v>10286</v>
      </c>
      <c r="M1973">
        <v>2058498</v>
      </c>
      <c r="O1973">
        <v>2058498</v>
      </c>
      <c r="P1973">
        <v>1</v>
      </c>
      <c r="Q1973">
        <v>2</v>
      </c>
      <c r="R1973" t="s">
        <v>10287</v>
      </c>
      <c r="S1973">
        <v>60</v>
      </c>
    </row>
    <row r="1974" spans="1:19" x14ac:dyDescent="0.25">
      <c r="A1974">
        <v>50258693</v>
      </c>
      <c r="B1974" t="s">
        <v>10288</v>
      </c>
      <c r="C1974" s="1" t="s">
        <v>10289</v>
      </c>
      <c r="E1974">
        <v>2</v>
      </c>
      <c r="F1974">
        <v>1</v>
      </c>
      <c r="H1974" t="s">
        <v>10290</v>
      </c>
      <c r="J1974" t="s">
        <v>10291</v>
      </c>
      <c r="O1974">
        <v>508681</v>
      </c>
      <c r="P1974">
        <v>1</v>
      </c>
      <c r="Q1974">
        <v>1</v>
      </c>
      <c r="R1974" t="s">
        <v>10292</v>
      </c>
      <c r="S1974">
        <v>26</v>
      </c>
    </row>
    <row r="1975" spans="1:19" x14ac:dyDescent="0.25">
      <c r="A1975">
        <v>18361930</v>
      </c>
      <c r="B1975" t="s">
        <v>10293</v>
      </c>
      <c r="C1975" s="1" t="s">
        <v>10294</v>
      </c>
      <c r="D1975">
        <v>18365157</v>
      </c>
      <c r="E1975">
        <v>1</v>
      </c>
      <c r="F1975">
        <v>0</v>
      </c>
      <c r="H1975" t="s">
        <v>10295</v>
      </c>
      <c r="I1975">
        <v>10</v>
      </c>
      <c r="J1975" t="s">
        <v>10296</v>
      </c>
      <c r="K1975" t="s">
        <v>10297</v>
      </c>
      <c r="M1975">
        <v>829688</v>
      </c>
      <c r="O1975">
        <v>2042748</v>
      </c>
      <c r="P1975">
        <v>1</v>
      </c>
      <c r="Q1975">
        <v>21</v>
      </c>
      <c r="R1975" t="s">
        <v>10298</v>
      </c>
      <c r="S1975">
        <v>47283</v>
      </c>
    </row>
    <row r="1976" spans="1:19" x14ac:dyDescent="0.25">
      <c r="A1976">
        <v>4911656</v>
      </c>
      <c r="B1976" t="s">
        <v>10299</v>
      </c>
      <c r="C1976" s="1" t="s">
        <v>10300</v>
      </c>
      <c r="D1976">
        <v>4911842</v>
      </c>
      <c r="E1976">
        <v>1</v>
      </c>
      <c r="F1976">
        <v>1</v>
      </c>
      <c r="H1976" t="s">
        <v>10301</v>
      </c>
      <c r="I1976">
        <v>1</v>
      </c>
      <c r="J1976" t="s">
        <v>10302</v>
      </c>
      <c r="K1976" t="s">
        <v>10303</v>
      </c>
      <c r="M1976">
        <v>411023</v>
      </c>
      <c r="O1976">
        <v>411023</v>
      </c>
      <c r="P1976">
        <v>1</v>
      </c>
      <c r="Q1976">
        <v>2</v>
      </c>
      <c r="R1976" t="s">
        <v>10304</v>
      </c>
      <c r="S1976">
        <v>6298</v>
      </c>
    </row>
    <row r="1977" spans="1:19" x14ac:dyDescent="0.25">
      <c r="A1977">
        <v>47992794</v>
      </c>
      <c r="B1977" t="s">
        <v>10305</v>
      </c>
      <c r="C1977" s="1" t="s">
        <v>10306</v>
      </c>
      <c r="D1977">
        <v>48157182</v>
      </c>
      <c r="E1977">
        <v>1</v>
      </c>
      <c r="F1977">
        <v>0</v>
      </c>
      <c r="H1977" t="s">
        <v>10307</v>
      </c>
      <c r="J1977" t="s">
        <v>10308</v>
      </c>
      <c r="O1977">
        <v>667264</v>
      </c>
      <c r="P1977">
        <v>1</v>
      </c>
      <c r="Q1977">
        <v>0</v>
      </c>
      <c r="R1977" t="s">
        <v>10309</v>
      </c>
      <c r="S1977">
        <v>58</v>
      </c>
    </row>
    <row r="1978" spans="1:19" x14ac:dyDescent="0.25">
      <c r="A1978">
        <v>4520242</v>
      </c>
      <c r="B1978" t="s">
        <v>10310</v>
      </c>
      <c r="C1978" s="1" t="s">
        <v>10311</v>
      </c>
      <c r="E1978">
        <v>2</v>
      </c>
      <c r="F1978">
        <v>0</v>
      </c>
      <c r="H1978" t="s">
        <v>10312</v>
      </c>
      <c r="I1978">
        <v>1</v>
      </c>
      <c r="J1978" t="s">
        <v>10313</v>
      </c>
      <c r="K1978" t="s">
        <v>10314</v>
      </c>
      <c r="M1978">
        <v>-1</v>
      </c>
      <c r="O1978">
        <v>476584</v>
      </c>
      <c r="P1978">
        <v>1</v>
      </c>
      <c r="Q1978">
        <v>2</v>
      </c>
      <c r="R1978" t="s">
        <v>10315</v>
      </c>
      <c r="S1978">
        <v>14808</v>
      </c>
    </row>
    <row r="1979" spans="1:19" x14ac:dyDescent="0.25">
      <c r="A1979">
        <v>17044580</v>
      </c>
      <c r="B1979" t="s">
        <v>10316</v>
      </c>
      <c r="C1979" s="1" t="s">
        <v>10317</v>
      </c>
      <c r="E1979">
        <v>3</v>
      </c>
      <c r="F1979">
        <v>2</v>
      </c>
      <c r="H1979" t="s">
        <v>10318</v>
      </c>
      <c r="J1979" t="s">
        <v>10319</v>
      </c>
      <c r="O1979">
        <v>1087362</v>
      </c>
      <c r="P1979">
        <v>1</v>
      </c>
      <c r="Q1979">
        <v>0</v>
      </c>
      <c r="R1979" t="s">
        <v>10320</v>
      </c>
      <c r="S1979">
        <v>3822</v>
      </c>
    </row>
    <row r="1980" spans="1:19" x14ac:dyDescent="0.25">
      <c r="A1980">
        <v>13065245</v>
      </c>
      <c r="B1980" t="s">
        <v>10321</v>
      </c>
      <c r="C1980" s="1" t="s">
        <v>10322</v>
      </c>
      <c r="D1980">
        <v>13065588</v>
      </c>
      <c r="E1980">
        <v>2</v>
      </c>
      <c r="F1980">
        <v>0</v>
      </c>
      <c r="H1980" t="s">
        <v>10323</v>
      </c>
      <c r="I1980">
        <v>2</v>
      </c>
      <c r="J1980" t="s">
        <v>10324</v>
      </c>
      <c r="K1980" t="s">
        <v>10325</v>
      </c>
      <c r="M1980">
        <v>569101</v>
      </c>
      <c r="O1980">
        <v>1765334</v>
      </c>
      <c r="P1980">
        <v>1</v>
      </c>
      <c r="Q1980">
        <v>6</v>
      </c>
      <c r="R1980" t="s">
        <v>10326</v>
      </c>
      <c r="S1980">
        <v>10555</v>
      </c>
    </row>
    <row r="1981" spans="1:19" x14ac:dyDescent="0.25">
      <c r="A1981">
        <v>5879262</v>
      </c>
      <c r="B1981" t="s">
        <v>10327</v>
      </c>
      <c r="C1981" s="1" t="s">
        <v>10328</v>
      </c>
      <c r="E1981">
        <v>4</v>
      </c>
      <c r="F1981">
        <v>0</v>
      </c>
      <c r="H1981" t="s">
        <v>10329</v>
      </c>
      <c r="J1981" t="s">
        <v>10330</v>
      </c>
      <c r="K1981" t="s">
        <v>10331</v>
      </c>
      <c r="M1981">
        <v>164901</v>
      </c>
      <c r="O1981">
        <v>734210</v>
      </c>
      <c r="P1981">
        <v>1</v>
      </c>
      <c r="Q1981">
        <v>4</v>
      </c>
      <c r="R1981" t="s">
        <v>10332</v>
      </c>
      <c r="S1981">
        <v>15295</v>
      </c>
    </row>
    <row r="1982" spans="1:19" x14ac:dyDescent="0.25">
      <c r="A1982">
        <v>19106924</v>
      </c>
      <c r="B1982" t="s">
        <v>10333</v>
      </c>
      <c r="C1982" s="1" t="s">
        <v>10334</v>
      </c>
      <c r="E1982">
        <v>0</v>
      </c>
      <c r="F1982">
        <v>1</v>
      </c>
      <c r="H1982" t="s">
        <v>10335</v>
      </c>
      <c r="J1982" t="s">
        <v>10336</v>
      </c>
      <c r="O1982">
        <v>1768055</v>
      </c>
      <c r="P1982">
        <v>1</v>
      </c>
      <c r="Q1982">
        <v>1</v>
      </c>
      <c r="R1982" t="s">
        <v>10337</v>
      </c>
      <c r="S1982">
        <v>349</v>
      </c>
    </row>
    <row r="1983" spans="1:19" x14ac:dyDescent="0.25">
      <c r="A1983">
        <v>34153652</v>
      </c>
      <c r="B1983" t="s">
        <v>10338</v>
      </c>
      <c r="C1983" s="1" t="s">
        <v>10339</v>
      </c>
      <c r="D1983">
        <v>34154007</v>
      </c>
      <c r="E1983">
        <v>1</v>
      </c>
      <c r="F1983">
        <v>0</v>
      </c>
      <c r="H1983" t="s">
        <v>10340</v>
      </c>
      <c r="I1983">
        <v>0</v>
      </c>
      <c r="J1983" t="s">
        <v>10341</v>
      </c>
      <c r="O1983">
        <v>1584602</v>
      </c>
      <c r="P1983">
        <v>1</v>
      </c>
      <c r="Q1983">
        <v>1</v>
      </c>
      <c r="R1983" t="s">
        <v>10342</v>
      </c>
      <c r="S1983">
        <v>347</v>
      </c>
    </row>
    <row r="1984" spans="1:19" x14ac:dyDescent="0.25">
      <c r="A1984">
        <v>38172071</v>
      </c>
      <c r="B1984" t="s">
        <v>10343</v>
      </c>
      <c r="C1984" s="1" t="s">
        <v>10344</v>
      </c>
      <c r="D1984">
        <v>38172808</v>
      </c>
      <c r="E1984">
        <v>2</v>
      </c>
      <c r="F1984">
        <v>0</v>
      </c>
      <c r="H1984" t="s">
        <v>10345</v>
      </c>
      <c r="I1984">
        <v>0</v>
      </c>
      <c r="J1984" t="s">
        <v>10346</v>
      </c>
      <c r="K1984" t="s">
        <v>10346</v>
      </c>
      <c r="M1984">
        <v>4704068</v>
      </c>
      <c r="O1984">
        <v>4704068</v>
      </c>
      <c r="P1984">
        <v>1</v>
      </c>
      <c r="Q1984">
        <v>0</v>
      </c>
      <c r="R1984" t="s">
        <v>10347</v>
      </c>
      <c r="S1984">
        <v>411</v>
      </c>
    </row>
    <row r="1985" spans="1:19" x14ac:dyDescent="0.25">
      <c r="A1985">
        <v>43157419</v>
      </c>
      <c r="B1985" t="s">
        <v>10348</v>
      </c>
      <c r="C1985" s="1" t="s">
        <v>10349</v>
      </c>
      <c r="D1985">
        <v>43157456</v>
      </c>
      <c r="E1985">
        <v>2</v>
      </c>
      <c r="F1985">
        <v>0</v>
      </c>
      <c r="H1985" t="s">
        <v>10350</v>
      </c>
      <c r="J1985" t="s">
        <v>10351</v>
      </c>
      <c r="O1985">
        <v>2629205</v>
      </c>
      <c r="P1985">
        <v>1</v>
      </c>
      <c r="Q1985">
        <v>2</v>
      </c>
      <c r="R1985" t="s">
        <v>10352</v>
      </c>
      <c r="S1985">
        <v>30</v>
      </c>
    </row>
    <row r="1986" spans="1:19" x14ac:dyDescent="0.25">
      <c r="A1986">
        <v>15255421</v>
      </c>
      <c r="B1986" t="s">
        <v>10353</v>
      </c>
      <c r="C1986" s="1" t="s">
        <v>10354</v>
      </c>
      <c r="E1986">
        <v>2</v>
      </c>
      <c r="F1986">
        <v>0</v>
      </c>
      <c r="H1986" t="s">
        <v>10355</v>
      </c>
      <c r="J1986" t="s">
        <v>10356</v>
      </c>
      <c r="O1986">
        <v>1638224</v>
      </c>
      <c r="P1986">
        <v>1</v>
      </c>
      <c r="Q1986">
        <v>1</v>
      </c>
      <c r="R1986" t="s">
        <v>10357</v>
      </c>
      <c r="S1986">
        <v>1042</v>
      </c>
    </row>
    <row r="1987" spans="1:19" x14ac:dyDescent="0.25">
      <c r="A1987">
        <v>8366701</v>
      </c>
      <c r="B1987" t="s">
        <v>10358</v>
      </c>
      <c r="C1987" s="1" t="s">
        <v>10359</v>
      </c>
      <c r="D1987">
        <v>8367944</v>
      </c>
      <c r="E1987">
        <v>4</v>
      </c>
      <c r="F1987">
        <v>0</v>
      </c>
      <c r="H1987" t="s">
        <v>10360</v>
      </c>
      <c r="I1987">
        <v>13</v>
      </c>
      <c r="J1987" t="s">
        <v>10361</v>
      </c>
      <c r="K1987" t="s">
        <v>10361</v>
      </c>
      <c r="M1987">
        <v>773263</v>
      </c>
      <c r="O1987">
        <v>384193</v>
      </c>
      <c r="P1987">
        <v>1</v>
      </c>
      <c r="Q1987">
        <v>7</v>
      </c>
      <c r="R1987" t="s">
        <v>10362</v>
      </c>
      <c r="S1987">
        <v>10927</v>
      </c>
    </row>
    <row r="1988" spans="1:19" x14ac:dyDescent="0.25">
      <c r="A1988">
        <v>34291807</v>
      </c>
      <c r="B1988" t="s">
        <v>10363</v>
      </c>
      <c r="C1988" s="1" t="s">
        <v>10364</v>
      </c>
      <c r="E1988">
        <v>0</v>
      </c>
      <c r="F1988">
        <v>0</v>
      </c>
      <c r="H1988" t="s">
        <v>10365</v>
      </c>
      <c r="J1988" t="s">
        <v>10366</v>
      </c>
      <c r="K1988" t="s">
        <v>10366</v>
      </c>
      <c r="M1988">
        <v>2067677</v>
      </c>
      <c r="O1988">
        <v>2067677</v>
      </c>
      <c r="P1988">
        <v>1</v>
      </c>
      <c r="Q1988">
        <v>1</v>
      </c>
      <c r="R1988" t="s">
        <v>10367</v>
      </c>
      <c r="S1988">
        <v>41</v>
      </c>
    </row>
    <row r="1989" spans="1:19" x14ac:dyDescent="0.25">
      <c r="A1989">
        <v>30656814</v>
      </c>
      <c r="B1989" t="s">
        <v>10368</v>
      </c>
      <c r="C1989" s="1" t="s">
        <v>10369</v>
      </c>
      <c r="D1989">
        <v>30658301</v>
      </c>
      <c r="E1989">
        <v>2</v>
      </c>
      <c r="F1989">
        <v>4</v>
      </c>
      <c r="H1989" t="s">
        <v>10370</v>
      </c>
      <c r="I1989">
        <v>1</v>
      </c>
      <c r="J1989" t="s">
        <v>10371</v>
      </c>
      <c r="O1989">
        <v>4709748</v>
      </c>
      <c r="P1989">
        <v>1</v>
      </c>
      <c r="Q1989">
        <v>-2</v>
      </c>
      <c r="R1989" t="s">
        <v>1942</v>
      </c>
      <c r="S1989">
        <v>77</v>
      </c>
    </row>
    <row r="1990" spans="1:19" x14ac:dyDescent="0.25">
      <c r="A1990">
        <v>50930435</v>
      </c>
      <c r="B1990" t="s">
        <v>10372</v>
      </c>
      <c r="C1990" s="1" t="s">
        <v>10373</v>
      </c>
      <c r="E1990">
        <v>0</v>
      </c>
      <c r="F1990">
        <v>1</v>
      </c>
      <c r="H1990" t="s">
        <v>10374</v>
      </c>
      <c r="J1990" t="s">
        <v>10374</v>
      </c>
      <c r="O1990">
        <v>9929603</v>
      </c>
      <c r="P1990">
        <v>1</v>
      </c>
      <c r="Q1990">
        <v>0</v>
      </c>
      <c r="R1990" t="s">
        <v>10375</v>
      </c>
      <c r="S1990">
        <v>14</v>
      </c>
    </row>
    <row r="1991" spans="1:19" x14ac:dyDescent="0.25">
      <c r="A1991">
        <v>42575330</v>
      </c>
      <c r="B1991" t="s">
        <v>10376</v>
      </c>
      <c r="C1991" s="1" t="s">
        <v>10377</v>
      </c>
      <c r="D1991">
        <v>42580871</v>
      </c>
      <c r="E1991">
        <v>2</v>
      </c>
      <c r="F1991">
        <v>3</v>
      </c>
      <c r="H1991" t="s">
        <v>10378</v>
      </c>
      <c r="J1991" t="s">
        <v>10379</v>
      </c>
      <c r="K1991" t="s">
        <v>10380</v>
      </c>
      <c r="M1991">
        <v>871050</v>
      </c>
      <c r="O1991">
        <v>3373505</v>
      </c>
      <c r="P1991">
        <v>1</v>
      </c>
      <c r="Q1991">
        <v>3</v>
      </c>
      <c r="R1991" t="s">
        <v>10381</v>
      </c>
      <c r="S1991">
        <v>1008</v>
      </c>
    </row>
    <row r="1992" spans="1:19" x14ac:dyDescent="0.25">
      <c r="A1992">
        <v>10530905</v>
      </c>
      <c r="B1992" t="s">
        <v>10382</v>
      </c>
      <c r="C1992" s="1" t="s">
        <v>10383</v>
      </c>
      <c r="E1992">
        <v>1</v>
      </c>
      <c r="F1992">
        <v>0</v>
      </c>
      <c r="H1992" t="s">
        <v>10384</v>
      </c>
      <c r="J1992" t="s">
        <v>10385</v>
      </c>
      <c r="K1992" t="s">
        <v>10386</v>
      </c>
      <c r="M1992">
        <v>249710</v>
      </c>
      <c r="O1992">
        <v>1386630</v>
      </c>
      <c r="P1992">
        <v>1</v>
      </c>
      <c r="Q1992">
        <v>2</v>
      </c>
      <c r="R1992" t="s">
        <v>10387</v>
      </c>
      <c r="S1992">
        <v>1618</v>
      </c>
    </row>
    <row r="1993" spans="1:19" x14ac:dyDescent="0.25">
      <c r="A1993">
        <v>42232113</v>
      </c>
      <c r="B1993" t="s">
        <v>10388</v>
      </c>
      <c r="C1993" s="1" t="s">
        <v>10389</v>
      </c>
      <c r="D1993">
        <v>42232277</v>
      </c>
      <c r="E1993">
        <v>2</v>
      </c>
      <c r="F1993">
        <v>4</v>
      </c>
      <c r="H1993" t="s">
        <v>10390</v>
      </c>
      <c r="J1993" t="s">
        <v>10391</v>
      </c>
      <c r="K1993" t="s">
        <v>10391</v>
      </c>
      <c r="M1993">
        <v>591784</v>
      </c>
      <c r="O1993">
        <v>7564130</v>
      </c>
      <c r="P1993">
        <v>1</v>
      </c>
      <c r="Q1993">
        <v>0</v>
      </c>
      <c r="R1993" t="s">
        <v>10392</v>
      </c>
      <c r="S1993">
        <v>53</v>
      </c>
    </row>
    <row r="1994" spans="1:19" x14ac:dyDescent="0.25">
      <c r="A1994">
        <v>49421658</v>
      </c>
      <c r="B1994" t="s">
        <v>10393</v>
      </c>
      <c r="C1994" s="1" t="s">
        <v>10394</v>
      </c>
      <c r="E1994">
        <v>1</v>
      </c>
      <c r="F1994">
        <v>1</v>
      </c>
      <c r="H1994" t="s">
        <v>10395</v>
      </c>
      <c r="J1994" t="s">
        <v>10396</v>
      </c>
      <c r="K1994" t="s">
        <v>10397</v>
      </c>
      <c r="M1994">
        <v>4896949</v>
      </c>
      <c r="O1994">
        <v>5876181</v>
      </c>
      <c r="P1994">
        <v>1</v>
      </c>
      <c r="Q1994">
        <v>0</v>
      </c>
      <c r="R1994" t="s">
        <v>10398</v>
      </c>
      <c r="S1994">
        <v>46</v>
      </c>
    </row>
    <row r="1995" spans="1:19" x14ac:dyDescent="0.25">
      <c r="A1995">
        <v>29439799</v>
      </c>
      <c r="B1995" t="s">
        <v>10399</v>
      </c>
      <c r="C1995" s="1" t="s">
        <v>10400</v>
      </c>
      <c r="D1995">
        <v>29444779</v>
      </c>
      <c r="E1995">
        <v>2</v>
      </c>
      <c r="F1995">
        <v>1</v>
      </c>
      <c r="H1995" t="s">
        <v>10401</v>
      </c>
      <c r="I1995">
        <v>0</v>
      </c>
      <c r="J1995" t="s">
        <v>10402</v>
      </c>
      <c r="K1995" t="s">
        <v>10403</v>
      </c>
      <c r="M1995">
        <v>530803</v>
      </c>
      <c r="O1995">
        <v>2798151</v>
      </c>
      <c r="P1995">
        <v>1</v>
      </c>
      <c r="Q1995">
        <v>-1</v>
      </c>
      <c r="R1995" t="s">
        <v>10404</v>
      </c>
      <c r="S1995">
        <v>2019</v>
      </c>
    </row>
    <row r="1996" spans="1:19" x14ac:dyDescent="0.25">
      <c r="A1996">
        <v>39014607</v>
      </c>
      <c r="B1996" t="s">
        <v>10405</v>
      </c>
      <c r="C1996" s="1" t="s">
        <v>10406</v>
      </c>
      <c r="D1996">
        <v>39016647</v>
      </c>
      <c r="E1996">
        <v>1</v>
      </c>
      <c r="F1996">
        <v>0</v>
      </c>
      <c r="H1996" t="s">
        <v>10407</v>
      </c>
      <c r="I1996">
        <v>1</v>
      </c>
      <c r="J1996" t="s">
        <v>10408</v>
      </c>
      <c r="K1996" t="s">
        <v>10408</v>
      </c>
      <c r="M1996">
        <v>1488915</v>
      </c>
      <c r="O1996">
        <v>1488915</v>
      </c>
      <c r="P1996">
        <v>1</v>
      </c>
      <c r="Q1996">
        <v>1</v>
      </c>
      <c r="R1996" t="s">
        <v>10409</v>
      </c>
      <c r="S1996">
        <v>265</v>
      </c>
    </row>
    <row r="1997" spans="1:19" x14ac:dyDescent="0.25">
      <c r="A1997">
        <v>51072833</v>
      </c>
      <c r="B1997" t="s">
        <v>10410</v>
      </c>
      <c r="C1997" s="1" t="s">
        <v>10411</v>
      </c>
      <c r="D1997">
        <v>51072960</v>
      </c>
      <c r="E1997">
        <v>2</v>
      </c>
      <c r="F1997">
        <v>0</v>
      </c>
      <c r="H1997" t="s">
        <v>10412</v>
      </c>
      <c r="J1997" t="s">
        <v>10413</v>
      </c>
      <c r="K1997" t="s">
        <v>10414</v>
      </c>
      <c r="M1997">
        <v>1021306</v>
      </c>
      <c r="O1997">
        <v>1021306</v>
      </c>
      <c r="P1997">
        <v>1</v>
      </c>
      <c r="Q1997">
        <v>0</v>
      </c>
      <c r="R1997" t="s">
        <v>10415</v>
      </c>
      <c r="S1997">
        <v>31</v>
      </c>
    </row>
    <row r="1998" spans="1:19" x14ac:dyDescent="0.25">
      <c r="A1998">
        <v>32624300</v>
      </c>
      <c r="B1998" t="s">
        <v>10416</v>
      </c>
      <c r="C1998" s="1" t="s">
        <v>10417</v>
      </c>
      <c r="E1998">
        <v>1</v>
      </c>
      <c r="F1998">
        <v>8</v>
      </c>
      <c r="H1998" t="s">
        <v>10418</v>
      </c>
      <c r="I1998">
        <v>1</v>
      </c>
      <c r="J1998" t="s">
        <v>10419</v>
      </c>
      <c r="K1998" t="s">
        <v>10420</v>
      </c>
      <c r="M1998">
        <v>-1</v>
      </c>
      <c r="O1998">
        <v>3777958</v>
      </c>
      <c r="P1998">
        <v>1</v>
      </c>
      <c r="Q1998">
        <v>-1</v>
      </c>
      <c r="R1998" t="s">
        <v>10421</v>
      </c>
      <c r="S1998">
        <v>369</v>
      </c>
    </row>
    <row r="1999" spans="1:19" x14ac:dyDescent="0.25">
      <c r="A1999">
        <v>42646162</v>
      </c>
      <c r="B1999" t="s">
        <v>10422</v>
      </c>
      <c r="C1999" s="1" t="s">
        <v>10423</v>
      </c>
      <c r="D1999">
        <v>42646386</v>
      </c>
      <c r="E1999">
        <v>1</v>
      </c>
      <c r="F1999">
        <v>0</v>
      </c>
      <c r="H1999" t="s">
        <v>10424</v>
      </c>
      <c r="J1999" t="s">
        <v>10425</v>
      </c>
      <c r="O1999">
        <v>876739</v>
      </c>
      <c r="P1999">
        <v>1</v>
      </c>
      <c r="Q1999">
        <v>0</v>
      </c>
      <c r="R1999" t="s">
        <v>10426</v>
      </c>
      <c r="S1999">
        <v>56</v>
      </c>
    </row>
    <row r="2000" spans="1:19" x14ac:dyDescent="0.25">
      <c r="A2000">
        <v>34745363</v>
      </c>
      <c r="B2000" t="s">
        <v>10427</v>
      </c>
      <c r="C2000" s="1" t="s">
        <v>10428</v>
      </c>
      <c r="D2000">
        <v>34766046</v>
      </c>
      <c r="E2000">
        <v>3</v>
      </c>
      <c r="F2000">
        <v>8</v>
      </c>
      <c r="H2000" t="s">
        <v>10429</v>
      </c>
      <c r="J2000" t="s">
        <v>10430</v>
      </c>
      <c r="O2000">
        <v>3861421</v>
      </c>
      <c r="P2000">
        <v>1</v>
      </c>
      <c r="Q2000">
        <v>-2</v>
      </c>
      <c r="R2000" t="s">
        <v>10431</v>
      </c>
      <c r="S2000">
        <v>130</v>
      </c>
    </row>
    <row r="2001" spans="1:19" x14ac:dyDescent="0.25">
      <c r="A2001">
        <v>12216815</v>
      </c>
      <c r="B2001" t="s">
        <v>10432</v>
      </c>
      <c r="C2001" s="1" t="s">
        <v>10433</v>
      </c>
      <c r="D2001">
        <v>12216921</v>
      </c>
      <c r="E2001">
        <v>2</v>
      </c>
      <c r="F2001">
        <v>0</v>
      </c>
      <c r="H2001" t="s">
        <v>10434</v>
      </c>
      <c r="J2001" t="s">
        <v>10435</v>
      </c>
      <c r="K2001" t="s">
        <v>10436</v>
      </c>
      <c r="M2001">
        <v>335858</v>
      </c>
      <c r="O2001">
        <v>1638826</v>
      </c>
      <c r="P2001">
        <v>1</v>
      </c>
      <c r="Q2001">
        <v>1</v>
      </c>
      <c r="R2001" t="s">
        <v>10437</v>
      </c>
      <c r="S2001">
        <v>1288</v>
      </c>
    </row>
    <row r="2002" spans="1:19" x14ac:dyDescent="0.25">
      <c r="A2002">
        <v>20968903</v>
      </c>
      <c r="B2002" t="s">
        <v>10438</v>
      </c>
      <c r="C2002" s="1" t="s">
        <v>10439</v>
      </c>
      <c r="D2002">
        <v>20973478</v>
      </c>
      <c r="E2002">
        <v>1</v>
      </c>
      <c r="F2002">
        <v>0</v>
      </c>
      <c r="H2002" t="s">
        <v>10440</v>
      </c>
      <c r="J2002" t="s">
        <v>10441</v>
      </c>
      <c r="O2002">
        <v>944169</v>
      </c>
      <c r="P2002">
        <v>1</v>
      </c>
      <c r="Q2002">
        <v>0</v>
      </c>
      <c r="R2002" t="s">
        <v>10442</v>
      </c>
      <c r="S2002">
        <v>140</v>
      </c>
    </row>
    <row r="2003" spans="1:19" x14ac:dyDescent="0.25">
      <c r="A2003">
        <v>14544893</v>
      </c>
      <c r="B2003" t="s">
        <v>10443</v>
      </c>
      <c r="C2003" s="1" t="s">
        <v>10444</v>
      </c>
      <c r="D2003">
        <v>14544949</v>
      </c>
      <c r="E2003">
        <v>1</v>
      </c>
      <c r="F2003">
        <v>3</v>
      </c>
      <c r="H2003" t="s">
        <v>10445</v>
      </c>
      <c r="J2003" t="s">
        <v>10446</v>
      </c>
      <c r="K2003" t="s">
        <v>10446</v>
      </c>
      <c r="M2003">
        <v>1729773</v>
      </c>
      <c r="O2003">
        <v>534617</v>
      </c>
      <c r="P2003">
        <v>1</v>
      </c>
      <c r="Q2003">
        <v>7</v>
      </c>
      <c r="R2003" t="s">
        <v>213</v>
      </c>
      <c r="S2003">
        <v>630</v>
      </c>
    </row>
    <row r="2004" spans="1:19" x14ac:dyDescent="0.25">
      <c r="A2004">
        <v>35467795</v>
      </c>
      <c r="B2004" t="s">
        <v>10447</v>
      </c>
      <c r="C2004" s="1" t="s">
        <v>10448</v>
      </c>
      <c r="E2004">
        <v>3</v>
      </c>
      <c r="F2004">
        <v>3</v>
      </c>
      <c r="H2004" t="s">
        <v>10449</v>
      </c>
      <c r="J2004" t="s">
        <v>10450</v>
      </c>
      <c r="K2004" t="s">
        <v>10450</v>
      </c>
      <c r="M2004">
        <v>1033581</v>
      </c>
      <c r="O2004">
        <v>5942619</v>
      </c>
      <c r="P2004">
        <v>1</v>
      </c>
      <c r="Q2004">
        <v>-1</v>
      </c>
      <c r="R2004" t="s">
        <v>10451</v>
      </c>
      <c r="S2004">
        <v>361</v>
      </c>
    </row>
    <row r="2005" spans="1:19" x14ac:dyDescent="0.25">
      <c r="A2005">
        <v>36474178</v>
      </c>
      <c r="B2005" t="s">
        <v>10452</v>
      </c>
      <c r="C2005" s="1" t="s">
        <v>10453</v>
      </c>
      <c r="E2005">
        <v>1</v>
      </c>
      <c r="F2005">
        <v>1</v>
      </c>
      <c r="H2005" t="s">
        <v>10454</v>
      </c>
      <c r="J2005" t="s">
        <v>10455</v>
      </c>
      <c r="K2005" t="s">
        <v>10455</v>
      </c>
      <c r="M2005">
        <v>1226963</v>
      </c>
      <c r="O2005">
        <v>1053692</v>
      </c>
      <c r="P2005">
        <v>1</v>
      </c>
      <c r="Q2005">
        <v>0</v>
      </c>
      <c r="R2005" t="s">
        <v>10456</v>
      </c>
      <c r="S2005">
        <v>67</v>
      </c>
    </row>
    <row r="2006" spans="1:19" x14ac:dyDescent="0.25">
      <c r="A2006">
        <v>17190946</v>
      </c>
      <c r="B2006" t="s">
        <v>10457</v>
      </c>
      <c r="C2006" s="1" t="s">
        <v>10458</v>
      </c>
      <c r="E2006">
        <v>2</v>
      </c>
      <c r="F2006">
        <v>0</v>
      </c>
      <c r="H2006" t="s">
        <v>10459</v>
      </c>
      <c r="J2006" t="s">
        <v>10460</v>
      </c>
      <c r="K2006" t="s">
        <v>10460</v>
      </c>
      <c r="M2006">
        <v>339049</v>
      </c>
      <c r="O2006">
        <v>339049</v>
      </c>
      <c r="P2006">
        <v>1</v>
      </c>
      <c r="Q2006">
        <v>0</v>
      </c>
      <c r="R2006" t="s">
        <v>10461</v>
      </c>
      <c r="S2006">
        <v>49</v>
      </c>
    </row>
    <row r="2007" spans="1:19" x14ac:dyDescent="0.25">
      <c r="A2007">
        <v>52964482</v>
      </c>
      <c r="B2007" t="s">
        <v>10462</v>
      </c>
      <c r="C2007" s="1" t="s">
        <v>10463</v>
      </c>
      <c r="E2007">
        <v>0</v>
      </c>
      <c r="F2007">
        <v>0</v>
      </c>
      <c r="H2007" t="s">
        <v>10464</v>
      </c>
      <c r="J2007" t="s">
        <v>10464</v>
      </c>
      <c r="O2007">
        <v>10433339</v>
      </c>
      <c r="P2007">
        <v>1</v>
      </c>
      <c r="Q2007">
        <v>0</v>
      </c>
      <c r="R2007" t="s">
        <v>2771</v>
      </c>
      <c r="S2007">
        <v>30</v>
      </c>
    </row>
    <row r="2008" spans="1:19" x14ac:dyDescent="0.25">
      <c r="A2008">
        <v>39499630</v>
      </c>
      <c r="B2008" t="s">
        <v>10465</v>
      </c>
      <c r="C2008" s="1" t="s">
        <v>10466</v>
      </c>
      <c r="E2008">
        <v>1</v>
      </c>
      <c r="F2008">
        <v>2</v>
      </c>
      <c r="H2008" t="s">
        <v>10467</v>
      </c>
      <c r="J2008" t="s">
        <v>10468</v>
      </c>
      <c r="K2008" t="s">
        <v>10469</v>
      </c>
      <c r="M2008">
        <v>455493</v>
      </c>
      <c r="O2008">
        <v>194778</v>
      </c>
      <c r="P2008">
        <v>1</v>
      </c>
      <c r="Q2008">
        <v>1</v>
      </c>
      <c r="R2008" t="s">
        <v>10470</v>
      </c>
      <c r="S2008">
        <v>345</v>
      </c>
    </row>
    <row r="2009" spans="1:19" x14ac:dyDescent="0.25">
      <c r="A2009">
        <v>45346967</v>
      </c>
      <c r="B2009" t="s">
        <v>10471</v>
      </c>
      <c r="C2009" s="1" t="s">
        <v>10472</v>
      </c>
      <c r="D2009">
        <v>45347511</v>
      </c>
      <c r="E2009">
        <v>1</v>
      </c>
      <c r="F2009">
        <v>2</v>
      </c>
      <c r="H2009" t="s">
        <v>10473</v>
      </c>
      <c r="J2009" t="s">
        <v>10474</v>
      </c>
      <c r="K2009" t="s">
        <v>10474</v>
      </c>
      <c r="M2009">
        <v>1539741</v>
      </c>
      <c r="O2009">
        <v>1539741</v>
      </c>
      <c r="P2009">
        <v>1</v>
      </c>
      <c r="Q2009">
        <v>3</v>
      </c>
      <c r="R2009" t="s">
        <v>10475</v>
      </c>
      <c r="S2009">
        <v>47</v>
      </c>
    </row>
    <row r="2010" spans="1:19" x14ac:dyDescent="0.25">
      <c r="A2010">
        <v>17529745</v>
      </c>
      <c r="B2010" t="s">
        <v>10476</v>
      </c>
      <c r="C2010" s="1" t="s">
        <v>10477</v>
      </c>
      <c r="D2010">
        <v>17543334</v>
      </c>
      <c r="E2010">
        <v>1</v>
      </c>
      <c r="F2010">
        <v>0</v>
      </c>
      <c r="H2010" t="s">
        <v>10478</v>
      </c>
      <c r="I2010">
        <v>1</v>
      </c>
      <c r="J2010" t="s">
        <v>10479</v>
      </c>
      <c r="O2010">
        <v>2252146</v>
      </c>
      <c r="P2010">
        <v>1</v>
      </c>
      <c r="Q2010">
        <v>1</v>
      </c>
      <c r="R2010" t="s">
        <v>10480</v>
      </c>
      <c r="S2010">
        <v>143</v>
      </c>
    </row>
    <row r="2011" spans="1:19" x14ac:dyDescent="0.25">
      <c r="A2011">
        <v>47620156</v>
      </c>
      <c r="B2011" t="s">
        <v>10481</v>
      </c>
      <c r="C2011" s="1" t="s">
        <v>10482</v>
      </c>
      <c r="D2011">
        <v>47683002</v>
      </c>
      <c r="E2011">
        <v>1</v>
      </c>
      <c r="F2011">
        <v>6</v>
      </c>
      <c r="H2011" t="s">
        <v>10483</v>
      </c>
      <c r="J2011" t="s">
        <v>10484</v>
      </c>
      <c r="O2011">
        <v>8214369</v>
      </c>
      <c r="P2011">
        <v>1</v>
      </c>
      <c r="Q2011">
        <v>0</v>
      </c>
      <c r="R2011" t="s">
        <v>10485</v>
      </c>
      <c r="S2011">
        <v>110</v>
      </c>
    </row>
    <row r="2012" spans="1:19" x14ac:dyDescent="0.25">
      <c r="A2012">
        <v>9068585</v>
      </c>
      <c r="B2012" t="s">
        <v>10486</v>
      </c>
      <c r="C2012" s="1" t="s">
        <v>10487</v>
      </c>
      <c r="E2012">
        <v>2</v>
      </c>
      <c r="F2012">
        <v>0</v>
      </c>
      <c r="H2012" t="s">
        <v>10488</v>
      </c>
      <c r="I2012">
        <v>1</v>
      </c>
      <c r="J2012" t="s">
        <v>10489</v>
      </c>
      <c r="K2012" t="s">
        <v>10489</v>
      </c>
      <c r="M2012">
        <v>368691</v>
      </c>
      <c r="O2012">
        <v>368691</v>
      </c>
      <c r="P2012">
        <v>1</v>
      </c>
      <c r="Q2012">
        <v>2</v>
      </c>
      <c r="R2012" t="s">
        <v>10490</v>
      </c>
      <c r="S2012">
        <v>5509</v>
      </c>
    </row>
    <row r="2013" spans="1:19" x14ac:dyDescent="0.25">
      <c r="A2013">
        <v>1267503</v>
      </c>
      <c r="B2013" t="s">
        <v>10491</v>
      </c>
      <c r="C2013" s="1" t="s">
        <v>10492</v>
      </c>
      <c r="D2013">
        <v>1267857</v>
      </c>
      <c r="E2013">
        <v>3</v>
      </c>
      <c r="F2013">
        <v>1</v>
      </c>
      <c r="H2013" t="s">
        <v>10493</v>
      </c>
      <c r="I2013">
        <v>1</v>
      </c>
      <c r="J2013" t="s">
        <v>10494</v>
      </c>
      <c r="K2013" t="s">
        <v>10494</v>
      </c>
      <c r="M2013">
        <v>1288</v>
      </c>
      <c r="O2013">
        <v>151502</v>
      </c>
      <c r="P2013">
        <v>1</v>
      </c>
      <c r="Q2013">
        <v>0</v>
      </c>
      <c r="R2013" t="s">
        <v>10495</v>
      </c>
      <c r="S2013">
        <v>2252</v>
      </c>
    </row>
    <row r="2014" spans="1:19" x14ac:dyDescent="0.25">
      <c r="A2014">
        <v>45968335</v>
      </c>
      <c r="B2014" t="s">
        <v>10496</v>
      </c>
      <c r="C2014" s="1" t="s">
        <v>10497</v>
      </c>
      <c r="E2014">
        <v>0</v>
      </c>
      <c r="F2014">
        <v>3</v>
      </c>
      <c r="H2014" t="s">
        <v>10498</v>
      </c>
      <c r="J2014" t="s">
        <v>10498</v>
      </c>
      <c r="O2014">
        <v>6232148</v>
      </c>
      <c r="P2014">
        <v>1</v>
      </c>
      <c r="Q2014">
        <v>0</v>
      </c>
      <c r="R2014" t="s">
        <v>10499</v>
      </c>
      <c r="S2014">
        <v>116</v>
      </c>
    </row>
    <row r="2015" spans="1:19" x14ac:dyDescent="0.25">
      <c r="A2015">
        <v>39652480</v>
      </c>
      <c r="B2015" t="s">
        <v>10500</v>
      </c>
      <c r="C2015" s="1" t="s">
        <v>10501</v>
      </c>
      <c r="D2015">
        <v>39672503</v>
      </c>
      <c r="E2015">
        <v>1</v>
      </c>
      <c r="F2015">
        <v>9</v>
      </c>
      <c r="H2015" t="s">
        <v>10502</v>
      </c>
      <c r="J2015" t="s">
        <v>10503</v>
      </c>
      <c r="O2015">
        <v>4678807</v>
      </c>
      <c r="P2015">
        <v>1</v>
      </c>
      <c r="Q2015">
        <v>1</v>
      </c>
      <c r="R2015" t="s">
        <v>10504</v>
      </c>
      <c r="S2015">
        <v>3354</v>
      </c>
    </row>
    <row r="2016" spans="1:19" x14ac:dyDescent="0.25">
      <c r="A2016">
        <v>47517128</v>
      </c>
      <c r="B2016" t="s">
        <v>10505</v>
      </c>
      <c r="C2016" s="1" t="s">
        <v>10506</v>
      </c>
      <c r="D2016">
        <v>47518782</v>
      </c>
      <c r="E2016">
        <v>2</v>
      </c>
      <c r="F2016">
        <v>0</v>
      </c>
      <c r="H2016" t="s">
        <v>10507</v>
      </c>
      <c r="J2016" t="s">
        <v>10508</v>
      </c>
      <c r="K2016" t="s">
        <v>10509</v>
      </c>
      <c r="M2016">
        <v>31493</v>
      </c>
      <c r="O2016">
        <v>496862</v>
      </c>
      <c r="P2016">
        <v>1</v>
      </c>
      <c r="Q2016">
        <v>0</v>
      </c>
      <c r="R2016" t="s">
        <v>10510</v>
      </c>
      <c r="S2016">
        <v>720</v>
      </c>
    </row>
    <row r="2017" spans="1:19" x14ac:dyDescent="0.25">
      <c r="A2017">
        <v>6760433</v>
      </c>
      <c r="B2017" t="s">
        <v>10511</v>
      </c>
      <c r="C2017" t="s">
        <v>10512</v>
      </c>
      <c r="E2017">
        <v>1</v>
      </c>
      <c r="F2017">
        <v>2</v>
      </c>
      <c r="H2017" t="s">
        <v>10513</v>
      </c>
      <c r="J2017" t="s">
        <v>10514</v>
      </c>
      <c r="K2017" t="s">
        <v>10515</v>
      </c>
      <c r="M2017">
        <v>249933</v>
      </c>
      <c r="O2017">
        <v>853739</v>
      </c>
      <c r="P2017">
        <v>1</v>
      </c>
      <c r="Q2017">
        <v>0</v>
      </c>
      <c r="R2017" t="s">
        <v>1288</v>
      </c>
      <c r="S2017">
        <v>170</v>
      </c>
    </row>
    <row r="2018" spans="1:19" x14ac:dyDescent="0.25">
      <c r="A2018">
        <v>47694450</v>
      </c>
      <c r="B2018" t="s">
        <v>10516</v>
      </c>
      <c r="C2018" s="1" t="s">
        <v>10517</v>
      </c>
      <c r="E2018">
        <v>0</v>
      </c>
      <c r="F2018">
        <v>1</v>
      </c>
      <c r="H2018" t="s">
        <v>10518</v>
      </c>
      <c r="J2018" t="s">
        <v>10519</v>
      </c>
      <c r="K2018" t="s">
        <v>10519</v>
      </c>
      <c r="M2018">
        <v>788100</v>
      </c>
      <c r="O2018">
        <v>788100</v>
      </c>
      <c r="P2018">
        <v>1</v>
      </c>
      <c r="Q2018">
        <v>0</v>
      </c>
      <c r="R2018" t="s">
        <v>10520</v>
      </c>
      <c r="S2018">
        <v>68</v>
      </c>
    </row>
    <row r="2019" spans="1:19" x14ac:dyDescent="0.25">
      <c r="A2019">
        <v>25601591</v>
      </c>
      <c r="B2019" t="s">
        <v>10521</v>
      </c>
      <c r="C2019" s="1" t="s">
        <v>10522</v>
      </c>
      <c r="E2019">
        <v>1</v>
      </c>
      <c r="F2019">
        <v>0</v>
      </c>
      <c r="H2019" t="s">
        <v>10523</v>
      </c>
      <c r="J2019" t="s">
        <v>10524</v>
      </c>
      <c r="O2019">
        <v>3996456</v>
      </c>
      <c r="P2019">
        <v>1</v>
      </c>
      <c r="Q2019">
        <v>0</v>
      </c>
      <c r="R2019" t="s">
        <v>10525</v>
      </c>
      <c r="S2019">
        <v>95</v>
      </c>
    </row>
    <row r="2020" spans="1:19" x14ac:dyDescent="0.25">
      <c r="A2020">
        <v>42284534</v>
      </c>
      <c r="B2020" t="s">
        <v>10526</v>
      </c>
      <c r="C2020" s="1" t="s">
        <v>10527</v>
      </c>
      <c r="D2020">
        <v>42284815</v>
      </c>
      <c r="E2020">
        <v>1</v>
      </c>
      <c r="F2020">
        <v>0</v>
      </c>
      <c r="H2020" t="s">
        <v>10528</v>
      </c>
      <c r="I2020">
        <v>1</v>
      </c>
      <c r="J2020" t="s">
        <v>10529</v>
      </c>
      <c r="K2020" t="s">
        <v>10529</v>
      </c>
      <c r="M2020">
        <v>1985262</v>
      </c>
      <c r="O2020">
        <v>1985262</v>
      </c>
      <c r="P2020">
        <v>1</v>
      </c>
      <c r="Q2020">
        <v>0</v>
      </c>
      <c r="R2020" t="s">
        <v>10530</v>
      </c>
      <c r="S2020">
        <v>265</v>
      </c>
    </row>
    <row r="2021" spans="1:19" x14ac:dyDescent="0.25">
      <c r="A2021">
        <v>29805704</v>
      </c>
      <c r="B2021" t="s">
        <v>10531</v>
      </c>
      <c r="C2021" s="1" t="s">
        <v>10532</v>
      </c>
      <c r="D2021">
        <v>45205120</v>
      </c>
      <c r="E2021">
        <v>6</v>
      </c>
      <c r="F2021">
        <v>2</v>
      </c>
      <c r="H2021" t="s">
        <v>10533</v>
      </c>
      <c r="I2021">
        <v>1</v>
      </c>
      <c r="J2021" t="s">
        <v>10534</v>
      </c>
      <c r="K2021" t="s">
        <v>10535</v>
      </c>
      <c r="M2021">
        <v>926886</v>
      </c>
      <c r="O2021">
        <v>926886</v>
      </c>
      <c r="P2021">
        <v>1</v>
      </c>
      <c r="Q2021">
        <v>17</v>
      </c>
      <c r="R2021" t="s">
        <v>10536</v>
      </c>
      <c r="S2021">
        <v>13672</v>
      </c>
    </row>
    <row r="2022" spans="1:19" x14ac:dyDescent="0.25">
      <c r="A2022">
        <v>33689787</v>
      </c>
      <c r="B2022" t="s">
        <v>10537</v>
      </c>
      <c r="C2022" s="1" t="s">
        <v>10538</v>
      </c>
      <c r="D2022">
        <v>33691559</v>
      </c>
      <c r="E2022">
        <v>1</v>
      </c>
      <c r="F2022">
        <v>0</v>
      </c>
      <c r="H2022" t="s">
        <v>10539</v>
      </c>
      <c r="J2022" t="s">
        <v>10540</v>
      </c>
      <c r="K2022" t="s">
        <v>10541</v>
      </c>
      <c r="M2022">
        <v>4960953</v>
      </c>
      <c r="O2022">
        <v>4580474</v>
      </c>
      <c r="P2022">
        <v>1</v>
      </c>
      <c r="Q2022">
        <v>1</v>
      </c>
      <c r="R2022" t="s">
        <v>10542</v>
      </c>
      <c r="S2022">
        <v>414</v>
      </c>
    </row>
    <row r="2023" spans="1:19" x14ac:dyDescent="0.25">
      <c r="A2023">
        <v>48494301</v>
      </c>
      <c r="B2023" t="s">
        <v>10543</v>
      </c>
      <c r="C2023" s="1" t="s">
        <v>10544</v>
      </c>
      <c r="D2023">
        <v>48496738</v>
      </c>
      <c r="E2023">
        <v>2</v>
      </c>
      <c r="F2023">
        <v>1</v>
      </c>
      <c r="H2023" t="s">
        <v>10545</v>
      </c>
      <c r="J2023" t="s">
        <v>10546</v>
      </c>
      <c r="O2023">
        <v>649363</v>
      </c>
      <c r="P2023">
        <v>1</v>
      </c>
      <c r="Q2023">
        <v>1</v>
      </c>
      <c r="R2023" t="s">
        <v>10547</v>
      </c>
      <c r="S2023">
        <v>535</v>
      </c>
    </row>
    <row r="2024" spans="1:19" x14ac:dyDescent="0.25">
      <c r="A2024">
        <v>27427731</v>
      </c>
      <c r="B2024" t="s">
        <v>10548</v>
      </c>
      <c r="C2024" s="1" t="s">
        <v>10549</v>
      </c>
      <c r="D2024">
        <v>27440949</v>
      </c>
      <c r="E2024">
        <v>2</v>
      </c>
      <c r="F2024">
        <v>0</v>
      </c>
      <c r="H2024" t="s">
        <v>10550</v>
      </c>
      <c r="J2024" t="s">
        <v>10551</v>
      </c>
      <c r="K2024" t="s">
        <v>10552</v>
      </c>
      <c r="M2024">
        <v>1298114</v>
      </c>
      <c r="O2024">
        <v>1298114</v>
      </c>
      <c r="P2024">
        <v>1</v>
      </c>
      <c r="Q2024">
        <v>2</v>
      </c>
      <c r="R2024" t="s">
        <v>10553</v>
      </c>
      <c r="S2024">
        <v>664</v>
      </c>
    </row>
    <row r="2025" spans="1:19" x14ac:dyDescent="0.25">
      <c r="A2025">
        <v>36385109</v>
      </c>
      <c r="B2025" t="s">
        <v>10554</v>
      </c>
      <c r="C2025" s="1" t="s">
        <v>10555</v>
      </c>
      <c r="E2025">
        <v>1</v>
      </c>
      <c r="F2025">
        <v>0</v>
      </c>
      <c r="H2025" t="s">
        <v>10556</v>
      </c>
      <c r="I2025">
        <v>1</v>
      </c>
      <c r="J2025" t="s">
        <v>10557</v>
      </c>
      <c r="K2025" t="s">
        <v>10558</v>
      </c>
      <c r="M2025">
        <v>3530109</v>
      </c>
      <c r="O2025">
        <v>3530109</v>
      </c>
      <c r="P2025">
        <v>1</v>
      </c>
      <c r="Q2025">
        <v>0</v>
      </c>
      <c r="R2025" t="s">
        <v>10559</v>
      </c>
      <c r="S2025">
        <v>79</v>
      </c>
    </row>
    <row r="2026" spans="1:19" x14ac:dyDescent="0.25">
      <c r="A2026">
        <v>50227646</v>
      </c>
      <c r="B2026" t="s">
        <v>10560</v>
      </c>
      <c r="C2026" s="1" t="s">
        <v>10561</v>
      </c>
      <c r="E2026">
        <v>2</v>
      </c>
      <c r="F2026">
        <v>0</v>
      </c>
      <c r="H2026" t="s">
        <v>10562</v>
      </c>
      <c r="J2026" t="s">
        <v>10563</v>
      </c>
      <c r="O2026">
        <v>9733152</v>
      </c>
      <c r="P2026">
        <v>1</v>
      </c>
      <c r="Q2026">
        <v>2</v>
      </c>
      <c r="R2026" t="s">
        <v>10564</v>
      </c>
      <c r="S2026">
        <v>75</v>
      </c>
    </row>
    <row r="2027" spans="1:19" x14ac:dyDescent="0.25">
      <c r="A2027">
        <v>51804384</v>
      </c>
      <c r="B2027" t="s">
        <v>10565</v>
      </c>
      <c r="C2027" s="1" t="s">
        <v>10566</v>
      </c>
      <c r="E2027">
        <v>0</v>
      </c>
      <c r="F2027">
        <v>0</v>
      </c>
      <c r="H2027" t="s">
        <v>10567</v>
      </c>
      <c r="J2027" t="s">
        <v>10567</v>
      </c>
      <c r="O2027">
        <v>10075039</v>
      </c>
      <c r="P2027">
        <v>1</v>
      </c>
      <c r="Q2027">
        <v>0</v>
      </c>
      <c r="R2027" t="s">
        <v>7913</v>
      </c>
      <c r="S2027">
        <v>20</v>
      </c>
    </row>
    <row r="2028" spans="1:19" x14ac:dyDescent="0.25">
      <c r="A2028">
        <v>53357577</v>
      </c>
      <c r="B2028" t="s">
        <v>10568</v>
      </c>
      <c r="C2028" s="1" t="s">
        <v>10569</v>
      </c>
      <c r="E2028">
        <v>2</v>
      </c>
      <c r="F2028">
        <v>2</v>
      </c>
      <c r="H2028" t="s">
        <v>10570</v>
      </c>
      <c r="J2028" t="s">
        <v>10571</v>
      </c>
      <c r="O2028">
        <v>10592094</v>
      </c>
      <c r="P2028">
        <v>1</v>
      </c>
      <c r="Q2028">
        <v>0</v>
      </c>
      <c r="R2028" t="s">
        <v>10572</v>
      </c>
      <c r="S2028">
        <v>31</v>
      </c>
    </row>
    <row r="2029" spans="1:19" x14ac:dyDescent="0.25">
      <c r="A2029">
        <v>35279698</v>
      </c>
      <c r="B2029" t="s">
        <v>10573</v>
      </c>
      <c r="C2029" s="1" t="s">
        <v>10574</v>
      </c>
      <c r="E2029">
        <v>2</v>
      </c>
      <c r="F2029">
        <v>0</v>
      </c>
      <c r="H2029" t="s">
        <v>10575</v>
      </c>
      <c r="J2029" t="s">
        <v>10576</v>
      </c>
      <c r="K2029" t="s">
        <v>10577</v>
      </c>
      <c r="M2029">
        <v>297003</v>
      </c>
      <c r="O2029">
        <v>297003</v>
      </c>
      <c r="P2029">
        <v>1</v>
      </c>
      <c r="Q2029">
        <v>0</v>
      </c>
      <c r="R2029" t="s">
        <v>10578</v>
      </c>
      <c r="S2029">
        <v>4766</v>
      </c>
    </row>
    <row r="2030" spans="1:19" x14ac:dyDescent="0.25">
      <c r="A2030">
        <v>51686641</v>
      </c>
      <c r="B2030" t="s">
        <v>10579</v>
      </c>
      <c r="C2030" s="1" t="s">
        <v>10580</v>
      </c>
      <c r="D2030">
        <v>52446274</v>
      </c>
      <c r="E2030">
        <v>1</v>
      </c>
      <c r="F2030">
        <v>2</v>
      </c>
      <c r="H2030" t="s">
        <v>10581</v>
      </c>
      <c r="J2030" t="s">
        <v>10582</v>
      </c>
      <c r="K2030" t="s">
        <v>10583</v>
      </c>
      <c r="M2030">
        <v>2391795</v>
      </c>
      <c r="O2030">
        <v>2391795</v>
      </c>
      <c r="P2030">
        <v>1</v>
      </c>
      <c r="Q2030">
        <v>0</v>
      </c>
      <c r="R2030" t="s">
        <v>10584</v>
      </c>
      <c r="S2030">
        <v>20</v>
      </c>
    </row>
    <row r="2031" spans="1:19" x14ac:dyDescent="0.25">
      <c r="A2031">
        <v>13714715</v>
      </c>
      <c r="B2031" t="s">
        <v>10585</v>
      </c>
      <c r="C2031" s="1" t="s">
        <v>10586</v>
      </c>
      <c r="D2031">
        <v>13715028</v>
      </c>
      <c r="E2031">
        <v>1</v>
      </c>
      <c r="F2031">
        <v>8</v>
      </c>
      <c r="H2031" t="s">
        <v>10587</v>
      </c>
      <c r="J2031" t="s">
        <v>10588</v>
      </c>
      <c r="O2031">
        <v>329094</v>
      </c>
      <c r="P2031">
        <v>1</v>
      </c>
      <c r="Q2031">
        <v>0</v>
      </c>
      <c r="R2031" t="s">
        <v>10589</v>
      </c>
      <c r="S2031">
        <v>110</v>
      </c>
    </row>
    <row r="2032" spans="1:19" x14ac:dyDescent="0.25">
      <c r="A2032">
        <v>39104895</v>
      </c>
      <c r="B2032" t="s">
        <v>10590</v>
      </c>
      <c r="C2032" s="1" t="s">
        <v>10591</v>
      </c>
      <c r="E2032">
        <v>0</v>
      </c>
      <c r="F2032">
        <v>3</v>
      </c>
      <c r="H2032" t="s">
        <v>10592</v>
      </c>
      <c r="J2032" t="s">
        <v>10592</v>
      </c>
      <c r="O2032">
        <v>3842076</v>
      </c>
      <c r="P2032">
        <v>1</v>
      </c>
      <c r="Q2032">
        <v>0</v>
      </c>
      <c r="R2032" t="s">
        <v>10593</v>
      </c>
      <c r="S2032">
        <v>41</v>
      </c>
    </row>
    <row r="2033" spans="1:19" x14ac:dyDescent="0.25">
      <c r="A2033">
        <v>34579600</v>
      </c>
      <c r="B2033" t="s">
        <v>10594</v>
      </c>
      <c r="C2033" s="1" t="s">
        <v>10595</v>
      </c>
      <c r="E2033">
        <v>2</v>
      </c>
      <c r="F2033">
        <v>7</v>
      </c>
      <c r="H2033" t="s">
        <v>10596</v>
      </c>
      <c r="J2033" t="s">
        <v>10597</v>
      </c>
      <c r="K2033" t="s">
        <v>10598</v>
      </c>
      <c r="M2033">
        <v>4284585</v>
      </c>
      <c r="O2033">
        <v>4284585</v>
      </c>
      <c r="P2033">
        <v>1</v>
      </c>
      <c r="Q2033">
        <v>1</v>
      </c>
      <c r="R2033" t="s">
        <v>10599</v>
      </c>
      <c r="S2033">
        <v>357</v>
      </c>
    </row>
    <row r="2034" spans="1:19" x14ac:dyDescent="0.25">
      <c r="A2034">
        <v>47544952</v>
      </c>
      <c r="B2034" t="s">
        <v>10600</v>
      </c>
      <c r="C2034" s="1" t="s">
        <v>10601</v>
      </c>
      <c r="D2034">
        <v>47545314</v>
      </c>
      <c r="E2034">
        <v>2</v>
      </c>
      <c r="F2034">
        <v>3</v>
      </c>
      <c r="H2034" t="s">
        <v>10602</v>
      </c>
      <c r="J2034" t="s">
        <v>10603</v>
      </c>
      <c r="O2034">
        <v>6279326</v>
      </c>
      <c r="P2034">
        <v>1</v>
      </c>
      <c r="Q2034">
        <v>0</v>
      </c>
      <c r="R2034" t="s">
        <v>10604</v>
      </c>
      <c r="S2034">
        <v>63</v>
      </c>
    </row>
    <row r="2035" spans="1:19" x14ac:dyDescent="0.25">
      <c r="A2035">
        <v>6235230</v>
      </c>
      <c r="B2035" t="s">
        <v>10605</v>
      </c>
      <c r="C2035" s="1" t="s">
        <v>10606</v>
      </c>
      <c r="E2035">
        <v>3</v>
      </c>
      <c r="F2035">
        <v>8</v>
      </c>
      <c r="H2035" t="s">
        <v>10607</v>
      </c>
      <c r="J2035" t="s">
        <v>10608</v>
      </c>
      <c r="K2035" t="s">
        <v>10609</v>
      </c>
      <c r="M2035">
        <v>5772384</v>
      </c>
      <c r="O2035">
        <v>755138</v>
      </c>
      <c r="P2035">
        <v>1</v>
      </c>
      <c r="Q2035">
        <v>3</v>
      </c>
      <c r="R2035" t="s">
        <v>10610</v>
      </c>
      <c r="S2035">
        <v>595</v>
      </c>
    </row>
    <row r="2036" spans="1:19" x14ac:dyDescent="0.25">
      <c r="A2036">
        <v>36149818</v>
      </c>
      <c r="B2036" t="s">
        <v>10611</v>
      </c>
      <c r="C2036" s="1" t="s">
        <v>10612</v>
      </c>
      <c r="E2036">
        <v>0</v>
      </c>
      <c r="F2036">
        <v>5</v>
      </c>
      <c r="H2036" t="s">
        <v>10613</v>
      </c>
      <c r="J2036" t="s">
        <v>10614</v>
      </c>
      <c r="K2036" t="s">
        <v>10614</v>
      </c>
      <c r="M2036">
        <v>534943</v>
      </c>
      <c r="O2036">
        <v>5871672</v>
      </c>
      <c r="P2036">
        <v>1</v>
      </c>
      <c r="Q2036">
        <v>2</v>
      </c>
      <c r="R2036" t="s">
        <v>10615</v>
      </c>
      <c r="S2036">
        <v>293</v>
      </c>
    </row>
    <row r="2037" spans="1:19" x14ac:dyDescent="0.25">
      <c r="A2037">
        <v>31470718</v>
      </c>
      <c r="B2037" t="s">
        <v>10616</v>
      </c>
      <c r="C2037" s="1" t="s">
        <v>10617</v>
      </c>
      <c r="E2037">
        <v>1</v>
      </c>
      <c r="F2037">
        <v>0</v>
      </c>
      <c r="H2037" t="s">
        <v>10618</v>
      </c>
      <c r="J2037" t="s">
        <v>10619</v>
      </c>
      <c r="O2037">
        <v>4843618</v>
      </c>
      <c r="P2037">
        <v>1</v>
      </c>
      <c r="Q2037">
        <v>0</v>
      </c>
      <c r="R2037" t="s">
        <v>10620</v>
      </c>
      <c r="S2037">
        <v>364</v>
      </c>
    </row>
    <row r="2038" spans="1:19" x14ac:dyDescent="0.25">
      <c r="A2038">
        <v>25009746</v>
      </c>
      <c r="B2038" t="s">
        <v>10621</v>
      </c>
      <c r="C2038" s="1" t="s">
        <v>10622</v>
      </c>
      <c r="E2038">
        <v>1</v>
      </c>
      <c r="F2038">
        <v>0</v>
      </c>
      <c r="H2038" t="s">
        <v>10623</v>
      </c>
      <c r="J2038" t="s">
        <v>10624</v>
      </c>
      <c r="O2038">
        <v>2483101</v>
      </c>
      <c r="P2038">
        <v>1</v>
      </c>
      <c r="Q2038">
        <v>1</v>
      </c>
      <c r="R2038" t="s">
        <v>10625</v>
      </c>
      <c r="S2038">
        <v>1896</v>
      </c>
    </row>
    <row r="2039" spans="1:19" x14ac:dyDescent="0.25">
      <c r="A2039">
        <v>3388160</v>
      </c>
      <c r="B2039" t="s">
        <v>10626</v>
      </c>
      <c r="C2039" t="s">
        <v>10627</v>
      </c>
      <c r="E2039">
        <v>5</v>
      </c>
      <c r="F2039">
        <v>0</v>
      </c>
      <c r="H2039" t="s">
        <v>10628</v>
      </c>
      <c r="I2039">
        <v>1</v>
      </c>
      <c r="J2039" t="s">
        <v>10629</v>
      </c>
      <c r="O2039">
        <v>374307</v>
      </c>
      <c r="P2039">
        <v>1</v>
      </c>
      <c r="Q2039">
        <v>3</v>
      </c>
      <c r="R2039" t="s">
        <v>10630</v>
      </c>
      <c r="S2039">
        <v>4486</v>
      </c>
    </row>
    <row r="2040" spans="1:19" x14ac:dyDescent="0.25">
      <c r="A2040">
        <v>15151255</v>
      </c>
      <c r="B2040" t="s">
        <v>10631</v>
      </c>
      <c r="C2040" s="1" t="s">
        <v>10632</v>
      </c>
      <c r="E2040">
        <v>2</v>
      </c>
      <c r="F2040">
        <v>5</v>
      </c>
      <c r="H2040" t="s">
        <v>10633</v>
      </c>
      <c r="I2040">
        <v>1</v>
      </c>
      <c r="J2040" t="s">
        <v>10634</v>
      </c>
      <c r="K2040" t="s">
        <v>10635</v>
      </c>
      <c r="M2040">
        <v>1711796</v>
      </c>
      <c r="O2040">
        <v>1282955</v>
      </c>
      <c r="P2040">
        <v>1</v>
      </c>
      <c r="Q2040">
        <v>2</v>
      </c>
      <c r="R2040" t="s">
        <v>10636</v>
      </c>
      <c r="S2040">
        <v>7994</v>
      </c>
    </row>
    <row r="2041" spans="1:19" x14ac:dyDescent="0.25">
      <c r="A2041">
        <v>30074497</v>
      </c>
      <c r="B2041" t="s">
        <v>10637</v>
      </c>
      <c r="C2041" s="1" t="s">
        <v>10638</v>
      </c>
      <c r="D2041">
        <v>30223290</v>
      </c>
      <c r="E2041">
        <v>2</v>
      </c>
      <c r="F2041">
        <v>0</v>
      </c>
      <c r="H2041" t="s">
        <v>10639</v>
      </c>
      <c r="I2041">
        <v>0</v>
      </c>
      <c r="J2041" t="s">
        <v>10640</v>
      </c>
      <c r="K2041" t="s">
        <v>10640</v>
      </c>
      <c r="M2041">
        <v>4499505</v>
      </c>
      <c r="O2041">
        <v>4499505</v>
      </c>
      <c r="P2041">
        <v>1</v>
      </c>
      <c r="Q2041">
        <v>0</v>
      </c>
      <c r="R2041" t="s">
        <v>10641</v>
      </c>
      <c r="S2041">
        <v>359</v>
      </c>
    </row>
    <row r="2042" spans="1:19" x14ac:dyDescent="0.25">
      <c r="A2042">
        <v>10556025</v>
      </c>
      <c r="B2042" t="s">
        <v>10642</v>
      </c>
      <c r="C2042" t="s">
        <v>10643</v>
      </c>
      <c r="D2042">
        <v>10557511</v>
      </c>
      <c r="E2042">
        <v>1</v>
      </c>
      <c r="F2042">
        <v>14</v>
      </c>
      <c r="H2042" t="s">
        <v>10644</v>
      </c>
      <c r="J2042" t="s">
        <v>10645</v>
      </c>
      <c r="O2042">
        <v>825060</v>
      </c>
      <c r="P2042">
        <v>1</v>
      </c>
      <c r="Q2042">
        <v>1</v>
      </c>
      <c r="R2042" t="s">
        <v>10646</v>
      </c>
      <c r="S2042">
        <v>1118</v>
      </c>
    </row>
    <row r="2043" spans="1:19" x14ac:dyDescent="0.25">
      <c r="A2043">
        <v>30299654</v>
      </c>
      <c r="B2043" t="s">
        <v>10647</v>
      </c>
      <c r="C2043" s="1" t="s">
        <v>10648</v>
      </c>
      <c r="D2043">
        <v>30300191</v>
      </c>
      <c r="E2043">
        <v>1</v>
      </c>
      <c r="F2043">
        <v>6</v>
      </c>
      <c r="H2043" t="s">
        <v>10649</v>
      </c>
      <c r="J2043" t="s">
        <v>10650</v>
      </c>
      <c r="K2043" t="s">
        <v>10651</v>
      </c>
      <c r="M2043">
        <v>3432401</v>
      </c>
      <c r="O2043">
        <v>3270552</v>
      </c>
      <c r="P2043">
        <v>1</v>
      </c>
      <c r="Q2043">
        <v>2</v>
      </c>
      <c r="R2043" t="s">
        <v>2494</v>
      </c>
      <c r="S2043">
        <v>1204</v>
      </c>
    </row>
    <row r="2044" spans="1:19" x14ac:dyDescent="0.25">
      <c r="A2044">
        <v>50052967</v>
      </c>
      <c r="B2044" t="s">
        <v>10652</v>
      </c>
      <c r="C2044" s="1" t="s">
        <v>10653</v>
      </c>
      <c r="E2044">
        <v>0</v>
      </c>
      <c r="F2044">
        <v>0</v>
      </c>
      <c r="H2044" t="s">
        <v>10654</v>
      </c>
      <c r="J2044" t="s">
        <v>10654</v>
      </c>
      <c r="O2044">
        <v>3722267</v>
      </c>
      <c r="P2044">
        <v>1</v>
      </c>
      <c r="Q2044">
        <v>0</v>
      </c>
      <c r="R2044" t="s">
        <v>10655</v>
      </c>
      <c r="S2044">
        <v>32</v>
      </c>
    </row>
    <row r="2045" spans="1:19" x14ac:dyDescent="0.25">
      <c r="A2045">
        <v>33843906</v>
      </c>
      <c r="B2045" t="s">
        <v>10656</v>
      </c>
      <c r="C2045" s="1" t="s">
        <v>10657</v>
      </c>
      <c r="E2045">
        <v>0</v>
      </c>
      <c r="F2045">
        <v>1</v>
      </c>
      <c r="H2045" t="s">
        <v>10658</v>
      </c>
      <c r="J2045" t="s">
        <v>10659</v>
      </c>
      <c r="K2045" t="s">
        <v>10659</v>
      </c>
      <c r="M2045">
        <v>5589062</v>
      </c>
      <c r="O2045">
        <v>5589062</v>
      </c>
      <c r="P2045">
        <v>1</v>
      </c>
      <c r="Q2045">
        <v>1</v>
      </c>
      <c r="R2045" t="s">
        <v>10660</v>
      </c>
      <c r="S2045">
        <v>744</v>
      </c>
    </row>
    <row r="2046" spans="1:19" x14ac:dyDescent="0.25">
      <c r="A2046">
        <v>49074980</v>
      </c>
      <c r="B2046" t="s">
        <v>10661</v>
      </c>
      <c r="C2046" s="1" t="s">
        <v>10662</v>
      </c>
      <c r="E2046">
        <v>0</v>
      </c>
      <c r="F2046">
        <v>0</v>
      </c>
      <c r="H2046" t="s">
        <v>10663</v>
      </c>
      <c r="J2046" t="s">
        <v>10664</v>
      </c>
      <c r="O2046">
        <v>1109169</v>
      </c>
      <c r="P2046">
        <v>1</v>
      </c>
      <c r="Q2046">
        <v>0</v>
      </c>
      <c r="R2046" t="s">
        <v>10665</v>
      </c>
      <c r="S2046">
        <v>94</v>
      </c>
    </row>
    <row r="2047" spans="1:19" x14ac:dyDescent="0.25">
      <c r="A2047">
        <v>45193727</v>
      </c>
      <c r="B2047" t="s">
        <v>10666</v>
      </c>
      <c r="C2047" s="1" t="s">
        <v>10667</v>
      </c>
      <c r="D2047">
        <v>45224067</v>
      </c>
      <c r="E2047">
        <v>3</v>
      </c>
      <c r="F2047">
        <v>6</v>
      </c>
      <c r="H2047" t="s">
        <v>10668</v>
      </c>
      <c r="J2047" t="s">
        <v>10669</v>
      </c>
      <c r="K2047" t="s">
        <v>10670</v>
      </c>
      <c r="M2047">
        <v>4233593</v>
      </c>
      <c r="O2047">
        <v>4233593</v>
      </c>
      <c r="P2047">
        <v>1</v>
      </c>
      <c r="Q2047">
        <v>6</v>
      </c>
      <c r="R2047" t="s">
        <v>10671</v>
      </c>
      <c r="S2047">
        <v>2229</v>
      </c>
    </row>
    <row r="2048" spans="1:19" x14ac:dyDescent="0.25">
      <c r="A2048">
        <v>14374412</v>
      </c>
      <c r="B2048" t="s">
        <v>10672</v>
      </c>
      <c r="C2048" s="1" t="s">
        <v>10673</v>
      </c>
      <c r="E2048">
        <v>3</v>
      </c>
      <c r="F2048">
        <v>3</v>
      </c>
      <c r="H2048" t="s">
        <v>10674</v>
      </c>
      <c r="I2048">
        <v>2</v>
      </c>
      <c r="J2048" t="s">
        <v>10675</v>
      </c>
      <c r="O2048">
        <v>1726304</v>
      </c>
      <c r="P2048">
        <v>1</v>
      </c>
      <c r="Q2048">
        <v>5</v>
      </c>
      <c r="R2048" t="s">
        <v>10676</v>
      </c>
      <c r="S2048">
        <v>625</v>
      </c>
    </row>
    <row r="2049" spans="1:19" x14ac:dyDescent="0.25">
      <c r="A2049">
        <v>18530585</v>
      </c>
      <c r="B2049" t="s">
        <v>10677</v>
      </c>
      <c r="C2049" s="1" t="s">
        <v>10678</v>
      </c>
      <c r="D2049">
        <v>18531665</v>
      </c>
      <c r="E2049">
        <v>2</v>
      </c>
      <c r="F2049">
        <v>3</v>
      </c>
      <c r="H2049" t="s">
        <v>10679</v>
      </c>
      <c r="J2049" t="s">
        <v>10680</v>
      </c>
      <c r="O2049">
        <v>1317944</v>
      </c>
      <c r="P2049">
        <v>1</v>
      </c>
      <c r="Q2049">
        <v>0</v>
      </c>
      <c r="R2049" t="s">
        <v>10681</v>
      </c>
      <c r="S2049">
        <v>1272</v>
      </c>
    </row>
    <row r="2050" spans="1:19" x14ac:dyDescent="0.25">
      <c r="A2050">
        <v>28584601</v>
      </c>
      <c r="B2050" t="s">
        <v>10682</v>
      </c>
      <c r="C2050" s="1" t="s">
        <v>10683</v>
      </c>
      <c r="D2050">
        <v>28601937</v>
      </c>
      <c r="E2050">
        <v>1</v>
      </c>
      <c r="F2050">
        <v>3</v>
      </c>
      <c r="H2050" t="s">
        <v>10684</v>
      </c>
      <c r="I2050">
        <v>1</v>
      </c>
      <c r="J2050" t="s">
        <v>10685</v>
      </c>
      <c r="K2050" t="s">
        <v>10685</v>
      </c>
      <c r="M2050">
        <v>4536545</v>
      </c>
      <c r="O2050">
        <v>4536545</v>
      </c>
      <c r="P2050">
        <v>1</v>
      </c>
      <c r="Q2050">
        <v>-1</v>
      </c>
      <c r="R2050" t="s">
        <v>10686</v>
      </c>
      <c r="S2050">
        <v>281</v>
      </c>
    </row>
    <row r="2051" spans="1:19" x14ac:dyDescent="0.25">
      <c r="A2051">
        <v>3454885</v>
      </c>
      <c r="B2051" t="s">
        <v>10687</v>
      </c>
      <c r="C2051" s="1" t="s">
        <v>10688</v>
      </c>
      <c r="E2051">
        <v>1</v>
      </c>
      <c r="F2051">
        <v>0</v>
      </c>
      <c r="H2051" t="s">
        <v>10689</v>
      </c>
      <c r="I2051">
        <v>1</v>
      </c>
      <c r="J2051" t="s">
        <v>10690</v>
      </c>
      <c r="O2051">
        <v>416797</v>
      </c>
      <c r="P2051">
        <v>1</v>
      </c>
      <c r="Q2051">
        <v>1</v>
      </c>
      <c r="R2051" t="s">
        <v>10691</v>
      </c>
      <c r="S2051">
        <v>678</v>
      </c>
    </row>
    <row r="2052" spans="1:19" x14ac:dyDescent="0.25">
      <c r="A2052">
        <v>32065107</v>
      </c>
      <c r="B2052" t="s">
        <v>10692</v>
      </c>
      <c r="C2052" s="1" t="s">
        <v>10693</v>
      </c>
      <c r="E2052">
        <v>1</v>
      </c>
      <c r="F2052">
        <v>0</v>
      </c>
      <c r="H2052" t="s">
        <v>10694</v>
      </c>
      <c r="J2052" t="s">
        <v>10695</v>
      </c>
      <c r="O2052">
        <v>3247624</v>
      </c>
      <c r="P2052">
        <v>1</v>
      </c>
      <c r="Q2052">
        <v>0</v>
      </c>
      <c r="R2052" t="s">
        <v>10696</v>
      </c>
      <c r="S2052">
        <v>209</v>
      </c>
    </row>
    <row r="2053" spans="1:19" x14ac:dyDescent="0.25">
      <c r="A2053">
        <v>27839641</v>
      </c>
      <c r="B2053" t="s">
        <v>10697</v>
      </c>
      <c r="C2053" s="1" t="s">
        <v>10698</v>
      </c>
      <c r="D2053">
        <v>27851649</v>
      </c>
      <c r="E2053">
        <v>1</v>
      </c>
      <c r="F2053">
        <v>3</v>
      </c>
      <c r="H2053" t="s">
        <v>10699</v>
      </c>
      <c r="J2053" t="s">
        <v>10700</v>
      </c>
      <c r="K2053" t="s">
        <v>10701</v>
      </c>
      <c r="M2053">
        <v>4432715</v>
      </c>
      <c r="O2053">
        <v>4432715</v>
      </c>
      <c r="P2053">
        <v>1</v>
      </c>
      <c r="Q2053">
        <v>0</v>
      </c>
      <c r="R2053" t="s">
        <v>10702</v>
      </c>
      <c r="S2053">
        <v>161</v>
      </c>
    </row>
    <row r="2054" spans="1:19" x14ac:dyDescent="0.25">
      <c r="A2054">
        <v>42427928</v>
      </c>
      <c r="B2054" t="s">
        <v>10703</v>
      </c>
      <c r="C2054" s="1" t="s">
        <v>10704</v>
      </c>
      <c r="D2054">
        <v>42437081</v>
      </c>
      <c r="E2054">
        <v>4</v>
      </c>
      <c r="F2054">
        <v>2</v>
      </c>
      <c r="H2054" t="s">
        <v>10705</v>
      </c>
      <c r="I2054">
        <v>0</v>
      </c>
      <c r="J2054" t="s">
        <v>10706</v>
      </c>
      <c r="O2054">
        <v>4995762</v>
      </c>
      <c r="P2054">
        <v>1</v>
      </c>
      <c r="Q2054">
        <v>19</v>
      </c>
      <c r="R2054" t="s">
        <v>10707</v>
      </c>
      <c r="S2054">
        <v>24300</v>
      </c>
    </row>
    <row r="2055" spans="1:19" x14ac:dyDescent="0.25">
      <c r="A2055">
        <v>47809670</v>
      </c>
      <c r="B2055" t="s">
        <v>10708</v>
      </c>
      <c r="C2055" s="1" t="s">
        <v>10709</v>
      </c>
      <c r="E2055">
        <v>1</v>
      </c>
      <c r="F2055">
        <v>0</v>
      </c>
      <c r="H2055" t="s">
        <v>10710</v>
      </c>
      <c r="J2055" t="s">
        <v>10711</v>
      </c>
      <c r="K2055" t="s">
        <v>10711</v>
      </c>
      <c r="M2055">
        <v>729907</v>
      </c>
      <c r="O2055">
        <v>683218</v>
      </c>
      <c r="P2055">
        <v>1</v>
      </c>
      <c r="Q2055">
        <v>0</v>
      </c>
      <c r="R2055" t="s">
        <v>10712</v>
      </c>
      <c r="S2055">
        <v>76</v>
      </c>
    </row>
    <row r="2056" spans="1:19" x14ac:dyDescent="0.25">
      <c r="A2056">
        <v>33116446</v>
      </c>
      <c r="B2056" t="s">
        <v>10713</v>
      </c>
      <c r="C2056" s="1" t="s">
        <v>10714</v>
      </c>
      <c r="E2056">
        <v>1</v>
      </c>
      <c r="F2056">
        <v>0</v>
      </c>
      <c r="H2056" t="s">
        <v>10715</v>
      </c>
      <c r="J2056" t="s">
        <v>10716</v>
      </c>
      <c r="O2056">
        <v>5441062</v>
      </c>
      <c r="P2056">
        <v>1</v>
      </c>
      <c r="Q2056">
        <v>0</v>
      </c>
      <c r="R2056" t="s">
        <v>10717</v>
      </c>
      <c r="S2056">
        <v>1411</v>
      </c>
    </row>
    <row r="2057" spans="1:19" x14ac:dyDescent="0.25">
      <c r="A2057">
        <v>10150645</v>
      </c>
      <c r="B2057" t="s">
        <v>10718</v>
      </c>
      <c r="C2057" s="1" t="s">
        <v>10719</v>
      </c>
      <c r="E2057">
        <v>4</v>
      </c>
      <c r="F2057">
        <v>0</v>
      </c>
      <c r="H2057" t="s">
        <v>10720</v>
      </c>
      <c r="J2057" t="s">
        <v>10721</v>
      </c>
      <c r="K2057" t="s">
        <v>10722</v>
      </c>
      <c r="M2057">
        <v>-1</v>
      </c>
      <c r="O2057">
        <v>1145905</v>
      </c>
      <c r="P2057">
        <v>1</v>
      </c>
      <c r="Q2057">
        <v>2</v>
      </c>
      <c r="R2057" t="s">
        <v>2771</v>
      </c>
      <c r="S2057">
        <v>2226</v>
      </c>
    </row>
    <row r="2058" spans="1:19" x14ac:dyDescent="0.25">
      <c r="A2058">
        <v>1054426</v>
      </c>
      <c r="B2058" t="s">
        <v>10723</v>
      </c>
      <c r="C2058" s="1" t="s">
        <v>10724</v>
      </c>
      <c r="D2058">
        <v>1054461</v>
      </c>
      <c r="E2058">
        <v>4</v>
      </c>
      <c r="F2058">
        <v>2</v>
      </c>
      <c r="H2058" t="s">
        <v>10725</v>
      </c>
      <c r="I2058">
        <v>1</v>
      </c>
      <c r="J2058" t="s">
        <v>10726</v>
      </c>
      <c r="K2058" t="s">
        <v>10726</v>
      </c>
      <c r="M2058">
        <v>229044</v>
      </c>
      <c r="O2058">
        <v>11755</v>
      </c>
      <c r="P2058">
        <v>1</v>
      </c>
      <c r="Q2058">
        <v>3</v>
      </c>
      <c r="R2058" t="s">
        <v>10727</v>
      </c>
      <c r="S2058">
        <v>563</v>
      </c>
    </row>
    <row r="2059" spans="1:19" x14ac:dyDescent="0.25">
      <c r="A2059">
        <v>49639949</v>
      </c>
      <c r="B2059" t="s">
        <v>10728</v>
      </c>
      <c r="C2059" s="1" t="s">
        <v>10729</v>
      </c>
      <c r="D2059">
        <v>49640356</v>
      </c>
      <c r="E2059">
        <v>1</v>
      </c>
      <c r="F2059">
        <v>3</v>
      </c>
      <c r="H2059" t="s">
        <v>10730</v>
      </c>
      <c r="J2059" t="s">
        <v>10731</v>
      </c>
      <c r="O2059">
        <v>6457478</v>
      </c>
      <c r="P2059">
        <v>1</v>
      </c>
      <c r="Q2059">
        <v>0</v>
      </c>
      <c r="R2059" t="s">
        <v>1239</v>
      </c>
      <c r="S2059">
        <v>59</v>
      </c>
    </row>
    <row r="2060" spans="1:19" x14ac:dyDescent="0.25">
      <c r="A2060">
        <v>50385125</v>
      </c>
      <c r="B2060" t="s">
        <v>10732</v>
      </c>
      <c r="C2060" s="1" t="s">
        <v>10733</v>
      </c>
      <c r="D2060">
        <v>50385157</v>
      </c>
      <c r="E2060">
        <v>4</v>
      </c>
      <c r="F2060">
        <v>3</v>
      </c>
      <c r="H2060" t="s">
        <v>10734</v>
      </c>
      <c r="J2060" t="s">
        <v>10735</v>
      </c>
      <c r="K2060" t="s">
        <v>10736</v>
      </c>
      <c r="M2060">
        <v>3041435</v>
      </c>
      <c r="O2060">
        <v>3041435</v>
      </c>
      <c r="P2060">
        <v>1</v>
      </c>
      <c r="Q2060">
        <v>0</v>
      </c>
      <c r="R2060" t="s">
        <v>819</v>
      </c>
      <c r="S2060">
        <v>138</v>
      </c>
    </row>
    <row r="2061" spans="1:19" x14ac:dyDescent="0.25">
      <c r="A2061">
        <v>44685380</v>
      </c>
      <c r="B2061" t="s">
        <v>10737</v>
      </c>
      <c r="C2061" s="1" t="s">
        <v>10738</v>
      </c>
      <c r="E2061">
        <v>0</v>
      </c>
      <c r="F2061">
        <v>1</v>
      </c>
      <c r="H2061" t="s">
        <v>10739</v>
      </c>
      <c r="I2061">
        <v>1</v>
      </c>
      <c r="J2061" t="s">
        <v>10739</v>
      </c>
      <c r="O2061">
        <v>7167978</v>
      </c>
      <c r="P2061">
        <v>1</v>
      </c>
      <c r="Q2061">
        <v>1</v>
      </c>
      <c r="R2061" t="s">
        <v>10740</v>
      </c>
      <c r="S2061">
        <v>59</v>
      </c>
    </row>
    <row r="2062" spans="1:19" x14ac:dyDescent="0.25">
      <c r="A2062">
        <v>18147224</v>
      </c>
      <c r="B2062" t="s">
        <v>10741</v>
      </c>
      <c r="C2062" s="1" t="s">
        <v>10742</v>
      </c>
      <c r="E2062">
        <v>2</v>
      </c>
      <c r="F2062">
        <v>7</v>
      </c>
      <c r="H2062" t="s">
        <v>10743</v>
      </c>
      <c r="J2062" t="s">
        <v>10744</v>
      </c>
      <c r="O2062">
        <v>2611998</v>
      </c>
      <c r="P2062">
        <v>1</v>
      </c>
      <c r="Q2062">
        <v>-1</v>
      </c>
      <c r="R2062" t="s">
        <v>10745</v>
      </c>
      <c r="S2062">
        <v>4014</v>
      </c>
    </row>
    <row r="2063" spans="1:19" x14ac:dyDescent="0.25">
      <c r="A2063">
        <v>14387484</v>
      </c>
      <c r="B2063" t="s">
        <v>10746</v>
      </c>
      <c r="C2063" s="1" t="s">
        <v>10747</v>
      </c>
      <c r="D2063">
        <v>14390146</v>
      </c>
      <c r="E2063">
        <v>2</v>
      </c>
      <c r="F2063">
        <v>0</v>
      </c>
      <c r="H2063" t="s">
        <v>10748</v>
      </c>
      <c r="I2063">
        <v>1</v>
      </c>
      <c r="J2063" t="s">
        <v>10749</v>
      </c>
      <c r="K2063" t="s">
        <v>10750</v>
      </c>
      <c r="M2063">
        <v>1135714</v>
      </c>
      <c r="O2063">
        <v>1026693</v>
      </c>
      <c r="P2063">
        <v>1</v>
      </c>
      <c r="Q2063">
        <v>4</v>
      </c>
      <c r="R2063" t="s">
        <v>10751</v>
      </c>
      <c r="S2063">
        <v>2802</v>
      </c>
    </row>
    <row r="2064" spans="1:19" x14ac:dyDescent="0.25">
      <c r="A2064">
        <v>4169924</v>
      </c>
      <c r="B2064" t="s">
        <v>10752</v>
      </c>
      <c r="C2064" s="1" t="s">
        <v>10753</v>
      </c>
      <c r="D2064">
        <v>4170131</v>
      </c>
      <c r="E2064">
        <v>1</v>
      </c>
      <c r="F2064">
        <v>0</v>
      </c>
      <c r="H2064" t="s">
        <v>10754</v>
      </c>
      <c r="I2064">
        <v>1</v>
      </c>
      <c r="J2064" t="s">
        <v>10755</v>
      </c>
      <c r="O2064">
        <v>156623</v>
      </c>
      <c r="P2064">
        <v>1</v>
      </c>
      <c r="Q2064">
        <v>1</v>
      </c>
      <c r="R2064" t="s">
        <v>10756</v>
      </c>
      <c r="S2064">
        <v>3161</v>
      </c>
    </row>
    <row r="2065" spans="1:19" x14ac:dyDescent="0.25">
      <c r="A2065">
        <v>32196493</v>
      </c>
      <c r="B2065" t="s">
        <v>10757</v>
      </c>
      <c r="C2065" s="1" t="s">
        <v>10758</v>
      </c>
      <c r="D2065">
        <v>32196588</v>
      </c>
      <c r="E2065">
        <v>1</v>
      </c>
      <c r="F2065">
        <v>5</v>
      </c>
      <c r="H2065" t="s">
        <v>10759</v>
      </c>
      <c r="J2065" t="s">
        <v>10760</v>
      </c>
      <c r="K2065" t="s">
        <v>10761</v>
      </c>
      <c r="M2065">
        <v>4630106</v>
      </c>
      <c r="O2065">
        <v>4630106</v>
      </c>
      <c r="P2065">
        <v>1</v>
      </c>
      <c r="Q2065">
        <v>-1</v>
      </c>
      <c r="R2065" t="s">
        <v>413</v>
      </c>
      <c r="S2065">
        <v>180</v>
      </c>
    </row>
    <row r="2066" spans="1:19" x14ac:dyDescent="0.25">
      <c r="A2066">
        <v>25278394</v>
      </c>
      <c r="B2066" t="s">
        <v>10762</v>
      </c>
      <c r="C2066" s="1" t="s">
        <v>10763</v>
      </c>
      <c r="D2066">
        <v>25278539</v>
      </c>
      <c r="E2066">
        <v>1</v>
      </c>
      <c r="F2066">
        <v>1</v>
      </c>
      <c r="H2066" t="s">
        <v>10764</v>
      </c>
      <c r="J2066" t="s">
        <v>10765</v>
      </c>
      <c r="K2066" t="s">
        <v>10765</v>
      </c>
      <c r="M2066">
        <v>2456433</v>
      </c>
      <c r="O2066">
        <v>3224820</v>
      </c>
      <c r="P2066">
        <v>1</v>
      </c>
      <c r="Q2066">
        <v>2</v>
      </c>
      <c r="R2066" t="s">
        <v>4991</v>
      </c>
      <c r="S2066">
        <v>127</v>
      </c>
    </row>
    <row r="2067" spans="1:19" x14ac:dyDescent="0.25">
      <c r="A2067">
        <v>3713901</v>
      </c>
      <c r="B2067" t="s">
        <v>10766</v>
      </c>
      <c r="C2067" s="1" t="s">
        <v>10767</v>
      </c>
      <c r="D2067">
        <v>3713930</v>
      </c>
      <c r="E2067">
        <v>1</v>
      </c>
      <c r="F2067">
        <v>0</v>
      </c>
      <c r="H2067" t="s">
        <v>10768</v>
      </c>
      <c r="J2067" t="s">
        <v>10769</v>
      </c>
      <c r="O2067">
        <v>378628</v>
      </c>
      <c r="P2067">
        <v>1</v>
      </c>
      <c r="Q2067">
        <v>0</v>
      </c>
      <c r="R2067" t="s">
        <v>10770</v>
      </c>
      <c r="S2067">
        <v>1070</v>
      </c>
    </row>
    <row r="2068" spans="1:19" x14ac:dyDescent="0.25">
      <c r="A2068">
        <v>51198727</v>
      </c>
      <c r="B2068" t="s">
        <v>10771</v>
      </c>
      <c r="C2068" s="1" t="s">
        <v>10772</v>
      </c>
      <c r="E2068">
        <v>0</v>
      </c>
      <c r="F2068">
        <v>0</v>
      </c>
      <c r="H2068" t="s">
        <v>10773</v>
      </c>
      <c r="J2068" t="s">
        <v>10773</v>
      </c>
      <c r="O2068">
        <v>179583</v>
      </c>
      <c r="P2068">
        <v>1</v>
      </c>
      <c r="Q2068">
        <v>1</v>
      </c>
      <c r="R2068" t="s">
        <v>10774</v>
      </c>
      <c r="S2068">
        <v>35</v>
      </c>
    </row>
    <row r="2069" spans="1:19" x14ac:dyDescent="0.25">
      <c r="A2069">
        <v>19809983</v>
      </c>
      <c r="B2069" t="s">
        <v>10775</v>
      </c>
      <c r="C2069" s="1" t="s">
        <v>10776</v>
      </c>
      <c r="E2069">
        <v>1</v>
      </c>
      <c r="F2069">
        <v>1</v>
      </c>
      <c r="H2069" t="s">
        <v>10777</v>
      </c>
      <c r="J2069" t="s">
        <v>10778</v>
      </c>
      <c r="O2069">
        <v>2935879</v>
      </c>
      <c r="P2069">
        <v>1</v>
      </c>
      <c r="Q2069">
        <v>-4</v>
      </c>
      <c r="R2069" t="s">
        <v>10779</v>
      </c>
      <c r="S2069">
        <v>33</v>
      </c>
    </row>
    <row r="2070" spans="1:19" x14ac:dyDescent="0.25">
      <c r="A2070">
        <v>41748904</v>
      </c>
      <c r="B2070" t="s">
        <v>10780</v>
      </c>
      <c r="C2070" s="1" t="s">
        <v>10781</v>
      </c>
      <c r="E2070">
        <v>1</v>
      </c>
      <c r="F2070">
        <v>6</v>
      </c>
      <c r="H2070" t="s">
        <v>10782</v>
      </c>
      <c r="J2070" t="s">
        <v>10783</v>
      </c>
      <c r="K2070" t="s">
        <v>10784</v>
      </c>
      <c r="M2070">
        <v>5552501</v>
      </c>
      <c r="O2070">
        <v>5552501</v>
      </c>
      <c r="P2070">
        <v>1</v>
      </c>
      <c r="Q2070">
        <v>0</v>
      </c>
      <c r="R2070" t="s">
        <v>10785</v>
      </c>
      <c r="S2070">
        <v>191</v>
      </c>
    </row>
    <row r="2071" spans="1:19" x14ac:dyDescent="0.25">
      <c r="A2071">
        <v>50180130</v>
      </c>
      <c r="B2071" t="s">
        <v>10786</v>
      </c>
      <c r="C2071" s="1" t="s">
        <v>10787</v>
      </c>
      <c r="D2071">
        <v>50180280</v>
      </c>
      <c r="E2071">
        <v>2</v>
      </c>
      <c r="F2071">
        <v>1</v>
      </c>
      <c r="H2071" t="s">
        <v>10788</v>
      </c>
      <c r="I2071">
        <v>1</v>
      </c>
      <c r="J2071" t="s">
        <v>10789</v>
      </c>
      <c r="O2071">
        <v>9711851</v>
      </c>
      <c r="P2071">
        <v>1</v>
      </c>
      <c r="Q2071">
        <v>1</v>
      </c>
      <c r="R2071" t="s">
        <v>10790</v>
      </c>
      <c r="S2071">
        <v>34</v>
      </c>
    </row>
    <row r="2072" spans="1:19" x14ac:dyDescent="0.25">
      <c r="A2072">
        <v>24099220</v>
      </c>
      <c r="B2072" t="s">
        <v>10791</v>
      </c>
      <c r="C2072" s="1" t="s">
        <v>10792</v>
      </c>
      <c r="D2072">
        <v>24100546</v>
      </c>
      <c r="E2072">
        <v>1</v>
      </c>
      <c r="F2072">
        <v>0</v>
      </c>
      <c r="H2072" t="s">
        <v>10793</v>
      </c>
      <c r="J2072" t="s">
        <v>10794</v>
      </c>
      <c r="K2072" t="s">
        <v>10795</v>
      </c>
      <c r="M2072">
        <v>518955</v>
      </c>
      <c r="O2072">
        <v>3364472</v>
      </c>
      <c r="P2072">
        <v>1</v>
      </c>
      <c r="Q2072">
        <v>-1</v>
      </c>
      <c r="R2072" t="s">
        <v>10796</v>
      </c>
      <c r="S2072">
        <v>1131</v>
      </c>
    </row>
    <row r="2073" spans="1:19" x14ac:dyDescent="0.25">
      <c r="A2073">
        <v>30284171</v>
      </c>
      <c r="B2073" t="s">
        <v>10797</v>
      </c>
      <c r="C2073" s="1" t="s">
        <v>10798</v>
      </c>
      <c r="D2073">
        <v>30284230</v>
      </c>
      <c r="E2073">
        <v>3</v>
      </c>
      <c r="F2073">
        <v>6</v>
      </c>
      <c r="H2073" t="s">
        <v>10799</v>
      </c>
      <c r="J2073" t="s">
        <v>10800</v>
      </c>
      <c r="K2073" t="s">
        <v>10801</v>
      </c>
      <c r="M2073">
        <v>3049655</v>
      </c>
      <c r="O2073">
        <v>4857738</v>
      </c>
      <c r="P2073">
        <v>1</v>
      </c>
      <c r="Q2073">
        <v>0</v>
      </c>
      <c r="R2073" t="s">
        <v>10802</v>
      </c>
      <c r="S2073">
        <v>72</v>
      </c>
    </row>
    <row r="2074" spans="1:19" x14ac:dyDescent="0.25">
      <c r="A2074">
        <v>9088348</v>
      </c>
      <c r="B2074" t="s">
        <v>10803</v>
      </c>
      <c r="C2074" s="1" t="s">
        <v>10804</v>
      </c>
      <c r="D2074">
        <v>9088740</v>
      </c>
      <c r="E2074">
        <v>1</v>
      </c>
      <c r="F2074">
        <v>6</v>
      </c>
      <c r="H2074" t="s">
        <v>10805</v>
      </c>
      <c r="I2074">
        <v>0</v>
      </c>
      <c r="J2074" t="s">
        <v>10806</v>
      </c>
      <c r="K2074" t="s">
        <v>10807</v>
      </c>
      <c r="M2074">
        <v>805556</v>
      </c>
      <c r="O2074">
        <v>805556</v>
      </c>
      <c r="P2074">
        <v>1</v>
      </c>
      <c r="Q2074">
        <v>1</v>
      </c>
      <c r="R2074" t="s">
        <v>10808</v>
      </c>
      <c r="S2074">
        <v>784</v>
      </c>
    </row>
    <row r="2075" spans="1:19" x14ac:dyDescent="0.25">
      <c r="A2075">
        <v>8233975</v>
      </c>
      <c r="B2075" t="s">
        <v>10809</v>
      </c>
      <c r="C2075" s="1" t="s">
        <v>10810</v>
      </c>
      <c r="D2075">
        <v>8234108</v>
      </c>
      <c r="E2075">
        <v>1</v>
      </c>
      <c r="F2075">
        <v>0</v>
      </c>
      <c r="H2075" t="s">
        <v>10811</v>
      </c>
      <c r="J2075" t="s">
        <v>10812</v>
      </c>
      <c r="O2075">
        <v>585958</v>
      </c>
      <c r="P2075">
        <v>1</v>
      </c>
      <c r="Q2075">
        <v>0</v>
      </c>
      <c r="R2075" t="s">
        <v>10813</v>
      </c>
      <c r="S2075">
        <v>608</v>
      </c>
    </row>
    <row r="2076" spans="1:19" x14ac:dyDescent="0.25">
      <c r="A2076">
        <v>22198531</v>
      </c>
      <c r="B2076" t="s">
        <v>10814</v>
      </c>
      <c r="C2076" s="1" t="s">
        <v>10815</v>
      </c>
      <c r="D2076">
        <v>22262516</v>
      </c>
      <c r="E2076">
        <v>1</v>
      </c>
      <c r="F2076">
        <v>1</v>
      </c>
      <c r="H2076" t="s">
        <v>10816</v>
      </c>
      <c r="I2076">
        <v>1</v>
      </c>
      <c r="J2076" t="s">
        <v>10817</v>
      </c>
      <c r="K2076" t="s">
        <v>10818</v>
      </c>
      <c r="M2076">
        <v>332807</v>
      </c>
      <c r="O2076">
        <v>332807</v>
      </c>
      <c r="P2076">
        <v>1</v>
      </c>
      <c r="Q2076">
        <v>5</v>
      </c>
      <c r="R2076" t="s">
        <v>10819</v>
      </c>
      <c r="S2076">
        <v>7766</v>
      </c>
    </row>
    <row r="2077" spans="1:19" x14ac:dyDescent="0.25">
      <c r="A2077">
        <v>42011037</v>
      </c>
      <c r="B2077" t="s">
        <v>10820</v>
      </c>
      <c r="C2077" s="1" t="s">
        <v>10821</v>
      </c>
      <c r="E2077">
        <v>1</v>
      </c>
      <c r="F2077">
        <v>1</v>
      </c>
      <c r="H2077" t="s">
        <v>10822</v>
      </c>
      <c r="J2077" t="s">
        <v>10823</v>
      </c>
      <c r="O2077">
        <v>1089153</v>
      </c>
      <c r="P2077">
        <v>1</v>
      </c>
      <c r="Q2077">
        <v>0</v>
      </c>
      <c r="R2077" t="s">
        <v>10824</v>
      </c>
      <c r="S2077">
        <v>412</v>
      </c>
    </row>
    <row r="2078" spans="1:19" x14ac:dyDescent="0.25">
      <c r="A2078">
        <v>14508665</v>
      </c>
      <c r="B2078" t="s">
        <v>10825</v>
      </c>
      <c r="C2078" s="1" t="s">
        <v>10826</v>
      </c>
      <c r="D2078">
        <v>14514410</v>
      </c>
      <c r="E2078">
        <v>1</v>
      </c>
      <c r="F2078">
        <v>0</v>
      </c>
      <c r="H2078" t="s">
        <v>10827</v>
      </c>
      <c r="I2078">
        <v>1</v>
      </c>
      <c r="J2078" t="s">
        <v>10828</v>
      </c>
      <c r="K2078" t="s">
        <v>10829</v>
      </c>
      <c r="M2078">
        <v>-1</v>
      </c>
      <c r="O2078">
        <v>723059</v>
      </c>
      <c r="P2078">
        <v>1</v>
      </c>
      <c r="Q2078">
        <v>1</v>
      </c>
      <c r="R2078" t="s">
        <v>10830</v>
      </c>
      <c r="S2078">
        <v>1600</v>
      </c>
    </row>
    <row r="2079" spans="1:19" x14ac:dyDescent="0.25">
      <c r="A2079">
        <v>29768845</v>
      </c>
      <c r="B2079" t="s">
        <v>10831</v>
      </c>
      <c r="C2079" s="1" t="s">
        <v>10832</v>
      </c>
      <c r="D2079">
        <v>43445620</v>
      </c>
      <c r="E2079">
        <v>6</v>
      </c>
      <c r="F2079">
        <v>23</v>
      </c>
      <c r="H2079" t="s">
        <v>10833</v>
      </c>
      <c r="J2079" t="s">
        <v>10834</v>
      </c>
      <c r="K2079" t="s">
        <v>10835</v>
      </c>
      <c r="M2079">
        <v>681929</v>
      </c>
      <c r="O2079">
        <v>681929</v>
      </c>
      <c r="P2079">
        <v>1</v>
      </c>
      <c r="Q2079">
        <v>6</v>
      </c>
      <c r="R2079" t="s">
        <v>10836</v>
      </c>
      <c r="S2079">
        <v>2839</v>
      </c>
    </row>
    <row r="2080" spans="1:19" x14ac:dyDescent="0.25">
      <c r="A2080">
        <v>794364</v>
      </c>
      <c r="B2080" t="s">
        <v>10837</v>
      </c>
      <c r="C2080" s="1" t="s">
        <v>10838</v>
      </c>
      <c r="D2080">
        <v>794395</v>
      </c>
      <c r="E2080">
        <v>7</v>
      </c>
      <c r="F2080">
        <v>1</v>
      </c>
      <c r="H2080" t="s">
        <v>10839</v>
      </c>
      <c r="I2080">
        <v>16</v>
      </c>
      <c r="J2080" t="s">
        <v>10840</v>
      </c>
      <c r="K2080" t="s">
        <v>10840</v>
      </c>
      <c r="M2080">
        <v>4519059</v>
      </c>
      <c r="O2080">
        <v>3291</v>
      </c>
      <c r="P2080">
        <v>1</v>
      </c>
      <c r="Q2080">
        <v>35</v>
      </c>
      <c r="R2080" t="s">
        <v>10841</v>
      </c>
      <c r="S2080">
        <v>39969</v>
      </c>
    </row>
    <row r="2081" spans="1:19" x14ac:dyDescent="0.25">
      <c r="A2081">
        <v>35550178</v>
      </c>
      <c r="B2081" t="s">
        <v>10842</v>
      </c>
      <c r="C2081" s="1" t="s">
        <v>10843</v>
      </c>
      <c r="D2081">
        <v>35639458</v>
      </c>
      <c r="E2081">
        <v>1</v>
      </c>
      <c r="F2081">
        <v>2</v>
      </c>
      <c r="H2081" t="s">
        <v>10844</v>
      </c>
      <c r="J2081" t="s">
        <v>10845</v>
      </c>
      <c r="O2081">
        <v>2499285</v>
      </c>
      <c r="P2081">
        <v>1</v>
      </c>
      <c r="Q2081">
        <v>2</v>
      </c>
      <c r="R2081" t="s">
        <v>10846</v>
      </c>
      <c r="S2081">
        <v>1083</v>
      </c>
    </row>
    <row r="2082" spans="1:19" x14ac:dyDescent="0.25">
      <c r="A2082">
        <v>52113349</v>
      </c>
      <c r="B2082" t="s">
        <v>10847</v>
      </c>
      <c r="C2082" s="1" t="s">
        <v>10848</v>
      </c>
      <c r="E2082">
        <v>0</v>
      </c>
      <c r="F2082">
        <v>0</v>
      </c>
      <c r="H2082" t="s">
        <v>10849</v>
      </c>
      <c r="J2082" t="s">
        <v>10849</v>
      </c>
      <c r="O2082">
        <v>3213708</v>
      </c>
      <c r="P2082">
        <v>1</v>
      </c>
      <c r="Q2082">
        <v>0</v>
      </c>
      <c r="R2082" t="s">
        <v>10850</v>
      </c>
      <c r="S2082">
        <v>273</v>
      </c>
    </row>
    <row r="2083" spans="1:19" x14ac:dyDescent="0.25">
      <c r="A2083">
        <v>5750352</v>
      </c>
      <c r="B2083" t="s">
        <v>10851</v>
      </c>
      <c r="C2083" s="1" t="s">
        <v>10852</v>
      </c>
      <c r="D2083">
        <v>5750847</v>
      </c>
      <c r="E2083">
        <v>1</v>
      </c>
      <c r="F2083">
        <v>3</v>
      </c>
      <c r="H2083" t="s">
        <v>10853</v>
      </c>
      <c r="J2083" t="s">
        <v>10854</v>
      </c>
      <c r="O2083">
        <v>719756</v>
      </c>
      <c r="P2083">
        <v>1</v>
      </c>
      <c r="Q2083">
        <v>1</v>
      </c>
      <c r="R2083" t="s">
        <v>10855</v>
      </c>
      <c r="S2083">
        <v>397</v>
      </c>
    </row>
    <row r="2084" spans="1:19" x14ac:dyDescent="0.25">
      <c r="A2084">
        <v>19962472</v>
      </c>
      <c r="B2084" t="s">
        <v>10856</v>
      </c>
      <c r="C2084" s="1" t="s">
        <v>10857</v>
      </c>
      <c r="D2084">
        <v>19986647</v>
      </c>
      <c r="E2084">
        <v>1</v>
      </c>
      <c r="F2084">
        <v>0</v>
      </c>
      <c r="H2084" t="s">
        <v>10858</v>
      </c>
      <c r="I2084">
        <v>1</v>
      </c>
      <c r="J2084" t="s">
        <v>10859</v>
      </c>
      <c r="K2084" t="s">
        <v>10860</v>
      </c>
      <c r="M2084">
        <v>386713</v>
      </c>
      <c r="O2084">
        <v>386713</v>
      </c>
      <c r="P2084">
        <v>1</v>
      </c>
      <c r="Q2084">
        <v>4</v>
      </c>
      <c r="R2084" t="s">
        <v>10861</v>
      </c>
      <c r="S2084">
        <v>5745</v>
      </c>
    </row>
    <row r="2085" spans="1:19" x14ac:dyDescent="0.25">
      <c r="A2085">
        <v>35586985</v>
      </c>
      <c r="B2085" t="s">
        <v>10862</v>
      </c>
      <c r="C2085" s="1" t="s">
        <v>10863</v>
      </c>
      <c r="D2085">
        <v>35735381</v>
      </c>
      <c r="E2085">
        <v>2</v>
      </c>
      <c r="F2085">
        <v>0</v>
      </c>
      <c r="H2085" t="s">
        <v>10864</v>
      </c>
      <c r="J2085" t="s">
        <v>10865</v>
      </c>
      <c r="K2085" t="s">
        <v>10866</v>
      </c>
      <c r="M2085">
        <v>1989682</v>
      </c>
      <c r="O2085">
        <v>1989682</v>
      </c>
      <c r="P2085">
        <v>1</v>
      </c>
      <c r="Q2085">
        <v>2</v>
      </c>
      <c r="R2085" t="s">
        <v>10867</v>
      </c>
      <c r="S2085">
        <v>280</v>
      </c>
    </row>
    <row r="2086" spans="1:19" x14ac:dyDescent="0.25">
      <c r="A2086">
        <v>4147544</v>
      </c>
      <c r="B2086" t="s">
        <v>10868</v>
      </c>
      <c r="C2086" s="1" t="s">
        <v>10869</v>
      </c>
      <c r="E2086">
        <v>0</v>
      </c>
      <c r="F2086">
        <v>1</v>
      </c>
      <c r="H2086" t="s">
        <v>10870</v>
      </c>
      <c r="I2086">
        <v>1</v>
      </c>
      <c r="J2086" t="s">
        <v>10871</v>
      </c>
      <c r="K2086" t="s">
        <v>10871</v>
      </c>
      <c r="M2086">
        <v>243245</v>
      </c>
      <c r="O2086">
        <v>109512</v>
      </c>
      <c r="P2086">
        <v>1</v>
      </c>
      <c r="Q2086">
        <v>2</v>
      </c>
      <c r="R2086" t="s">
        <v>10872</v>
      </c>
      <c r="S2086">
        <v>431</v>
      </c>
    </row>
    <row r="2087" spans="1:19" x14ac:dyDescent="0.25">
      <c r="A2087">
        <v>39472374</v>
      </c>
      <c r="B2087" t="s">
        <v>10873</v>
      </c>
      <c r="C2087" s="1" t="s">
        <v>10874</v>
      </c>
      <c r="E2087">
        <v>2</v>
      </c>
      <c r="F2087">
        <v>0</v>
      </c>
      <c r="H2087" t="s">
        <v>10875</v>
      </c>
      <c r="J2087" t="s">
        <v>10876</v>
      </c>
      <c r="K2087" t="s">
        <v>10877</v>
      </c>
      <c r="M2087">
        <v>85606</v>
      </c>
      <c r="O2087">
        <v>6826935</v>
      </c>
      <c r="P2087">
        <v>1</v>
      </c>
      <c r="Q2087">
        <v>-1</v>
      </c>
      <c r="R2087" t="s">
        <v>10878</v>
      </c>
      <c r="S2087">
        <v>1082</v>
      </c>
    </row>
    <row r="2088" spans="1:19" x14ac:dyDescent="0.25">
      <c r="A2088">
        <v>11399408</v>
      </c>
      <c r="B2088" t="s">
        <v>10879</v>
      </c>
      <c r="C2088" s="1" t="s">
        <v>10880</v>
      </c>
      <c r="E2088">
        <v>3</v>
      </c>
      <c r="F2088">
        <v>0</v>
      </c>
      <c r="H2088" t="s">
        <v>10881</v>
      </c>
      <c r="I2088">
        <v>1</v>
      </c>
      <c r="J2088" t="s">
        <v>10882</v>
      </c>
      <c r="O2088">
        <v>85821</v>
      </c>
      <c r="P2088">
        <v>1</v>
      </c>
      <c r="Q2088">
        <v>2</v>
      </c>
      <c r="R2088" t="s">
        <v>10883</v>
      </c>
      <c r="S2088">
        <v>336</v>
      </c>
    </row>
    <row r="2089" spans="1:19" x14ac:dyDescent="0.25">
      <c r="A2089">
        <v>21522762</v>
      </c>
      <c r="B2089" t="s">
        <v>10884</v>
      </c>
      <c r="C2089" s="1" t="s">
        <v>10885</v>
      </c>
      <c r="E2089">
        <v>1</v>
      </c>
      <c r="F2089">
        <v>0</v>
      </c>
      <c r="H2089" t="s">
        <v>10886</v>
      </c>
      <c r="J2089" t="s">
        <v>10887</v>
      </c>
      <c r="O2089">
        <v>1969846</v>
      </c>
      <c r="P2089">
        <v>1</v>
      </c>
      <c r="Q2089">
        <v>2</v>
      </c>
      <c r="R2089" t="s">
        <v>10888</v>
      </c>
      <c r="S2089">
        <v>115</v>
      </c>
    </row>
    <row r="2090" spans="1:19" x14ac:dyDescent="0.25">
      <c r="A2090">
        <v>52144534</v>
      </c>
      <c r="B2090" t="s">
        <v>10889</v>
      </c>
      <c r="C2090" s="1" t="s">
        <v>10890</v>
      </c>
      <c r="E2090">
        <v>1</v>
      </c>
      <c r="F2090">
        <v>1</v>
      </c>
      <c r="H2090" t="s">
        <v>10891</v>
      </c>
      <c r="J2090" t="s">
        <v>10892</v>
      </c>
      <c r="K2090" t="s">
        <v>10893</v>
      </c>
      <c r="M2090">
        <v>2829204</v>
      </c>
      <c r="O2090">
        <v>5056266</v>
      </c>
      <c r="P2090">
        <v>1</v>
      </c>
      <c r="Q2090">
        <v>0</v>
      </c>
      <c r="R2090" t="s">
        <v>10894</v>
      </c>
      <c r="S2090">
        <v>159</v>
      </c>
    </row>
    <row r="2091" spans="1:19" x14ac:dyDescent="0.25">
      <c r="A2091">
        <v>6677365</v>
      </c>
      <c r="B2091" t="s">
        <v>10895</v>
      </c>
      <c r="C2091" s="1" t="s">
        <v>10896</v>
      </c>
      <c r="E2091">
        <v>2</v>
      </c>
      <c r="F2091">
        <v>0</v>
      </c>
      <c r="H2091" t="s">
        <v>10897</v>
      </c>
      <c r="J2091" t="s">
        <v>10898</v>
      </c>
      <c r="K2091" t="s">
        <v>10899</v>
      </c>
      <c r="M2091">
        <v>578743</v>
      </c>
      <c r="O2091">
        <v>578743</v>
      </c>
      <c r="P2091">
        <v>1</v>
      </c>
      <c r="Q2091">
        <v>0</v>
      </c>
      <c r="R2091" t="s">
        <v>10900</v>
      </c>
      <c r="S2091">
        <v>363</v>
      </c>
    </row>
    <row r="2092" spans="1:19" x14ac:dyDescent="0.25">
      <c r="A2092">
        <v>26481400</v>
      </c>
      <c r="B2092" t="s">
        <v>10901</v>
      </c>
      <c r="C2092" s="1" t="s">
        <v>10902</v>
      </c>
      <c r="D2092">
        <v>26481592</v>
      </c>
      <c r="E2092">
        <v>2</v>
      </c>
      <c r="F2092">
        <v>1</v>
      </c>
      <c r="H2092" t="s">
        <v>10903</v>
      </c>
      <c r="J2092" t="s">
        <v>10904</v>
      </c>
      <c r="K2092" t="s">
        <v>10904</v>
      </c>
      <c r="M2092">
        <v>246408</v>
      </c>
      <c r="O2092">
        <v>246408</v>
      </c>
      <c r="P2092">
        <v>1</v>
      </c>
      <c r="Q2092">
        <v>2</v>
      </c>
      <c r="R2092" t="s">
        <v>10905</v>
      </c>
      <c r="S2092">
        <v>501</v>
      </c>
    </row>
    <row r="2093" spans="1:19" x14ac:dyDescent="0.25">
      <c r="A2093">
        <v>40670710</v>
      </c>
      <c r="B2093" t="s">
        <v>10906</v>
      </c>
      <c r="C2093" s="1" t="s">
        <v>10907</v>
      </c>
      <c r="D2093">
        <v>40670888</v>
      </c>
      <c r="E2093">
        <v>1</v>
      </c>
      <c r="F2093">
        <v>4</v>
      </c>
      <c r="H2093" t="s">
        <v>10908</v>
      </c>
      <c r="J2093" t="s">
        <v>10909</v>
      </c>
      <c r="K2093" t="s">
        <v>10909</v>
      </c>
      <c r="M2093">
        <v>125816</v>
      </c>
      <c r="O2093">
        <v>4592910</v>
      </c>
      <c r="P2093">
        <v>1</v>
      </c>
      <c r="Q2093">
        <v>3</v>
      </c>
      <c r="R2093" t="s">
        <v>10910</v>
      </c>
      <c r="S2093">
        <v>265</v>
      </c>
    </row>
    <row r="2094" spans="1:19" x14ac:dyDescent="0.25">
      <c r="A2094">
        <v>33317243</v>
      </c>
      <c r="B2094" t="s">
        <v>10911</v>
      </c>
      <c r="C2094" s="1" t="s">
        <v>10912</v>
      </c>
      <c r="E2094">
        <v>0</v>
      </c>
      <c r="F2094">
        <v>4</v>
      </c>
      <c r="H2094" t="s">
        <v>10913</v>
      </c>
      <c r="J2094" t="s">
        <v>10914</v>
      </c>
      <c r="K2094" t="s">
        <v>10914</v>
      </c>
      <c r="L2094" t="s">
        <v>10915</v>
      </c>
      <c r="O2094">
        <v>5178140</v>
      </c>
      <c r="P2094">
        <v>1</v>
      </c>
      <c r="Q2094">
        <v>0</v>
      </c>
      <c r="R2094" t="s">
        <v>10916</v>
      </c>
      <c r="S2094">
        <v>268</v>
      </c>
    </row>
    <row r="2095" spans="1:19" x14ac:dyDescent="0.25">
      <c r="A2095">
        <v>9255296</v>
      </c>
      <c r="B2095" t="s">
        <v>10917</v>
      </c>
      <c r="C2095" s="1" t="s">
        <v>10918</v>
      </c>
      <c r="D2095">
        <v>9255347</v>
      </c>
      <c r="E2095">
        <v>2</v>
      </c>
      <c r="F2095">
        <v>2</v>
      </c>
      <c r="H2095" t="s">
        <v>10919</v>
      </c>
      <c r="J2095" t="s">
        <v>10920</v>
      </c>
      <c r="K2095" t="s">
        <v>10920</v>
      </c>
      <c r="M2095">
        <v>114747</v>
      </c>
      <c r="O2095">
        <v>114747</v>
      </c>
      <c r="P2095">
        <v>1</v>
      </c>
      <c r="Q2095">
        <v>0</v>
      </c>
      <c r="R2095" t="s">
        <v>819</v>
      </c>
      <c r="S2095">
        <v>257</v>
      </c>
    </row>
    <row r="2096" spans="1:19" x14ac:dyDescent="0.25">
      <c r="A2096">
        <v>41040706</v>
      </c>
      <c r="B2096" t="s">
        <v>10921</v>
      </c>
      <c r="C2096" s="1" t="s">
        <v>10922</v>
      </c>
      <c r="E2096">
        <v>0</v>
      </c>
      <c r="F2096">
        <v>6</v>
      </c>
      <c r="H2096" t="s">
        <v>10923</v>
      </c>
      <c r="J2096" t="s">
        <v>10923</v>
      </c>
      <c r="O2096">
        <v>6800591</v>
      </c>
      <c r="P2096">
        <v>1</v>
      </c>
      <c r="Q2096">
        <v>0</v>
      </c>
      <c r="R2096" t="s">
        <v>10924</v>
      </c>
      <c r="S2096">
        <v>150</v>
      </c>
    </row>
    <row r="2097" spans="1:19" x14ac:dyDescent="0.25">
      <c r="A2097">
        <v>8655765</v>
      </c>
      <c r="B2097" t="s">
        <v>10925</v>
      </c>
      <c r="C2097" s="1" t="s">
        <v>10926</v>
      </c>
      <c r="D2097">
        <v>8655834</v>
      </c>
      <c r="E2097">
        <v>2</v>
      </c>
      <c r="F2097">
        <v>10</v>
      </c>
      <c r="H2097" t="s">
        <v>10927</v>
      </c>
      <c r="J2097" t="s">
        <v>10928</v>
      </c>
      <c r="O2097">
        <v>714211</v>
      </c>
      <c r="P2097">
        <v>1</v>
      </c>
      <c r="Q2097">
        <v>3</v>
      </c>
      <c r="R2097" t="s">
        <v>10929</v>
      </c>
      <c r="S2097">
        <v>3795</v>
      </c>
    </row>
    <row r="2098" spans="1:19" x14ac:dyDescent="0.25">
      <c r="A2098">
        <v>31449712</v>
      </c>
      <c r="B2098" t="s">
        <v>10930</v>
      </c>
      <c r="C2098" s="1" t="s">
        <v>10931</v>
      </c>
      <c r="D2098">
        <v>31472446</v>
      </c>
      <c r="E2098">
        <v>1</v>
      </c>
      <c r="F2098">
        <v>3</v>
      </c>
      <c r="H2098" t="s">
        <v>10932</v>
      </c>
      <c r="J2098" t="s">
        <v>10933</v>
      </c>
      <c r="K2098" t="s">
        <v>10933</v>
      </c>
      <c r="M2098">
        <v>1525614</v>
      </c>
      <c r="O2098">
        <v>1525614</v>
      </c>
      <c r="P2098">
        <v>1</v>
      </c>
      <c r="Q2098">
        <v>0</v>
      </c>
      <c r="R2098" t="s">
        <v>10934</v>
      </c>
      <c r="S2098">
        <v>1194</v>
      </c>
    </row>
    <row r="2099" spans="1:19" x14ac:dyDescent="0.25">
      <c r="A2099">
        <v>37312565</v>
      </c>
      <c r="B2099" t="s">
        <v>10935</v>
      </c>
      <c r="C2099" s="1" t="s">
        <v>10936</v>
      </c>
      <c r="D2099">
        <v>37364893</v>
      </c>
      <c r="E2099">
        <v>2</v>
      </c>
      <c r="F2099">
        <v>1</v>
      </c>
      <c r="H2099" t="s">
        <v>10937</v>
      </c>
      <c r="J2099" t="s">
        <v>10938</v>
      </c>
      <c r="O2099">
        <v>6318894</v>
      </c>
      <c r="P2099">
        <v>1</v>
      </c>
      <c r="Q2099">
        <v>0</v>
      </c>
      <c r="R2099" t="s">
        <v>10939</v>
      </c>
      <c r="S2099">
        <v>414</v>
      </c>
    </row>
    <row r="2100" spans="1:19" x14ac:dyDescent="0.25">
      <c r="A2100">
        <v>7203278</v>
      </c>
      <c r="B2100" t="s">
        <v>10940</v>
      </c>
      <c r="C2100" s="1" t="s">
        <v>10941</v>
      </c>
      <c r="D2100">
        <v>9205909</v>
      </c>
      <c r="E2100">
        <v>5</v>
      </c>
      <c r="F2100">
        <v>0</v>
      </c>
      <c r="H2100" t="s">
        <v>10942</v>
      </c>
      <c r="J2100" t="s">
        <v>10943</v>
      </c>
      <c r="K2100" t="s">
        <v>10944</v>
      </c>
      <c r="M2100">
        <v>-1</v>
      </c>
      <c r="O2100">
        <v>321013</v>
      </c>
      <c r="P2100">
        <v>1</v>
      </c>
      <c r="Q2100">
        <v>1</v>
      </c>
      <c r="R2100" t="s">
        <v>10945</v>
      </c>
      <c r="S2100">
        <v>361</v>
      </c>
    </row>
    <row r="2101" spans="1:19" x14ac:dyDescent="0.25">
      <c r="A2101">
        <v>48872213</v>
      </c>
      <c r="B2101" t="s">
        <v>10946</v>
      </c>
      <c r="C2101" s="1" t="s">
        <v>10947</v>
      </c>
      <c r="E2101">
        <v>0</v>
      </c>
      <c r="F2101">
        <v>1</v>
      </c>
      <c r="H2101" t="s">
        <v>10948</v>
      </c>
      <c r="J2101" t="s">
        <v>10949</v>
      </c>
      <c r="K2101" t="s">
        <v>10949</v>
      </c>
      <c r="M2101">
        <v>4478047</v>
      </c>
      <c r="O2101">
        <v>9382268</v>
      </c>
      <c r="P2101">
        <v>1</v>
      </c>
      <c r="Q2101">
        <v>0</v>
      </c>
      <c r="R2101" t="s">
        <v>10950</v>
      </c>
      <c r="S2101">
        <v>34</v>
      </c>
    </row>
    <row r="2102" spans="1:19" x14ac:dyDescent="0.25">
      <c r="A2102">
        <v>32486967</v>
      </c>
      <c r="B2102" t="s">
        <v>10951</v>
      </c>
      <c r="C2102" s="1" t="s">
        <v>10952</v>
      </c>
      <c r="D2102">
        <v>32487043</v>
      </c>
      <c r="E2102">
        <v>1</v>
      </c>
      <c r="F2102">
        <v>0</v>
      </c>
      <c r="H2102" t="s">
        <v>10953</v>
      </c>
      <c r="J2102" t="s">
        <v>10954</v>
      </c>
      <c r="K2102" t="s">
        <v>10955</v>
      </c>
      <c r="M2102">
        <v>-1</v>
      </c>
      <c r="O2102">
        <v>4892895</v>
      </c>
      <c r="P2102">
        <v>1</v>
      </c>
      <c r="Q2102">
        <v>2</v>
      </c>
      <c r="R2102" t="s">
        <v>10956</v>
      </c>
      <c r="S2102">
        <v>7991</v>
      </c>
    </row>
    <row r="2103" spans="1:19" x14ac:dyDescent="0.25">
      <c r="A2103">
        <v>22765185</v>
      </c>
      <c r="B2103" t="s">
        <v>10957</v>
      </c>
      <c r="C2103" s="1" t="s">
        <v>10958</v>
      </c>
      <c r="D2103">
        <v>22765411</v>
      </c>
      <c r="E2103">
        <v>2</v>
      </c>
      <c r="F2103">
        <v>3</v>
      </c>
      <c r="H2103" t="s">
        <v>10959</v>
      </c>
      <c r="J2103" t="s">
        <v>10960</v>
      </c>
      <c r="O2103">
        <v>121660</v>
      </c>
      <c r="P2103">
        <v>1</v>
      </c>
      <c r="Q2103">
        <v>1</v>
      </c>
      <c r="R2103" t="s">
        <v>10961</v>
      </c>
      <c r="S2103">
        <v>304</v>
      </c>
    </row>
    <row r="2104" spans="1:19" x14ac:dyDescent="0.25">
      <c r="A2104">
        <v>32412053</v>
      </c>
      <c r="B2104" t="s">
        <v>10962</v>
      </c>
      <c r="C2104" s="1" t="s">
        <v>10963</v>
      </c>
      <c r="D2104">
        <v>32412568</v>
      </c>
      <c r="E2104">
        <v>2</v>
      </c>
      <c r="F2104">
        <v>2</v>
      </c>
      <c r="H2104" t="s">
        <v>10964</v>
      </c>
      <c r="J2104" t="s">
        <v>10965</v>
      </c>
      <c r="K2104" t="s">
        <v>10966</v>
      </c>
      <c r="M2104">
        <v>1334073</v>
      </c>
      <c r="O2104">
        <v>1334073</v>
      </c>
      <c r="P2104">
        <v>1</v>
      </c>
      <c r="Q2104">
        <v>-1</v>
      </c>
      <c r="R2104" t="s">
        <v>10967</v>
      </c>
      <c r="S2104">
        <v>53</v>
      </c>
    </row>
    <row r="2105" spans="1:19" x14ac:dyDescent="0.25">
      <c r="A2105">
        <v>9193376</v>
      </c>
      <c r="B2105" t="s">
        <v>10968</v>
      </c>
      <c r="C2105" s="1" t="s">
        <v>10969</v>
      </c>
      <c r="D2105">
        <v>9194365</v>
      </c>
      <c r="E2105">
        <v>1</v>
      </c>
      <c r="F2105">
        <v>8</v>
      </c>
      <c r="H2105" t="s">
        <v>10970</v>
      </c>
      <c r="I2105">
        <v>3</v>
      </c>
      <c r="J2105" t="s">
        <v>10971</v>
      </c>
      <c r="K2105" t="s">
        <v>10972</v>
      </c>
      <c r="M2105">
        <v>1197005</v>
      </c>
      <c r="O2105">
        <v>1197005</v>
      </c>
      <c r="P2105">
        <v>1</v>
      </c>
      <c r="Q2105">
        <v>-1</v>
      </c>
      <c r="R2105" t="s">
        <v>10973</v>
      </c>
      <c r="S2105">
        <v>1900</v>
      </c>
    </row>
    <row r="2106" spans="1:19" x14ac:dyDescent="0.25">
      <c r="A2106">
        <v>43993925</v>
      </c>
      <c r="B2106" t="s">
        <v>10974</v>
      </c>
      <c r="C2106" s="1" t="s">
        <v>10975</v>
      </c>
      <c r="E2106">
        <v>1</v>
      </c>
      <c r="F2106">
        <v>5</v>
      </c>
      <c r="H2106" t="s">
        <v>10976</v>
      </c>
      <c r="I2106">
        <v>2</v>
      </c>
      <c r="J2106" t="s">
        <v>10977</v>
      </c>
      <c r="K2106" t="s">
        <v>10977</v>
      </c>
      <c r="M2106">
        <v>1324</v>
      </c>
      <c r="O2106">
        <v>344514</v>
      </c>
      <c r="P2106">
        <v>1</v>
      </c>
      <c r="Q2106">
        <v>10</v>
      </c>
      <c r="R2106" t="s">
        <v>10978</v>
      </c>
      <c r="S2106">
        <v>872</v>
      </c>
    </row>
    <row r="2107" spans="1:19" x14ac:dyDescent="0.25">
      <c r="A2107">
        <v>36672192</v>
      </c>
      <c r="B2107" t="s">
        <v>10979</v>
      </c>
      <c r="C2107" s="1" t="s">
        <v>10980</v>
      </c>
      <c r="D2107">
        <v>36672403</v>
      </c>
      <c r="E2107">
        <v>2</v>
      </c>
      <c r="F2107">
        <v>2</v>
      </c>
      <c r="H2107" t="s">
        <v>10981</v>
      </c>
      <c r="J2107" t="s">
        <v>10982</v>
      </c>
      <c r="O2107">
        <v>5421539</v>
      </c>
      <c r="P2107">
        <v>1</v>
      </c>
      <c r="Q2107">
        <v>2</v>
      </c>
      <c r="R2107" t="s">
        <v>275</v>
      </c>
      <c r="S2107">
        <v>286</v>
      </c>
    </row>
    <row r="2108" spans="1:19" x14ac:dyDescent="0.25">
      <c r="A2108">
        <v>42248443</v>
      </c>
      <c r="B2108" t="s">
        <v>10983</v>
      </c>
      <c r="C2108" s="1" t="s">
        <v>10984</v>
      </c>
      <c r="D2108">
        <v>42526714</v>
      </c>
      <c r="E2108">
        <v>1</v>
      </c>
      <c r="F2108">
        <v>11</v>
      </c>
      <c r="H2108" t="s">
        <v>10985</v>
      </c>
      <c r="J2108" t="s">
        <v>10986</v>
      </c>
      <c r="K2108" t="s">
        <v>10987</v>
      </c>
      <c r="M2108">
        <v>5343790</v>
      </c>
      <c r="O2108">
        <v>5343790</v>
      </c>
      <c r="P2108">
        <v>1</v>
      </c>
      <c r="Q2108">
        <v>0</v>
      </c>
      <c r="R2108" t="s">
        <v>10988</v>
      </c>
      <c r="S2108">
        <v>669</v>
      </c>
    </row>
    <row r="2109" spans="1:19" x14ac:dyDescent="0.25">
      <c r="A2109">
        <v>53063172</v>
      </c>
      <c r="B2109" t="s">
        <v>10989</v>
      </c>
      <c r="C2109" s="1" t="s">
        <v>10990</v>
      </c>
      <c r="E2109">
        <v>1</v>
      </c>
      <c r="F2109">
        <v>6</v>
      </c>
      <c r="H2109" t="s">
        <v>10991</v>
      </c>
      <c r="J2109" t="s">
        <v>10992</v>
      </c>
      <c r="K2109" t="s">
        <v>10992</v>
      </c>
      <c r="M2109">
        <v>1364007</v>
      </c>
      <c r="O2109">
        <v>352130</v>
      </c>
      <c r="P2109">
        <v>1</v>
      </c>
      <c r="Q2109">
        <v>0</v>
      </c>
      <c r="R2109" t="s">
        <v>10993</v>
      </c>
      <c r="S2109">
        <v>55</v>
      </c>
    </row>
    <row r="2110" spans="1:19" x14ac:dyDescent="0.25">
      <c r="A2110">
        <v>21298177</v>
      </c>
      <c r="B2110" t="s">
        <v>10994</v>
      </c>
      <c r="C2110" s="1" t="s">
        <v>10995</v>
      </c>
      <c r="E2110">
        <v>0</v>
      </c>
      <c r="F2110">
        <v>1</v>
      </c>
      <c r="H2110" t="s">
        <v>10996</v>
      </c>
      <c r="J2110" t="s">
        <v>10997</v>
      </c>
      <c r="K2110" t="s">
        <v>10997</v>
      </c>
      <c r="M2110">
        <v>148298</v>
      </c>
      <c r="O2110">
        <v>148298</v>
      </c>
      <c r="P2110">
        <v>1</v>
      </c>
      <c r="Q2110">
        <v>2</v>
      </c>
      <c r="R2110" t="s">
        <v>10998</v>
      </c>
      <c r="S2110">
        <v>128</v>
      </c>
    </row>
    <row r="2111" spans="1:19" x14ac:dyDescent="0.25">
      <c r="A2111">
        <v>36883933</v>
      </c>
      <c r="B2111" t="s">
        <v>10999</v>
      </c>
      <c r="C2111" s="1" t="s">
        <v>11000</v>
      </c>
      <c r="E2111">
        <v>1</v>
      </c>
      <c r="F2111">
        <v>0</v>
      </c>
      <c r="H2111" t="s">
        <v>11001</v>
      </c>
      <c r="J2111" t="s">
        <v>11002</v>
      </c>
      <c r="K2111" t="s">
        <v>11003</v>
      </c>
      <c r="M2111">
        <v>1245027</v>
      </c>
      <c r="O2111">
        <v>4873747</v>
      </c>
      <c r="P2111">
        <v>1</v>
      </c>
      <c r="Q2111">
        <v>0</v>
      </c>
      <c r="R2111" t="s">
        <v>11004</v>
      </c>
      <c r="S2111">
        <v>155</v>
      </c>
    </row>
    <row r="2112" spans="1:19" x14ac:dyDescent="0.25">
      <c r="A2112">
        <v>44377249</v>
      </c>
      <c r="B2112" t="s">
        <v>11005</v>
      </c>
      <c r="C2112" s="1" t="s">
        <v>11006</v>
      </c>
      <c r="E2112">
        <v>1</v>
      </c>
      <c r="F2112">
        <v>2</v>
      </c>
      <c r="H2112" t="s">
        <v>11007</v>
      </c>
      <c r="J2112" t="s">
        <v>11008</v>
      </c>
      <c r="K2112" t="s">
        <v>11009</v>
      </c>
      <c r="M2112">
        <v>899530</v>
      </c>
      <c r="O2112">
        <v>899530</v>
      </c>
      <c r="P2112">
        <v>1</v>
      </c>
      <c r="Q2112">
        <v>0</v>
      </c>
      <c r="R2112" t="s">
        <v>11010</v>
      </c>
      <c r="S2112">
        <v>36</v>
      </c>
    </row>
    <row r="2113" spans="1:19" x14ac:dyDescent="0.25">
      <c r="A2113">
        <v>35016073</v>
      </c>
      <c r="B2113" t="s">
        <v>11011</v>
      </c>
      <c r="C2113" s="1" t="s">
        <v>11012</v>
      </c>
      <c r="D2113">
        <v>35021429</v>
      </c>
      <c r="E2113">
        <v>1</v>
      </c>
      <c r="F2113">
        <v>7</v>
      </c>
      <c r="H2113" t="s">
        <v>11013</v>
      </c>
      <c r="I2113">
        <v>1</v>
      </c>
      <c r="J2113" t="s">
        <v>11014</v>
      </c>
      <c r="K2113" t="s">
        <v>11014</v>
      </c>
      <c r="M2113">
        <v>330315</v>
      </c>
      <c r="O2113">
        <v>2557818</v>
      </c>
      <c r="P2113">
        <v>1</v>
      </c>
      <c r="Q2113">
        <v>1</v>
      </c>
      <c r="R2113" t="s">
        <v>11015</v>
      </c>
      <c r="S2113">
        <v>544</v>
      </c>
    </row>
    <row r="2114" spans="1:19" x14ac:dyDescent="0.25">
      <c r="A2114">
        <v>23280913</v>
      </c>
      <c r="B2114" t="s">
        <v>11016</v>
      </c>
      <c r="C2114" t="s">
        <v>11017</v>
      </c>
      <c r="D2114">
        <v>23281022</v>
      </c>
      <c r="E2114">
        <v>2</v>
      </c>
      <c r="F2114">
        <v>0</v>
      </c>
      <c r="H2114" t="s">
        <v>11018</v>
      </c>
      <c r="J2114" t="s">
        <v>11019</v>
      </c>
      <c r="O2114">
        <v>71522</v>
      </c>
      <c r="P2114">
        <v>1</v>
      </c>
      <c r="Q2114">
        <v>0</v>
      </c>
      <c r="R2114" t="s">
        <v>11020</v>
      </c>
      <c r="S2114">
        <v>161</v>
      </c>
    </row>
    <row r="2115" spans="1:19" x14ac:dyDescent="0.25">
      <c r="A2115">
        <v>41294460</v>
      </c>
      <c r="B2115" t="s">
        <v>11021</v>
      </c>
      <c r="C2115" s="1" t="s">
        <v>11022</v>
      </c>
      <c r="E2115">
        <v>0</v>
      </c>
      <c r="F2115">
        <v>3</v>
      </c>
      <c r="H2115" t="s">
        <v>11023</v>
      </c>
      <c r="I2115">
        <v>1</v>
      </c>
      <c r="J2115" t="s">
        <v>11024</v>
      </c>
      <c r="K2115" t="s">
        <v>11024</v>
      </c>
      <c r="M2115">
        <v>7332792</v>
      </c>
      <c r="O2115">
        <v>7332792</v>
      </c>
      <c r="P2115">
        <v>1</v>
      </c>
      <c r="Q2115">
        <v>0</v>
      </c>
      <c r="R2115" t="s">
        <v>11025</v>
      </c>
      <c r="S2115">
        <v>16</v>
      </c>
    </row>
    <row r="2116" spans="1:19" x14ac:dyDescent="0.25">
      <c r="A2116">
        <v>35748327</v>
      </c>
      <c r="B2116" t="s">
        <v>11026</v>
      </c>
      <c r="C2116" s="1" t="s">
        <v>11027</v>
      </c>
      <c r="D2116">
        <v>35748927</v>
      </c>
      <c r="E2116">
        <v>1</v>
      </c>
      <c r="F2116">
        <v>0</v>
      </c>
      <c r="H2116" t="s">
        <v>11028</v>
      </c>
      <c r="J2116" t="s">
        <v>11029</v>
      </c>
      <c r="K2116" t="s">
        <v>11030</v>
      </c>
      <c r="M2116">
        <v>3266024</v>
      </c>
      <c r="O2116">
        <v>3266024</v>
      </c>
      <c r="P2116">
        <v>1</v>
      </c>
      <c r="Q2116">
        <v>0</v>
      </c>
      <c r="R2116" t="s">
        <v>11031</v>
      </c>
      <c r="S2116">
        <v>120</v>
      </c>
    </row>
    <row r="2117" spans="1:19" x14ac:dyDescent="0.25">
      <c r="A2117">
        <v>7354946</v>
      </c>
      <c r="B2117" t="s">
        <v>11032</v>
      </c>
      <c r="C2117" s="1" t="s">
        <v>11033</v>
      </c>
      <c r="D2117">
        <v>7359816</v>
      </c>
      <c r="E2117">
        <v>1</v>
      </c>
      <c r="F2117">
        <v>0</v>
      </c>
      <c r="H2117" t="s">
        <v>11034</v>
      </c>
      <c r="J2117" t="s">
        <v>11035</v>
      </c>
      <c r="O2117">
        <v>893319</v>
      </c>
      <c r="P2117">
        <v>1</v>
      </c>
      <c r="Q2117">
        <v>3</v>
      </c>
      <c r="R2117" t="s">
        <v>11036</v>
      </c>
      <c r="S2117">
        <v>378</v>
      </c>
    </row>
    <row r="2118" spans="1:19" x14ac:dyDescent="0.25">
      <c r="A2118">
        <v>48173861</v>
      </c>
      <c r="B2118" t="s">
        <v>11037</v>
      </c>
      <c r="C2118" t="s">
        <v>11038</v>
      </c>
      <c r="E2118">
        <v>1</v>
      </c>
      <c r="F2118">
        <v>0</v>
      </c>
      <c r="H2118" t="s">
        <v>11039</v>
      </c>
      <c r="J2118" t="s">
        <v>11040</v>
      </c>
      <c r="O2118">
        <v>1932846</v>
      </c>
      <c r="P2118">
        <v>1</v>
      </c>
      <c r="Q2118">
        <v>0</v>
      </c>
      <c r="R2118" t="s">
        <v>11041</v>
      </c>
      <c r="S2118">
        <v>137</v>
      </c>
    </row>
    <row r="2119" spans="1:19" x14ac:dyDescent="0.25">
      <c r="A2119">
        <v>42956372</v>
      </c>
      <c r="B2119" t="s">
        <v>11042</v>
      </c>
      <c r="C2119" s="1" t="s">
        <v>11043</v>
      </c>
      <c r="D2119">
        <v>42956438</v>
      </c>
      <c r="E2119">
        <v>1</v>
      </c>
      <c r="F2119">
        <v>0</v>
      </c>
      <c r="H2119" t="s">
        <v>11044</v>
      </c>
      <c r="J2119" t="s">
        <v>11045</v>
      </c>
      <c r="O2119">
        <v>1371060</v>
      </c>
      <c r="P2119">
        <v>1</v>
      </c>
      <c r="Q2119">
        <v>0</v>
      </c>
      <c r="R2119" t="s">
        <v>11046</v>
      </c>
      <c r="S2119">
        <v>315</v>
      </c>
    </row>
    <row r="2120" spans="1:19" x14ac:dyDescent="0.25">
      <c r="A2120">
        <v>27352111</v>
      </c>
      <c r="B2120" t="s">
        <v>11047</v>
      </c>
      <c r="C2120" s="1" t="s">
        <v>11048</v>
      </c>
      <c r="E2120">
        <v>0</v>
      </c>
      <c r="F2120">
        <v>11</v>
      </c>
      <c r="H2120" t="s">
        <v>11049</v>
      </c>
      <c r="J2120" t="s">
        <v>11050</v>
      </c>
      <c r="K2120" t="s">
        <v>11050</v>
      </c>
      <c r="L2120" t="s">
        <v>11051</v>
      </c>
      <c r="O2120">
        <v>4336077</v>
      </c>
      <c r="P2120">
        <v>1</v>
      </c>
      <c r="Q2120">
        <v>0</v>
      </c>
      <c r="R2120" t="s">
        <v>11052</v>
      </c>
      <c r="S2120">
        <v>91</v>
      </c>
    </row>
    <row r="2121" spans="1:19" x14ac:dyDescent="0.25">
      <c r="A2121">
        <v>36875010</v>
      </c>
      <c r="B2121" t="s">
        <v>11053</v>
      </c>
      <c r="C2121" s="1" t="s">
        <v>11054</v>
      </c>
      <c r="E2121">
        <v>0</v>
      </c>
      <c r="F2121">
        <v>3</v>
      </c>
      <c r="H2121" t="s">
        <v>11055</v>
      </c>
      <c r="J2121" t="s">
        <v>11055</v>
      </c>
      <c r="O2121">
        <v>2620353</v>
      </c>
      <c r="P2121">
        <v>1</v>
      </c>
      <c r="Q2121">
        <v>0</v>
      </c>
      <c r="R2121" t="s">
        <v>2362</v>
      </c>
      <c r="S2121">
        <v>45</v>
      </c>
    </row>
    <row r="2122" spans="1:19" x14ac:dyDescent="0.25">
      <c r="A2122">
        <v>17253837</v>
      </c>
      <c r="B2122" t="s">
        <v>11056</v>
      </c>
      <c r="C2122" s="1" t="s">
        <v>11057</v>
      </c>
      <c r="D2122">
        <v>17253881</v>
      </c>
      <c r="E2122">
        <v>2</v>
      </c>
      <c r="F2122">
        <v>0</v>
      </c>
      <c r="H2122" t="s">
        <v>11058</v>
      </c>
      <c r="J2122" t="s">
        <v>11059</v>
      </c>
      <c r="O2122">
        <v>654953</v>
      </c>
      <c r="P2122">
        <v>1</v>
      </c>
      <c r="Q2122">
        <v>2</v>
      </c>
      <c r="R2122" t="s">
        <v>11060</v>
      </c>
      <c r="S2122">
        <v>214</v>
      </c>
    </row>
    <row r="2123" spans="1:19" x14ac:dyDescent="0.25">
      <c r="A2123">
        <v>24503725</v>
      </c>
      <c r="B2123" t="s">
        <v>11061</v>
      </c>
      <c r="C2123" s="1" t="s">
        <v>11062</v>
      </c>
      <c r="D2123">
        <v>24504321</v>
      </c>
      <c r="E2123">
        <v>1</v>
      </c>
      <c r="F2123">
        <v>2</v>
      </c>
      <c r="H2123" t="s">
        <v>11063</v>
      </c>
      <c r="I2123">
        <v>1</v>
      </c>
      <c r="J2123" t="s">
        <v>11064</v>
      </c>
      <c r="O2123">
        <v>703019</v>
      </c>
      <c r="P2123">
        <v>1</v>
      </c>
      <c r="Q2123">
        <v>0</v>
      </c>
      <c r="R2123" t="s">
        <v>11065</v>
      </c>
      <c r="S2123">
        <v>32</v>
      </c>
    </row>
    <row r="2124" spans="1:19" x14ac:dyDescent="0.25">
      <c r="A2124">
        <v>34560001</v>
      </c>
      <c r="B2124" t="s">
        <v>11066</v>
      </c>
      <c r="C2124" s="1" t="s">
        <v>11067</v>
      </c>
      <c r="D2124">
        <v>34560796</v>
      </c>
      <c r="E2124">
        <v>3</v>
      </c>
      <c r="F2124">
        <v>8</v>
      </c>
      <c r="H2124" t="s">
        <v>11068</v>
      </c>
      <c r="I2124">
        <v>1</v>
      </c>
      <c r="J2124" t="s">
        <v>11069</v>
      </c>
      <c r="K2124" t="s">
        <v>11070</v>
      </c>
      <c r="M2124">
        <v>-1</v>
      </c>
      <c r="O2124">
        <v>5540398</v>
      </c>
      <c r="P2124">
        <v>1</v>
      </c>
      <c r="Q2124">
        <v>1</v>
      </c>
      <c r="R2124" t="s">
        <v>11071</v>
      </c>
      <c r="S2124">
        <v>457</v>
      </c>
    </row>
    <row r="2125" spans="1:19" x14ac:dyDescent="0.25">
      <c r="A2125">
        <v>15575392</v>
      </c>
      <c r="B2125" t="s">
        <v>11072</v>
      </c>
      <c r="C2125" s="1" t="s">
        <v>11073</v>
      </c>
      <c r="D2125">
        <v>15578819</v>
      </c>
      <c r="E2125">
        <v>1</v>
      </c>
      <c r="F2125">
        <v>0</v>
      </c>
      <c r="H2125" t="s">
        <v>11074</v>
      </c>
      <c r="J2125" t="s">
        <v>11075</v>
      </c>
      <c r="O2125">
        <v>494901</v>
      </c>
      <c r="P2125">
        <v>1</v>
      </c>
      <c r="Q2125">
        <v>0</v>
      </c>
      <c r="R2125" t="s">
        <v>11076</v>
      </c>
      <c r="S2125">
        <v>87</v>
      </c>
    </row>
    <row r="2126" spans="1:19" x14ac:dyDescent="0.25">
      <c r="A2126">
        <v>12284639</v>
      </c>
      <c r="B2126" t="s">
        <v>11077</v>
      </c>
      <c r="C2126" s="1" t="s">
        <v>11078</v>
      </c>
      <c r="E2126">
        <v>2</v>
      </c>
      <c r="F2126">
        <v>3</v>
      </c>
      <c r="H2126" t="s">
        <v>11079</v>
      </c>
      <c r="I2126">
        <v>1</v>
      </c>
      <c r="J2126" t="s">
        <v>11080</v>
      </c>
      <c r="K2126" t="s">
        <v>11081</v>
      </c>
      <c r="M2126">
        <v>1388172</v>
      </c>
      <c r="O2126">
        <v>1388172</v>
      </c>
      <c r="P2126">
        <v>1</v>
      </c>
      <c r="Q2126">
        <v>0</v>
      </c>
      <c r="R2126" t="s">
        <v>11082</v>
      </c>
      <c r="S2126">
        <v>78</v>
      </c>
    </row>
    <row r="2127" spans="1:19" x14ac:dyDescent="0.25">
      <c r="A2127">
        <v>7733525</v>
      </c>
      <c r="B2127" t="s">
        <v>11083</v>
      </c>
      <c r="C2127" s="1" t="s">
        <v>11084</v>
      </c>
      <c r="D2127">
        <v>7733531</v>
      </c>
      <c r="E2127">
        <v>1</v>
      </c>
      <c r="F2127">
        <v>1</v>
      </c>
      <c r="H2127" t="s">
        <v>11085</v>
      </c>
      <c r="I2127">
        <v>1</v>
      </c>
      <c r="J2127" t="s">
        <v>11086</v>
      </c>
      <c r="K2127" t="s">
        <v>11086</v>
      </c>
      <c r="M2127">
        <v>426671</v>
      </c>
      <c r="O2127">
        <v>985895</v>
      </c>
      <c r="P2127">
        <v>1</v>
      </c>
      <c r="Q2127">
        <v>1</v>
      </c>
      <c r="R2127" t="s">
        <v>11087</v>
      </c>
      <c r="S2127">
        <v>738</v>
      </c>
    </row>
    <row r="2128" spans="1:19" x14ac:dyDescent="0.25">
      <c r="A2128">
        <v>9200264</v>
      </c>
      <c r="B2128" t="s">
        <v>11088</v>
      </c>
      <c r="C2128" s="1" t="s">
        <v>11089</v>
      </c>
      <c r="D2128">
        <v>9200297</v>
      </c>
      <c r="E2128">
        <v>1</v>
      </c>
      <c r="F2128">
        <v>0</v>
      </c>
      <c r="H2128" t="s">
        <v>11090</v>
      </c>
      <c r="J2128" t="s">
        <v>11091</v>
      </c>
      <c r="K2128" t="s">
        <v>11092</v>
      </c>
      <c r="M2128">
        <v>229044</v>
      </c>
      <c r="O2128">
        <v>270143</v>
      </c>
      <c r="P2128">
        <v>1</v>
      </c>
      <c r="Q2128">
        <v>0</v>
      </c>
      <c r="R2128" t="s">
        <v>11093</v>
      </c>
      <c r="S2128">
        <v>161</v>
      </c>
    </row>
    <row r="2129" spans="1:19" x14ac:dyDescent="0.25">
      <c r="A2129">
        <v>43113723</v>
      </c>
      <c r="B2129" t="s">
        <v>11094</v>
      </c>
      <c r="C2129" s="1" t="s">
        <v>11095</v>
      </c>
      <c r="E2129">
        <v>1</v>
      </c>
      <c r="F2129">
        <v>0</v>
      </c>
      <c r="H2129" t="s">
        <v>11096</v>
      </c>
      <c r="J2129" t="s">
        <v>11097</v>
      </c>
      <c r="K2129" t="s">
        <v>11098</v>
      </c>
      <c r="M2129">
        <v>1785730</v>
      </c>
      <c r="O2129">
        <v>1785730</v>
      </c>
      <c r="P2129">
        <v>1</v>
      </c>
      <c r="Q2129">
        <v>0</v>
      </c>
      <c r="R2129" t="s">
        <v>11099</v>
      </c>
      <c r="S2129">
        <v>102</v>
      </c>
    </row>
    <row r="2130" spans="1:19" x14ac:dyDescent="0.25">
      <c r="A2130">
        <v>38162374</v>
      </c>
      <c r="B2130" t="s">
        <v>11100</v>
      </c>
      <c r="C2130" s="1" t="s">
        <v>11101</v>
      </c>
      <c r="D2130">
        <v>38292742</v>
      </c>
      <c r="E2130">
        <v>1</v>
      </c>
      <c r="F2130">
        <v>0</v>
      </c>
      <c r="H2130" t="s">
        <v>11102</v>
      </c>
      <c r="J2130" t="s">
        <v>11103</v>
      </c>
      <c r="K2130" t="s">
        <v>11103</v>
      </c>
      <c r="M2130">
        <v>22982</v>
      </c>
      <c r="O2130">
        <v>6542018</v>
      </c>
      <c r="P2130">
        <v>1</v>
      </c>
      <c r="Q2130">
        <v>0</v>
      </c>
      <c r="R2130" t="s">
        <v>11104</v>
      </c>
      <c r="S2130">
        <v>494</v>
      </c>
    </row>
    <row r="2131" spans="1:19" x14ac:dyDescent="0.25">
      <c r="A2131">
        <v>8721047</v>
      </c>
      <c r="B2131" t="s">
        <v>11105</v>
      </c>
      <c r="C2131" s="1" t="s">
        <v>11106</v>
      </c>
      <c r="D2131">
        <v>8721078</v>
      </c>
      <c r="E2131">
        <v>2</v>
      </c>
      <c r="F2131">
        <v>1</v>
      </c>
      <c r="H2131" t="s">
        <v>11107</v>
      </c>
      <c r="J2131" t="s">
        <v>11108</v>
      </c>
      <c r="K2131" t="s">
        <v>11109</v>
      </c>
      <c r="M2131">
        <v>334862</v>
      </c>
      <c r="O2131">
        <v>576562</v>
      </c>
      <c r="P2131">
        <v>1</v>
      </c>
      <c r="Q2131">
        <v>2</v>
      </c>
      <c r="R2131" t="s">
        <v>11110</v>
      </c>
      <c r="S2131">
        <v>211</v>
      </c>
    </row>
    <row r="2132" spans="1:19" x14ac:dyDescent="0.25">
      <c r="A2132">
        <v>30731559</v>
      </c>
      <c r="B2132" t="s">
        <v>11111</v>
      </c>
      <c r="C2132" s="1" t="s">
        <v>11112</v>
      </c>
      <c r="E2132">
        <v>1</v>
      </c>
      <c r="F2132">
        <v>6</v>
      </c>
      <c r="H2132" t="s">
        <v>11113</v>
      </c>
      <c r="I2132">
        <v>1</v>
      </c>
      <c r="J2132" t="s">
        <v>11114</v>
      </c>
      <c r="O2132">
        <v>4412074</v>
      </c>
      <c r="P2132">
        <v>1</v>
      </c>
      <c r="Q2132">
        <v>1</v>
      </c>
      <c r="R2132" t="s">
        <v>11115</v>
      </c>
      <c r="S2132">
        <v>339</v>
      </c>
    </row>
    <row r="2133" spans="1:19" x14ac:dyDescent="0.25">
      <c r="A2133">
        <v>24046022</v>
      </c>
      <c r="B2133" t="s">
        <v>11116</v>
      </c>
      <c r="C2133" s="1" t="s">
        <v>11117</v>
      </c>
      <c r="D2133">
        <v>24046163</v>
      </c>
      <c r="E2133">
        <v>5</v>
      </c>
      <c r="F2133">
        <v>2</v>
      </c>
      <c r="H2133" t="s">
        <v>11118</v>
      </c>
      <c r="J2133" t="s">
        <v>11119</v>
      </c>
      <c r="O2133">
        <v>3693700</v>
      </c>
      <c r="P2133">
        <v>1</v>
      </c>
      <c r="Q2133">
        <v>1</v>
      </c>
      <c r="R2133" t="s">
        <v>1446</v>
      </c>
      <c r="S2133">
        <v>46</v>
      </c>
    </row>
    <row r="2134" spans="1:19" x14ac:dyDescent="0.25">
      <c r="A2134">
        <v>13378228</v>
      </c>
      <c r="B2134" t="s">
        <v>11120</v>
      </c>
      <c r="C2134" s="1" t="s">
        <v>11121</v>
      </c>
      <c r="D2134">
        <v>13387116</v>
      </c>
      <c r="E2134">
        <v>2</v>
      </c>
      <c r="F2134">
        <v>0</v>
      </c>
      <c r="H2134" t="s">
        <v>11122</v>
      </c>
      <c r="J2134" t="s">
        <v>11123</v>
      </c>
      <c r="K2134" t="s">
        <v>11124</v>
      </c>
      <c r="M2134">
        <v>863350</v>
      </c>
      <c r="O2134">
        <v>863350</v>
      </c>
      <c r="P2134">
        <v>1</v>
      </c>
      <c r="Q2134">
        <v>2</v>
      </c>
      <c r="R2134" t="s">
        <v>11125</v>
      </c>
      <c r="S2134">
        <v>1059</v>
      </c>
    </row>
    <row r="2135" spans="1:19" x14ac:dyDescent="0.25">
      <c r="A2135">
        <v>43869229</v>
      </c>
      <c r="B2135" t="s">
        <v>11126</v>
      </c>
      <c r="C2135" s="1" t="s">
        <v>11127</v>
      </c>
      <c r="D2135">
        <v>43869300</v>
      </c>
      <c r="E2135">
        <v>1</v>
      </c>
      <c r="F2135">
        <v>3</v>
      </c>
      <c r="H2135" t="s">
        <v>11128</v>
      </c>
      <c r="J2135" t="s">
        <v>11129</v>
      </c>
      <c r="K2135" t="s">
        <v>11130</v>
      </c>
      <c r="M2135">
        <v>3378179</v>
      </c>
      <c r="O2135">
        <v>3378179</v>
      </c>
      <c r="P2135">
        <v>1</v>
      </c>
      <c r="Q2135">
        <v>0</v>
      </c>
      <c r="R2135" t="s">
        <v>11131</v>
      </c>
      <c r="S2135">
        <v>130</v>
      </c>
    </row>
    <row r="2136" spans="1:19" x14ac:dyDescent="0.25">
      <c r="A2136">
        <v>16889346</v>
      </c>
      <c r="B2136" t="s">
        <v>11132</v>
      </c>
      <c r="C2136" s="1" t="s">
        <v>11133</v>
      </c>
      <c r="D2136">
        <v>16889545</v>
      </c>
      <c r="E2136">
        <v>2</v>
      </c>
      <c r="F2136">
        <v>0</v>
      </c>
      <c r="H2136" t="s">
        <v>11134</v>
      </c>
      <c r="J2136" t="s">
        <v>11135</v>
      </c>
      <c r="K2136" t="s">
        <v>11135</v>
      </c>
      <c r="M2136">
        <v>2446345</v>
      </c>
      <c r="O2136">
        <v>2446345</v>
      </c>
      <c r="P2136">
        <v>1</v>
      </c>
      <c r="Q2136">
        <v>0</v>
      </c>
      <c r="R2136" t="s">
        <v>11136</v>
      </c>
      <c r="S2136">
        <v>325</v>
      </c>
    </row>
    <row r="2137" spans="1:19" x14ac:dyDescent="0.25">
      <c r="A2137">
        <v>7729515</v>
      </c>
      <c r="B2137" t="s">
        <v>11137</v>
      </c>
      <c r="C2137" t="s">
        <v>11138</v>
      </c>
      <c r="E2137">
        <v>1</v>
      </c>
      <c r="F2137">
        <v>0</v>
      </c>
      <c r="H2137" t="s">
        <v>11139</v>
      </c>
      <c r="J2137" t="s">
        <v>11140</v>
      </c>
      <c r="O2137">
        <v>502867</v>
      </c>
      <c r="P2137">
        <v>1</v>
      </c>
      <c r="Q2137">
        <v>0</v>
      </c>
      <c r="R2137" t="s">
        <v>2771</v>
      </c>
      <c r="S2137">
        <v>145</v>
      </c>
    </row>
    <row r="2138" spans="1:19" x14ac:dyDescent="0.25">
      <c r="A2138">
        <v>3769086</v>
      </c>
      <c r="B2138" t="s">
        <v>11141</v>
      </c>
      <c r="C2138" s="1" t="s">
        <v>11142</v>
      </c>
      <c r="D2138">
        <v>3769151</v>
      </c>
      <c r="E2138">
        <v>3</v>
      </c>
      <c r="F2138">
        <v>4</v>
      </c>
      <c r="H2138" t="s">
        <v>11143</v>
      </c>
      <c r="J2138" t="s">
        <v>11144</v>
      </c>
      <c r="K2138" t="s">
        <v>11144</v>
      </c>
      <c r="M2138">
        <v>210342</v>
      </c>
      <c r="O2138">
        <v>210342</v>
      </c>
      <c r="P2138">
        <v>1</v>
      </c>
      <c r="Q2138">
        <v>1</v>
      </c>
      <c r="R2138" t="s">
        <v>11145</v>
      </c>
      <c r="S2138">
        <v>804</v>
      </c>
    </row>
    <row r="2139" spans="1:19" x14ac:dyDescent="0.25">
      <c r="A2139">
        <v>37555403</v>
      </c>
      <c r="B2139" t="s">
        <v>11146</v>
      </c>
      <c r="C2139" s="1" t="s">
        <v>11147</v>
      </c>
      <c r="D2139">
        <v>37782673</v>
      </c>
      <c r="E2139">
        <v>3</v>
      </c>
      <c r="F2139">
        <v>3</v>
      </c>
      <c r="H2139" t="s">
        <v>11148</v>
      </c>
      <c r="I2139">
        <v>5</v>
      </c>
      <c r="J2139" t="s">
        <v>11149</v>
      </c>
      <c r="K2139" t="s">
        <v>11150</v>
      </c>
      <c r="M2139">
        <v>651714</v>
      </c>
      <c r="O2139">
        <v>651714</v>
      </c>
      <c r="P2139">
        <v>1</v>
      </c>
      <c r="Q2139">
        <v>13</v>
      </c>
      <c r="R2139" t="s">
        <v>11151</v>
      </c>
      <c r="S2139">
        <v>9489</v>
      </c>
    </row>
    <row r="2140" spans="1:19" x14ac:dyDescent="0.25">
      <c r="A2140">
        <v>10893457</v>
      </c>
      <c r="B2140" t="s">
        <v>11152</v>
      </c>
      <c r="C2140" s="1" t="s">
        <v>11153</v>
      </c>
      <c r="E2140">
        <v>1</v>
      </c>
      <c r="F2140">
        <v>2</v>
      </c>
      <c r="H2140" t="s">
        <v>11154</v>
      </c>
      <c r="J2140" t="s">
        <v>11155</v>
      </c>
      <c r="K2140" t="s">
        <v>11156</v>
      </c>
      <c r="M2140">
        <v>799622</v>
      </c>
      <c r="O2140">
        <v>799622</v>
      </c>
      <c r="P2140">
        <v>1</v>
      </c>
      <c r="Q2140">
        <v>0</v>
      </c>
      <c r="R2140" t="s">
        <v>11157</v>
      </c>
      <c r="S2140">
        <v>2022</v>
      </c>
    </row>
    <row r="2141" spans="1:19" x14ac:dyDescent="0.25">
      <c r="A2141">
        <v>20219004</v>
      </c>
      <c r="B2141" t="s">
        <v>11158</v>
      </c>
      <c r="C2141" s="1" t="s">
        <v>11159</v>
      </c>
      <c r="D2141">
        <v>20219303</v>
      </c>
      <c r="E2141">
        <v>2</v>
      </c>
      <c r="F2141">
        <v>0</v>
      </c>
      <c r="H2141" t="s">
        <v>11160</v>
      </c>
      <c r="J2141" t="s">
        <v>11161</v>
      </c>
      <c r="O2141">
        <v>1660485</v>
      </c>
      <c r="P2141">
        <v>1</v>
      </c>
      <c r="Q2141">
        <v>0</v>
      </c>
      <c r="R2141" t="s">
        <v>989</v>
      </c>
      <c r="S2141">
        <v>51</v>
      </c>
    </row>
    <row r="2142" spans="1:19" x14ac:dyDescent="0.25">
      <c r="A2142">
        <v>32722180</v>
      </c>
      <c r="B2142" t="s">
        <v>11162</v>
      </c>
      <c r="C2142" s="1" t="s">
        <v>11163</v>
      </c>
      <c r="E2142">
        <v>1</v>
      </c>
      <c r="F2142">
        <v>0</v>
      </c>
      <c r="H2142" t="s">
        <v>11164</v>
      </c>
      <c r="J2142" t="s">
        <v>11165</v>
      </c>
      <c r="K2142" t="s">
        <v>11166</v>
      </c>
      <c r="M2142">
        <v>-1</v>
      </c>
      <c r="O2142">
        <v>5070942</v>
      </c>
      <c r="P2142">
        <v>1</v>
      </c>
      <c r="Q2142">
        <v>0</v>
      </c>
      <c r="R2142" t="s">
        <v>11167</v>
      </c>
      <c r="S2142">
        <v>927</v>
      </c>
    </row>
    <row r="2143" spans="1:19" x14ac:dyDescent="0.25">
      <c r="A2143">
        <v>45461287</v>
      </c>
      <c r="B2143" t="s">
        <v>11168</v>
      </c>
      <c r="C2143" s="1" t="s">
        <v>11169</v>
      </c>
      <c r="E2143">
        <v>1</v>
      </c>
      <c r="F2143">
        <v>1</v>
      </c>
      <c r="H2143" t="s">
        <v>11170</v>
      </c>
      <c r="J2143" t="s">
        <v>11171</v>
      </c>
      <c r="K2143" t="s">
        <v>11171</v>
      </c>
      <c r="M2143">
        <v>7015400</v>
      </c>
      <c r="O2143">
        <v>5874428</v>
      </c>
      <c r="P2143">
        <v>1</v>
      </c>
      <c r="Q2143">
        <v>1</v>
      </c>
      <c r="R2143" t="s">
        <v>93</v>
      </c>
      <c r="S2143">
        <v>523</v>
      </c>
    </row>
    <row r="2144" spans="1:19" x14ac:dyDescent="0.25">
      <c r="A2144">
        <v>19964508</v>
      </c>
      <c r="B2144" t="s">
        <v>11172</v>
      </c>
      <c r="C2144" t="s">
        <v>11173</v>
      </c>
      <c r="D2144">
        <v>19971955</v>
      </c>
      <c r="E2144">
        <v>1</v>
      </c>
      <c r="F2144">
        <v>1</v>
      </c>
      <c r="H2144" t="s">
        <v>11174</v>
      </c>
      <c r="J2144" t="s">
        <v>11175</v>
      </c>
      <c r="O2144">
        <v>2989585</v>
      </c>
      <c r="P2144">
        <v>1</v>
      </c>
      <c r="Q2144">
        <v>2</v>
      </c>
      <c r="R2144" t="s">
        <v>11176</v>
      </c>
      <c r="S2144">
        <v>841</v>
      </c>
    </row>
    <row r="2145" spans="1:19" x14ac:dyDescent="0.25">
      <c r="A2145">
        <v>7162580</v>
      </c>
      <c r="B2145" t="s">
        <v>11177</v>
      </c>
      <c r="C2145" t="s">
        <v>11178</v>
      </c>
      <c r="D2145">
        <v>7162611</v>
      </c>
      <c r="E2145">
        <v>3</v>
      </c>
      <c r="F2145">
        <v>0</v>
      </c>
      <c r="H2145" t="s">
        <v>11179</v>
      </c>
      <c r="J2145" t="s">
        <v>11180</v>
      </c>
      <c r="O2145">
        <v>707381</v>
      </c>
      <c r="P2145">
        <v>1</v>
      </c>
      <c r="Q2145">
        <v>0</v>
      </c>
      <c r="R2145" t="s">
        <v>2494</v>
      </c>
      <c r="S2145">
        <v>86</v>
      </c>
    </row>
    <row r="2146" spans="1:19" x14ac:dyDescent="0.25">
      <c r="A2146">
        <v>33799196</v>
      </c>
      <c r="B2146" t="s">
        <v>11181</v>
      </c>
      <c r="C2146" s="1" t="s">
        <v>11182</v>
      </c>
      <c r="D2146">
        <v>33807993</v>
      </c>
      <c r="E2146">
        <v>1</v>
      </c>
      <c r="F2146">
        <v>0</v>
      </c>
      <c r="H2146" t="s">
        <v>11183</v>
      </c>
      <c r="J2146" t="s">
        <v>11184</v>
      </c>
      <c r="K2146" t="s">
        <v>11185</v>
      </c>
      <c r="M2146">
        <v>992951</v>
      </c>
      <c r="O2146">
        <v>992951</v>
      </c>
      <c r="P2146">
        <v>1</v>
      </c>
      <c r="Q2146">
        <v>0</v>
      </c>
      <c r="R2146" t="s">
        <v>11186</v>
      </c>
      <c r="S2146">
        <v>81</v>
      </c>
    </row>
    <row r="2147" spans="1:19" x14ac:dyDescent="0.25">
      <c r="A2147">
        <v>42231284</v>
      </c>
      <c r="B2147" t="s">
        <v>11187</v>
      </c>
      <c r="C2147" s="1" t="s">
        <v>11188</v>
      </c>
      <c r="E2147">
        <v>1</v>
      </c>
      <c r="F2147">
        <v>3</v>
      </c>
      <c r="H2147" t="s">
        <v>11189</v>
      </c>
      <c r="J2147" t="s">
        <v>11190</v>
      </c>
      <c r="O2147">
        <v>7337420</v>
      </c>
      <c r="P2147">
        <v>1</v>
      </c>
      <c r="Q2147">
        <v>0</v>
      </c>
      <c r="R2147" t="s">
        <v>11191</v>
      </c>
      <c r="S2147">
        <v>58</v>
      </c>
    </row>
    <row r="2148" spans="1:19" x14ac:dyDescent="0.25">
      <c r="A2148">
        <v>39769679</v>
      </c>
      <c r="B2148" t="s">
        <v>11192</v>
      </c>
      <c r="C2148" s="1" t="s">
        <v>11193</v>
      </c>
      <c r="D2148">
        <v>39769831</v>
      </c>
      <c r="E2148">
        <v>1</v>
      </c>
      <c r="F2148">
        <v>2</v>
      </c>
      <c r="H2148" t="s">
        <v>11194</v>
      </c>
      <c r="I2148">
        <v>2</v>
      </c>
      <c r="J2148" t="s">
        <v>11195</v>
      </c>
      <c r="K2148" t="s">
        <v>11195</v>
      </c>
      <c r="M2148">
        <v>1221571</v>
      </c>
      <c r="O2148">
        <v>5321967</v>
      </c>
      <c r="P2148">
        <v>1</v>
      </c>
      <c r="Q2148">
        <v>2</v>
      </c>
      <c r="R2148" t="s">
        <v>11196</v>
      </c>
      <c r="S2148">
        <v>438</v>
      </c>
    </row>
    <row r="2149" spans="1:19" x14ac:dyDescent="0.25">
      <c r="A2149">
        <v>38575274</v>
      </c>
      <c r="B2149" t="s">
        <v>11197</v>
      </c>
      <c r="C2149" s="1" t="s">
        <v>11198</v>
      </c>
      <c r="E2149">
        <v>2</v>
      </c>
      <c r="F2149">
        <v>1</v>
      </c>
      <c r="H2149" t="s">
        <v>11199</v>
      </c>
      <c r="J2149" t="s">
        <v>11200</v>
      </c>
      <c r="O2149">
        <v>2120790</v>
      </c>
      <c r="P2149">
        <v>1</v>
      </c>
      <c r="Q2149">
        <v>0</v>
      </c>
      <c r="R2149" t="s">
        <v>11201</v>
      </c>
      <c r="S2149">
        <v>786</v>
      </c>
    </row>
    <row r="2150" spans="1:19" x14ac:dyDescent="0.25">
      <c r="A2150">
        <v>2188601</v>
      </c>
      <c r="B2150" t="s">
        <v>11202</v>
      </c>
      <c r="C2150" s="1" t="s">
        <v>11203</v>
      </c>
      <c r="D2150">
        <v>2193548</v>
      </c>
      <c r="E2150">
        <v>2</v>
      </c>
      <c r="F2150">
        <v>2</v>
      </c>
      <c r="H2150" t="s">
        <v>11204</v>
      </c>
      <c r="J2150" t="s">
        <v>11205</v>
      </c>
      <c r="O2150">
        <v>203141</v>
      </c>
      <c r="P2150">
        <v>1</v>
      </c>
      <c r="Q2150">
        <v>1</v>
      </c>
      <c r="R2150" t="s">
        <v>2176</v>
      </c>
      <c r="S2150">
        <v>1616</v>
      </c>
    </row>
    <row r="2151" spans="1:19" x14ac:dyDescent="0.25">
      <c r="A2151">
        <v>16901508</v>
      </c>
      <c r="B2151" t="s">
        <v>11206</v>
      </c>
      <c r="C2151" s="1" t="s">
        <v>11207</v>
      </c>
      <c r="E2151">
        <v>1</v>
      </c>
      <c r="F2151">
        <v>1</v>
      </c>
      <c r="H2151" t="s">
        <v>11208</v>
      </c>
      <c r="J2151" t="s">
        <v>11209</v>
      </c>
      <c r="K2151" t="s">
        <v>11209</v>
      </c>
      <c r="M2151">
        <v>1497599</v>
      </c>
      <c r="O2151">
        <v>1497599</v>
      </c>
      <c r="P2151">
        <v>1</v>
      </c>
      <c r="Q2151">
        <v>-1</v>
      </c>
      <c r="R2151" t="s">
        <v>5746</v>
      </c>
      <c r="S2151">
        <v>157</v>
      </c>
    </row>
    <row r="2152" spans="1:19" x14ac:dyDescent="0.25">
      <c r="A2152">
        <v>3109529</v>
      </c>
      <c r="B2152" t="s">
        <v>11210</v>
      </c>
      <c r="C2152" s="1" t="s">
        <v>11211</v>
      </c>
      <c r="D2152">
        <v>3109622</v>
      </c>
      <c r="E2152">
        <v>2</v>
      </c>
      <c r="F2152">
        <v>0</v>
      </c>
      <c r="H2152" t="s">
        <v>11212</v>
      </c>
      <c r="I2152">
        <v>1</v>
      </c>
      <c r="J2152" t="s">
        <v>11213</v>
      </c>
      <c r="O2152">
        <v>342437</v>
      </c>
      <c r="P2152">
        <v>1</v>
      </c>
      <c r="Q2152">
        <v>0</v>
      </c>
      <c r="R2152" t="s">
        <v>11214</v>
      </c>
      <c r="S2152">
        <v>4929</v>
      </c>
    </row>
    <row r="2153" spans="1:19" x14ac:dyDescent="0.25">
      <c r="A2153">
        <v>16205445</v>
      </c>
      <c r="B2153" t="s">
        <v>11215</v>
      </c>
      <c r="C2153" s="1" t="s">
        <v>11216</v>
      </c>
      <c r="D2153">
        <v>16205558</v>
      </c>
      <c r="E2153">
        <v>2</v>
      </c>
      <c r="F2153">
        <v>1</v>
      </c>
      <c r="H2153" t="s">
        <v>11217</v>
      </c>
      <c r="J2153" t="s">
        <v>11218</v>
      </c>
      <c r="K2153" t="s">
        <v>11219</v>
      </c>
      <c r="M2153">
        <v>178301</v>
      </c>
      <c r="O2153">
        <v>178301</v>
      </c>
      <c r="P2153">
        <v>1</v>
      </c>
      <c r="Q2153">
        <v>-1</v>
      </c>
      <c r="R2153" t="s">
        <v>2494</v>
      </c>
      <c r="S2153">
        <v>34</v>
      </c>
    </row>
    <row r="2154" spans="1:19" x14ac:dyDescent="0.25">
      <c r="A2154">
        <v>52508714</v>
      </c>
      <c r="B2154" t="s">
        <v>11220</v>
      </c>
      <c r="C2154" s="1" t="s">
        <v>11221</v>
      </c>
      <c r="E2154">
        <v>0</v>
      </c>
      <c r="F2154">
        <v>1</v>
      </c>
      <c r="H2154" t="s">
        <v>11222</v>
      </c>
      <c r="J2154" t="s">
        <v>11222</v>
      </c>
      <c r="O2154">
        <v>1248811</v>
      </c>
      <c r="P2154">
        <v>1</v>
      </c>
      <c r="Q2154">
        <v>0</v>
      </c>
      <c r="R2154" t="s">
        <v>11223</v>
      </c>
      <c r="S2154">
        <v>33</v>
      </c>
    </row>
    <row r="2155" spans="1:19" x14ac:dyDescent="0.25">
      <c r="A2155">
        <v>30561672</v>
      </c>
      <c r="B2155" t="s">
        <v>11224</v>
      </c>
      <c r="C2155" t="s">
        <v>11225</v>
      </c>
      <c r="E2155">
        <v>0</v>
      </c>
      <c r="F2155">
        <v>2</v>
      </c>
      <c r="H2155" t="s">
        <v>11226</v>
      </c>
      <c r="I2155">
        <v>1</v>
      </c>
      <c r="J2155" t="s">
        <v>11226</v>
      </c>
      <c r="O2155">
        <v>4931720</v>
      </c>
      <c r="P2155">
        <v>1</v>
      </c>
      <c r="Q2155">
        <v>0</v>
      </c>
      <c r="R2155" t="s">
        <v>11227</v>
      </c>
      <c r="S2155">
        <v>29</v>
      </c>
    </row>
    <row r="2156" spans="1:19" x14ac:dyDescent="0.25">
      <c r="A2156">
        <v>15921225</v>
      </c>
      <c r="B2156" t="s">
        <v>11228</v>
      </c>
      <c r="C2156" s="1" t="s">
        <v>11229</v>
      </c>
      <c r="D2156">
        <v>15921496</v>
      </c>
      <c r="E2156">
        <v>2</v>
      </c>
      <c r="F2156">
        <v>2</v>
      </c>
      <c r="H2156" t="s">
        <v>11230</v>
      </c>
      <c r="J2156" t="s">
        <v>11231</v>
      </c>
      <c r="K2156" t="s">
        <v>11232</v>
      </c>
      <c r="M2156">
        <v>447156</v>
      </c>
      <c r="O2156">
        <v>2256428</v>
      </c>
      <c r="P2156">
        <v>1</v>
      </c>
      <c r="Q2156">
        <v>0</v>
      </c>
      <c r="R2156" t="s">
        <v>1288</v>
      </c>
      <c r="S2156">
        <v>2559</v>
      </c>
    </row>
    <row r="2157" spans="1:19" x14ac:dyDescent="0.25">
      <c r="A2157">
        <v>36628869</v>
      </c>
      <c r="B2157" t="s">
        <v>11233</v>
      </c>
      <c r="C2157" s="1" t="s">
        <v>11234</v>
      </c>
      <c r="E2157">
        <v>1</v>
      </c>
      <c r="F2157">
        <v>0</v>
      </c>
      <c r="H2157" t="s">
        <v>11235</v>
      </c>
      <c r="J2157" t="s">
        <v>11236</v>
      </c>
      <c r="O2157">
        <v>6205073</v>
      </c>
      <c r="P2157">
        <v>1</v>
      </c>
      <c r="Q2157">
        <v>0</v>
      </c>
      <c r="R2157" t="s">
        <v>11237</v>
      </c>
      <c r="S2157">
        <v>325</v>
      </c>
    </row>
    <row r="2158" spans="1:19" x14ac:dyDescent="0.25">
      <c r="A2158">
        <v>5114589</v>
      </c>
      <c r="B2158" t="s">
        <v>11238</v>
      </c>
      <c r="C2158" s="1" t="s">
        <v>11239</v>
      </c>
      <c r="E2158">
        <v>3</v>
      </c>
      <c r="F2158">
        <v>0</v>
      </c>
      <c r="H2158" t="s">
        <v>11240</v>
      </c>
      <c r="J2158" t="s">
        <v>11241</v>
      </c>
      <c r="O2158">
        <v>633690</v>
      </c>
      <c r="P2158">
        <v>1</v>
      </c>
      <c r="Q2158">
        <v>2</v>
      </c>
      <c r="R2158" t="s">
        <v>11242</v>
      </c>
      <c r="S2158">
        <v>2440</v>
      </c>
    </row>
    <row r="2159" spans="1:19" x14ac:dyDescent="0.25">
      <c r="A2159">
        <v>45496480</v>
      </c>
      <c r="B2159" t="s">
        <v>11243</v>
      </c>
      <c r="C2159" t="s">
        <v>11244</v>
      </c>
      <c r="D2159">
        <v>45497574</v>
      </c>
      <c r="E2159">
        <v>1</v>
      </c>
      <c r="F2159">
        <v>0</v>
      </c>
      <c r="H2159" t="s">
        <v>11245</v>
      </c>
      <c r="I2159">
        <v>0</v>
      </c>
      <c r="J2159" t="s">
        <v>11246</v>
      </c>
      <c r="O2159">
        <v>7455410</v>
      </c>
      <c r="P2159">
        <v>1</v>
      </c>
      <c r="Q2159">
        <v>0</v>
      </c>
      <c r="R2159" t="s">
        <v>11247</v>
      </c>
      <c r="S2159">
        <v>85</v>
      </c>
    </row>
    <row r="2160" spans="1:19" x14ac:dyDescent="0.25">
      <c r="A2160">
        <v>53366120</v>
      </c>
      <c r="B2160" t="s">
        <v>11248</v>
      </c>
      <c r="C2160" s="1" t="s">
        <v>11249</v>
      </c>
      <c r="E2160">
        <v>2</v>
      </c>
      <c r="F2160">
        <v>2</v>
      </c>
      <c r="H2160" t="s">
        <v>11250</v>
      </c>
      <c r="J2160" t="s">
        <v>11251</v>
      </c>
      <c r="K2160" t="s">
        <v>11252</v>
      </c>
      <c r="M2160">
        <v>10672030</v>
      </c>
      <c r="O2160">
        <v>10672030</v>
      </c>
      <c r="P2160">
        <v>1</v>
      </c>
      <c r="Q2160">
        <v>-1</v>
      </c>
      <c r="R2160" t="s">
        <v>351</v>
      </c>
      <c r="S2160">
        <v>52</v>
      </c>
    </row>
    <row r="2161" spans="1:19" x14ac:dyDescent="0.25">
      <c r="A2161">
        <v>36852063</v>
      </c>
      <c r="B2161" t="s">
        <v>11253</v>
      </c>
      <c r="C2161" s="1" t="s">
        <v>11254</v>
      </c>
      <c r="D2161">
        <v>36852265</v>
      </c>
      <c r="E2161">
        <v>1</v>
      </c>
      <c r="F2161">
        <v>0</v>
      </c>
      <c r="H2161" t="s">
        <v>11255</v>
      </c>
      <c r="I2161">
        <v>1</v>
      </c>
      <c r="J2161" t="s">
        <v>11256</v>
      </c>
      <c r="O2161">
        <v>3423674</v>
      </c>
      <c r="P2161">
        <v>1</v>
      </c>
      <c r="Q2161">
        <v>1</v>
      </c>
      <c r="R2161" t="s">
        <v>11257</v>
      </c>
      <c r="S2161">
        <v>754</v>
      </c>
    </row>
    <row r="2162" spans="1:19" x14ac:dyDescent="0.25">
      <c r="A2162">
        <v>47020322</v>
      </c>
      <c r="B2162" t="s">
        <v>11258</v>
      </c>
      <c r="C2162" s="1" t="s">
        <v>11259</v>
      </c>
      <c r="E2162">
        <v>2</v>
      </c>
      <c r="F2162">
        <v>1</v>
      </c>
      <c r="H2162" t="s">
        <v>11260</v>
      </c>
      <c r="J2162" t="s">
        <v>11261</v>
      </c>
      <c r="K2162" t="s">
        <v>11261</v>
      </c>
      <c r="M2162">
        <v>2422776</v>
      </c>
      <c r="O2162">
        <v>6060356</v>
      </c>
      <c r="P2162">
        <v>1</v>
      </c>
      <c r="Q2162">
        <v>1</v>
      </c>
      <c r="R2162" t="s">
        <v>11262</v>
      </c>
      <c r="S2162">
        <v>189</v>
      </c>
    </row>
    <row r="2163" spans="1:19" x14ac:dyDescent="0.25">
      <c r="A2163">
        <v>14679032</v>
      </c>
      <c r="B2163" t="s">
        <v>11263</v>
      </c>
      <c r="C2163" s="1" t="s">
        <v>11264</v>
      </c>
      <c r="D2163">
        <v>14679079</v>
      </c>
      <c r="E2163">
        <v>2</v>
      </c>
      <c r="F2163">
        <v>0</v>
      </c>
      <c r="H2163" t="s">
        <v>11265</v>
      </c>
      <c r="J2163" t="s">
        <v>11266</v>
      </c>
      <c r="O2163">
        <v>1025090</v>
      </c>
      <c r="P2163">
        <v>1</v>
      </c>
      <c r="Q2163">
        <v>3</v>
      </c>
      <c r="R2163" t="s">
        <v>11267</v>
      </c>
      <c r="S2163">
        <v>348</v>
      </c>
    </row>
    <row r="2164" spans="1:19" x14ac:dyDescent="0.25">
      <c r="A2164">
        <v>17579311</v>
      </c>
      <c r="B2164" t="s">
        <v>11268</v>
      </c>
      <c r="C2164" s="1" t="s">
        <v>11269</v>
      </c>
      <c r="E2164">
        <v>5</v>
      </c>
      <c r="F2164">
        <v>3</v>
      </c>
      <c r="H2164" t="s">
        <v>11270</v>
      </c>
      <c r="I2164">
        <v>0</v>
      </c>
      <c r="J2164" t="s">
        <v>11271</v>
      </c>
      <c r="K2164" t="s">
        <v>11272</v>
      </c>
      <c r="M2164">
        <v>17300</v>
      </c>
      <c r="O2164">
        <v>2514364</v>
      </c>
      <c r="P2164">
        <v>1</v>
      </c>
      <c r="Q2164">
        <v>7</v>
      </c>
      <c r="R2164" t="s">
        <v>819</v>
      </c>
      <c r="S2164">
        <v>24827</v>
      </c>
    </row>
    <row r="2165" spans="1:19" x14ac:dyDescent="0.25">
      <c r="A2165">
        <v>50473257</v>
      </c>
      <c r="B2165" t="s">
        <v>11273</v>
      </c>
      <c r="C2165" s="1" t="s">
        <v>11274</v>
      </c>
      <c r="E2165">
        <v>0</v>
      </c>
      <c r="F2165">
        <v>0</v>
      </c>
      <c r="H2165" t="s">
        <v>11275</v>
      </c>
      <c r="J2165" t="s">
        <v>11276</v>
      </c>
      <c r="K2165" t="s">
        <v>11276</v>
      </c>
      <c r="M2165">
        <v>6788803</v>
      </c>
      <c r="O2165">
        <v>9773656</v>
      </c>
      <c r="P2165">
        <v>1</v>
      </c>
      <c r="Q2165">
        <v>0</v>
      </c>
      <c r="R2165" t="s">
        <v>11277</v>
      </c>
      <c r="S2165">
        <v>50</v>
      </c>
    </row>
    <row r="2166" spans="1:19" x14ac:dyDescent="0.25">
      <c r="A2166">
        <v>1862410</v>
      </c>
      <c r="B2166" t="s">
        <v>11278</v>
      </c>
      <c r="C2166" s="1" t="s">
        <v>11279</v>
      </c>
      <c r="D2166">
        <v>1862500</v>
      </c>
      <c r="E2166">
        <v>11</v>
      </c>
      <c r="F2166">
        <v>6</v>
      </c>
      <c r="H2166" t="s">
        <v>11280</v>
      </c>
      <c r="I2166">
        <v>5</v>
      </c>
      <c r="J2166" t="s">
        <v>11281</v>
      </c>
      <c r="K2166" t="s">
        <v>11282</v>
      </c>
      <c r="M2166">
        <v>21234</v>
      </c>
      <c r="O2166">
        <v>220903</v>
      </c>
      <c r="P2166">
        <v>1</v>
      </c>
      <c r="Q2166">
        <v>11</v>
      </c>
      <c r="R2166" t="s">
        <v>11283</v>
      </c>
      <c r="S2166">
        <v>1139</v>
      </c>
    </row>
    <row r="2167" spans="1:19" x14ac:dyDescent="0.25">
      <c r="A2167">
        <v>8940573</v>
      </c>
      <c r="B2167" t="s">
        <v>11284</v>
      </c>
      <c r="C2167" t="s">
        <v>11285</v>
      </c>
      <c r="D2167">
        <v>8940594</v>
      </c>
      <c r="E2167">
        <v>3</v>
      </c>
      <c r="F2167">
        <v>1</v>
      </c>
      <c r="H2167" t="s">
        <v>11286</v>
      </c>
      <c r="I2167">
        <v>1</v>
      </c>
      <c r="J2167" t="s">
        <v>11287</v>
      </c>
      <c r="O2167">
        <v>1113604</v>
      </c>
      <c r="P2167">
        <v>1</v>
      </c>
      <c r="Q2167">
        <v>7</v>
      </c>
      <c r="R2167" t="s">
        <v>351</v>
      </c>
      <c r="S2167">
        <v>15168</v>
      </c>
    </row>
    <row r="2168" spans="1:19" x14ac:dyDescent="0.25">
      <c r="A2168">
        <v>31083346</v>
      </c>
      <c r="B2168" t="s">
        <v>11288</v>
      </c>
      <c r="C2168" s="1" t="s">
        <v>11289</v>
      </c>
      <c r="E2168">
        <v>1</v>
      </c>
      <c r="F2168">
        <v>0</v>
      </c>
      <c r="H2168" t="s">
        <v>11290</v>
      </c>
      <c r="J2168" t="s">
        <v>11291</v>
      </c>
      <c r="O2168">
        <v>358954</v>
      </c>
      <c r="P2168">
        <v>1</v>
      </c>
      <c r="Q2168">
        <v>0</v>
      </c>
      <c r="R2168" t="s">
        <v>11292</v>
      </c>
      <c r="S2168">
        <v>85</v>
      </c>
    </row>
    <row r="2169" spans="1:19" x14ac:dyDescent="0.25">
      <c r="A2169">
        <v>11086773</v>
      </c>
      <c r="B2169" t="s">
        <v>11293</v>
      </c>
      <c r="C2169" s="1" t="s">
        <v>11294</v>
      </c>
      <c r="D2169">
        <v>11086796</v>
      </c>
      <c r="E2169">
        <v>4</v>
      </c>
      <c r="F2169">
        <v>0</v>
      </c>
      <c r="H2169" t="s">
        <v>11295</v>
      </c>
      <c r="I2169">
        <v>7</v>
      </c>
      <c r="J2169" t="s">
        <v>11296</v>
      </c>
      <c r="K2169" t="s">
        <v>11297</v>
      </c>
      <c r="M2169">
        <v>240733</v>
      </c>
      <c r="O2169">
        <v>478520</v>
      </c>
      <c r="P2169">
        <v>1</v>
      </c>
      <c r="Q2169">
        <v>33</v>
      </c>
      <c r="R2169" t="s">
        <v>11298</v>
      </c>
      <c r="S2169">
        <v>62918</v>
      </c>
    </row>
    <row r="2170" spans="1:19" x14ac:dyDescent="0.25">
      <c r="A2170">
        <v>4534754</v>
      </c>
      <c r="B2170" t="s">
        <v>11299</v>
      </c>
      <c r="C2170" s="1" t="s">
        <v>11300</v>
      </c>
      <c r="D2170">
        <v>4534772</v>
      </c>
      <c r="E2170">
        <v>1</v>
      </c>
      <c r="F2170">
        <v>1</v>
      </c>
      <c r="H2170" t="s">
        <v>11301</v>
      </c>
      <c r="J2170" t="s">
        <v>11302</v>
      </c>
      <c r="O2170">
        <v>524251</v>
      </c>
      <c r="P2170">
        <v>1</v>
      </c>
      <c r="Q2170">
        <v>0</v>
      </c>
      <c r="R2170" t="s">
        <v>11303</v>
      </c>
      <c r="S2170">
        <v>1619</v>
      </c>
    </row>
    <row r="2171" spans="1:19" x14ac:dyDescent="0.25">
      <c r="A2171">
        <v>49380147</v>
      </c>
      <c r="B2171" t="s">
        <v>11304</v>
      </c>
      <c r="C2171" s="1" t="s">
        <v>11305</v>
      </c>
      <c r="E2171">
        <v>1</v>
      </c>
      <c r="F2171">
        <v>4</v>
      </c>
      <c r="H2171" t="s">
        <v>11306</v>
      </c>
      <c r="I2171">
        <v>1</v>
      </c>
      <c r="J2171" t="s">
        <v>11307</v>
      </c>
      <c r="K2171" t="s">
        <v>11308</v>
      </c>
      <c r="M2171">
        <v>8595231</v>
      </c>
      <c r="O2171">
        <v>8595231</v>
      </c>
      <c r="P2171">
        <v>1</v>
      </c>
      <c r="Q2171">
        <v>0</v>
      </c>
      <c r="R2171" t="s">
        <v>11309</v>
      </c>
      <c r="S2171">
        <v>56</v>
      </c>
    </row>
    <row r="2172" spans="1:19" x14ac:dyDescent="0.25">
      <c r="A2172">
        <v>39498640</v>
      </c>
      <c r="B2172" t="s">
        <v>11310</v>
      </c>
      <c r="C2172" s="1" t="s">
        <v>11311</v>
      </c>
      <c r="E2172">
        <v>1</v>
      </c>
      <c r="F2172">
        <v>7</v>
      </c>
      <c r="H2172" t="s">
        <v>11312</v>
      </c>
      <c r="I2172">
        <v>1</v>
      </c>
      <c r="J2172" t="s">
        <v>11313</v>
      </c>
      <c r="K2172" t="s">
        <v>11314</v>
      </c>
      <c r="M2172">
        <v>1824282</v>
      </c>
      <c r="O2172">
        <v>1824282</v>
      </c>
      <c r="P2172">
        <v>1</v>
      </c>
      <c r="Q2172">
        <v>1</v>
      </c>
      <c r="R2172" t="s">
        <v>11315</v>
      </c>
      <c r="S2172">
        <v>596</v>
      </c>
    </row>
    <row r="2173" spans="1:19" x14ac:dyDescent="0.25">
      <c r="A2173">
        <v>53464147</v>
      </c>
      <c r="B2173" t="s">
        <v>11316</v>
      </c>
      <c r="C2173" s="1" t="s">
        <v>11317</v>
      </c>
      <c r="E2173">
        <v>0</v>
      </c>
      <c r="F2173">
        <v>5</v>
      </c>
      <c r="H2173" t="s">
        <v>11318</v>
      </c>
      <c r="J2173" t="s">
        <v>11319</v>
      </c>
      <c r="K2173" t="s">
        <v>11319</v>
      </c>
      <c r="M2173">
        <v>3181933</v>
      </c>
      <c r="O2173">
        <v>10700706</v>
      </c>
      <c r="P2173">
        <v>1</v>
      </c>
      <c r="Q2173">
        <v>-5</v>
      </c>
      <c r="R2173" t="s">
        <v>11320</v>
      </c>
      <c r="S2173">
        <v>25</v>
      </c>
    </row>
    <row r="2174" spans="1:19" x14ac:dyDescent="0.25">
      <c r="A2174">
        <v>5683757</v>
      </c>
      <c r="B2174" t="s">
        <v>11321</v>
      </c>
      <c r="C2174" s="1" t="s">
        <v>11322</v>
      </c>
      <c r="E2174">
        <v>1</v>
      </c>
      <c r="F2174">
        <v>2</v>
      </c>
      <c r="H2174" t="s">
        <v>11323</v>
      </c>
      <c r="I2174">
        <v>1</v>
      </c>
      <c r="J2174" t="s">
        <v>11324</v>
      </c>
      <c r="K2174" t="s">
        <v>11324</v>
      </c>
      <c r="M2174">
        <v>419</v>
      </c>
      <c r="O2174">
        <v>188580</v>
      </c>
      <c r="P2174">
        <v>1</v>
      </c>
      <c r="Q2174">
        <v>1</v>
      </c>
      <c r="R2174" t="s">
        <v>11325</v>
      </c>
      <c r="S2174">
        <v>521</v>
      </c>
    </row>
    <row r="2175" spans="1:19" x14ac:dyDescent="0.25">
      <c r="A2175">
        <v>18404505</v>
      </c>
      <c r="B2175" t="s">
        <v>11326</v>
      </c>
      <c r="C2175" s="1" t="s">
        <v>11327</v>
      </c>
      <c r="E2175">
        <v>3</v>
      </c>
      <c r="F2175">
        <v>2</v>
      </c>
      <c r="H2175" t="s">
        <v>11328</v>
      </c>
      <c r="J2175" t="s">
        <v>11329</v>
      </c>
      <c r="K2175" t="s">
        <v>11330</v>
      </c>
      <c r="M2175">
        <v>2572623</v>
      </c>
      <c r="O2175">
        <v>2572623</v>
      </c>
      <c r="P2175">
        <v>1</v>
      </c>
      <c r="Q2175">
        <v>0</v>
      </c>
      <c r="R2175" t="s">
        <v>2494</v>
      </c>
      <c r="S2175">
        <v>95</v>
      </c>
    </row>
    <row r="2176" spans="1:19" x14ac:dyDescent="0.25">
      <c r="A2176">
        <v>10938774</v>
      </c>
      <c r="B2176" t="s">
        <v>11331</v>
      </c>
      <c r="C2176" s="1" t="s">
        <v>11332</v>
      </c>
      <c r="D2176">
        <v>10938807</v>
      </c>
      <c r="E2176">
        <v>3</v>
      </c>
      <c r="F2176">
        <v>4</v>
      </c>
      <c r="H2176" t="s">
        <v>11333</v>
      </c>
      <c r="I2176">
        <v>5</v>
      </c>
      <c r="J2176" t="s">
        <v>11334</v>
      </c>
      <c r="K2176" t="s">
        <v>11335</v>
      </c>
      <c r="M2176">
        <v>636019</v>
      </c>
      <c r="O2176">
        <v>962089</v>
      </c>
      <c r="P2176">
        <v>1</v>
      </c>
      <c r="Q2176">
        <v>7</v>
      </c>
      <c r="R2176" t="s">
        <v>11336</v>
      </c>
      <c r="S2176">
        <v>13926</v>
      </c>
    </row>
    <row r="2177" spans="1:19" x14ac:dyDescent="0.25">
      <c r="A2177">
        <v>33628338</v>
      </c>
      <c r="B2177" t="s">
        <v>11337</v>
      </c>
      <c r="C2177" s="1" t="s">
        <v>11338</v>
      </c>
      <c r="D2177">
        <v>33631016</v>
      </c>
      <c r="E2177">
        <v>2</v>
      </c>
      <c r="F2177">
        <v>0</v>
      </c>
      <c r="H2177" t="s">
        <v>11339</v>
      </c>
      <c r="J2177" t="s">
        <v>11340</v>
      </c>
      <c r="K2177" t="s">
        <v>11341</v>
      </c>
      <c r="M2177">
        <v>2143867</v>
      </c>
      <c r="O2177">
        <v>2143867</v>
      </c>
      <c r="P2177">
        <v>1</v>
      </c>
      <c r="Q2177">
        <v>0</v>
      </c>
      <c r="R2177" t="s">
        <v>11342</v>
      </c>
      <c r="S2177">
        <v>225</v>
      </c>
    </row>
    <row r="2178" spans="1:19" x14ac:dyDescent="0.25">
      <c r="A2178">
        <v>11661867</v>
      </c>
      <c r="B2178" t="s">
        <v>11343</v>
      </c>
      <c r="C2178" s="1" t="s">
        <v>11344</v>
      </c>
      <c r="D2178">
        <v>11661912</v>
      </c>
      <c r="E2178">
        <v>2</v>
      </c>
      <c r="F2178">
        <v>0</v>
      </c>
      <c r="H2178" t="s">
        <v>11345</v>
      </c>
      <c r="J2178" t="s">
        <v>11346</v>
      </c>
      <c r="K2178" t="s">
        <v>11346</v>
      </c>
      <c r="M2178">
        <v>4653</v>
      </c>
      <c r="O2178">
        <v>4653</v>
      </c>
      <c r="P2178">
        <v>1</v>
      </c>
      <c r="Q2178">
        <v>0</v>
      </c>
      <c r="R2178" t="s">
        <v>11347</v>
      </c>
      <c r="S2178">
        <v>90</v>
      </c>
    </row>
    <row r="2179" spans="1:19" x14ac:dyDescent="0.25">
      <c r="A2179">
        <v>6418292</v>
      </c>
      <c r="B2179" t="s">
        <v>11348</v>
      </c>
      <c r="C2179" s="1" t="s">
        <v>11349</v>
      </c>
      <c r="D2179">
        <v>6431277</v>
      </c>
      <c r="E2179">
        <v>1</v>
      </c>
      <c r="F2179">
        <v>5</v>
      </c>
      <c r="G2179" t="s">
        <v>11350</v>
      </c>
      <c r="H2179" t="s">
        <v>11351</v>
      </c>
      <c r="J2179" t="s">
        <v>11352</v>
      </c>
      <c r="K2179" t="s">
        <v>11353</v>
      </c>
      <c r="M2179">
        <v>773497</v>
      </c>
      <c r="O2179">
        <v>773497</v>
      </c>
      <c r="P2179">
        <v>1</v>
      </c>
      <c r="Q2179">
        <v>3</v>
      </c>
      <c r="R2179" t="s">
        <v>11354</v>
      </c>
      <c r="S2179">
        <v>276</v>
      </c>
    </row>
    <row r="2180" spans="1:19" x14ac:dyDescent="0.25">
      <c r="A2180">
        <v>39718307</v>
      </c>
      <c r="B2180" t="s">
        <v>11355</v>
      </c>
      <c r="C2180" s="1" t="s">
        <v>11356</v>
      </c>
      <c r="D2180">
        <v>40699361</v>
      </c>
      <c r="E2180">
        <v>1</v>
      </c>
      <c r="F2180">
        <v>0</v>
      </c>
      <c r="H2180" t="s">
        <v>11357</v>
      </c>
      <c r="I2180">
        <v>1</v>
      </c>
      <c r="J2180" t="s">
        <v>11358</v>
      </c>
      <c r="O2180">
        <v>6207323</v>
      </c>
      <c r="P2180">
        <v>1</v>
      </c>
      <c r="Q2180">
        <v>-1</v>
      </c>
      <c r="R2180" t="s">
        <v>11359</v>
      </c>
      <c r="S2180">
        <v>545</v>
      </c>
    </row>
    <row r="2181" spans="1:19" x14ac:dyDescent="0.25">
      <c r="A2181">
        <v>36143963</v>
      </c>
      <c r="B2181" t="s">
        <v>11360</v>
      </c>
      <c r="C2181" s="1" t="s">
        <v>11361</v>
      </c>
      <c r="D2181">
        <v>36144017</v>
      </c>
      <c r="E2181">
        <v>2</v>
      </c>
      <c r="F2181">
        <v>0</v>
      </c>
      <c r="H2181" t="s">
        <v>11362</v>
      </c>
      <c r="J2181" t="s">
        <v>11363</v>
      </c>
      <c r="K2181" t="s">
        <v>11364</v>
      </c>
      <c r="M2181">
        <v>5299236</v>
      </c>
      <c r="O2181">
        <v>2801069</v>
      </c>
      <c r="P2181">
        <v>1</v>
      </c>
      <c r="Q2181">
        <v>3</v>
      </c>
      <c r="R2181" t="s">
        <v>4668</v>
      </c>
      <c r="S2181">
        <v>553</v>
      </c>
    </row>
    <row r="2182" spans="1:19" x14ac:dyDescent="0.25">
      <c r="A2182">
        <v>32744361</v>
      </c>
      <c r="B2182" t="s">
        <v>11365</v>
      </c>
      <c r="C2182" s="1" t="s">
        <v>11366</v>
      </c>
      <c r="D2182">
        <v>32745418</v>
      </c>
      <c r="E2182">
        <v>2</v>
      </c>
      <c r="F2182">
        <v>5</v>
      </c>
      <c r="H2182" t="s">
        <v>11367</v>
      </c>
      <c r="J2182" t="s">
        <v>11368</v>
      </c>
      <c r="K2182" t="s">
        <v>11369</v>
      </c>
      <c r="M2182">
        <v>-1</v>
      </c>
      <c r="O2182">
        <v>3045568</v>
      </c>
      <c r="P2182">
        <v>1</v>
      </c>
      <c r="Q2182">
        <v>1</v>
      </c>
      <c r="R2182" t="s">
        <v>2765</v>
      </c>
      <c r="S2182">
        <v>763</v>
      </c>
    </row>
    <row r="2183" spans="1:19" x14ac:dyDescent="0.25">
      <c r="A2183">
        <v>45959544</v>
      </c>
      <c r="B2183" t="s">
        <v>11370</v>
      </c>
      <c r="C2183" s="1" t="s">
        <v>11371</v>
      </c>
      <c r="E2183">
        <v>0</v>
      </c>
      <c r="F2183">
        <v>0</v>
      </c>
      <c r="H2183" t="s">
        <v>11372</v>
      </c>
      <c r="J2183" t="s">
        <v>11372</v>
      </c>
      <c r="O2183">
        <v>5747421</v>
      </c>
      <c r="P2183">
        <v>1</v>
      </c>
      <c r="Q2183">
        <v>1</v>
      </c>
      <c r="R2183" t="s">
        <v>3056</v>
      </c>
      <c r="S2183">
        <v>83</v>
      </c>
    </row>
    <row r="2184" spans="1:19" x14ac:dyDescent="0.25">
      <c r="A2184">
        <v>17644123</v>
      </c>
      <c r="B2184" t="s">
        <v>11373</v>
      </c>
      <c r="C2184" s="1" t="s">
        <v>11374</v>
      </c>
      <c r="D2184">
        <v>17644389</v>
      </c>
      <c r="E2184">
        <v>1</v>
      </c>
      <c r="F2184">
        <v>12</v>
      </c>
      <c r="H2184" t="s">
        <v>11375</v>
      </c>
      <c r="I2184">
        <v>4</v>
      </c>
      <c r="J2184" t="s">
        <v>11376</v>
      </c>
      <c r="K2184" t="s">
        <v>11376</v>
      </c>
      <c r="M2184">
        <v>1033581</v>
      </c>
      <c r="O2184">
        <v>1949105</v>
      </c>
      <c r="P2184">
        <v>1</v>
      </c>
      <c r="Q2184">
        <v>2</v>
      </c>
      <c r="R2184" t="s">
        <v>11377</v>
      </c>
      <c r="S2184">
        <v>984</v>
      </c>
    </row>
    <row r="2185" spans="1:19" x14ac:dyDescent="0.25">
      <c r="A2185">
        <v>1394947</v>
      </c>
      <c r="B2185" t="s">
        <v>11378</v>
      </c>
      <c r="C2185" s="1" t="s">
        <v>11379</v>
      </c>
      <c r="D2185">
        <v>1395761</v>
      </c>
      <c r="E2185">
        <v>1</v>
      </c>
      <c r="F2185">
        <v>4</v>
      </c>
      <c r="H2185" t="s">
        <v>11380</v>
      </c>
      <c r="J2185" t="s">
        <v>11381</v>
      </c>
      <c r="O2185">
        <v>70600</v>
      </c>
      <c r="P2185">
        <v>1</v>
      </c>
      <c r="Q2185">
        <v>0</v>
      </c>
      <c r="R2185" t="s">
        <v>4723</v>
      </c>
      <c r="S2185">
        <v>201</v>
      </c>
    </row>
    <row r="2186" spans="1:19" x14ac:dyDescent="0.25">
      <c r="A2186">
        <v>35532803</v>
      </c>
      <c r="B2186" t="s">
        <v>11382</v>
      </c>
      <c r="C2186" s="1" t="s">
        <v>11383</v>
      </c>
      <c r="D2186">
        <v>35566990</v>
      </c>
      <c r="E2186">
        <v>1</v>
      </c>
      <c r="F2186">
        <v>3</v>
      </c>
      <c r="H2186" t="s">
        <v>11384</v>
      </c>
      <c r="J2186" t="s">
        <v>11385</v>
      </c>
      <c r="K2186" t="s">
        <v>11386</v>
      </c>
      <c r="M2186">
        <v>5133585</v>
      </c>
      <c r="O2186">
        <v>5133585</v>
      </c>
      <c r="P2186">
        <v>1</v>
      </c>
      <c r="Q2186">
        <v>1</v>
      </c>
      <c r="R2186" t="s">
        <v>11387</v>
      </c>
      <c r="S2186">
        <v>477</v>
      </c>
    </row>
    <row r="2187" spans="1:19" x14ac:dyDescent="0.25">
      <c r="A2187">
        <v>51231092</v>
      </c>
      <c r="B2187" t="s">
        <v>11388</v>
      </c>
      <c r="C2187" s="1" t="s">
        <v>11389</v>
      </c>
      <c r="E2187">
        <v>0</v>
      </c>
      <c r="F2187">
        <v>5</v>
      </c>
      <c r="H2187" t="s">
        <v>11390</v>
      </c>
      <c r="I2187">
        <v>1</v>
      </c>
      <c r="J2187" t="s">
        <v>11390</v>
      </c>
      <c r="O2187">
        <v>9103645</v>
      </c>
      <c r="P2187">
        <v>1</v>
      </c>
      <c r="Q2187">
        <v>0</v>
      </c>
      <c r="R2187" t="s">
        <v>11391</v>
      </c>
      <c r="S2187">
        <v>107</v>
      </c>
    </row>
    <row r="2188" spans="1:19" x14ac:dyDescent="0.25">
      <c r="A2188">
        <v>22661980</v>
      </c>
      <c r="B2188" t="s">
        <v>11392</v>
      </c>
      <c r="C2188" t="s">
        <v>11393</v>
      </c>
      <c r="D2188">
        <v>25530777</v>
      </c>
      <c r="E2188">
        <v>1</v>
      </c>
      <c r="F2188">
        <v>4</v>
      </c>
      <c r="H2188" t="s">
        <v>11394</v>
      </c>
      <c r="I2188">
        <v>1</v>
      </c>
      <c r="J2188" t="s">
        <v>11395</v>
      </c>
      <c r="O2188">
        <v>94305</v>
      </c>
      <c r="P2188">
        <v>1</v>
      </c>
      <c r="Q2188">
        <v>0</v>
      </c>
      <c r="R2188" t="s">
        <v>11396</v>
      </c>
      <c r="S2188">
        <v>1598</v>
      </c>
    </row>
    <row r="2189" spans="1:19" x14ac:dyDescent="0.25">
      <c r="A2189">
        <v>47561761</v>
      </c>
      <c r="B2189" t="s">
        <v>11397</v>
      </c>
      <c r="C2189" s="1" t="s">
        <v>11398</v>
      </c>
      <c r="E2189">
        <v>0</v>
      </c>
      <c r="F2189">
        <v>2</v>
      </c>
      <c r="H2189" t="s">
        <v>11399</v>
      </c>
      <c r="J2189" t="s">
        <v>11400</v>
      </c>
      <c r="K2189" t="s">
        <v>11400</v>
      </c>
      <c r="M2189">
        <v>4478047</v>
      </c>
      <c r="O2189">
        <v>5211043</v>
      </c>
      <c r="P2189">
        <v>1</v>
      </c>
      <c r="Q2189">
        <v>0</v>
      </c>
      <c r="R2189" t="s">
        <v>11401</v>
      </c>
      <c r="S2189">
        <v>33</v>
      </c>
    </row>
    <row r="2190" spans="1:19" x14ac:dyDescent="0.25">
      <c r="A2190">
        <v>42048311</v>
      </c>
      <c r="B2190" t="s">
        <v>11402</v>
      </c>
      <c r="C2190" s="1" t="s">
        <v>11403</v>
      </c>
      <c r="D2190">
        <v>42048331</v>
      </c>
      <c r="E2190">
        <v>2</v>
      </c>
      <c r="F2190">
        <v>1</v>
      </c>
      <c r="H2190" t="s">
        <v>11404</v>
      </c>
      <c r="J2190" t="s">
        <v>11405</v>
      </c>
      <c r="O2190">
        <v>7165276</v>
      </c>
      <c r="P2190">
        <v>1</v>
      </c>
      <c r="Q2190">
        <v>1</v>
      </c>
      <c r="R2190" t="s">
        <v>11406</v>
      </c>
      <c r="S2190">
        <v>412</v>
      </c>
    </row>
    <row r="2191" spans="1:19" x14ac:dyDescent="0.25">
      <c r="A2191">
        <v>47761557</v>
      </c>
      <c r="B2191" t="s">
        <v>11407</v>
      </c>
      <c r="C2191" s="1" t="s">
        <v>11408</v>
      </c>
      <c r="E2191">
        <v>1</v>
      </c>
      <c r="F2191">
        <v>6</v>
      </c>
      <c r="H2191" t="s">
        <v>11409</v>
      </c>
      <c r="J2191" t="s">
        <v>11410</v>
      </c>
      <c r="K2191" t="s">
        <v>11411</v>
      </c>
      <c r="M2191">
        <v>9079618</v>
      </c>
      <c r="O2191">
        <v>8939923</v>
      </c>
      <c r="P2191">
        <v>1</v>
      </c>
      <c r="Q2191">
        <v>1</v>
      </c>
      <c r="R2191" t="s">
        <v>125</v>
      </c>
      <c r="S2191">
        <v>1009</v>
      </c>
    </row>
    <row r="2192" spans="1:19" x14ac:dyDescent="0.25">
      <c r="A2192">
        <v>25036897</v>
      </c>
      <c r="B2192" t="s">
        <v>11412</v>
      </c>
      <c r="C2192" s="1" t="s">
        <v>11413</v>
      </c>
      <c r="D2192">
        <v>27545448</v>
      </c>
      <c r="E2192">
        <v>4</v>
      </c>
      <c r="F2192">
        <v>4</v>
      </c>
      <c r="H2192" t="s">
        <v>11414</v>
      </c>
      <c r="I2192">
        <v>1</v>
      </c>
      <c r="J2192" t="s">
        <v>11415</v>
      </c>
      <c r="O2192">
        <v>2607447</v>
      </c>
      <c r="P2192">
        <v>1</v>
      </c>
      <c r="Q2192">
        <v>7</v>
      </c>
      <c r="R2192" t="s">
        <v>11416</v>
      </c>
      <c r="S2192">
        <v>17387</v>
      </c>
    </row>
    <row r="2193" spans="1:19" x14ac:dyDescent="0.25">
      <c r="A2193">
        <v>27120565</v>
      </c>
      <c r="B2193" t="s">
        <v>11417</v>
      </c>
      <c r="C2193" s="1" t="s">
        <v>11418</v>
      </c>
      <c r="D2193">
        <v>27120920</v>
      </c>
      <c r="E2193">
        <v>1</v>
      </c>
      <c r="F2193">
        <v>6</v>
      </c>
      <c r="H2193" t="s">
        <v>11419</v>
      </c>
      <c r="J2193" t="s">
        <v>11420</v>
      </c>
      <c r="K2193" t="s">
        <v>11420</v>
      </c>
      <c r="M2193">
        <v>4270243</v>
      </c>
      <c r="O2193">
        <v>4270243</v>
      </c>
      <c r="P2193">
        <v>1</v>
      </c>
      <c r="Q2193">
        <v>0</v>
      </c>
      <c r="R2193" t="s">
        <v>9013</v>
      </c>
      <c r="S2193">
        <v>335</v>
      </c>
    </row>
    <row r="2194" spans="1:19" x14ac:dyDescent="0.25">
      <c r="A2194">
        <v>29147719</v>
      </c>
      <c r="B2194" t="s">
        <v>11421</v>
      </c>
      <c r="C2194" s="1" t="s">
        <v>11422</v>
      </c>
      <c r="D2194">
        <v>29147858</v>
      </c>
      <c r="E2194">
        <v>1</v>
      </c>
      <c r="F2194">
        <v>0</v>
      </c>
      <c r="H2194" t="s">
        <v>11423</v>
      </c>
      <c r="J2194" t="s">
        <v>11424</v>
      </c>
      <c r="O2194">
        <v>247245</v>
      </c>
      <c r="P2194">
        <v>1</v>
      </c>
      <c r="Q2194">
        <v>0</v>
      </c>
      <c r="R2194" t="s">
        <v>11425</v>
      </c>
      <c r="S2194">
        <v>10</v>
      </c>
    </row>
    <row r="2195" spans="1:19" x14ac:dyDescent="0.25">
      <c r="A2195">
        <v>25672672</v>
      </c>
      <c r="B2195" t="s">
        <v>11426</v>
      </c>
      <c r="C2195" s="1" t="s">
        <v>11427</v>
      </c>
      <c r="E2195">
        <v>1</v>
      </c>
      <c r="F2195">
        <v>0</v>
      </c>
      <c r="H2195" t="s">
        <v>11428</v>
      </c>
      <c r="J2195" t="s">
        <v>11429</v>
      </c>
      <c r="O2195">
        <v>2379279</v>
      </c>
      <c r="P2195">
        <v>1</v>
      </c>
      <c r="Q2195">
        <v>0</v>
      </c>
      <c r="R2195" t="s">
        <v>11430</v>
      </c>
      <c r="S2195">
        <v>171</v>
      </c>
    </row>
    <row r="2196" spans="1:19" x14ac:dyDescent="0.25">
      <c r="A2196">
        <v>12131180</v>
      </c>
      <c r="B2196" t="s">
        <v>11431</v>
      </c>
      <c r="C2196" s="1" t="s">
        <v>11432</v>
      </c>
      <c r="E2196">
        <v>2</v>
      </c>
      <c r="F2196">
        <v>5</v>
      </c>
      <c r="H2196" t="s">
        <v>11433</v>
      </c>
      <c r="J2196" t="s">
        <v>11434</v>
      </c>
      <c r="K2196" t="s">
        <v>11434</v>
      </c>
      <c r="M2196">
        <v>1583175</v>
      </c>
      <c r="O2196">
        <v>1036205</v>
      </c>
      <c r="P2196">
        <v>1</v>
      </c>
      <c r="Q2196">
        <v>-3</v>
      </c>
      <c r="R2196" t="s">
        <v>11435</v>
      </c>
      <c r="S2196">
        <v>2861</v>
      </c>
    </row>
    <row r="2197" spans="1:19" x14ac:dyDescent="0.25">
      <c r="A2197">
        <v>52677360</v>
      </c>
      <c r="B2197" t="s">
        <v>11436</v>
      </c>
      <c r="C2197" s="1" t="s">
        <v>11437</v>
      </c>
      <c r="E2197">
        <v>0</v>
      </c>
      <c r="F2197">
        <v>2</v>
      </c>
      <c r="H2197" t="s">
        <v>11438</v>
      </c>
      <c r="J2197" t="s">
        <v>11439</v>
      </c>
      <c r="K2197" t="s">
        <v>11439</v>
      </c>
      <c r="M2197">
        <v>2074605</v>
      </c>
      <c r="O2197">
        <v>10464989</v>
      </c>
      <c r="P2197">
        <v>1</v>
      </c>
      <c r="Q2197">
        <v>0</v>
      </c>
      <c r="R2197" t="s">
        <v>11440</v>
      </c>
      <c r="S2197">
        <v>33</v>
      </c>
    </row>
    <row r="2198" spans="1:19" x14ac:dyDescent="0.25">
      <c r="A2198">
        <v>32686848</v>
      </c>
      <c r="B2198" t="s">
        <v>11441</v>
      </c>
      <c r="C2198" s="1" t="s">
        <v>11442</v>
      </c>
      <c r="D2198">
        <v>32693195</v>
      </c>
      <c r="E2198">
        <v>1</v>
      </c>
      <c r="F2198">
        <v>1</v>
      </c>
      <c r="H2198" t="s">
        <v>11443</v>
      </c>
      <c r="J2198" t="s">
        <v>11444</v>
      </c>
      <c r="K2198" t="s">
        <v>11445</v>
      </c>
      <c r="M2198">
        <v>3867422</v>
      </c>
      <c r="O2198">
        <v>3081073</v>
      </c>
      <c r="P2198">
        <v>1</v>
      </c>
      <c r="Q2198">
        <v>-1</v>
      </c>
      <c r="R2198" t="s">
        <v>11446</v>
      </c>
      <c r="S2198">
        <v>177</v>
      </c>
    </row>
    <row r="2199" spans="1:19" x14ac:dyDescent="0.25">
      <c r="A2199">
        <v>52447472</v>
      </c>
      <c r="B2199" t="s">
        <v>11447</v>
      </c>
      <c r="C2199" s="1" t="s">
        <v>11448</v>
      </c>
      <c r="E2199">
        <v>0</v>
      </c>
      <c r="F2199">
        <v>0</v>
      </c>
      <c r="H2199" t="s">
        <v>11449</v>
      </c>
      <c r="J2199" t="s">
        <v>11449</v>
      </c>
      <c r="O2199">
        <v>2316545</v>
      </c>
      <c r="P2199">
        <v>1</v>
      </c>
      <c r="Q2199">
        <v>0</v>
      </c>
      <c r="R2199" t="s">
        <v>11450</v>
      </c>
      <c r="S2199">
        <v>16</v>
      </c>
    </row>
    <row r="2200" spans="1:19" x14ac:dyDescent="0.25">
      <c r="A2200">
        <v>38024747</v>
      </c>
      <c r="B2200" t="s">
        <v>11451</v>
      </c>
      <c r="C2200" s="1" t="s">
        <v>11452</v>
      </c>
      <c r="D2200">
        <v>38024852</v>
      </c>
      <c r="E2200">
        <v>1</v>
      </c>
      <c r="F2200">
        <v>0</v>
      </c>
      <c r="H2200" t="s">
        <v>11453</v>
      </c>
      <c r="J2200" t="s">
        <v>11454</v>
      </c>
      <c r="O2200">
        <v>3436467</v>
      </c>
      <c r="P2200">
        <v>1</v>
      </c>
      <c r="Q2200">
        <v>3</v>
      </c>
      <c r="R2200" t="s">
        <v>11455</v>
      </c>
      <c r="S2200">
        <v>654</v>
      </c>
    </row>
    <row r="2201" spans="1:19" x14ac:dyDescent="0.25">
      <c r="A2201">
        <v>17638774</v>
      </c>
      <c r="B2201" t="s">
        <v>11456</v>
      </c>
      <c r="C2201" s="1" t="s">
        <v>11457</v>
      </c>
      <c r="D2201">
        <v>17638862</v>
      </c>
      <c r="E2201">
        <v>1</v>
      </c>
      <c r="F2201">
        <v>3</v>
      </c>
      <c r="H2201" t="s">
        <v>11458</v>
      </c>
      <c r="J2201" t="s">
        <v>11459</v>
      </c>
      <c r="O2201">
        <v>165071</v>
      </c>
      <c r="P2201">
        <v>1</v>
      </c>
      <c r="Q2201">
        <v>0</v>
      </c>
      <c r="R2201" t="s">
        <v>11460</v>
      </c>
      <c r="S2201">
        <v>3032</v>
      </c>
    </row>
    <row r="2202" spans="1:19" x14ac:dyDescent="0.25">
      <c r="A2202">
        <v>50736192</v>
      </c>
      <c r="B2202" t="s">
        <v>11461</v>
      </c>
      <c r="C2202" s="1" t="s">
        <v>11462</v>
      </c>
      <c r="E2202">
        <v>0</v>
      </c>
      <c r="F2202">
        <v>2</v>
      </c>
      <c r="H2202" t="s">
        <v>11463</v>
      </c>
      <c r="J2202" t="s">
        <v>11464</v>
      </c>
      <c r="K2202" t="s">
        <v>11464</v>
      </c>
      <c r="M2202">
        <v>5804187</v>
      </c>
      <c r="O2202">
        <v>5804187</v>
      </c>
      <c r="P2202">
        <v>1</v>
      </c>
      <c r="Q2202">
        <v>0</v>
      </c>
      <c r="R2202" t="s">
        <v>11465</v>
      </c>
      <c r="S2202">
        <v>73</v>
      </c>
    </row>
    <row r="2203" spans="1:19" x14ac:dyDescent="0.25">
      <c r="A2203">
        <v>16854037</v>
      </c>
      <c r="B2203" t="s">
        <v>11466</v>
      </c>
      <c r="C2203" s="1" t="s">
        <v>11467</v>
      </c>
      <c r="E2203">
        <v>1</v>
      </c>
      <c r="F2203">
        <v>13</v>
      </c>
      <c r="H2203" t="s">
        <v>11468</v>
      </c>
      <c r="J2203" t="s">
        <v>11469</v>
      </c>
      <c r="O2203">
        <v>1646479</v>
      </c>
      <c r="P2203">
        <v>1</v>
      </c>
      <c r="Q2203">
        <v>3</v>
      </c>
      <c r="R2203" t="s">
        <v>2771</v>
      </c>
      <c r="S2203">
        <v>61</v>
      </c>
    </row>
    <row r="2204" spans="1:19" x14ac:dyDescent="0.25">
      <c r="A2204">
        <v>47135823</v>
      </c>
      <c r="B2204" t="s">
        <v>11470</v>
      </c>
      <c r="C2204" s="1" t="s">
        <v>11471</v>
      </c>
      <c r="D2204">
        <v>47136880</v>
      </c>
      <c r="E2204">
        <v>3</v>
      </c>
      <c r="F2204">
        <v>0</v>
      </c>
      <c r="H2204" t="s">
        <v>11472</v>
      </c>
      <c r="J2204" t="s">
        <v>11473</v>
      </c>
      <c r="O2204">
        <v>7595201</v>
      </c>
      <c r="P2204">
        <v>1</v>
      </c>
      <c r="Q2204">
        <v>1</v>
      </c>
      <c r="R2204" t="s">
        <v>1466</v>
      </c>
      <c r="S2204">
        <v>133</v>
      </c>
    </row>
    <row r="2205" spans="1:19" x14ac:dyDescent="0.25">
      <c r="A2205">
        <v>27162225</v>
      </c>
      <c r="B2205" t="s">
        <v>11474</v>
      </c>
      <c r="C2205" s="1" t="s">
        <v>11475</v>
      </c>
      <c r="E2205">
        <v>1</v>
      </c>
      <c r="F2205">
        <v>1</v>
      </c>
      <c r="H2205" t="s">
        <v>11476</v>
      </c>
      <c r="J2205" t="s">
        <v>11477</v>
      </c>
      <c r="O2205">
        <v>948176</v>
      </c>
      <c r="P2205">
        <v>1</v>
      </c>
      <c r="Q2205">
        <v>2</v>
      </c>
      <c r="R2205" t="s">
        <v>11478</v>
      </c>
      <c r="S2205">
        <v>76</v>
      </c>
    </row>
    <row r="2206" spans="1:19" x14ac:dyDescent="0.25">
      <c r="A2206">
        <v>21570333</v>
      </c>
      <c r="B2206" t="s">
        <v>11479</v>
      </c>
      <c r="C2206" t="s">
        <v>11480</v>
      </c>
      <c r="D2206">
        <v>21571311</v>
      </c>
      <c r="E2206">
        <v>2</v>
      </c>
      <c r="F2206">
        <v>0</v>
      </c>
      <c r="H2206" t="s">
        <v>11481</v>
      </c>
      <c r="J2206" t="s">
        <v>11482</v>
      </c>
      <c r="K2206" t="s">
        <v>11483</v>
      </c>
      <c r="M2206">
        <v>3217694</v>
      </c>
      <c r="O2206">
        <v>3217694</v>
      </c>
      <c r="P2206">
        <v>1</v>
      </c>
      <c r="Q2206">
        <v>0</v>
      </c>
      <c r="R2206" t="s">
        <v>11484</v>
      </c>
      <c r="S2206">
        <v>107</v>
      </c>
    </row>
    <row r="2207" spans="1:19" x14ac:dyDescent="0.25">
      <c r="A2207">
        <v>46639372</v>
      </c>
      <c r="B2207" t="s">
        <v>11485</v>
      </c>
      <c r="C2207" s="1" t="s">
        <v>11486</v>
      </c>
      <c r="E2207">
        <v>2</v>
      </c>
      <c r="F2207">
        <v>2</v>
      </c>
      <c r="H2207" t="s">
        <v>11487</v>
      </c>
      <c r="J2207" t="s">
        <v>11488</v>
      </c>
      <c r="O2207">
        <v>8654273</v>
      </c>
      <c r="P2207">
        <v>1</v>
      </c>
      <c r="Q2207">
        <v>0</v>
      </c>
      <c r="R2207" t="s">
        <v>213</v>
      </c>
      <c r="S2207">
        <v>41</v>
      </c>
    </row>
    <row r="2208" spans="1:19" x14ac:dyDescent="0.25">
      <c r="A2208">
        <v>35823173</v>
      </c>
      <c r="B2208" t="s">
        <v>11489</v>
      </c>
      <c r="C2208" s="1" t="s">
        <v>11490</v>
      </c>
      <c r="E2208">
        <v>1</v>
      </c>
      <c r="F2208">
        <v>4</v>
      </c>
      <c r="H2208" t="s">
        <v>11491</v>
      </c>
      <c r="I2208">
        <v>1</v>
      </c>
      <c r="J2208" t="s">
        <v>11492</v>
      </c>
      <c r="K2208" t="s">
        <v>11492</v>
      </c>
      <c r="M2208">
        <v>472495</v>
      </c>
      <c r="O2208">
        <v>3576974</v>
      </c>
      <c r="P2208">
        <v>1</v>
      </c>
      <c r="Q2208">
        <v>0</v>
      </c>
      <c r="R2208" t="s">
        <v>11493</v>
      </c>
      <c r="S2208">
        <v>371</v>
      </c>
    </row>
    <row r="2209" spans="1:19" x14ac:dyDescent="0.25">
      <c r="A2209">
        <v>23685191</v>
      </c>
      <c r="B2209" t="s">
        <v>11494</v>
      </c>
      <c r="C2209" s="1" t="s">
        <v>11495</v>
      </c>
      <c r="D2209">
        <v>23685579</v>
      </c>
      <c r="E2209">
        <v>1</v>
      </c>
      <c r="F2209">
        <v>4</v>
      </c>
      <c r="H2209" t="s">
        <v>11496</v>
      </c>
      <c r="J2209" t="s">
        <v>11497</v>
      </c>
      <c r="O2209">
        <v>929596</v>
      </c>
      <c r="P2209">
        <v>1</v>
      </c>
      <c r="Q2209">
        <v>0</v>
      </c>
      <c r="R2209" t="s">
        <v>11498</v>
      </c>
      <c r="S2209">
        <v>1012</v>
      </c>
    </row>
    <row r="2210" spans="1:19" x14ac:dyDescent="0.25">
      <c r="A2210">
        <v>1234035</v>
      </c>
      <c r="B2210" t="s">
        <v>11499</v>
      </c>
      <c r="C2210" s="1" t="s">
        <v>11500</v>
      </c>
      <c r="D2210">
        <v>1234259</v>
      </c>
      <c r="E2210">
        <v>1</v>
      </c>
      <c r="F2210">
        <v>2</v>
      </c>
      <c r="H2210" t="s">
        <v>11501</v>
      </c>
      <c r="J2210" t="s">
        <v>11502</v>
      </c>
      <c r="O2210">
        <v>111327</v>
      </c>
      <c r="P2210">
        <v>1</v>
      </c>
      <c r="Q2210">
        <v>1</v>
      </c>
      <c r="R2210" t="s">
        <v>11503</v>
      </c>
      <c r="S2210">
        <v>348</v>
      </c>
    </row>
    <row r="2211" spans="1:19" x14ac:dyDescent="0.25">
      <c r="A2211">
        <v>20790292</v>
      </c>
      <c r="B2211" t="s">
        <v>11504</v>
      </c>
      <c r="C2211" s="1" t="s">
        <v>11505</v>
      </c>
      <c r="D2211">
        <v>20790452</v>
      </c>
      <c r="E2211">
        <v>2</v>
      </c>
      <c r="F2211">
        <v>6</v>
      </c>
      <c r="H2211" t="s">
        <v>11506</v>
      </c>
      <c r="J2211" t="s">
        <v>11507</v>
      </c>
      <c r="O2211">
        <v>411141</v>
      </c>
      <c r="P2211">
        <v>1</v>
      </c>
      <c r="Q2211">
        <v>0</v>
      </c>
      <c r="R2211" t="s">
        <v>11508</v>
      </c>
      <c r="S2211">
        <v>31</v>
      </c>
    </row>
    <row r="2212" spans="1:19" x14ac:dyDescent="0.25">
      <c r="A2212">
        <v>53343278</v>
      </c>
      <c r="B2212" t="s">
        <v>11509</v>
      </c>
      <c r="C2212" s="1" t="s">
        <v>11510</v>
      </c>
      <c r="E2212">
        <v>0</v>
      </c>
      <c r="F2212">
        <v>2</v>
      </c>
      <c r="H2212" t="s">
        <v>11511</v>
      </c>
      <c r="J2212" t="s">
        <v>11512</v>
      </c>
      <c r="K2212" t="s">
        <v>11512</v>
      </c>
      <c r="M2212">
        <v>10664315</v>
      </c>
      <c r="O2212">
        <v>10664315</v>
      </c>
      <c r="P2212">
        <v>1</v>
      </c>
      <c r="Q2212">
        <v>0</v>
      </c>
      <c r="R2212" t="s">
        <v>11513</v>
      </c>
      <c r="S2212">
        <v>28</v>
      </c>
    </row>
    <row r="2213" spans="1:19" x14ac:dyDescent="0.25">
      <c r="A2213">
        <v>39555057</v>
      </c>
      <c r="B2213" t="s">
        <v>11514</v>
      </c>
      <c r="C2213" s="1" t="s">
        <v>11515</v>
      </c>
      <c r="D2213">
        <v>39555281</v>
      </c>
      <c r="E2213">
        <v>1</v>
      </c>
      <c r="F2213">
        <v>1</v>
      </c>
      <c r="H2213" t="s">
        <v>11516</v>
      </c>
      <c r="J2213" t="s">
        <v>11517</v>
      </c>
      <c r="K2213" t="s">
        <v>11518</v>
      </c>
      <c r="M2213">
        <v>1830293</v>
      </c>
      <c r="O2213">
        <v>4626332</v>
      </c>
      <c r="P2213">
        <v>1</v>
      </c>
      <c r="Q2213">
        <v>1</v>
      </c>
      <c r="R2213" t="s">
        <v>11519</v>
      </c>
      <c r="S2213">
        <v>3576</v>
      </c>
    </row>
    <row r="2214" spans="1:19" x14ac:dyDescent="0.25">
      <c r="A2214">
        <v>49563409</v>
      </c>
      <c r="B2214" t="s">
        <v>11520</v>
      </c>
      <c r="C2214" s="1" t="s">
        <v>11521</v>
      </c>
      <c r="D2214">
        <v>49564359</v>
      </c>
      <c r="E2214">
        <v>1</v>
      </c>
      <c r="F2214">
        <v>0</v>
      </c>
      <c r="H2214" t="s">
        <v>11522</v>
      </c>
      <c r="J2214" t="s">
        <v>11523</v>
      </c>
      <c r="K2214" t="s">
        <v>11524</v>
      </c>
      <c r="M2214">
        <v>2858170</v>
      </c>
      <c r="O2214">
        <v>4463049</v>
      </c>
      <c r="P2214">
        <v>1</v>
      </c>
      <c r="Q2214">
        <v>1</v>
      </c>
      <c r="R2214" t="s">
        <v>11525</v>
      </c>
      <c r="S2214">
        <v>44</v>
      </c>
    </row>
    <row r="2215" spans="1:19" x14ac:dyDescent="0.25">
      <c r="A2215">
        <v>20637967</v>
      </c>
      <c r="B2215" t="s">
        <v>11526</v>
      </c>
      <c r="C2215" s="1" t="s">
        <v>11527</v>
      </c>
      <c r="D2215">
        <v>20638977</v>
      </c>
      <c r="E2215">
        <v>2</v>
      </c>
      <c r="F2215">
        <v>0</v>
      </c>
      <c r="H2215" t="s">
        <v>11528</v>
      </c>
      <c r="J2215" t="s">
        <v>11529</v>
      </c>
      <c r="O2215">
        <v>1946044</v>
      </c>
      <c r="P2215">
        <v>1</v>
      </c>
      <c r="Q2215">
        <v>1</v>
      </c>
      <c r="R2215" t="s">
        <v>11530</v>
      </c>
      <c r="S2215">
        <v>132</v>
      </c>
    </row>
    <row r="2216" spans="1:19" x14ac:dyDescent="0.25">
      <c r="A2216">
        <v>3660665</v>
      </c>
      <c r="B2216" t="s">
        <v>11531</v>
      </c>
      <c r="C2216" s="1" t="s">
        <v>11532</v>
      </c>
      <c r="E2216">
        <v>1</v>
      </c>
      <c r="F2216">
        <v>0</v>
      </c>
      <c r="H2216" t="s">
        <v>11533</v>
      </c>
      <c r="J2216" t="s">
        <v>11534</v>
      </c>
      <c r="K2216" t="s">
        <v>11534</v>
      </c>
      <c r="M2216">
        <v>228755</v>
      </c>
      <c r="O2216">
        <v>76439</v>
      </c>
      <c r="P2216">
        <v>1</v>
      </c>
      <c r="Q2216">
        <v>0</v>
      </c>
      <c r="R2216" t="s">
        <v>11535</v>
      </c>
      <c r="S2216">
        <v>1016</v>
      </c>
    </row>
    <row r="2217" spans="1:19" x14ac:dyDescent="0.25">
      <c r="A2217">
        <v>36048867</v>
      </c>
      <c r="B2217" t="s">
        <v>11536</v>
      </c>
      <c r="C2217" s="1" t="s">
        <v>11537</v>
      </c>
      <c r="E2217">
        <v>1</v>
      </c>
      <c r="F2217">
        <v>0</v>
      </c>
      <c r="H2217" t="s">
        <v>11538</v>
      </c>
      <c r="J2217" t="s">
        <v>11539</v>
      </c>
      <c r="K2217" t="s">
        <v>11540</v>
      </c>
      <c r="M2217">
        <v>2442099</v>
      </c>
      <c r="O2217">
        <v>6073700</v>
      </c>
      <c r="P2217">
        <v>1</v>
      </c>
      <c r="Q2217">
        <v>0</v>
      </c>
      <c r="R2217" t="s">
        <v>1754</v>
      </c>
      <c r="S2217">
        <v>17</v>
      </c>
    </row>
    <row r="2218" spans="1:19" x14ac:dyDescent="0.25">
      <c r="A2218">
        <v>17722532</v>
      </c>
      <c r="B2218" t="s">
        <v>11541</v>
      </c>
      <c r="C2218" s="1" t="s">
        <v>11542</v>
      </c>
      <c r="D2218">
        <v>21511318</v>
      </c>
      <c r="E2218">
        <v>1</v>
      </c>
      <c r="F2218">
        <v>3</v>
      </c>
      <c r="H2218" t="s">
        <v>11543</v>
      </c>
      <c r="I2218">
        <v>1</v>
      </c>
      <c r="J2218" t="s">
        <v>11544</v>
      </c>
      <c r="K2218" t="s">
        <v>11545</v>
      </c>
      <c r="M2218">
        <v>2052623</v>
      </c>
      <c r="O2218">
        <v>2052623</v>
      </c>
      <c r="P2218">
        <v>1</v>
      </c>
      <c r="Q2218">
        <v>1</v>
      </c>
      <c r="R2218" t="s">
        <v>11546</v>
      </c>
      <c r="S2218">
        <v>1634</v>
      </c>
    </row>
    <row r="2219" spans="1:19" x14ac:dyDescent="0.25">
      <c r="A2219">
        <v>13545921</v>
      </c>
      <c r="B2219" t="s">
        <v>11547</v>
      </c>
      <c r="C2219" s="1" t="s">
        <v>11548</v>
      </c>
      <c r="D2219">
        <v>13546308</v>
      </c>
      <c r="E2219">
        <v>3</v>
      </c>
      <c r="F2219">
        <v>10</v>
      </c>
      <c r="H2219" t="s">
        <v>11549</v>
      </c>
      <c r="J2219" t="s">
        <v>11550</v>
      </c>
      <c r="K2219" t="s">
        <v>11551</v>
      </c>
      <c r="M2219">
        <v>1044554</v>
      </c>
      <c r="O2219">
        <v>1044554</v>
      </c>
      <c r="P2219">
        <v>1</v>
      </c>
      <c r="Q2219">
        <v>0</v>
      </c>
      <c r="R2219" t="s">
        <v>11552</v>
      </c>
      <c r="S2219">
        <v>3059</v>
      </c>
    </row>
    <row r="2220" spans="1:19" x14ac:dyDescent="0.25">
      <c r="A2220">
        <v>35207688</v>
      </c>
      <c r="B2220" t="s">
        <v>11553</v>
      </c>
      <c r="C2220" s="1" t="s">
        <v>11554</v>
      </c>
      <c r="E2220">
        <v>1</v>
      </c>
      <c r="F2220">
        <v>7</v>
      </c>
      <c r="H2220" t="s">
        <v>11555</v>
      </c>
      <c r="J2220" t="s">
        <v>11556</v>
      </c>
      <c r="K2220" t="s">
        <v>11556</v>
      </c>
      <c r="M2220">
        <v>5701051</v>
      </c>
      <c r="O2220">
        <v>5701051</v>
      </c>
      <c r="P2220">
        <v>1</v>
      </c>
      <c r="Q2220">
        <v>0</v>
      </c>
      <c r="R2220" t="s">
        <v>11557</v>
      </c>
      <c r="S2220">
        <v>70</v>
      </c>
    </row>
    <row r="2221" spans="1:19" x14ac:dyDescent="0.25">
      <c r="A2221">
        <v>22946357</v>
      </c>
      <c r="B2221" t="s">
        <v>11558</v>
      </c>
      <c r="C2221" s="1" t="s">
        <v>11559</v>
      </c>
      <c r="E2221">
        <v>1</v>
      </c>
      <c r="F2221">
        <v>1</v>
      </c>
      <c r="H2221" t="s">
        <v>11560</v>
      </c>
      <c r="J2221" t="s">
        <v>11561</v>
      </c>
      <c r="O2221">
        <v>563848</v>
      </c>
      <c r="P2221">
        <v>1</v>
      </c>
      <c r="Q2221">
        <v>-1</v>
      </c>
      <c r="R2221" t="s">
        <v>11562</v>
      </c>
      <c r="S2221">
        <v>172</v>
      </c>
    </row>
    <row r="2222" spans="1:19" x14ac:dyDescent="0.25">
      <c r="A2222">
        <v>27102691</v>
      </c>
      <c r="B2222" t="s">
        <v>11563</v>
      </c>
      <c r="C2222" s="1" t="s">
        <v>11564</v>
      </c>
      <c r="D2222">
        <v>31379200</v>
      </c>
      <c r="E2222">
        <v>2</v>
      </c>
      <c r="F2222">
        <v>0</v>
      </c>
      <c r="H2222" t="s">
        <v>11565</v>
      </c>
      <c r="J2222" t="s">
        <v>11566</v>
      </c>
      <c r="O2222">
        <v>3999705</v>
      </c>
      <c r="P2222">
        <v>1</v>
      </c>
      <c r="Q2222">
        <v>0</v>
      </c>
      <c r="R2222" t="s">
        <v>11567</v>
      </c>
      <c r="S2222">
        <v>720</v>
      </c>
    </row>
    <row r="2223" spans="1:19" x14ac:dyDescent="0.25">
      <c r="A2223">
        <v>18814434</v>
      </c>
      <c r="B2223" t="s">
        <v>11568</v>
      </c>
      <c r="C2223" s="1" t="s">
        <v>11569</v>
      </c>
      <c r="E2223">
        <v>1</v>
      </c>
      <c r="F2223">
        <v>3</v>
      </c>
      <c r="H2223" t="s">
        <v>11570</v>
      </c>
      <c r="J2223" t="s">
        <v>11571</v>
      </c>
      <c r="O2223">
        <v>2781522</v>
      </c>
      <c r="P2223">
        <v>1</v>
      </c>
      <c r="Q2223">
        <v>0</v>
      </c>
      <c r="R2223" t="s">
        <v>11572</v>
      </c>
      <c r="S2223">
        <v>35</v>
      </c>
    </row>
    <row r="2224" spans="1:19" x14ac:dyDescent="0.25">
      <c r="A2224">
        <v>25367146</v>
      </c>
      <c r="B2224" t="s">
        <v>11573</v>
      </c>
      <c r="C2224" s="1" t="s">
        <v>11574</v>
      </c>
      <c r="D2224">
        <v>25367387</v>
      </c>
      <c r="E2224">
        <v>1</v>
      </c>
      <c r="F2224">
        <v>1</v>
      </c>
      <c r="H2224" t="s">
        <v>11575</v>
      </c>
      <c r="J2224" t="s">
        <v>11576</v>
      </c>
      <c r="O2224">
        <v>1509695</v>
      </c>
      <c r="P2224">
        <v>1</v>
      </c>
      <c r="Q2224">
        <v>1</v>
      </c>
      <c r="R2224" t="s">
        <v>11577</v>
      </c>
      <c r="S2224">
        <v>96</v>
      </c>
    </row>
    <row r="2225" spans="1:19" x14ac:dyDescent="0.25">
      <c r="A2225">
        <v>43514834</v>
      </c>
      <c r="B2225" t="s">
        <v>11578</v>
      </c>
      <c r="C2225" s="1" t="s">
        <v>11579</v>
      </c>
      <c r="E2225">
        <v>1</v>
      </c>
      <c r="F2225">
        <v>1</v>
      </c>
      <c r="H2225" t="s">
        <v>11580</v>
      </c>
      <c r="J2225" t="s">
        <v>11581</v>
      </c>
      <c r="K2225" t="s">
        <v>11582</v>
      </c>
      <c r="M2225">
        <v>7894562</v>
      </c>
      <c r="O2225">
        <v>7894562</v>
      </c>
      <c r="P2225">
        <v>1</v>
      </c>
      <c r="Q2225">
        <v>0</v>
      </c>
      <c r="R2225" t="s">
        <v>11583</v>
      </c>
      <c r="S2225">
        <v>17</v>
      </c>
    </row>
    <row r="2226" spans="1:19" x14ac:dyDescent="0.25">
      <c r="A2226">
        <v>20941331</v>
      </c>
      <c r="B2226" t="s">
        <v>11584</v>
      </c>
      <c r="C2226" s="1" t="s">
        <v>11585</v>
      </c>
      <c r="D2226">
        <v>20941525</v>
      </c>
      <c r="E2226">
        <v>2</v>
      </c>
      <c r="F2226">
        <v>0</v>
      </c>
      <c r="H2226" t="s">
        <v>11586</v>
      </c>
      <c r="J2226" t="s">
        <v>11587</v>
      </c>
      <c r="K2226" t="s">
        <v>11588</v>
      </c>
      <c r="M2226">
        <v>2300035</v>
      </c>
      <c r="O2226">
        <v>2300035</v>
      </c>
      <c r="P2226">
        <v>1</v>
      </c>
      <c r="Q2226">
        <v>1</v>
      </c>
      <c r="R2226" t="s">
        <v>11589</v>
      </c>
      <c r="S2226">
        <v>8455</v>
      </c>
    </row>
    <row r="2227" spans="1:19" x14ac:dyDescent="0.25">
      <c r="A2227">
        <v>10191918</v>
      </c>
      <c r="B2227" t="s">
        <v>11590</v>
      </c>
      <c r="C2227" s="1" t="s">
        <v>11591</v>
      </c>
      <c r="E2227">
        <v>1</v>
      </c>
      <c r="F2227">
        <v>1</v>
      </c>
      <c r="H2227" t="s">
        <v>11592</v>
      </c>
      <c r="J2227" t="s">
        <v>11593</v>
      </c>
      <c r="K2227" t="s">
        <v>11593</v>
      </c>
      <c r="M2227">
        <v>1046057</v>
      </c>
      <c r="O2227">
        <v>1209317</v>
      </c>
      <c r="P2227">
        <v>1</v>
      </c>
      <c r="Q2227">
        <v>0</v>
      </c>
      <c r="R2227" t="s">
        <v>11594</v>
      </c>
      <c r="S2227">
        <v>3155</v>
      </c>
    </row>
    <row r="2228" spans="1:19" x14ac:dyDescent="0.25">
      <c r="A2228">
        <v>38219403</v>
      </c>
      <c r="B2228" t="s">
        <v>11595</v>
      </c>
      <c r="C2228" s="1" t="s">
        <v>11596</v>
      </c>
      <c r="E2228">
        <v>2</v>
      </c>
      <c r="F2228">
        <v>0</v>
      </c>
      <c r="H2228" t="s">
        <v>11597</v>
      </c>
      <c r="J2228" t="s">
        <v>11598</v>
      </c>
      <c r="O2228">
        <v>6555107</v>
      </c>
      <c r="P2228">
        <v>1</v>
      </c>
      <c r="Q2228">
        <v>0</v>
      </c>
      <c r="R2228" t="s">
        <v>11599</v>
      </c>
      <c r="S2228">
        <v>218</v>
      </c>
    </row>
    <row r="2229" spans="1:19" x14ac:dyDescent="0.25">
      <c r="A2229">
        <v>43430091</v>
      </c>
      <c r="B2229" t="s">
        <v>11600</v>
      </c>
      <c r="C2229" s="1" t="s">
        <v>11601</v>
      </c>
      <c r="D2229">
        <v>45433049</v>
      </c>
      <c r="E2229">
        <v>2</v>
      </c>
      <c r="F2229">
        <v>2</v>
      </c>
      <c r="H2229" t="s">
        <v>11602</v>
      </c>
      <c r="J2229" t="s">
        <v>11603</v>
      </c>
      <c r="K2229" t="s">
        <v>11604</v>
      </c>
      <c r="M2229">
        <v>1424311</v>
      </c>
      <c r="O2229">
        <v>1424311</v>
      </c>
      <c r="P2229">
        <v>1</v>
      </c>
      <c r="Q2229">
        <v>2</v>
      </c>
      <c r="R2229" t="s">
        <v>11605</v>
      </c>
      <c r="S2229">
        <v>2159</v>
      </c>
    </row>
    <row r="2230" spans="1:19" x14ac:dyDescent="0.25">
      <c r="A2230">
        <v>53148660</v>
      </c>
      <c r="B2230" t="s">
        <v>11606</v>
      </c>
      <c r="C2230" s="1" t="s">
        <v>11607</v>
      </c>
      <c r="D2230">
        <v>53150155</v>
      </c>
      <c r="E2230">
        <v>1</v>
      </c>
      <c r="F2230">
        <v>1</v>
      </c>
      <c r="H2230" t="s">
        <v>11608</v>
      </c>
      <c r="J2230" t="s">
        <v>11609</v>
      </c>
      <c r="K2230" t="s">
        <v>11609</v>
      </c>
      <c r="M2230">
        <v>9814024</v>
      </c>
      <c r="O2230">
        <v>3840255</v>
      </c>
      <c r="P2230">
        <v>1</v>
      </c>
      <c r="Q2230">
        <v>1</v>
      </c>
      <c r="R2230" t="s">
        <v>11610</v>
      </c>
      <c r="S2230">
        <v>45</v>
      </c>
    </row>
    <row r="2231" spans="1:19" x14ac:dyDescent="0.25">
      <c r="A2231">
        <v>36305685</v>
      </c>
      <c r="B2231" t="s">
        <v>11611</v>
      </c>
      <c r="C2231" s="1" t="s">
        <v>11612</v>
      </c>
      <c r="D2231">
        <v>36305746</v>
      </c>
      <c r="E2231">
        <v>1</v>
      </c>
      <c r="F2231">
        <v>0</v>
      </c>
      <c r="H2231" t="s">
        <v>11613</v>
      </c>
      <c r="J2231" t="s">
        <v>11614</v>
      </c>
      <c r="O2231">
        <v>5056347</v>
      </c>
      <c r="P2231">
        <v>1</v>
      </c>
      <c r="Q2231">
        <v>0</v>
      </c>
      <c r="R2231" t="s">
        <v>11615</v>
      </c>
      <c r="S2231">
        <v>530</v>
      </c>
    </row>
    <row r="2232" spans="1:19" x14ac:dyDescent="0.25">
      <c r="A2232">
        <v>15958962</v>
      </c>
      <c r="B2232" t="s">
        <v>11616</v>
      </c>
      <c r="C2232" s="1" t="s">
        <v>11617</v>
      </c>
      <c r="E2232">
        <v>2</v>
      </c>
      <c r="F2232">
        <v>8</v>
      </c>
      <c r="H2232" t="s">
        <v>11618</v>
      </c>
      <c r="I2232">
        <v>1</v>
      </c>
      <c r="J2232" t="s">
        <v>11619</v>
      </c>
      <c r="K2232" t="s">
        <v>11620</v>
      </c>
      <c r="M2232">
        <v>-1</v>
      </c>
      <c r="O2232">
        <v>490375</v>
      </c>
      <c r="P2232">
        <v>1</v>
      </c>
      <c r="Q2232">
        <v>0</v>
      </c>
      <c r="R2232" t="s">
        <v>11621</v>
      </c>
      <c r="S2232">
        <v>1210</v>
      </c>
    </row>
    <row r="2233" spans="1:19" x14ac:dyDescent="0.25">
      <c r="A2233">
        <v>34326077</v>
      </c>
      <c r="B2233" t="s">
        <v>11622</v>
      </c>
      <c r="C2233" s="1" t="s">
        <v>11623</v>
      </c>
      <c r="D2233">
        <v>34326116</v>
      </c>
      <c r="E2233">
        <v>1</v>
      </c>
      <c r="F2233">
        <v>0</v>
      </c>
      <c r="H2233" t="s">
        <v>11624</v>
      </c>
      <c r="J2233" t="s">
        <v>11625</v>
      </c>
      <c r="O2233">
        <v>1261774</v>
      </c>
      <c r="P2233">
        <v>1</v>
      </c>
      <c r="Q2233">
        <v>0</v>
      </c>
      <c r="R2233" t="s">
        <v>11626</v>
      </c>
      <c r="S2233">
        <v>78</v>
      </c>
    </row>
    <row r="2234" spans="1:19" x14ac:dyDescent="0.25">
      <c r="A2234">
        <v>26206012</v>
      </c>
      <c r="B2234" t="s">
        <v>11627</v>
      </c>
      <c r="C2234" s="1" t="s">
        <v>11628</v>
      </c>
      <c r="D2234">
        <v>26212435</v>
      </c>
      <c r="E2234">
        <v>1</v>
      </c>
      <c r="F2234">
        <v>0</v>
      </c>
      <c r="H2234" t="s">
        <v>11629</v>
      </c>
      <c r="J2234" t="s">
        <v>11630</v>
      </c>
      <c r="K2234" t="s">
        <v>11631</v>
      </c>
      <c r="M2234">
        <v>-1</v>
      </c>
      <c r="O2234">
        <v>3642107</v>
      </c>
      <c r="P2234">
        <v>1</v>
      </c>
      <c r="Q2234">
        <v>3</v>
      </c>
      <c r="R2234" t="s">
        <v>11632</v>
      </c>
      <c r="S2234">
        <v>2204</v>
      </c>
    </row>
    <row r="2235" spans="1:19" x14ac:dyDescent="0.25">
      <c r="A2235">
        <v>12439132</v>
      </c>
      <c r="B2235" t="s">
        <v>11633</v>
      </c>
      <c r="C2235" s="1" t="s">
        <v>11634</v>
      </c>
      <c r="D2235">
        <v>12602708</v>
      </c>
      <c r="E2235">
        <v>1</v>
      </c>
      <c r="F2235">
        <v>0</v>
      </c>
      <c r="H2235" t="s">
        <v>11635</v>
      </c>
      <c r="I2235">
        <v>1</v>
      </c>
      <c r="J2235" t="s">
        <v>11636</v>
      </c>
      <c r="O2235">
        <v>197634</v>
      </c>
      <c r="P2235">
        <v>1</v>
      </c>
      <c r="Q2235">
        <v>3</v>
      </c>
      <c r="R2235" t="s">
        <v>11637</v>
      </c>
      <c r="S2235">
        <v>1945</v>
      </c>
    </row>
    <row r="2236" spans="1:19" x14ac:dyDescent="0.25">
      <c r="A2236">
        <v>31552095</v>
      </c>
      <c r="B2236" t="s">
        <v>11638</v>
      </c>
      <c r="C2236" s="1" t="s">
        <v>11639</v>
      </c>
      <c r="E2236">
        <v>1</v>
      </c>
      <c r="F2236">
        <v>0</v>
      </c>
      <c r="H2236" t="s">
        <v>11640</v>
      </c>
      <c r="J2236" t="s">
        <v>11641</v>
      </c>
      <c r="O2236">
        <v>5141416</v>
      </c>
      <c r="P2236">
        <v>1</v>
      </c>
      <c r="Q2236">
        <v>0</v>
      </c>
      <c r="R2236" t="s">
        <v>11642</v>
      </c>
      <c r="S2236">
        <v>701</v>
      </c>
    </row>
    <row r="2237" spans="1:19" x14ac:dyDescent="0.25">
      <c r="A2237">
        <v>6024716</v>
      </c>
      <c r="B2237" t="s">
        <v>11643</v>
      </c>
      <c r="C2237" t="s">
        <v>11644</v>
      </c>
      <c r="D2237">
        <v>6024802</v>
      </c>
      <c r="E2237">
        <v>3</v>
      </c>
      <c r="F2237">
        <v>2</v>
      </c>
      <c r="H2237" t="s">
        <v>11645</v>
      </c>
      <c r="J2237" t="s">
        <v>11646</v>
      </c>
      <c r="O2237">
        <v>236318</v>
      </c>
      <c r="P2237">
        <v>1</v>
      </c>
      <c r="Q2237">
        <v>6</v>
      </c>
      <c r="R2237" t="s">
        <v>11647</v>
      </c>
      <c r="S2237">
        <v>18078</v>
      </c>
    </row>
    <row r="2238" spans="1:19" x14ac:dyDescent="0.25">
      <c r="A2238">
        <v>47854098</v>
      </c>
      <c r="B2238" t="s">
        <v>11648</v>
      </c>
      <c r="C2238" s="1" t="s">
        <v>11649</v>
      </c>
      <c r="D2238">
        <v>47854379</v>
      </c>
      <c r="E2238">
        <v>1</v>
      </c>
      <c r="F2238">
        <v>0</v>
      </c>
      <c r="H2238" t="s">
        <v>11650</v>
      </c>
      <c r="J2238" t="s">
        <v>11651</v>
      </c>
      <c r="O2238">
        <v>6484916</v>
      </c>
      <c r="P2238">
        <v>1</v>
      </c>
      <c r="Q2238">
        <v>0</v>
      </c>
      <c r="R2238" t="s">
        <v>11652</v>
      </c>
      <c r="S2238">
        <v>35</v>
      </c>
    </row>
    <row r="2239" spans="1:19" x14ac:dyDescent="0.25">
      <c r="A2239">
        <v>40875256</v>
      </c>
      <c r="B2239" t="s">
        <v>11653</v>
      </c>
      <c r="C2239" s="1" t="s">
        <v>11654</v>
      </c>
      <c r="E2239">
        <v>0</v>
      </c>
      <c r="F2239">
        <v>3</v>
      </c>
      <c r="H2239" t="s">
        <v>11655</v>
      </c>
      <c r="J2239" t="s">
        <v>11655</v>
      </c>
      <c r="O2239">
        <v>331915</v>
      </c>
      <c r="P2239">
        <v>1</v>
      </c>
      <c r="Q2239">
        <v>0</v>
      </c>
      <c r="R2239" t="s">
        <v>11656</v>
      </c>
      <c r="S2239">
        <v>65</v>
      </c>
    </row>
    <row r="2240" spans="1:19" x14ac:dyDescent="0.25">
      <c r="A2240">
        <v>50265892</v>
      </c>
      <c r="B2240" t="s">
        <v>11657</v>
      </c>
      <c r="C2240" s="1" t="s">
        <v>11658</v>
      </c>
      <c r="E2240">
        <v>1</v>
      </c>
      <c r="F2240">
        <v>3</v>
      </c>
      <c r="H2240" t="s">
        <v>11659</v>
      </c>
      <c r="J2240" t="s">
        <v>11660</v>
      </c>
      <c r="K2240" t="s">
        <v>11661</v>
      </c>
      <c r="M2240">
        <v>9570653</v>
      </c>
      <c r="O2240">
        <v>9570653</v>
      </c>
      <c r="P2240">
        <v>1</v>
      </c>
      <c r="Q2240">
        <v>1</v>
      </c>
      <c r="R2240" t="s">
        <v>11662</v>
      </c>
      <c r="S2240">
        <v>81</v>
      </c>
    </row>
    <row r="2241" spans="1:19" x14ac:dyDescent="0.25">
      <c r="A2241">
        <v>51969713</v>
      </c>
      <c r="B2241" t="s">
        <v>11663</v>
      </c>
      <c r="C2241" s="1" t="s">
        <v>11664</v>
      </c>
      <c r="E2241">
        <v>0</v>
      </c>
      <c r="F2241">
        <v>3</v>
      </c>
      <c r="H2241" t="s">
        <v>11665</v>
      </c>
      <c r="J2241" t="s">
        <v>11665</v>
      </c>
      <c r="O2241">
        <v>8354265</v>
      </c>
      <c r="P2241">
        <v>1</v>
      </c>
      <c r="Q2241">
        <v>0</v>
      </c>
      <c r="R2241" t="s">
        <v>213</v>
      </c>
      <c r="S2241">
        <v>18</v>
      </c>
    </row>
    <row r="2242" spans="1:19" x14ac:dyDescent="0.25">
      <c r="A2242">
        <v>6249052</v>
      </c>
      <c r="B2242" t="s">
        <v>11666</v>
      </c>
      <c r="C2242" s="1" t="s">
        <v>11667</v>
      </c>
      <c r="E2242">
        <v>2</v>
      </c>
      <c r="F2242">
        <v>1</v>
      </c>
      <c r="H2242" t="s">
        <v>11668</v>
      </c>
      <c r="J2242" t="s">
        <v>11669</v>
      </c>
      <c r="O2242">
        <v>780977</v>
      </c>
      <c r="P2242">
        <v>1</v>
      </c>
      <c r="Q2242">
        <v>-1</v>
      </c>
      <c r="R2242" t="s">
        <v>11670</v>
      </c>
      <c r="S2242">
        <v>877</v>
      </c>
    </row>
    <row r="2243" spans="1:19" x14ac:dyDescent="0.25">
      <c r="A2243">
        <v>39243234</v>
      </c>
      <c r="B2243" t="s">
        <v>11671</v>
      </c>
      <c r="C2243" s="1" t="s">
        <v>11672</v>
      </c>
      <c r="D2243">
        <v>39288436</v>
      </c>
      <c r="E2243">
        <v>1</v>
      </c>
      <c r="F2243">
        <v>0</v>
      </c>
      <c r="H2243" t="s">
        <v>11673</v>
      </c>
      <c r="J2243" t="s">
        <v>11674</v>
      </c>
      <c r="O2243">
        <v>2952584</v>
      </c>
      <c r="P2243">
        <v>1</v>
      </c>
      <c r="Q2243">
        <v>0</v>
      </c>
      <c r="R2243" t="s">
        <v>11675</v>
      </c>
      <c r="S2243">
        <v>2007</v>
      </c>
    </row>
    <row r="2244" spans="1:19" x14ac:dyDescent="0.25">
      <c r="A2244">
        <v>38126600</v>
      </c>
      <c r="B2244" t="s">
        <v>11676</v>
      </c>
      <c r="C2244" s="1" t="s">
        <v>11677</v>
      </c>
      <c r="D2244">
        <v>38421104</v>
      </c>
      <c r="E2244">
        <v>1</v>
      </c>
      <c r="F2244">
        <v>0</v>
      </c>
      <c r="H2244" t="s">
        <v>11678</v>
      </c>
      <c r="I2244">
        <v>1</v>
      </c>
      <c r="J2244" t="s">
        <v>11679</v>
      </c>
      <c r="O2244">
        <v>6532136</v>
      </c>
      <c r="P2244">
        <v>1</v>
      </c>
      <c r="Q2244">
        <v>4</v>
      </c>
      <c r="R2244" t="s">
        <v>11680</v>
      </c>
      <c r="S2244">
        <v>138</v>
      </c>
    </row>
    <row r="2245" spans="1:19" x14ac:dyDescent="0.25">
      <c r="A2245">
        <v>51644333</v>
      </c>
      <c r="B2245" t="s">
        <v>11681</v>
      </c>
      <c r="C2245" s="1" t="s">
        <v>11682</v>
      </c>
      <c r="E2245">
        <v>1</v>
      </c>
      <c r="F2245">
        <v>10</v>
      </c>
      <c r="H2245" t="s">
        <v>11683</v>
      </c>
      <c r="J2245" t="s">
        <v>11684</v>
      </c>
      <c r="O2245">
        <v>10168332</v>
      </c>
      <c r="P2245">
        <v>1</v>
      </c>
      <c r="Q2245">
        <v>-1</v>
      </c>
      <c r="R2245" t="s">
        <v>11685</v>
      </c>
      <c r="S2245">
        <v>66</v>
      </c>
    </row>
    <row r="2246" spans="1:19" x14ac:dyDescent="0.25">
      <c r="A2246">
        <v>41799554</v>
      </c>
      <c r="B2246" t="s">
        <v>11686</v>
      </c>
      <c r="C2246" t="s">
        <v>11687</v>
      </c>
      <c r="E2246">
        <v>2</v>
      </c>
      <c r="F2246">
        <v>0</v>
      </c>
      <c r="H2246" t="s">
        <v>11688</v>
      </c>
      <c r="J2246" t="s">
        <v>11689</v>
      </c>
      <c r="O2246">
        <v>7373997</v>
      </c>
      <c r="P2246">
        <v>1</v>
      </c>
      <c r="Q2246">
        <v>0</v>
      </c>
      <c r="R2246" t="s">
        <v>11690</v>
      </c>
      <c r="S2246">
        <v>90</v>
      </c>
    </row>
    <row r="2247" spans="1:19" x14ac:dyDescent="0.25">
      <c r="A2247">
        <v>47549557</v>
      </c>
      <c r="B2247" t="s">
        <v>11691</v>
      </c>
      <c r="C2247" s="1" t="s">
        <v>11692</v>
      </c>
      <c r="E2247">
        <v>0</v>
      </c>
      <c r="F2247">
        <v>0</v>
      </c>
      <c r="H2247" t="s">
        <v>11693</v>
      </c>
      <c r="J2247" t="s">
        <v>11693</v>
      </c>
      <c r="O2247">
        <v>7751455</v>
      </c>
      <c r="P2247">
        <v>1</v>
      </c>
      <c r="Q2247">
        <v>1</v>
      </c>
      <c r="R2247" t="s">
        <v>11694</v>
      </c>
      <c r="S2247">
        <v>133</v>
      </c>
    </row>
    <row r="2248" spans="1:19" x14ac:dyDescent="0.25">
      <c r="A2248">
        <v>7377756</v>
      </c>
      <c r="B2248" t="s">
        <v>11695</v>
      </c>
      <c r="C2248" t="s">
        <v>11696</v>
      </c>
      <c r="D2248">
        <v>7377783</v>
      </c>
      <c r="E2248">
        <v>1</v>
      </c>
      <c r="F2248">
        <v>0</v>
      </c>
      <c r="H2248" t="s">
        <v>11697</v>
      </c>
      <c r="I2248">
        <v>1</v>
      </c>
      <c r="J2248" t="s">
        <v>11698</v>
      </c>
      <c r="O2248">
        <v>783994</v>
      </c>
      <c r="P2248">
        <v>1</v>
      </c>
      <c r="Q2248">
        <v>3</v>
      </c>
      <c r="R2248" t="s">
        <v>11699</v>
      </c>
      <c r="S2248">
        <v>785</v>
      </c>
    </row>
    <row r="2249" spans="1:19" x14ac:dyDescent="0.25">
      <c r="A2249">
        <v>47446091</v>
      </c>
      <c r="B2249" t="s">
        <v>11700</v>
      </c>
      <c r="C2249" s="1" t="s">
        <v>11701</v>
      </c>
      <c r="D2249">
        <v>47451374</v>
      </c>
      <c r="E2249">
        <v>3</v>
      </c>
      <c r="F2249">
        <v>1</v>
      </c>
      <c r="H2249" t="s">
        <v>11702</v>
      </c>
      <c r="I2249">
        <v>1</v>
      </c>
      <c r="J2249" t="s">
        <v>11703</v>
      </c>
      <c r="O2249">
        <v>6831395</v>
      </c>
      <c r="P2249">
        <v>1</v>
      </c>
      <c r="Q2249">
        <v>3</v>
      </c>
      <c r="R2249" t="s">
        <v>11704</v>
      </c>
      <c r="S2249">
        <v>372</v>
      </c>
    </row>
    <row r="2250" spans="1:19" x14ac:dyDescent="0.25">
      <c r="A2250">
        <v>53324919</v>
      </c>
      <c r="B2250" t="s">
        <v>11705</v>
      </c>
      <c r="C2250" s="1" t="s">
        <v>11706</v>
      </c>
      <c r="E2250">
        <v>1</v>
      </c>
      <c r="F2250">
        <v>1</v>
      </c>
      <c r="H2250" t="s">
        <v>11707</v>
      </c>
      <c r="J2250" t="s">
        <v>11708</v>
      </c>
      <c r="O2250">
        <v>10066125</v>
      </c>
      <c r="P2250">
        <v>1</v>
      </c>
      <c r="Q2250">
        <v>0</v>
      </c>
      <c r="R2250" t="s">
        <v>11709</v>
      </c>
      <c r="S2250">
        <v>26</v>
      </c>
    </row>
    <row r="2251" spans="1:19" x14ac:dyDescent="0.25">
      <c r="A2251">
        <v>25732296</v>
      </c>
      <c r="B2251" t="s">
        <v>11710</v>
      </c>
      <c r="C2251" s="1" t="s">
        <v>11711</v>
      </c>
      <c r="D2251">
        <v>25732335</v>
      </c>
      <c r="E2251">
        <v>1</v>
      </c>
      <c r="F2251">
        <v>0</v>
      </c>
      <c r="H2251" t="s">
        <v>11712</v>
      </c>
      <c r="J2251" t="s">
        <v>11713</v>
      </c>
      <c r="K2251" t="s">
        <v>11713</v>
      </c>
      <c r="L2251" t="s">
        <v>11714</v>
      </c>
      <c r="N2251" t="s">
        <v>11714</v>
      </c>
      <c r="P2251">
        <v>1</v>
      </c>
      <c r="Q2251">
        <v>1</v>
      </c>
      <c r="R2251" t="s">
        <v>11715</v>
      </c>
      <c r="S2251">
        <v>64</v>
      </c>
    </row>
    <row r="2252" spans="1:19" x14ac:dyDescent="0.25">
      <c r="A2252">
        <v>907057</v>
      </c>
      <c r="B2252" t="s">
        <v>11716</v>
      </c>
      <c r="C2252" s="1" t="s">
        <v>11717</v>
      </c>
      <c r="D2252">
        <v>907066</v>
      </c>
      <c r="E2252">
        <v>5</v>
      </c>
      <c r="F2252">
        <v>0</v>
      </c>
      <c r="H2252" t="s">
        <v>11718</v>
      </c>
      <c r="I2252">
        <v>4</v>
      </c>
      <c r="J2252" t="s">
        <v>11719</v>
      </c>
      <c r="K2252" t="s">
        <v>11720</v>
      </c>
      <c r="M2252">
        <v>23199</v>
      </c>
      <c r="O2252">
        <v>81514</v>
      </c>
      <c r="P2252">
        <v>1</v>
      </c>
      <c r="Q2252">
        <v>11</v>
      </c>
      <c r="R2252" t="s">
        <v>11721</v>
      </c>
      <c r="S2252">
        <v>13328</v>
      </c>
    </row>
    <row r="2253" spans="1:19" x14ac:dyDescent="0.25">
      <c r="A2253">
        <v>49754498</v>
      </c>
      <c r="B2253" t="s">
        <v>11722</v>
      </c>
      <c r="C2253" s="1" t="s">
        <v>11723</v>
      </c>
      <c r="E2253">
        <v>1</v>
      </c>
      <c r="F2253">
        <v>3</v>
      </c>
      <c r="H2253" t="s">
        <v>11724</v>
      </c>
      <c r="J2253" t="s">
        <v>11725</v>
      </c>
      <c r="O2253">
        <v>5669243</v>
      </c>
      <c r="P2253">
        <v>1</v>
      </c>
      <c r="Q2253">
        <v>0</v>
      </c>
      <c r="R2253" t="s">
        <v>9028</v>
      </c>
      <c r="S2253">
        <v>30</v>
      </c>
    </row>
    <row r="2254" spans="1:19" x14ac:dyDescent="0.25">
      <c r="A2254">
        <v>16659719</v>
      </c>
      <c r="B2254" t="s">
        <v>11726</v>
      </c>
      <c r="C2254" s="1" t="s">
        <v>11727</v>
      </c>
      <c r="E2254">
        <v>0</v>
      </c>
      <c r="F2254">
        <v>2</v>
      </c>
      <c r="H2254" t="s">
        <v>11728</v>
      </c>
      <c r="J2254" t="s">
        <v>11728</v>
      </c>
      <c r="O2254">
        <v>674863</v>
      </c>
      <c r="P2254">
        <v>1</v>
      </c>
      <c r="Q2254">
        <v>0</v>
      </c>
      <c r="R2254" t="s">
        <v>11729</v>
      </c>
      <c r="S2254">
        <v>484</v>
      </c>
    </row>
    <row r="2255" spans="1:19" x14ac:dyDescent="0.25">
      <c r="A2255">
        <v>28358579</v>
      </c>
      <c r="B2255" t="s">
        <v>11730</v>
      </c>
      <c r="C2255" s="1" t="s">
        <v>11731</v>
      </c>
      <c r="E2255">
        <v>1</v>
      </c>
      <c r="F2255">
        <v>0</v>
      </c>
      <c r="H2255" t="s">
        <v>11732</v>
      </c>
      <c r="I2255">
        <v>1</v>
      </c>
      <c r="J2255" t="s">
        <v>11733</v>
      </c>
      <c r="K2255" t="s">
        <v>11734</v>
      </c>
      <c r="M2255">
        <v>1545385</v>
      </c>
      <c r="O2255">
        <v>1545385</v>
      </c>
      <c r="P2255">
        <v>1</v>
      </c>
      <c r="Q2255">
        <v>0</v>
      </c>
      <c r="R2255" t="s">
        <v>11735</v>
      </c>
      <c r="S2255">
        <v>985</v>
      </c>
    </row>
    <row r="2256" spans="1:19" x14ac:dyDescent="0.25">
      <c r="A2256">
        <v>11911303</v>
      </c>
      <c r="B2256" t="s">
        <v>11736</v>
      </c>
      <c r="C2256" s="1" t="s">
        <v>11737</v>
      </c>
      <c r="D2256">
        <v>11911430</v>
      </c>
      <c r="E2256">
        <v>2</v>
      </c>
      <c r="F2256">
        <v>0</v>
      </c>
      <c r="H2256" t="s">
        <v>11738</v>
      </c>
      <c r="J2256" t="s">
        <v>11739</v>
      </c>
      <c r="O2256">
        <v>368519</v>
      </c>
      <c r="P2256">
        <v>1</v>
      </c>
      <c r="Q2256">
        <v>1</v>
      </c>
      <c r="R2256" t="s">
        <v>11740</v>
      </c>
      <c r="S2256">
        <v>612</v>
      </c>
    </row>
    <row r="2257" spans="1:19" x14ac:dyDescent="0.25">
      <c r="A2257">
        <v>11590964</v>
      </c>
      <c r="B2257" t="s">
        <v>11741</v>
      </c>
      <c r="C2257" s="1" t="s">
        <v>11742</v>
      </c>
      <c r="D2257">
        <v>11591013</v>
      </c>
      <c r="E2257">
        <v>6</v>
      </c>
      <c r="F2257">
        <v>0</v>
      </c>
      <c r="H2257" t="s">
        <v>11743</v>
      </c>
      <c r="J2257" t="s">
        <v>11744</v>
      </c>
      <c r="K2257" t="s">
        <v>11745</v>
      </c>
      <c r="M2257">
        <v>1349295</v>
      </c>
      <c r="O2257">
        <v>1484367</v>
      </c>
      <c r="P2257">
        <v>1</v>
      </c>
      <c r="Q2257">
        <v>-1</v>
      </c>
      <c r="R2257" t="s">
        <v>11746</v>
      </c>
      <c r="S2257">
        <v>5350</v>
      </c>
    </row>
    <row r="2258" spans="1:19" x14ac:dyDescent="0.25">
      <c r="A2258">
        <v>45061400</v>
      </c>
      <c r="B2258" t="s">
        <v>11747</v>
      </c>
      <c r="C2258" s="1" t="s">
        <v>11748</v>
      </c>
      <c r="D2258">
        <v>45061850</v>
      </c>
      <c r="E2258">
        <v>1</v>
      </c>
      <c r="F2258">
        <v>5</v>
      </c>
      <c r="H2258" t="s">
        <v>11749</v>
      </c>
      <c r="J2258" t="s">
        <v>11750</v>
      </c>
      <c r="K2258" t="s">
        <v>11751</v>
      </c>
      <c r="M2258">
        <v>2310830</v>
      </c>
      <c r="O2258">
        <v>2777527</v>
      </c>
      <c r="P2258">
        <v>1</v>
      </c>
      <c r="Q2258">
        <v>1</v>
      </c>
      <c r="R2258" t="s">
        <v>1359</v>
      </c>
      <c r="S2258">
        <v>49</v>
      </c>
    </row>
    <row r="2259" spans="1:19" x14ac:dyDescent="0.25">
      <c r="A2259">
        <v>48798113</v>
      </c>
      <c r="B2259" t="s">
        <v>11752</v>
      </c>
      <c r="C2259" s="1" t="s">
        <v>11753</v>
      </c>
      <c r="E2259">
        <v>1</v>
      </c>
      <c r="F2259">
        <v>2</v>
      </c>
      <c r="H2259" t="s">
        <v>11754</v>
      </c>
      <c r="J2259" t="s">
        <v>11755</v>
      </c>
      <c r="O2259">
        <v>2886972</v>
      </c>
      <c r="P2259">
        <v>1</v>
      </c>
      <c r="Q2259">
        <v>0</v>
      </c>
      <c r="R2259" t="s">
        <v>11756</v>
      </c>
      <c r="S2259">
        <v>49</v>
      </c>
    </row>
    <row r="2260" spans="1:19" x14ac:dyDescent="0.25">
      <c r="A2260">
        <v>1907043</v>
      </c>
      <c r="B2260" t="s">
        <v>11757</v>
      </c>
      <c r="C2260" s="1" t="s">
        <v>11758</v>
      </c>
      <c r="D2260">
        <v>1907054</v>
      </c>
      <c r="E2260">
        <v>1</v>
      </c>
      <c r="F2260">
        <v>0</v>
      </c>
      <c r="H2260" t="s">
        <v>11759</v>
      </c>
      <c r="J2260" t="s">
        <v>11760</v>
      </c>
      <c r="O2260">
        <v>230674</v>
      </c>
      <c r="P2260">
        <v>1</v>
      </c>
      <c r="Q2260">
        <v>0</v>
      </c>
      <c r="R2260" t="s">
        <v>11761</v>
      </c>
      <c r="S2260">
        <v>35</v>
      </c>
    </row>
    <row r="2261" spans="1:19" x14ac:dyDescent="0.25">
      <c r="A2261">
        <v>34952870</v>
      </c>
      <c r="B2261" t="s">
        <v>11762</v>
      </c>
      <c r="C2261" s="1" t="s">
        <v>11763</v>
      </c>
      <c r="D2261">
        <v>35024774</v>
      </c>
      <c r="E2261">
        <v>1</v>
      </c>
      <c r="F2261">
        <v>0</v>
      </c>
      <c r="H2261" t="s">
        <v>11764</v>
      </c>
      <c r="J2261" t="s">
        <v>11765</v>
      </c>
      <c r="K2261" t="s">
        <v>11766</v>
      </c>
      <c r="M2261">
        <v>5763739</v>
      </c>
      <c r="O2261">
        <v>5763739</v>
      </c>
      <c r="P2261">
        <v>1</v>
      </c>
      <c r="Q2261">
        <v>0</v>
      </c>
      <c r="R2261" t="s">
        <v>11767</v>
      </c>
      <c r="S2261">
        <v>351</v>
      </c>
    </row>
    <row r="2262" spans="1:19" x14ac:dyDescent="0.25">
      <c r="A2262">
        <v>7075509</v>
      </c>
      <c r="B2262" t="s">
        <v>11768</v>
      </c>
      <c r="C2262" s="1" t="s">
        <v>11769</v>
      </c>
      <c r="D2262">
        <v>7076308</v>
      </c>
      <c r="E2262">
        <v>4</v>
      </c>
      <c r="F2262">
        <v>2</v>
      </c>
      <c r="H2262" t="s">
        <v>11770</v>
      </c>
      <c r="J2262" t="s">
        <v>11771</v>
      </c>
      <c r="K2262" t="s">
        <v>11772</v>
      </c>
      <c r="M2262">
        <v>520141</v>
      </c>
      <c r="O2262">
        <v>520141</v>
      </c>
      <c r="P2262">
        <v>1</v>
      </c>
      <c r="Q2262">
        <v>0</v>
      </c>
      <c r="R2262" t="s">
        <v>11773</v>
      </c>
      <c r="S2262">
        <v>998</v>
      </c>
    </row>
    <row r="2263" spans="1:19" x14ac:dyDescent="0.25">
      <c r="A2263">
        <v>1948585</v>
      </c>
      <c r="B2263" t="s">
        <v>11774</v>
      </c>
      <c r="C2263" s="1" t="s">
        <v>11775</v>
      </c>
      <c r="D2263">
        <v>1948614</v>
      </c>
      <c r="E2263">
        <v>1</v>
      </c>
      <c r="F2263">
        <v>2</v>
      </c>
      <c r="H2263" t="s">
        <v>11776</v>
      </c>
      <c r="I2263">
        <v>0</v>
      </c>
      <c r="J2263" t="s">
        <v>11777</v>
      </c>
      <c r="K2263" t="s">
        <v>11777</v>
      </c>
      <c r="M2263">
        <v>203766</v>
      </c>
      <c r="O2263">
        <v>105084</v>
      </c>
      <c r="P2263">
        <v>1</v>
      </c>
      <c r="Q2263">
        <v>4</v>
      </c>
      <c r="R2263" t="s">
        <v>11778</v>
      </c>
      <c r="S2263">
        <v>2033</v>
      </c>
    </row>
    <row r="2264" spans="1:19" x14ac:dyDescent="0.25">
      <c r="A2264">
        <v>25187347</v>
      </c>
      <c r="B2264" t="s">
        <v>11779</v>
      </c>
      <c r="C2264" s="1" t="s">
        <v>11780</v>
      </c>
      <c r="E2264">
        <v>1</v>
      </c>
      <c r="F2264">
        <v>2</v>
      </c>
      <c r="H2264" t="s">
        <v>11781</v>
      </c>
      <c r="J2264" t="s">
        <v>11782</v>
      </c>
      <c r="K2264" t="s">
        <v>11783</v>
      </c>
      <c r="M2264">
        <v>2037335</v>
      </c>
      <c r="O2264">
        <v>2037335</v>
      </c>
      <c r="P2264">
        <v>1</v>
      </c>
      <c r="Q2264">
        <v>0</v>
      </c>
      <c r="R2264" t="s">
        <v>11784</v>
      </c>
      <c r="S2264">
        <v>91</v>
      </c>
    </row>
    <row r="2265" spans="1:19" x14ac:dyDescent="0.25">
      <c r="A2265">
        <v>2806399</v>
      </c>
      <c r="B2265" t="s">
        <v>11785</v>
      </c>
      <c r="C2265" s="1" t="s">
        <v>11786</v>
      </c>
      <c r="D2265">
        <v>2806460</v>
      </c>
      <c r="E2265">
        <v>2</v>
      </c>
      <c r="F2265">
        <v>2</v>
      </c>
      <c r="H2265" t="s">
        <v>11787</v>
      </c>
      <c r="J2265" t="s">
        <v>11788</v>
      </c>
      <c r="O2265">
        <v>1694</v>
      </c>
      <c r="P2265">
        <v>1</v>
      </c>
      <c r="Q2265">
        <v>2</v>
      </c>
      <c r="R2265" t="s">
        <v>11789</v>
      </c>
      <c r="S2265">
        <v>524</v>
      </c>
    </row>
    <row r="2266" spans="1:19" x14ac:dyDescent="0.25">
      <c r="A2266">
        <v>46782353</v>
      </c>
      <c r="B2266" t="s">
        <v>11790</v>
      </c>
      <c r="C2266" s="1" t="s">
        <v>11791</v>
      </c>
      <c r="D2266">
        <v>46821571</v>
      </c>
      <c r="E2266">
        <v>3</v>
      </c>
      <c r="F2266">
        <v>1</v>
      </c>
      <c r="H2266" t="s">
        <v>11792</v>
      </c>
      <c r="I2266">
        <v>1</v>
      </c>
      <c r="J2266" t="s">
        <v>11793</v>
      </c>
      <c r="O2266">
        <v>5005333</v>
      </c>
      <c r="P2266">
        <v>1</v>
      </c>
      <c r="Q2266">
        <v>3</v>
      </c>
      <c r="R2266" t="s">
        <v>11794</v>
      </c>
      <c r="S2266">
        <v>979</v>
      </c>
    </row>
    <row r="2267" spans="1:19" x14ac:dyDescent="0.25">
      <c r="A2267">
        <v>38391758</v>
      </c>
      <c r="B2267" t="s">
        <v>11795</v>
      </c>
      <c r="C2267" s="1" t="s">
        <v>11796</v>
      </c>
      <c r="E2267">
        <v>0</v>
      </c>
      <c r="F2267">
        <v>0</v>
      </c>
      <c r="H2267" t="s">
        <v>11797</v>
      </c>
      <c r="J2267" t="s">
        <v>11797</v>
      </c>
      <c r="O2267">
        <v>1392452</v>
      </c>
      <c r="P2267">
        <v>1</v>
      </c>
      <c r="Q2267">
        <v>2</v>
      </c>
      <c r="R2267" t="s">
        <v>11798</v>
      </c>
      <c r="S2267">
        <v>90</v>
      </c>
    </row>
    <row r="2268" spans="1:19" x14ac:dyDescent="0.25">
      <c r="A2268">
        <v>32343322</v>
      </c>
      <c r="B2268" t="s">
        <v>11799</v>
      </c>
      <c r="C2268" s="1" t="s">
        <v>11800</v>
      </c>
      <c r="E2268">
        <v>2</v>
      </c>
      <c r="F2268">
        <v>0</v>
      </c>
      <c r="H2268" t="s">
        <v>11801</v>
      </c>
      <c r="J2268" t="s">
        <v>11802</v>
      </c>
      <c r="K2268" t="s">
        <v>11803</v>
      </c>
      <c r="M2268">
        <v>61164</v>
      </c>
      <c r="O2268">
        <v>2593816</v>
      </c>
      <c r="P2268">
        <v>1</v>
      </c>
      <c r="Q2268">
        <v>0</v>
      </c>
      <c r="R2268" t="s">
        <v>11804</v>
      </c>
      <c r="S2268">
        <v>229</v>
      </c>
    </row>
    <row r="2269" spans="1:19" x14ac:dyDescent="0.25">
      <c r="A2269">
        <v>18459937</v>
      </c>
      <c r="B2269" t="s">
        <v>11805</v>
      </c>
      <c r="C2269" s="1" t="s">
        <v>11806</v>
      </c>
      <c r="D2269">
        <v>18460214</v>
      </c>
      <c r="E2269">
        <v>1</v>
      </c>
      <c r="F2269">
        <v>1</v>
      </c>
      <c r="H2269" t="s">
        <v>11807</v>
      </c>
      <c r="J2269" t="s">
        <v>11808</v>
      </c>
      <c r="O2269">
        <v>1455529</v>
      </c>
      <c r="P2269">
        <v>1</v>
      </c>
      <c r="Q2269">
        <v>1</v>
      </c>
      <c r="R2269" t="s">
        <v>11809</v>
      </c>
      <c r="S2269">
        <v>1186</v>
      </c>
    </row>
    <row r="2270" spans="1:19" x14ac:dyDescent="0.25">
      <c r="A2270">
        <v>654965</v>
      </c>
      <c r="B2270" t="s">
        <v>11810</v>
      </c>
      <c r="C2270" s="1" t="s">
        <v>11811</v>
      </c>
      <c r="D2270">
        <v>1417407</v>
      </c>
      <c r="E2270">
        <v>7</v>
      </c>
      <c r="F2270">
        <v>1</v>
      </c>
      <c r="H2270" t="s">
        <v>11812</v>
      </c>
      <c r="I2270">
        <v>4</v>
      </c>
      <c r="J2270" t="s">
        <v>11813</v>
      </c>
      <c r="N2270" t="s">
        <v>11814</v>
      </c>
      <c r="O2270">
        <v>28901</v>
      </c>
      <c r="P2270">
        <v>1</v>
      </c>
      <c r="Q2270">
        <v>9</v>
      </c>
      <c r="R2270" t="s">
        <v>11815</v>
      </c>
      <c r="S2270">
        <v>2707</v>
      </c>
    </row>
    <row r="2271" spans="1:19" x14ac:dyDescent="0.25">
      <c r="A2271">
        <v>7808115</v>
      </c>
      <c r="B2271" t="s">
        <v>11816</v>
      </c>
      <c r="C2271" s="1" t="s">
        <v>11817</v>
      </c>
      <c r="D2271">
        <v>7808317</v>
      </c>
      <c r="E2271">
        <v>1</v>
      </c>
      <c r="F2271">
        <v>0</v>
      </c>
      <c r="H2271" t="s">
        <v>11818</v>
      </c>
      <c r="J2271" t="s">
        <v>11819</v>
      </c>
      <c r="O2271">
        <v>683104</v>
      </c>
      <c r="P2271">
        <v>1</v>
      </c>
      <c r="Q2271">
        <v>2</v>
      </c>
      <c r="R2271" t="s">
        <v>11820</v>
      </c>
      <c r="S2271">
        <v>7403</v>
      </c>
    </row>
    <row r="2272" spans="1:19" x14ac:dyDescent="0.25">
      <c r="A2272">
        <v>2787638</v>
      </c>
      <c r="B2272" t="s">
        <v>11821</v>
      </c>
      <c r="C2272" s="1" t="s">
        <v>11822</v>
      </c>
      <c r="D2272">
        <v>2788531</v>
      </c>
      <c r="E2272">
        <v>1</v>
      </c>
      <c r="F2272">
        <v>3</v>
      </c>
      <c r="H2272" t="s">
        <v>11823</v>
      </c>
      <c r="J2272" t="s">
        <v>11824</v>
      </c>
      <c r="K2272" t="s">
        <v>11825</v>
      </c>
      <c r="M2272">
        <v>49246</v>
      </c>
      <c r="O2272">
        <v>49246</v>
      </c>
      <c r="P2272">
        <v>1</v>
      </c>
      <c r="Q2272">
        <v>4</v>
      </c>
      <c r="R2272" t="s">
        <v>11826</v>
      </c>
      <c r="S2272">
        <v>410</v>
      </c>
    </row>
    <row r="2273" spans="1:19" x14ac:dyDescent="0.25">
      <c r="A2273">
        <v>51811113</v>
      </c>
      <c r="B2273" t="s">
        <v>11827</v>
      </c>
      <c r="C2273" s="1" t="s">
        <v>11828</v>
      </c>
      <c r="E2273">
        <v>2</v>
      </c>
      <c r="F2273">
        <v>0</v>
      </c>
      <c r="H2273" t="s">
        <v>11829</v>
      </c>
      <c r="J2273" t="s">
        <v>11830</v>
      </c>
      <c r="K2273" t="s">
        <v>11830</v>
      </c>
      <c r="M2273">
        <v>643626</v>
      </c>
      <c r="O2273">
        <v>643626</v>
      </c>
      <c r="P2273">
        <v>1</v>
      </c>
      <c r="Q2273">
        <v>0</v>
      </c>
      <c r="R2273" t="s">
        <v>11831</v>
      </c>
      <c r="S2273">
        <v>50</v>
      </c>
    </row>
    <row r="2274" spans="1:19" x14ac:dyDescent="0.25">
      <c r="A2274">
        <v>19390186</v>
      </c>
      <c r="B2274" t="s">
        <v>11832</v>
      </c>
      <c r="C2274" s="1" t="s">
        <v>11833</v>
      </c>
      <c r="D2274">
        <v>19390214</v>
      </c>
      <c r="E2274">
        <v>1</v>
      </c>
      <c r="F2274">
        <v>0</v>
      </c>
      <c r="H2274" t="s">
        <v>11834</v>
      </c>
      <c r="J2274" t="s">
        <v>11835</v>
      </c>
      <c r="K2274" t="s">
        <v>11835</v>
      </c>
      <c r="M2274">
        <v>195652</v>
      </c>
      <c r="O2274">
        <v>195652</v>
      </c>
      <c r="P2274">
        <v>1</v>
      </c>
      <c r="Q2274">
        <v>0</v>
      </c>
      <c r="R2274" t="s">
        <v>7913</v>
      </c>
      <c r="S2274">
        <v>208</v>
      </c>
    </row>
    <row r="2275" spans="1:19" x14ac:dyDescent="0.25">
      <c r="A2275">
        <v>11625836</v>
      </c>
      <c r="B2275" t="s">
        <v>11836</v>
      </c>
      <c r="C2275" s="1" t="s">
        <v>11837</v>
      </c>
      <c r="D2275">
        <v>13528919</v>
      </c>
      <c r="E2275">
        <v>2</v>
      </c>
      <c r="F2275">
        <v>1</v>
      </c>
      <c r="H2275" t="s">
        <v>11838</v>
      </c>
      <c r="I2275">
        <v>1</v>
      </c>
      <c r="J2275" t="s">
        <v>11839</v>
      </c>
      <c r="O2275">
        <v>644987</v>
      </c>
      <c r="P2275">
        <v>1</v>
      </c>
      <c r="Q2275">
        <v>9</v>
      </c>
      <c r="R2275" t="s">
        <v>11840</v>
      </c>
      <c r="S2275">
        <v>4087</v>
      </c>
    </row>
    <row r="2276" spans="1:19" x14ac:dyDescent="0.25">
      <c r="A2276">
        <v>50838210</v>
      </c>
      <c r="B2276" t="s">
        <v>11841</v>
      </c>
      <c r="C2276" s="1" t="s">
        <v>11842</v>
      </c>
      <c r="E2276">
        <v>0</v>
      </c>
      <c r="F2276">
        <v>0</v>
      </c>
      <c r="H2276" t="s">
        <v>11843</v>
      </c>
      <c r="J2276" t="s">
        <v>11844</v>
      </c>
      <c r="K2276" t="s">
        <v>11844</v>
      </c>
      <c r="M2276">
        <v>8749757</v>
      </c>
      <c r="O2276">
        <v>8749757</v>
      </c>
      <c r="P2276">
        <v>1</v>
      </c>
      <c r="Q2276">
        <v>0</v>
      </c>
      <c r="R2276" t="s">
        <v>3034</v>
      </c>
      <c r="S2276">
        <v>28</v>
      </c>
    </row>
    <row r="2277" spans="1:19" x14ac:dyDescent="0.25">
      <c r="A2277">
        <v>42755904</v>
      </c>
      <c r="B2277" t="s">
        <v>11845</v>
      </c>
      <c r="C2277" s="1" t="s">
        <v>11846</v>
      </c>
      <c r="E2277">
        <v>1</v>
      </c>
      <c r="F2277">
        <v>0</v>
      </c>
      <c r="H2277" t="s">
        <v>11847</v>
      </c>
      <c r="J2277" t="s">
        <v>11848</v>
      </c>
      <c r="O2277">
        <v>7700742</v>
      </c>
      <c r="P2277">
        <v>1</v>
      </c>
      <c r="Q2277">
        <v>0</v>
      </c>
      <c r="R2277" t="s">
        <v>11849</v>
      </c>
      <c r="S2277">
        <v>55</v>
      </c>
    </row>
    <row r="2278" spans="1:19" x14ac:dyDescent="0.25">
      <c r="A2278">
        <v>51240138</v>
      </c>
      <c r="B2278" t="s">
        <v>11850</v>
      </c>
      <c r="C2278" s="1" t="s">
        <v>11851</v>
      </c>
      <c r="D2278">
        <v>51629075</v>
      </c>
      <c r="E2278">
        <v>1</v>
      </c>
      <c r="F2278">
        <v>0</v>
      </c>
      <c r="H2278" t="s">
        <v>11852</v>
      </c>
      <c r="I2278">
        <v>1</v>
      </c>
      <c r="J2278" t="s">
        <v>11853</v>
      </c>
      <c r="K2278" t="s">
        <v>11854</v>
      </c>
      <c r="M2278">
        <v>6599590</v>
      </c>
      <c r="O2278">
        <v>9988661</v>
      </c>
      <c r="P2278">
        <v>1</v>
      </c>
      <c r="Q2278">
        <v>1</v>
      </c>
      <c r="R2278" t="s">
        <v>11855</v>
      </c>
      <c r="S2278">
        <v>177</v>
      </c>
    </row>
    <row r="2279" spans="1:19" x14ac:dyDescent="0.25">
      <c r="A2279">
        <v>16876374</v>
      </c>
      <c r="B2279" t="s">
        <v>11856</v>
      </c>
      <c r="C2279" s="1" t="s">
        <v>11857</v>
      </c>
      <c r="E2279">
        <v>0</v>
      </c>
      <c r="F2279">
        <v>2</v>
      </c>
      <c r="H2279" t="s">
        <v>11858</v>
      </c>
      <c r="J2279" t="s">
        <v>11859</v>
      </c>
      <c r="K2279" t="s">
        <v>11859</v>
      </c>
      <c r="M2279">
        <v>128165</v>
      </c>
      <c r="O2279">
        <v>2443642</v>
      </c>
      <c r="P2279">
        <v>1</v>
      </c>
      <c r="Q2279">
        <v>0</v>
      </c>
      <c r="R2279" t="s">
        <v>819</v>
      </c>
      <c r="S2279">
        <v>40</v>
      </c>
    </row>
    <row r="2280" spans="1:19" x14ac:dyDescent="0.25">
      <c r="A2280">
        <v>43965262</v>
      </c>
      <c r="B2280" t="s">
        <v>11860</v>
      </c>
      <c r="C2280" s="1" t="s">
        <v>11861</v>
      </c>
      <c r="E2280">
        <v>0</v>
      </c>
      <c r="F2280">
        <v>4</v>
      </c>
      <c r="H2280" t="s">
        <v>11862</v>
      </c>
      <c r="J2280" t="s">
        <v>11863</v>
      </c>
      <c r="K2280" t="s">
        <v>11863</v>
      </c>
      <c r="M2280">
        <v>6361442</v>
      </c>
      <c r="O2280">
        <v>6361442</v>
      </c>
      <c r="P2280">
        <v>1</v>
      </c>
      <c r="Q2280">
        <v>1</v>
      </c>
      <c r="R2280" t="s">
        <v>11864</v>
      </c>
      <c r="S2280">
        <v>72</v>
      </c>
    </row>
    <row r="2281" spans="1:19" x14ac:dyDescent="0.25">
      <c r="A2281">
        <v>15446720</v>
      </c>
      <c r="B2281" t="s">
        <v>11865</v>
      </c>
      <c r="C2281" s="1" t="s">
        <v>11866</v>
      </c>
      <c r="D2281">
        <v>15446921</v>
      </c>
      <c r="E2281">
        <v>2</v>
      </c>
      <c r="F2281">
        <v>1</v>
      </c>
      <c r="H2281" t="s">
        <v>11867</v>
      </c>
      <c r="J2281" t="s">
        <v>11868</v>
      </c>
      <c r="K2281" t="s">
        <v>11869</v>
      </c>
      <c r="M2281">
        <v>250725</v>
      </c>
      <c r="O2281">
        <v>2176442</v>
      </c>
      <c r="P2281">
        <v>1</v>
      </c>
      <c r="Q2281">
        <v>2</v>
      </c>
      <c r="R2281" t="s">
        <v>11870</v>
      </c>
      <c r="S2281">
        <v>218</v>
      </c>
    </row>
    <row r="2282" spans="1:19" x14ac:dyDescent="0.25">
      <c r="A2282">
        <v>33879211</v>
      </c>
      <c r="B2282" t="s">
        <v>11871</v>
      </c>
      <c r="C2282" s="1" t="s">
        <v>11872</v>
      </c>
      <c r="D2282">
        <v>33879301</v>
      </c>
      <c r="E2282">
        <v>1</v>
      </c>
      <c r="F2282">
        <v>2</v>
      </c>
      <c r="H2282" t="s">
        <v>11873</v>
      </c>
      <c r="J2282" t="s">
        <v>11874</v>
      </c>
      <c r="O2282">
        <v>4068548</v>
      </c>
      <c r="P2282">
        <v>1</v>
      </c>
      <c r="Q2282">
        <v>1</v>
      </c>
      <c r="R2282" t="s">
        <v>11875</v>
      </c>
      <c r="S2282">
        <v>39</v>
      </c>
    </row>
    <row r="2283" spans="1:19" x14ac:dyDescent="0.25">
      <c r="A2283">
        <v>22559820</v>
      </c>
      <c r="B2283" t="s">
        <v>11876</v>
      </c>
      <c r="C2283" s="1" t="s">
        <v>11877</v>
      </c>
      <c r="D2283">
        <v>22572438</v>
      </c>
      <c r="E2283">
        <v>1</v>
      </c>
      <c r="F2283">
        <v>1</v>
      </c>
      <c r="H2283" t="s">
        <v>11878</v>
      </c>
      <c r="J2283" t="s">
        <v>11879</v>
      </c>
      <c r="O2283">
        <v>2130992</v>
      </c>
      <c r="P2283">
        <v>1</v>
      </c>
      <c r="Q2283">
        <v>1</v>
      </c>
      <c r="R2283" t="s">
        <v>11880</v>
      </c>
      <c r="S2283">
        <v>3175</v>
      </c>
    </row>
    <row r="2284" spans="1:19" x14ac:dyDescent="0.25">
      <c r="A2284">
        <v>34977739</v>
      </c>
      <c r="B2284" t="s">
        <v>11881</v>
      </c>
      <c r="C2284" s="1" t="s">
        <v>11882</v>
      </c>
      <c r="D2284">
        <v>34978071</v>
      </c>
      <c r="E2284">
        <v>1</v>
      </c>
      <c r="F2284">
        <v>0</v>
      </c>
      <c r="H2284" t="s">
        <v>11883</v>
      </c>
      <c r="J2284" t="s">
        <v>11884</v>
      </c>
      <c r="K2284" t="s">
        <v>11884</v>
      </c>
      <c r="M2284">
        <v>4490473</v>
      </c>
      <c r="O2284">
        <v>4490473</v>
      </c>
      <c r="P2284">
        <v>1</v>
      </c>
      <c r="Q2284">
        <v>0</v>
      </c>
      <c r="R2284" t="s">
        <v>300</v>
      </c>
      <c r="S2284">
        <v>44</v>
      </c>
    </row>
    <row r="2285" spans="1:19" x14ac:dyDescent="0.25">
      <c r="A2285">
        <v>38674480</v>
      </c>
      <c r="B2285" t="s">
        <v>11885</v>
      </c>
      <c r="C2285" s="1" t="s">
        <v>11886</v>
      </c>
      <c r="D2285">
        <v>38676657</v>
      </c>
      <c r="E2285">
        <v>1</v>
      </c>
      <c r="F2285">
        <v>6</v>
      </c>
      <c r="H2285" t="s">
        <v>11887</v>
      </c>
      <c r="I2285">
        <v>1</v>
      </c>
      <c r="J2285" t="s">
        <v>11888</v>
      </c>
      <c r="K2285" t="s">
        <v>11889</v>
      </c>
      <c r="M2285">
        <v>-1</v>
      </c>
      <c r="O2285">
        <v>6657645</v>
      </c>
      <c r="P2285">
        <v>1</v>
      </c>
      <c r="Q2285">
        <v>-1</v>
      </c>
      <c r="R2285" t="s">
        <v>11890</v>
      </c>
      <c r="S2285">
        <v>1525</v>
      </c>
    </row>
    <row r="2286" spans="1:19" x14ac:dyDescent="0.25">
      <c r="A2286">
        <v>35350184</v>
      </c>
      <c r="B2286" t="s">
        <v>11891</v>
      </c>
      <c r="C2286" s="1" t="s">
        <v>11892</v>
      </c>
      <c r="E2286">
        <v>2</v>
      </c>
      <c r="F2286">
        <v>0</v>
      </c>
      <c r="H2286" t="s">
        <v>11893</v>
      </c>
      <c r="J2286" t="s">
        <v>11894</v>
      </c>
      <c r="K2286" t="s">
        <v>11895</v>
      </c>
      <c r="M2286">
        <v>4815994</v>
      </c>
      <c r="O2286">
        <v>4815994</v>
      </c>
      <c r="P2286">
        <v>1</v>
      </c>
      <c r="Q2286">
        <v>0</v>
      </c>
      <c r="R2286" t="s">
        <v>11896</v>
      </c>
      <c r="S2286">
        <v>318</v>
      </c>
    </row>
    <row r="2287" spans="1:19" x14ac:dyDescent="0.25">
      <c r="A2287">
        <v>15527418</v>
      </c>
      <c r="B2287" t="s">
        <v>11897</v>
      </c>
      <c r="C2287" s="1" t="s">
        <v>11898</v>
      </c>
      <c r="E2287">
        <v>1</v>
      </c>
      <c r="F2287">
        <v>1</v>
      </c>
      <c r="H2287" t="s">
        <v>11899</v>
      </c>
      <c r="J2287" t="s">
        <v>11900</v>
      </c>
      <c r="K2287" t="s">
        <v>11901</v>
      </c>
      <c r="M2287">
        <v>893113</v>
      </c>
      <c r="O2287">
        <v>2191420</v>
      </c>
      <c r="P2287">
        <v>1</v>
      </c>
      <c r="Q2287">
        <v>0</v>
      </c>
      <c r="R2287" t="s">
        <v>11902</v>
      </c>
      <c r="S2287">
        <v>60</v>
      </c>
    </row>
    <row r="2288" spans="1:19" x14ac:dyDescent="0.25">
      <c r="A2288">
        <v>3378006</v>
      </c>
      <c r="B2288" t="s">
        <v>11903</v>
      </c>
      <c r="C2288" s="1" t="s">
        <v>11904</v>
      </c>
      <c r="D2288">
        <v>3378026</v>
      </c>
      <c r="E2288">
        <v>1</v>
      </c>
      <c r="F2288">
        <v>0</v>
      </c>
      <c r="H2288" t="s">
        <v>11905</v>
      </c>
      <c r="J2288" t="s">
        <v>11906</v>
      </c>
      <c r="O2288">
        <v>174761</v>
      </c>
      <c r="P2288">
        <v>1</v>
      </c>
      <c r="Q2288">
        <v>0</v>
      </c>
      <c r="R2288" t="s">
        <v>3002</v>
      </c>
      <c r="S2288">
        <v>106</v>
      </c>
    </row>
    <row r="2289" spans="1:19" x14ac:dyDescent="0.25">
      <c r="A2289">
        <v>52995296</v>
      </c>
      <c r="B2289" t="s">
        <v>11907</v>
      </c>
      <c r="C2289" s="1" t="s">
        <v>11908</v>
      </c>
      <c r="D2289">
        <v>52995369</v>
      </c>
      <c r="E2289">
        <v>1</v>
      </c>
      <c r="F2289">
        <v>5</v>
      </c>
      <c r="H2289" t="s">
        <v>11909</v>
      </c>
      <c r="J2289" t="s">
        <v>11910</v>
      </c>
      <c r="O2289">
        <v>2642059</v>
      </c>
      <c r="P2289">
        <v>1</v>
      </c>
      <c r="Q2289">
        <v>2</v>
      </c>
      <c r="R2289" t="s">
        <v>11911</v>
      </c>
      <c r="S2289">
        <v>39</v>
      </c>
    </row>
    <row r="2290" spans="1:19" x14ac:dyDescent="0.25">
      <c r="A2290">
        <v>49530028</v>
      </c>
      <c r="B2290" t="s">
        <v>11912</v>
      </c>
      <c r="C2290" s="1" t="s">
        <v>11913</v>
      </c>
      <c r="D2290">
        <v>49548823</v>
      </c>
      <c r="E2290">
        <v>1</v>
      </c>
      <c r="F2290">
        <v>0</v>
      </c>
      <c r="H2290" t="s">
        <v>11914</v>
      </c>
      <c r="J2290" t="s">
        <v>11915</v>
      </c>
      <c r="O2290">
        <v>8533306</v>
      </c>
      <c r="P2290">
        <v>1</v>
      </c>
      <c r="Q2290">
        <v>0</v>
      </c>
      <c r="R2290" t="s">
        <v>11916</v>
      </c>
      <c r="S2290">
        <v>25</v>
      </c>
    </row>
    <row r="2291" spans="1:19" x14ac:dyDescent="0.25">
      <c r="A2291">
        <v>29269107</v>
      </c>
      <c r="B2291" t="s">
        <v>11917</v>
      </c>
      <c r="C2291" s="1" t="s">
        <v>11918</v>
      </c>
      <c r="D2291">
        <v>29270483</v>
      </c>
      <c r="E2291">
        <v>1</v>
      </c>
      <c r="F2291">
        <v>0</v>
      </c>
      <c r="H2291" t="s">
        <v>11919</v>
      </c>
      <c r="J2291" t="s">
        <v>11920</v>
      </c>
      <c r="K2291" t="s">
        <v>11921</v>
      </c>
      <c r="M2291">
        <v>26406</v>
      </c>
      <c r="O2291">
        <v>420558</v>
      </c>
      <c r="P2291">
        <v>1</v>
      </c>
      <c r="Q2291">
        <v>1</v>
      </c>
      <c r="R2291" t="s">
        <v>11922</v>
      </c>
      <c r="S2291">
        <v>379</v>
      </c>
    </row>
    <row r="2292" spans="1:19" x14ac:dyDescent="0.25">
      <c r="A2292">
        <v>52513458</v>
      </c>
      <c r="B2292" t="s">
        <v>11923</v>
      </c>
      <c r="C2292" s="1" t="s">
        <v>11924</v>
      </c>
      <c r="E2292">
        <v>0</v>
      </c>
      <c r="F2292">
        <v>9</v>
      </c>
      <c r="H2292" t="s">
        <v>11925</v>
      </c>
      <c r="J2292" t="s">
        <v>11925</v>
      </c>
      <c r="O2292">
        <v>6096529</v>
      </c>
      <c r="P2292">
        <v>1</v>
      </c>
      <c r="Q2292">
        <v>0</v>
      </c>
      <c r="R2292" t="s">
        <v>11926</v>
      </c>
      <c r="S2292">
        <v>25</v>
      </c>
    </row>
    <row r="2293" spans="1:19" x14ac:dyDescent="0.25">
      <c r="A2293">
        <v>37378542</v>
      </c>
      <c r="B2293" t="s">
        <v>11927</v>
      </c>
      <c r="C2293" s="1" t="s">
        <v>11928</v>
      </c>
      <c r="E2293">
        <v>1</v>
      </c>
      <c r="F2293">
        <v>0</v>
      </c>
      <c r="H2293" t="s">
        <v>11929</v>
      </c>
      <c r="J2293" t="s">
        <v>11930</v>
      </c>
      <c r="K2293" t="s">
        <v>11931</v>
      </c>
      <c r="M2293">
        <v>1845498</v>
      </c>
      <c r="O2293">
        <v>1845498</v>
      </c>
      <c r="P2293">
        <v>1</v>
      </c>
      <c r="Q2293">
        <v>0</v>
      </c>
      <c r="R2293" t="s">
        <v>11932</v>
      </c>
      <c r="S2293">
        <v>155</v>
      </c>
    </row>
    <row r="2294" spans="1:19" x14ac:dyDescent="0.25">
      <c r="A2294">
        <v>12374464</v>
      </c>
      <c r="B2294" t="s">
        <v>11933</v>
      </c>
      <c r="C2294" s="1" t="s">
        <v>11934</v>
      </c>
      <c r="D2294">
        <v>12376706</v>
      </c>
      <c r="E2294">
        <v>1</v>
      </c>
      <c r="F2294">
        <v>0</v>
      </c>
      <c r="H2294" t="s">
        <v>11935</v>
      </c>
      <c r="J2294" t="s">
        <v>11936</v>
      </c>
      <c r="K2294" t="s">
        <v>11936</v>
      </c>
      <c r="M2294">
        <v>1033581</v>
      </c>
      <c r="O2294">
        <v>1559491</v>
      </c>
      <c r="P2294">
        <v>1</v>
      </c>
      <c r="Q2294">
        <v>3</v>
      </c>
      <c r="R2294" t="s">
        <v>11937</v>
      </c>
      <c r="S2294">
        <v>1019</v>
      </c>
    </row>
    <row r="2295" spans="1:19" x14ac:dyDescent="0.25">
      <c r="A2295">
        <v>6338413</v>
      </c>
      <c r="B2295" t="s">
        <v>11938</v>
      </c>
      <c r="C2295" s="1" t="s">
        <v>11939</v>
      </c>
      <c r="D2295">
        <v>6338744</v>
      </c>
      <c r="E2295">
        <v>2</v>
      </c>
      <c r="F2295">
        <v>1</v>
      </c>
      <c r="H2295" t="s">
        <v>11940</v>
      </c>
      <c r="J2295" t="s">
        <v>11941</v>
      </c>
      <c r="K2295" t="s">
        <v>11942</v>
      </c>
      <c r="M2295">
        <v>717383</v>
      </c>
      <c r="N2295" t="s">
        <v>11943</v>
      </c>
      <c r="P2295">
        <v>1</v>
      </c>
      <c r="Q2295">
        <v>0</v>
      </c>
      <c r="R2295" t="s">
        <v>11944</v>
      </c>
      <c r="S2295">
        <v>411</v>
      </c>
    </row>
    <row r="2296" spans="1:19" x14ac:dyDescent="0.25">
      <c r="A2296">
        <v>24290353</v>
      </c>
      <c r="B2296" t="s">
        <v>11945</v>
      </c>
      <c r="C2296" s="1" t="s">
        <v>11946</v>
      </c>
      <c r="E2296">
        <v>1</v>
      </c>
      <c r="F2296">
        <v>5</v>
      </c>
      <c r="H2296" t="s">
        <v>11947</v>
      </c>
      <c r="J2296" t="s">
        <v>11948</v>
      </c>
      <c r="K2296" t="s">
        <v>11949</v>
      </c>
      <c r="M2296">
        <v>590848</v>
      </c>
      <c r="O2296">
        <v>3752939</v>
      </c>
      <c r="P2296">
        <v>1</v>
      </c>
      <c r="Q2296">
        <v>-5</v>
      </c>
      <c r="R2296" t="s">
        <v>213</v>
      </c>
      <c r="S2296">
        <v>172</v>
      </c>
    </row>
    <row r="2297" spans="1:19" x14ac:dyDescent="0.25">
      <c r="A2297">
        <v>5321567</v>
      </c>
      <c r="B2297" t="s">
        <v>11950</v>
      </c>
      <c r="C2297" s="1" t="s">
        <v>11951</v>
      </c>
      <c r="D2297">
        <v>5337776</v>
      </c>
      <c r="E2297">
        <v>4</v>
      </c>
      <c r="F2297">
        <v>1</v>
      </c>
      <c r="H2297" t="s">
        <v>11952</v>
      </c>
      <c r="I2297">
        <v>1</v>
      </c>
      <c r="J2297" t="s">
        <v>11953</v>
      </c>
      <c r="K2297" t="s">
        <v>11954</v>
      </c>
      <c r="M2297">
        <v>15168</v>
      </c>
      <c r="O2297">
        <v>513164</v>
      </c>
      <c r="P2297">
        <v>1</v>
      </c>
      <c r="Q2297">
        <v>1</v>
      </c>
      <c r="R2297" t="s">
        <v>11955</v>
      </c>
      <c r="S2297">
        <v>3871</v>
      </c>
    </row>
    <row r="2298" spans="1:19" x14ac:dyDescent="0.25">
      <c r="A2298">
        <v>14671642</v>
      </c>
      <c r="B2298" t="s">
        <v>11956</v>
      </c>
      <c r="C2298" s="1" t="s">
        <v>11957</v>
      </c>
      <c r="D2298">
        <v>14671651</v>
      </c>
      <c r="E2298">
        <v>3</v>
      </c>
      <c r="F2298">
        <v>3</v>
      </c>
      <c r="H2298" t="s">
        <v>11958</v>
      </c>
      <c r="J2298" t="s">
        <v>11959</v>
      </c>
      <c r="O2298">
        <v>970464</v>
      </c>
      <c r="P2298">
        <v>1</v>
      </c>
      <c r="Q2298">
        <v>1</v>
      </c>
      <c r="R2298" t="s">
        <v>11960</v>
      </c>
      <c r="S2298">
        <v>277</v>
      </c>
    </row>
    <row r="2299" spans="1:19" x14ac:dyDescent="0.25">
      <c r="A2299">
        <v>27366517</v>
      </c>
      <c r="B2299" t="s">
        <v>11961</v>
      </c>
      <c r="C2299" s="1" t="s">
        <v>11962</v>
      </c>
      <c r="D2299">
        <v>27386767</v>
      </c>
      <c r="E2299">
        <v>1</v>
      </c>
      <c r="F2299">
        <v>2</v>
      </c>
      <c r="H2299" t="s">
        <v>11963</v>
      </c>
      <c r="J2299" t="s">
        <v>11964</v>
      </c>
      <c r="K2299" t="s">
        <v>11965</v>
      </c>
      <c r="M2299">
        <v>1914034</v>
      </c>
      <c r="O2299">
        <v>1914034</v>
      </c>
      <c r="P2299">
        <v>1</v>
      </c>
      <c r="Q2299">
        <v>0</v>
      </c>
      <c r="R2299" t="s">
        <v>4975</v>
      </c>
      <c r="S2299">
        <v>321</v>
      </c>
    </row>
    <row r="2300" spans="1:19" x14ac:dyDescent="0.25">
      <c r="A2300">
        <v>3667195</v>
      </c>
      <c r="B2300" t="s">
        <v>11966</v>
      </c>
      <c r="C2300" s="1" t="s">
        <v>11967</v>
      </c>
      <c r="D2300">
        <v>3715407</v>
      </c>
      <c r="E2300">
        <v>4</v>
      </c>
      <c r="F2300">
        <v>0</v>
      </c>
      <c r="H2300" t="s">
        <v>11968</v>
      </c>
      <c r="J2300" t="s">
        <v>11969</v>
      </c>
      <c r="K2300" t="s">
        <v>11970</v>
      </c>
      <c r="M2300">
        <v>25361</v>
      </c>
      <c r="O2300">
        <v>25361</v>
      </c>
      <c r="P2300">
        <v>1</v>
      </c>
      <c r="Q2300">
        <v>2</v>
      </c>
      <c r="R2300" t="s">
        <v>11971</v>
      </c>
      <c r="S2300">
        <v>3113</v>
      </c>
    </row>
    <row r="2301" spans="1:19" x14ac:dyDescent="0.25">
      <c r="A2301">
        <v>40306095</v>
      </c>
      <c r="B2301" t="s">
        <v>11972</v>
      </c>
      <c r="C2301" s="1" t="s">
        <v>11973</v>
      </c>
      <c r="D2301">
        <v>40306293</v>
      </c>
      <c r="E2301">
        <v>2</v>
      </c>
      <c r="F2301">
        <v>3</v>
      </c>
      <c r="H2301" t="s">
        <v>11974</v>
      </c>
      <c r="I2301">
        <v>0</v>
      </c>
      <c r="J2301" t="s">
        <v>11975</v>
      </c>
      <c r="K2301" t="s">
        <v>11975</v>
      </c>
      <c r="M2301">
        <v>1402846</v>
      </c>
      <c r="O2301">
        <v>6821879</v>
      </c>
      <c r="P2301">
        <v>1</v>
      </c>
      <c r="Q2301">
        <v>-1</v>
      </c>
      <c r="R2301" t="s">
        <v>10660</v>
      </c>
      <c r="S2301">
        <v>152</v>
      </c>
    </row>
    <row r="2302" spans="1:19" x14ac:dyDescent="0.25">
      <c r="A2302">
        <v>45666275</v>
      </c>
      <c r="B2302" t="s">
        <v>11976</v>
      </c>
      <c r="C2302" s="1" t="s">
        <v>11977</v>
      </c>
      <c r="D2302">
        <v>45666734</v>
      </c>
      <c r="E2302">
        <v>2</v>
      </c>
      <c r="F2302">
        <v>3</v>
      </c>
      <c r="H2302" t="s">
        <v>11978</v>
      </c>
      <c r="J2302" t="s">
        <v>11979</v>
      </c>
      <c r="K2302" t="s">
        <v>11980</v>
      </c>
      <c r="M2302">
        <v>8355142</v>
      </c>
      <c r="O2302">
        <v>8355142</v>
      </c>
      <c r="P2302">
        <v>1</v>
      </c>
      <c r="Q2302">
        <v>0</v>
      </c>
      <c r="R2302" t="s">
        <v>11981</v>
      </c>
      <c r="S2302">
        <v>469</v>
      </c>
    </row>
    <row r="2303" spans="1:19" x14ac:dyDescent="0.25">
      <c r="A2303">
        <v>19363127</v>
      </c>
      <c r="B2303" t="s">
        <v>11982</v>
      </c>
      <c r="C2303" s="1" t="s">
        <v>11983</v>
      </c>
      <c r="D2303">
        <v>19504534</v>
      </c>
      <c r="E2303">
        <v>1</v>
      </c>
      <c r="F2303">
        <v>0</v>
      </c>
      <c r="H2303" t="s">
        <v>11984</v>
      </c>
      <c r="I2303">
        <v>1</v>
      </c>
      <c r="J2303" t="s">
        <v>11985</v>
      </c>
      <c r="O2303">
        <v>1681542</v>
      </c>
      <c r="P2303">
        <v>1</v>
      </c>
      <c r="Q2303">
        <v>1</v>
      </c>
      <c r="R2303" t="s">
        <v>11986</v>
      </c>
      <c r="S2303">
        <v>2470</v>
      </c>
    </row>
    <row r="2304" spans="1:19" x14ac:dyDescent="0.25">
      <c r="A2304">
        <v>18349428</v>
      </c>
      <c r="B2304" t="s">
        <v>11987</v>
      </c>
      <c r="C2304" s="1" t="s">
        <v>11988</v>
      </c>
      <c r="D2304">
        <v>18351868</v>
      </c>
      <c r="E2304">
        <v>3</v>
      </c>
      <c r="F2304">
        <v>1</v>
      </c>
      <c r="H2304" t="s">
        <v>11989</v>
      </c>
      <c r="I2304">
        <v>0</v>
      </c>
      <c r="J2304" t="s">
        <v>11990</v>
      </c>
      <c r="O2304">
        <v>1482631</v>
      </c>
      <c r="P2304">
        <v>1</v>
      </c>
      <c r="Q2304">
        <v>1</v>
      </c>
      <c r="R2304" t="s">
        <v>11991</v>
      </c>
      <c r="S2304">
        <v>74</v>
      </c>
    </row>
    <row r="2305" spans="1:19" x14ac:dyDescent="0.25">
      <c r="A2305">
        <v>11676574</v>
      </c>
      <c r="B2305" t="s">
        <v>11992</v>
      </c>
      <c r="C2305" s="1" t="s">
        <v>11993</v>
      </c>
      <c r="D2305">
        <v>11678387</v>
      </c>
      <c r="E2305">
        <v>1</v>
      </c>
      <c r="F2305">
        <v>0</v>
      </c>
      <c r="H2305" t="s">
        <v>11994</v>
      </c>
      <c r="I2305">
        <v>1</v>
      </c>
      <c r="J2305" t="s">
        <v>11995</v>
      </c>
      <c r="O2305">
        <v>1046501</v>
      </c>
      <c r="P2305">
        <v>1</v>
      </c>
      <c r="Q2305">
        <v>0</v>
      </c>
      <c r="R2305" t="s">
        <v>11996</v>
      </c>
      <c r="S2305">
        <v>1978</v>
      </c>
    </row>
    <row r="2306" spans="1:19" x14ac:dyDescent="0.25">
      <c r="A2306">
        <v>46526463</v>
      </c>
      <c r="B2306" t="s">
        <v>11997</v>
      </c>
      <c r="C2306" s="1" t="s">
        <v>11998</v>
      </c>
      <c r="E2306">
        <v>0</v>
      </c>
      <c r="F2306">
        <v>7</v>
      </c>
      <c r="H2306" t="s">
        <v>11999</v>
      </c>
      <c r="J2306" t="s">
        <v>12000</v>
      </c>
      <c r="K2306" t="s">
        <v>12000</v>
      </c>
      <c r="M2306">
        <v>4395366</v>
      </c>
      <c r="O2306">
        <v>4395366</v>
      </c>
      <c r="P2306">
        <v>1</v>
      </c>
      <c r="Q2306">
        <v>0</v>
      </c>
      <c r="R2306" t="s">
        <v>12001</v>
      </c>
      <c r="S2306">
        <v>189</v>
      </c>
    </row>
    <row r="2307" spans="1:19" x14ac:dyDescent="0.25">
      <c r="A2307">
        <v>14035850</v>
      </c>
      <c r="B2307" t="s">
        <v>12002</v>
      </c>
      <c r="C2307" s="1" t="s">
        <v>12003</v>
      </c>
      <c r="D2307">
        <v>14035893</v>
      </c>
      <c r="E2307">
        <v>2</v>
      </c>
      <c r="F2307">
        <v>0</v>
      </c>
      <c r="H2307" t="s">
        <v>12004</v>
      </c>
      <c r="J2307" t="s">
        <v>12005</v>
      </c>
      <c r="O2307">
        <v>1878073</v>
      </c>
      <c r="P2307">
        <v>1</v>
      </c>
      <c r="Q2307">
        <v>1</v>
      </c>
      <c r="R2307" t="s">
        <v>12006</v>
      </c>
      <c r="S2307">
        <v>4254</v>
      </c>
    </row>
    <row r="2308" spans="1:19" x14ac:dyDescent="0.25">
      <c r="A2308">
        <v>24178368</v>
      </c>
      <c r="B2308" t="s">
        <v>12007</v>
      </c>
      <c r="C2308" s="1" t="s">
        <v>12008</v>
      </c>
      <c r="D2308">
        <v>24178503</v>
      </c>
      <c r="E2308">
        <v>2</v>
      </c>
      <c r="F2308">
        <v>3</v>
      </c>
      <c r="H2308" t="s">
        <v>12009</v>
      </c>
      <c r="J2308" t="s">
        <v>12010</v>
      </c>
      <c r="O2308">
        <v>3716388</v>
      </c>
      <c r="P2308">
        <v>1</v>
      </c>
      <c r="Q2308">
        <v>0</v>
      </c>
      <c r="R2308" t="s">
        <v>12011</v>
      </c>
      <c r="S2308">
        <v>179</v>
      </c>
    </row>
    <row r="2309" spans="1:19" x14ac:dyDescent="0.25">
      <c r="A2309">
        <v>15270883</v>
      </c>
      <c r="B2309" t="s">
        <v>12012</v>
      </c>
      <c r="C2309" s="1" t="s">
        <v>12013</v>
      </c>
      <c r="D2309">
        <v>15271025</v>
      </c>
      <c r="E2309">
        <v>1</v>
      </c>
      <c r="F2309">
        <v>0</v>
      </c>
      <c r="H2309" t="s">
        <v>12014</v>
      </c>
      <c r="I2309">
        <v>1</v>
      </c>
      <c r="J2309" t="s">
        <v>12015</v>
      </c>
      <c r="K2309" t="s">
        <v>12015</v>
      </c>
      <c r="M2309">
        <v>697819</v>
      </c>
      <c r="O2309">
        <v>421018</v>
      </c>
      <c r="P2309">
        <v>1</v>
      </c>
      <c r="Q2309">
        <v>5</v>
      </c>
      <c r="R2309" t="s">
        <v>12016</v>
      </c>
      <c r="S2309">
        <v>3399</v>
      </c>
    </row>
    <row r="2310" spans="1:19" x14ac:dyDescent="0.25">
      <c r="A2310">
        <v>36405947</v>
      </c>
      <c r="B2310" t="s">
        <v>12017</v>
      </c>
      <c r="C2310" s="1" t="s">
        <v>12018</v>
      </c>
      <c r="D2310">
        <v>36405979</v>
      </c>
      <c r="E2310">
        <v>1</v>
      </c>
      <c r="F2310">
        <v>3</v>
      </c>
      <c r="H2310" t="s">
        <v>12019</v>
      </c>
      <c r="J2310" t="s">
        <v>12020</v>
      </c>
      <c r="K2310" t="s">
        <v>12021</v>
      </c>
      <c r="M2310">
        <v>2149718</v>
      </c>
      <c r="O2310">
        <v>6156601</v>
      </c>
      <c r="P2310">
        <v>1</v>
      </c>
      <c r="Q2310">
        <v>3</v>
      </c>
      <c r="R2310" t="s">
        <v>1359</v>
      </c>
      <c r="S2310">
        <v>597</v>
      </c>
    </row>
    <row r="2311" spans="1:19" x14ac:dyDescent="0.25">
      <c r="A2311">
        <v>44376864</v>
      </c>
      <c r="B2311" t="s">
        <v>12022</v>
      </c>
      <c r="C2311" s="1" t="s">
        <v>12023</v>
      </c>
      <c r="E2311">
        <v>1</v>
      </c>
      <c r="F2311">
        <v>1</v>
      </c>
      <c r="H2311" t="s">
        <v>12024</v>
      </c>
      <c r="J2311" t="s">
        <v>12025</v>
      </c>
      <c r="O2311">
        <v>384511</v>
      </c>
      <c r="P2311">
        <v>1</v>
      </c>
      <c r="Q2311">
        <v>-2</v>
      </c>
      <c r="R2311" t="s">
        <v>12026</v>
      </c>
      <c r="S2311">
        <v>33</v>
      </c>
    </row>
    <row r="2312" spans="1:19" x14ac:dyDescent="0.25">
      <c r="A2312">
        <v>34690713</v>
      </c>
      <c r="B2312" t="s">
        <v>12027</v>
      </c>
      <c r="C2312" s="1" t="s">
        <v>12028</v>
      </c>
      <c r="D2312">
        <v>34690829</v>
      </c>
      <c r="E2312">
        <v>5</v>
      </c>
      <c r="F2312">
        <v>4</v>
      </c>
      <c r="H2312" t="s">
        <v>12029</v>
      </c>
      <c r="J2312" t="s">
        <v>12030</v>
      </c>
      <c r="K2312" t="s">
        <v>12030</v>
      </c>
      <c r="M2312">
        <v>259032</v>
      </c>
      <c r="O2312">
        <v>259032</v>
      </c>
      <c r="P2312">
        <v>1</v>
      </c>
      <c r="Q2312">
        <v>0</v>
      </c>
      <c r="R2312" t="s">
        <v>12031</v>
      </c>
      <c r="S2312">
        <v>83</v>
      </c>
    </row>
    <row r="2313" spans="1:19" x14ac:dyDescent="0.25">
      <c r="A2313">
        <v>1456514</v>
      </c>
      <c r="B2313" t="s">
        <v>12032</v>
      </c>
      <c r="C2313" s="1" t="s">
        <v>12033</v>
      </c>
      <c r="D2313">
        <v>1456541</v>
      </c>
      <c r="E2313">
        <v>2</v>
      </c>
      <c r="F2313">
        <v>0</v>
      </c>
      <c r="H2313" t="s">
        <v>12034</v>
      </c>
      <c r="J2313" t="s">
        <v>12035</v>
      </c>
      <c r="O2313">
        <v>25068</v>
      </c>
      <c r="P2313">
        <v>1</v>
      </c>
      <c r="Q2313">
        <v>1</v>
      </c>
      <c r="R2313" t="s">
        <v>12036</v>
      </c>
      <c r="S2313">
        <v>817</v>
      </c>
    </row>
    <row r="2314" spans="1:19" x14ac:dyDescent="0.25">
      <c r="A2314">
        <v>8452252</v>
      </c>
      <c r="B2314" t="s">
        <v>12037</v>
      </c>
      <c r="C2314" s="1" t="s">
        <v>12038</v>
      </c>
      <c r="D2314">
        <v>9319251</v>
      </c>
      <c r="E2314">
        <v>1</v>
      </c>
      <c r="F2314">
        <v>0</v>
      </c>
      <c r="H2314" t="s">
        <v>12039</v>
      </c>
      <c r="I2314">
        <v>2</v>
      </c>
      <c r="J2314" t="s">
        <v>12040</v>
      </c>
      <c r="O2314">
        <v>356224</v>
      </c>
      <c r="P2314">
        <v>1</v>
      </c>
      <c r="Q2314">
        <v>4</v>
      </c>
      <c r="R2314" t="s">
        <v>12041</v>
      </c>
      <c r="S2314">
        <v>2050</v>
      </c>
    </row>
    <row r="2315" spans="1:19" x14ac:dyDescent="0.25">
      <c r="A2315">
        <v>52330094</v>
      </c>
      <c r="B2315" t="s">
        <v>12042</v>
      </c>
      <c r="C2315" s="1" t="s">
        <v>12043</v>
      </c>
      <c r="E2315">
        <v>0</v>
      </c>
      <c r="F2315">
        <v>0</v>
      </c>
      <c r="H2315" t="s">
        <v>12044</v>
      </c>
      <c r="J2315" t="s">
        <v>12044</v>
      </c>
      <c r="O2315">
        <v>6062109</v>
      </c>
      <c r="P2315">
        <v>1</v>
      </c>
      <c r="Q2315">
        <v>0</v>
      </c>
      <c r="R2315" t="s">
        <v>12045</v>
      </c>
      <c r="S2315">
        <v>43</v>
      </c>
    </row>
    <row r="2316" spans="1:19" x14ac:dyDescent="0.25">
      <c r="A2316">
        <v>50527158</v>
      </c>
      <c r="B2316" t="s">
        <v>12046</v>
      </c>
      <c r="C2316" s="1" t="s">
        <v>12047</v>
      </c>
      <c r="E2316">
        <v>0</v>
      </c>
      <c r="F2316">
        <v>2</v>
      </c>
      <c r="H2316" t="s">
        <v>12048</v>
      </c>
      <c r="J2316" t="s">
        <v>12049</v>
      </c>
      <c r="K2316" t="s">
        <v>12049</v>
      </c>
      <c r="M2316">
        <v>972647</v>
      </c>
      <c r="O2316">
        <v>972647</v>
      </c>
      <c r="P2316">
        <v>1</v>
      </c>
      <c r="Q2316">
        <v>0</v>
      </c>
      <c r="R2316" t="s">
        <v>12050</v>
      </c>
      <c r="S2316">
        <v>140</v>
      </c>
    </row>
    <row r="2317" spans="1:19" x14ac:dyDescent="0.25">
      <c r="A2317">
        <v>13776520</v>
      </c>
      <c r="B2317" t="s">
        <v>12051</v>
      </c>
      <c r="C2317" s="1" t="s">
        <v>12052</v>
      </c>
      <c r="D2317">
        <v>13776533</v>
      </c>
      <c r="E2317">
        <v>2</v>
      </c>
      <c r="F2317">
        <v>0</v>
      </c>
      <c r="H2317" t="s">
        <v>12053</v>
      </c>
      <c r="I2317">
        <v>1</v>
      </c>
      <c r="J2317" t="s">
        <v>12054</v>
      </c>
      <c r="O2317">
        <v>1845500</v>
      </c>
      <c r="P2317">
        <v>1</v>
      </c>
      <c r="Q2317">
        <v>2</v>
      </c>
      <c r="R2317" t="s">
        <v>93</v>
      </c>
      <c r="S2317">
        <v>774</v>
      </c>
    </row>
    <row r="2318" spans="1:19" x14ac:dyDescent="0.25">
      <c r="A2318">
        <v>12799968</v>
      </c>
      <c r="B2318" t="s">
        <v>12055</v>
      </c>
      <c r="C2318" s="1" t="s">
        <v>12056</v>
      </c>
      <c r="D2318">
        <v>12800005</v>
      </c>
      <c r="E2318">
        <v>1</v>
      </c>
      <c r="F2318">
        <v>1</v>
      </c>
      <c r="H2318" t="s">
        <v>12057</v>
      </c>
      <c r="J2318" t="s">
        <v>12058</v>
      </c>
      <c r="K2318" t="s">
        <v>12058</v>
      </c>
      <c r="M2318">
        <v>18061</v>
      </c>
      <c r="O2318">
        <v>1729070</v>
      </c>
      <c r="P2318">
        <v>1</v>
      </c>
      <c r="Q2318">
        <v>1</v>
      </c>
      <c r="R2318" t="s">
        <v>8052</v>
      </c>
      <c r="S2318">
        <v>103</v>
      </c>
    </row>
    <row r="2319" spans="1:19" x14ac:dyDescent="0.25">
      <c r="A2319">
        <v>38743107</v>
      </c>
      <c r="B2319" t="s">
        <v>12059</v>
      </c>
      <c r="C2319" s="1" t="s">
        <v>12060</v>
      </c>
      <c r="E2319">
        <v>1</v>
      </c>
      <c r="F2319">
        <v>4</v>
      </c>
      <c r="H2319" t="s">
        <v>12061</v>
      </c>
      <c r="J2319" t="s">
        <v>12062</v>
      </c>
      <c r="K2319" t="s">
        <v>12063</v>
      </c>
      <c r="M2319">
        <v>3487310</v>
      </c>
      <c r="O2319">
        <v>6449004</v>
      </c>
      <c r="P2319">
        <v>1</v>
      </c>
      <c r="Q2319">
        <v>3</v>
      </c>
      <c r="R2319" t="s">
        <v>12064</v>
      </c>
      <c r="S2319">
        <v>1260</v>
      </c>
    </row>
    <row r="2320" spans="1:19" x14ac:dyDescent="0.25">
      <c r="A2320">
        <v>24584302</v>
      </c>
      <c r="B2320" t="s">
        <v>12065</v>
      </c>
      <c r="C2320" s="1" t="s">
        <v>12066</v>
      </c>
      <c r="E2320">
        <v>1</v>
      </c>
      <c r="F2320">
        <v>0</v>
      </c>
      <c r="H2320" t="s">
        <v>12067</v>
      </c>
      <c r="I2320">
        <v>1</v>
      </c>
      <c r="J2320" t="s">
        <v>12068</v>
      </c>
      <c r="O2320">
        <v>3792852</v>
      </c>
      <c r="P2320">
        <v>1</v>
      </c>
      <c r="Q2320">
        <v>2</v>
      </c>
      <c r="R2320" t="s">
        <v>12069</v>
      </c>
      <c r="S2320">
        <v>29</v>
      </c>
    </row>
    <row r="2321" spans="1:19" x14ac:dyDescent="0.25">
      <c r="A2321">
        <v>49405054</v>
      </c>
      <c r="B2321" t="s">
        <v>12070</v>
      </c>
      <c r="C2321" s="1" t="s">
        <v>12071</v>
      </c>
      <c r="E2321">
        <v>0</v>
      </c>
      <c r="F2321">
        <v>0</v>
      </c>
      <c r="H2321" t="s">
        <v>12072</v>
      </c>
      <c r="J2321" t="s">
        <v>12072</v>
      </c>
      <c r="O2321">
        <v>4563540</v>
      </c>
      <c r="P2321">
        <v>1</v>
      </c>
      <c r="Q2321">
        <v>1</v>
      </c>
      <c r="R2321" t="s">
        <v>12073</v>
      </c>
      <c r="S2321">
        <v>23</v>
      </c>
    </row>
    <row r="2322" spans="1:19" x14ac:dyDescent="0.25">
      <c r="A2322">
        <v>13516267</v>
      </c>
      <c r="B2322" t="s">
        <v>12074</v>
      </c>
      <c r="C2322" s="1" t="s">
        <v>12075</v>
      </c>
      <c r="E2322">
        <v>2</v>
      </c>
      <c r="F2322">
        <v>0</v>
      </c>
      <c r="H2322" t="s">
        <v>12076</v>
      </c>
      <c r="I2322">
        <v>3</v>
      </c>
      <c r="J2322" t="s">
        <v>12077</v>
      </c>
      <c r="K2322" t="s">
        <v>12077</v>
      </c>
      <c r="M2322">
        <v>5090771</v>
      </c>
      <c r="O2322">
        <v>684286</v>
      </c>
      <c r="P2322">
        <v>1</v>
      </c>
      <c r="Q2322">
        <v>14</v>
      </c>
      <c r="R2322" t="s">
        <v>12078</v>
      </c>
      <c r="S2322">
        <v>3209</v>
      </c>
    </row>
    <row r="2323" spans="1:19" x14ac:dyDescent="0.25">
      <c r="A2323">
        <v>17139662</v>
      </c>
      <c r="B2323" t="s">
        <v>12079</v>
      </c>
      <c r="C2323" s="1" t="s">
        <v>12080</v>
      </c>
      <c r="E2323">
        <v>0</v>
      </c>
      <c r="F2323">
        <v>5</v>
      </c>
      <c r="H2323" t="s">
        <v>12081</v>
      </c>
      <c r="J2323" t="s">
        <v>12081</v>
      </c>
      <c r="O2323">
        <v>2491842</v>
      </c>
      <c r="P2323">
        <v>1</v>
      </c>
      <c r="Q2323">
        <v>1</v>
      </c>
      <c r="R2323" t="s">
        <v>12082</v>
      </c>
      <c r="S2323">
        <v>202</v>
      </c>
    </row>
    <row r="2324" spans="1:19" x14ac:dyDescent="0.25">
      <c r="A2324">
        <v>12193916</v>
      </c>
      <c r="B2324" t="s">
        <v>12083</v>
      </c>
      <c r="C2324" s="1" t="s">
        <v>12084</v>
      </c>
      <c r="D2324">
        <v>12194072</v>
      </c>
      <c r="E2324">
        <v>3</v>
      </c>
      <c r="F2324">
        <v>0</v>
      </c>
      <c r="H2324" t="s">
        <v>12085</v>
      </c>
      <c r="I2324">
        <v>7</v>
      </c>
      <c r="J2324" t="s">
        <v>12086</v>
      </c>
      <c r="K2324" t="s">
        <v>12087</v>
      </c>
      <c r="M2324">
        <v>-1</v>
      </c>
      <c r="O2324">
        <v>79485</v>
      </c>
      <c r="P2324">
        <v>1</v>
      </c>
      <c r="Q2324">
        <v>27</v>
      </c>
      <c r="R2324" t="s">
        <v>12088</v>
      </c>
      <c r="S2324">
        <v>11489</v>
      </c>
    </row>
    <row r="2325" spans="1:19" x14ac:dyDescent="0.25">
      <c r="A2325">
        <v>27025308</v>
      </c>
      <c r="B2325" t="s">
        <v>12089</v>
      </c>
      <c r="C2325" s="1" t="s">
        <v>12090</v>
      </c>
      <c r="E2325">
        <v>1</v>
      </c>
      <c r="F2325">
        <v>0</v>
      </c>
      <c r="H2325" t="s">
        <v>12091</v>
      </c>
      <c r="J2325" t="s">
        <v>12092</v>
      </c>
      <c r="O2325">
        <v>1603382</v>
      </c>
      <c r="P2325">
        <v>1</v>
      </c>
      <c r="Q2325">
        <v>0</v>
      </c>
      <c r="R2325" t="s">
        <v>12093</v>
      </c>
      <c r="S2325">
        <v>455</v>
      </c>
    </row>
    <row r="2326" spans="1:19" x14ac:dyDescent="0.25">
      <c r="A2326">
        <v>33498939</v>
      </c>
      <c r="B2326" t="s">
        <v>12094</v>
      </c>
      <c r="C2326" s="1" t="s">
        <v>12095</v>
      </c>
      <c r="E2326">
        <v>1</v>
      </c>
      <c r="F2326">
        <v>0</v>
      </c>
      <c r="H2326" t="s">
        <v>12096</v>
      </c>
      <c r="J2326" t="s">
        <v>12097</v>
      </c>
      <c r="O2326">
        <v>2491685</v>
      </c>
      <c r="P2326">
        <v>1</v>
      </c>
      <c r="Q2326">
        <v>1</v>
      </c>
      <c r="R2326" t="s">
        <v>12098</v>
      </c>
      <c r="S2326">
        <v>113</v>
      </c>
    </row>
    <row r="2327" spans="1:19" x14ac:dyDescent="0.25">
      <c r="A2327">
        <v>1119897</v>
      </c>
      <c r="B2327" t="s">
        <v>12099</v>
      </c>
      <c r="C2327" s="1" t="s">
        <v>12100</v>
      </c>
      <c r="E2327">
        <v>1</v>
      </c>
      <c r="F2327">
        <v>0</v>
      </c>
      <c r="H2327" t="s">
        <v>12101</v>
      </c>
      <c r="J2327" t="s">
        <v>12102</v>
      </c>
      <c r="K2327" t="s">
        <v>12103</v>
      </c>
      <c r="M2327">
        <v>28045</v>
      </c>
      <c r="O2327">
        <v>28045</v>
      </c>
      <c r="P2327">
        <v>1</v>
      </c>
      <c r="Q2327">
        <v>0</v>
      </c>
      <c r="R2327" t="s">
        <v>12104</v>
      </c>
      <c r="S2327">
        <v>196</v>
      </c>
    </row>
    <row r="2328" spans="1:19" x14ac:dyDescent="0.25">
      <c r="A2328">
        <v>7144915</v>
      </c>
      <c r="B2328" t="s">
        <v>12105</v>
      </c>
      <c r="C2328" s="1" t="s">
        <v>12106</v>
      </c>
      <c r="D2328">
        <v>7145024</v>
      </c>
      <c r="E2328">
        <v>2</v>
      </c>
      <c r="F2328">
        <v>2</v>
      </c>
      <c r="H2328" t="s">
        <v>12107</v>
      </c>
      <c r="I2328">
        <v>3</v>
      </c>
      <c r="J2328" t="s">
        <v>12108</v>
      </c>
      <c r="K2328" t="s">
        <v>12109</v>
      </c>
      <c r="M2328">
        <v>58074</v>
      </c>
      <c r="O2328">
        <v>189849</v>
      </c>
      <c r="P2328">
        <v>1</v>
      </c>
      <c r="Q2328">
        <v>8</v>
      </c>
      <c r="R2328" t="s">
        <v>12110</v>
      </c>
      <c r="S2328">
        <v>7700</v>
      </c>
    </row>
    <row r="2329" spans="1:19" x14ac:dyDescent="0.25">
      <c r="A2329">
        <v>49447457</v>
      </c>
      <c r="B2329" t="s">
        <v>12111</v>
      </c>
      <c r="C2329" s="1" t="s">
        <v>12112</v>
      </c>
      <c r="E2329">
        <v>1</v>
      </c>
      <c r="F2329">
        <v>0</v>
      </c>
      <c r="H2329" t="s">
        <v>12113</v>
      </c>
      <c r="J2329" t="s">
        <v>12114</v>
      </c>
      <c r="O2329">
        <v>1511574</v>
      </c>
      <c r="P2329">
        <v>1</v>
      </c>
      <c r="Q2329">
        <v>1</v>
      </c>
      <c r="R2329" t="s">
        <v>12115</v>
      </c>
      <c r="S2329">
        <v>35</v>
      </c>
    </row>
    <row r="2330" spans="1:19" x14ac:dyDescent="0.25">
      <c r="A2330">
        <v>52616221</v>
      </c>
      <c r="B2330" t="s">
        <v>12116</v>
      </c>
      <c r="C2330" s="1" t="s">
        <v>12117</v>
      </c>
      <c r="D2330">
        <v>53551572</v>
      </c>
      <c r="E2330">
        <v>2</v>
      </c>
      <c r="F2330">
        <v>4</v>
      </c>
      <c r="H2330" t="s">
        <v>12118</v>
      </c>
      <c r="J2330" t="s">
        <v>12119</v>
      </c>
      <c r="O2330">
        <v>8928481</v>
      </c>
      <c r="P2330">
        <v>1</v>
      </c>
      <c r="Q2330">
        <v>-1</v>
      </c>
      <c r="R2330" t="s">
        <v>12120</v>
      </c>
      <c r="S2330">
        <v>101</v>
      </c>
    </row>
    <row r="2331" spans="1:19" x14ac:dyDescent="0.25">
      <c r="A2331">
        <v>37324908</v>
      </c>
      <c r="B2331" t="s">
        <v>12121</v>
      </c>
      <c r="C2331" s="1" t="s">
        <v>12122</v>
      </c>
      <c r="E2331">
        <v>1</v>
      </c>
      <c r="F2331">
        <v>0</v>
      </c>
      <c r="H2331" t="s">
        <v>12123</v>
      </c>
      <c r="J2331" t="s">
        <v>12124</v>
      </c>
      <c r="O2331">
        <v>3232379</v>
      </c>
      <c r="P2331">
        <v>1</v>
      </c>
      <c r="Q2331">
        <v>0</v>
      </c>
      <c r="R2331" t="s">
        <v>12125</v>
      </c>
      <c r="S2331">
        <v>96</v>
      </c>
    </row>
    <row r="2332" spans="1:19" x14ac:dyDescent="0.25">
      <c r="A2332">
        <v>48172151</v>
      </c>
      <c r="B2332" t="s">
        <v>12126</v>
      </c>
      <c r="C2332" s="1" t="s">
        <v>12127</v>
      </c>
      <c r="D2332">
        <v>48189286</v>
      </c>
      <c r="E2332">
        <v>2</v>
      </c>
      <c r="F2332">
        <v>0</v>
      </c>
      <c r="H2332" t="s">
        <v>12128</v>
      </c>
      <c r="J2332" t="s">
        <v>12129</v>
      </c>
      <c r="K2332" t="s">
        <v>12130</v>
      </c>
      <c r="M2332">
        <v>9194056</v>
      </c>
      <c r="O2332">
        <v>9194056</v>
      </c>
      <c r="P2332">
        <v>1</v>
      </c>
      <c r="Q2332">
        <v>1</v>
      </c>
      <c r="R2332" t="s">
        <v>12131</v>
      </c>
      <c r="S2332">
        <v>626</v>
      </c>
    </row>
    <row r="2333" spans="1:19" x14ac:dyDescent="0.25">
      <c r="A2333">
        <v>44956368</v>
      </c>
      <c r="B2333" t="s">
        <v>12132</v>
      </c>
      <c r="C2333" s="1" t="s">
        <v>12133</v>
      </c>
      <c r="D2333">
        <v>44956459</v>
      </c>
      <c r="E2333">
        <v>1</v>
      </c>
      <c r="F2333">
        <v>2</v>
      </c>
      <c r="H2333" t="s">
        <v>12134</v>
      </c>
      <c r="J2333" t="s">
        <v>12135</v>
      </c>
      <c r="K2333" t="s">
        <v>12135</v>
      </c>
      <c r="M2333">
        <v>6297162</v>
      </c>
      <c r="O2333">
        <v>6297162</v>
      </c>
      <c r="P2333">
        <v>1</v>
      </c>
      <c r="Q2333">
        <v>3</v>
      </c>
      <c r="R2333" t="s">
        <v>12136</v>
      </c>
      <c r="S2333">
        <v>73</v>
      </c>
    </row>
    <row r="2334" spans="1:19" x14ac:dyDescent="0.25">
      <c r="A2334">
        <v>28896414</v>
      </c>
      <c r="B2334" t="s">
        <v>12137</v>
      </c>
      <c r="C2334" s="1" t="s">
        <v>12138</v>
      </c>
      <c r="D2334">
        <v>28896481</v>
      </c>
      <c r="E2334">
        <v>1</v>
      </c>
      <c r="F2334">
        <v>0</v>
      </c>
      <c r="H2334" t="s">
        <v>12139</v>
      </c>
      <c r="J2334" t="s">
        <v>12140</v>
      </c>
      <c r="K2334" t="s">
        <v>12140</v>
      </c>
      <c r="M2334">
        <v>505088</v>
      </c>
      <c r="O2334">
        <v>3022925</v>
      </c>
      <c r="P2334">
        <v>1</v>
      </c>
      <c r="Q2334">
        <v>1</v>
      </c>
      <c r="R2334" t="s">
        <v>12141</v>
      </c>
      <c r="S2334">
        <v>148</v>
      </c>
    </row>
    <row r="2335" spans="1:19" x14ac:dyDescent="0.25">
      <c r="A2335">
        <v>46359128</v>
      </c>
      <c r="B2335" t="s">
        <v>12142</v>
      </c>
      <c r="C2335" s="1" t="s">
        <v>12143</v>
      </c>
      <c r="D2335">
        <v>46373864</v>
      </c>
      <c r="E2335">
        <v>1</v>
      </c>
      <c r="F2335">
        <v>0</v>
      </c>
      <c r="H2335" t="s">
        <v>12144</v>
      </c>
      <c r="J2335" t="s">
        <v>12145</v>
      </c>
      <c r="K2335" t="s">
        <v>12146</v>
      </c>
      <c r="M2335">
        <v>3612643</v>
      </c>
      <c r="O2335">
        <v>3612643</v>
      </c>
      <c r="P2335">
        <v>1</v>
      </c>
      <c r="Q2335">
        <v>2</v>
      </c>
      <c r="R2335" t="s">
        <v>12147</v>
      </c>
      <c r="S2335">
        <v>210</v>
      </c>
    </row>
    <row r="2336" spans="1:19" x14ac:dyDescent="0.25">
      <c r="A2336">
        <v>48220366</v>
      </c>
      <c r="B2336" t="s">
        <v>12148</v>
      </c>
      <c r="C2336" s="1" t="s">
        <v>12149</v>
      </c>
      <c r="E2336">
        <v>0</v>
      </c>
      <c r="F2336">
        <v>0</v>
      </c>
      <c r="H2336" t="s">
        <v>12150</v>
      </c>
      <c r="J2336" t="s">
        <v>12150</v>
      </c>
      <c r="O2336">
        <v>7357126</v>
      </c>
      <c r="P2336">
        <v>1</v>
      </c>
      <c r="Q2336">
        <v>0</v>
      </c>
      <c r="R2336" t="s">
        <v>12151</v>
      </c>
      <c r="S2336">
        <v>141</v>
      </c>
    </row>
    <row r="2337" spans="1:19" x14ac:dyDescent="0.25">
      <c r="A2337">
        <v>47485689</v>
      </c>
      <c r="B2337" t="s">
        <v>12152</v>
      </c>
      <c r="C2337" s="1" t="s">
        <v>12153</v>
      </c>
      <c r="D2337">
        <v>47485780</v>
      </c>
      <c r="E2337">
        <v>1</v>
      </c>
      <c r="F2337">
        <v>1</v>
      </c>
      <c r="H2337" t="s">
        <v>12154</v>
      </c>
      <c r="J2337" t="s">
        <v>12155</v>
      </c>
      <c r="N2337" t="s">
        <v>12156</v>
      </c>
      <c r="P2337">
        <v>1</v>
      </c>
      <c r="Q2337">
        <v>0</v>
      </c>
      <c r="R2337" t="s">
        <v>8078</v>
      </c>
      <c r="S2337">
        <v>474</v>
      </c>
    </row>
    <row r="2338" spans="1:19" x14ac:dyDescent="0.25">
      <c r="A2338">
        <v>39997731</v>
      </c>
      <c r="B2338" t="s">
        <v>12157</v>
      </c>
      <c r="C2338" s="1" t="s">
        <v>12158</v>
      </c>
      <c r="D2338">
        <v>39997793</v>
      </c>
      <c r="E2338">
        <v>1</v>
      </c>
      <c r="F2338">
        <v>2</v>
      </c>
      <c r="H2338" t="s">
        <v>12159</v>
      </c>
      <c r="J2338" t="s">
        <v>12160</v>
      </c>
      <c r="K2338" t="s">
        <v>12161</v>
      </c>
      <c r="M2338">
        <v>1208908</v>
      </c>
      <c r="O2338">
        <v>1208908</v>
      </c>
      <c r="P2338">
        <v>1</v>
      </c>
      <c r="Q2338">
        <v>0</v>
      </c>
      <c r="R2338" t="s">
        <v>12162</v>
      </c>
      <c r="S2338">
        <v>451</v>
      </c>
    </row>
    <row r="2339" spans="1:19" x14ac:dyDescent="0.25">
      <c r="A2339">
        <v>36857603</v>
      </c>
      <c r="B2339" t="s">
        <v>12163</v>
      </c>
      <c r="C2339" s="1" t="s">
        <v>12164</v>
      </c>
      <c r="E2339">
        <v>0</v>
      </c>
      <c r="F2339">
        <v>2</v>
      </c>
      <c r="H2339" t="s">
        <v>12165</v>
      </c>
      <c r="J2339" t="s">
        <v>12166</v>
      </c>
      <c r="K2339" t="s">
        <v>12166</v>
      </c>
      <c r="M2339">
        <v>5912692</v>
      </c>
      <c r="O2339">
        <v>5912692</v>
      </c>
      <c r="P2339">
        <v>1</v>
      </c>
      <c r="Q2339">
        <v>0</v>
      </c>
      <c r="R2339" t="s">
        <v>12167</v>
      </c>
      <c r="S2339">
        <v>35</v>
      </c>
    </row>
    <row r="2340" spans="1:19" x14ac:dyDescent="0.25">
      <c r="A2340">
        <v>17335291</v>
      </c>
      <c r="B2340" t="s">
        <v>12168</v>
      </c>
      <c r="C2340" s="1" t="s">
        <v>12169</v>
      </c>
      <c r="E2340">
        <v>1</v>
      </c>
      <c r="F2340">
        <v>0</v>
      </c>
      <c r="H2340" t="s">
        <v>12170</v>
      </c>
      <c r="J2340" t="s">
        <v>12171</v>
      </c>
      <c r="O2340">
        <v>2526707</v>
      </c>
      <c r="P2340">
        <v>1</v>
      </c>
      <c r="Q2340">
        <v>0</v>
      </c>
      <c r="R2340" t="s">
        <v>12172</v>
      </c>
      <c r="S2340">
        <v>188</v>
      </c>
    </row>
    <row r="2341" spans="1:19" x14ac:dyDescent="0.25">
      <c r="A2341">
        <v>48853652</v>
      </c>
      <c r="B2341" t="s">
        <v>12173</v>
      </c>
      <c r="C2341" s="1" t="s">
        <v>12174</v>
      </c>
      <c r="E2341">
        <v>0</v>
      </c>
      <c r="F2341">
        <v>3</v>
      </c>
      <c r="H2341" t="s">
        <v>12175</v>
      </c>
      <c r="J2341" t="s">
        <v>12175</v>
      </c>
      <c r="O2341">
        <v>6867385</v>
      </c>
      <c r="P2341">
        <v>1</v>
      </c>
      <c r="Q2341">
        <v>1</v>
      </c>
      <c r="R2341" t="s">
        <v>12176</v>
      </c>
      <c r="S2341">
        <v>134</v>
      </c>
    </row>
    <row r="2342" spans="1:19" x14ac:dyDescent="0.25">
      <c r="A2342">
        <v>35968261</v>
      </c>
      <c r="B2342" t="s">
        <v>12177</v>
      </c>
      <c r="C2342" s="1" t="s">
        <v>12178</v>
      </c>
      <c r="D2342">
        <v>35969960</v>
      </c>
      <c r="E2342">
        <v>1</v>
      </c>
      <c r="F2342">
        <v>3</v>
      </c>
      <c r="H2342" t="s">
        <v>12179</v>
      </c>
      <c r="J2342" t="s">
        <v>12180</v>
      </c>
      <c r="K2342" t="s">
        <v>12181</v>
      </c>
      <c r="M2342">
        <v>5946384</v>
      </c>
      <c r="O2342">
        <v>5946384</v>
      </c>
      <c r="P2342">
        <v>1</v>
      </c>
      <c r="Q2342">
        <v>-1</v>
      </c>
      <c r="R2342" t="s">
        <v>12182</v>
      </c>
      <c r="S2342">
        <v>312</v>
      </c>
    </row>
    <row r="2343" spans="1:19" x14ac:dyDescent="0.25">
      <c r="A2343">
        <v>37460418</v>
      </c>
      <c r="B2343" t="s">
        <v>12183</v>
      </c>
      <c r="C2343" t="s">
        <v>12184</v>
      </c>
      <c r="E2343">
        <v>1</v>
      </c>
      <c r="F2343">
        <v>0</v>
      </c>
      <c r="H2343" t="s">
        <v>12185</v>
      </c>
      <c r="J2343" t="s">
        <v>12186</v>
      </c>
      <c r="O2343">
        <v>1618877</v>
      </c>
      <c r="P2343">
        <v>1</v>
      </c>
      <c r="Q2343">
        <v>-2</v>
      </c>
      <c r="R2343" t="s">
        <v>12187</v>
      </c>
      <c r="S2343">
        <v>20</v>
      </c>
    </row>
    <row r="2344" spans="1:19" x14ac:dyDescent="0.25">
      <c r="A2344">
        <v>42696859</v>
      </c>
      <c r="B2344" t="s">
        <v>12188</v>
      </c>
      <c r="C2344" s="1" t="s">
        <v>12189</v>
      </c>
      <c r="E2344">
        <v>0</v>
      </c>
      <c r="F2344">
        <v>24</v>
      </c>
      <c r="H2344" t="s">
        <v>12190</v>
      </c>
      <c r="J2344" t="s">
        <v>12190</v>
      </c>
      <c r="O2344">
        <v>7306249</v>
      </c>
      <c r="P2344">
        <v>1</v>
      </c>
      <c r="Q2344">
        <v>0</v>
      </c>
      <c r="R2344" t="s">
        <v>12191</v>
      </c>
      <c r="S2344">
        <v>16</v>
      </c>
    </row>
    <row r="2345" spans="1:19" x14ac:dyDescent="0.25">
      <c r="A2345">
        <v>1836303</v>
      </c>
      <c r="B2345" t="s">
        <v>12192</v>
      </c>
      <c r="C2345" s="1" t="s">
        <v>12193</v>
      </c>
      <c r="D2345">
        <v>1836348</v>
      </c>
      <c r="E2345">
        <v>7</v>
      </c>
      <c r="F2345">
        <v>0</v>
      </c>
      <c r="H2345" t="s">
        <v>12194</v>
      </c>
      <c r="J2345" t="s">
        <v>12195</v>
      </c>
      <c r="K2345" t="s">
        <v>12195</v>
      </c>
      <c r="M2345">
        <v>223309</v>
      </c>
      <c r="O2345">
        <v>223309</v>
      </c>
      <c r="P2345">
        <v>1</v>
      </c>
      <c r="Q2345">
        <v>1</v>
      </c>
      <c r="R2345" t="s">
        <v>1446</v>
      </c>
      <c r="S2345">
        <v>105</v>
      </c>
    </row>
    <row r="2346" spans="1:19" x14ac:dyDescent="0.25">
      <c r="A2346">
        <v>23595261</v>
      </c>
      <c r="B2346" t="s">
        <v>12196</v>
      </c>
      <c r="C2346" s="1" t="s">
        <v>12197</v>
      </c>
      <c r="E2346">
        <v>1</v>
      </c>
      <c r="F2346">
        <v>4</v>
      </c>
      <c r="H2346" t="s">
        <v>12198</v>
      </c>
      <c r="I2346">
        <v>1</v>
      </c>
      <c r="J2346" t="s">
        <v>12199</v>
      </c>
      <c r="O2346">
        <v>3624301</v>
      </c>
      <c r="P2346">
        <v>1</v>
      </c>
      <c r="Q2346">
        <v>0</v>
      </c>
      <c r="R2346" t="s">
        <v>12200</v>
      </c>
      <c r="S2346">
        <v>401</v>
      </c>
    </row>
    <row r="2347" spans="1:19" x14ac:dyDescent="0.25">
      <c r="A2347">
        <v>37886596</v>
      </c>
      <c r="B2347" t="s">
        <v>12201</v>
      </c>
      <c r="C2347" s="1" t="s">
        <v>12202</v>
      </c>
      <c r="E2347">
        <v>1</v>
      </c>
      <c r="F2347">
        <v>1</v>
      </c>
      <c r="H2347" t="s">
        <v>12203</v>
      </c>
      <c r="J2347" t="s">
        <v>12204</v>
      </c>
      <c r="O2347">
        <v>5410696</v>
      </c>
      <c r="P2347">
        <v>1</v>
      </c>
      <c r="Q2347">
        <v>0</v>
      </c>
      <c r="R2347" t="s">
        <v>12205</v>
      </c>
      <c r="S2347">
        <v>412</v>
      </c>
    </row>
    <row r="2348" spans="1:19" x14ac:dyDescent="0.25">
      <c r="A2348">
        <v>12584243</v>
      </c>
      <c r="B2348" t="s">
        <v>12206</v>
      </c>
      <c r="C2348" s="1" t="s">
        <v>12207</v>
      </c>
      <c r="D2348">
        <v>12584414</v>
      </c>
      <c r="E2348">
        <v>2</v>
      </c>
      <c r="F2348">
        <v>1</v>
      </c>
      <c r="H2348" t="s">
        <v>12208</v>
      </c>
      <c r="I2348">
        <v>2</v>
      </c>
      <c r="J2348" t="s">
        <v>12209</v>
      </c>
      <c r="O2348">
        <v>32490</v>
      </c>
      <c r="P2348">
        <v>1</v>
      </c>
      <c r="Q2348">
        <v>14</v>
      </c>
      <c r="R2348" t="s">
        <v>12210</v>
      </c>
      <c r="S2348">
        <v>17599</v>
      </c>
    </row>
    <row r="2349" spans="1:19" x14ac:dyDescent="0.25">
      <c r="A2349">
        <v>49207545</v>
      </c>
      <c r="B2349" t="s">
        <v>12211</v>
      </c>
      <c r="C2349" s="1" t="s">
        <v>12212</v>
      </c>
      <c r="D2349">
        <v>49212613</v>
      </c>
      <c r="E2349">
        <v>1</v>
      </c>
      <c r="F2349">
        <v>1</v>
      </c>
      <c r="H2349" t="s">
        <v>12213</v>
      </c>
      <c r="J2349" t="s">
        <v>12214</v>
      </c>
      <c r="K2349" t="s">
        <v>12215</v>
      </c>
      <c r="M2349">
        <v>5030189</v>
      </c>
      <c r="O2349">
        <v>5030189</v>
      </c>
      <c r="P2349">
        <v>1</v>
      </c>
      <c r="Q2349">
        <v>0</v>
      </c>
      <c r="R2349" t="s">
        <v>12216</v>
      </c>
      <c r="S2349">
        <v>49</v>
      </c>
    </row>
    <row r="2350" spans="1:19" x14ac:dyDescent="0.25">
      <c r="A2350">
        <v>48155335</v>
      </c>
      <c r="B2350" t="s">
        <v>12217</v>
      </c>
      <c r="C2350" s="1" t="s">
        <v>12218</v>
      </c>
      <c r="E2350">
        <v>0</v>
      </c>
      <c r="F2350">
        <v>1</v>
      </c>
      <c r="H2350" t="s">
        <v>12219</v>
      </c>
      <c r="J2350" t="s">
        <v>12219</v>
      </c>
      <c r="O2350">
        <v>9189157</v>
      </c>
      <c r="P2350">
        <v>1</v>
      </c>
      <c r="Q2350">
        <v>0</v>
      </c>
      <c r="R2350" t="s">
        <v>12220</v>
      </c>
      <c r="S2350">
        <v>10</v>
      </c>
    </row>
    <row r="2351" spans="1:19" x14ac:dyDescent="0.25">
      <c r="A2351">
        <v>21030354</v>
      </c>
      <c r="B2351" t="s">
        <v>12221</v>
      </c>
      <c r="C2351" s="1" t="s">
        <v>12222</v>
      </c>
      <c r="D2351">
        <v>21030403</v>
      </c>
      <c r="E2351">
        <v>2</v>
      </c>
      <c r="F2351">
        <v>0</v>
      </c>
      <c r="H2351" t="s">
        <v>12223</v>
      </c>
      <c r="J2351" t="s">
        <v>12224</v>
      </c>
      <c r="O2351">
        <v>2806880</v>
      </c>
      <c r="P2351">
        <v>1</v>
      </c>
      <c r="Q2351">
        <v>0</v>
      </c>
      <c r="R2351" t="s">
        <v>12225</v>
      </c>
      <c r="S2351">
        <v>107</v>
      </c>
    </row>
    <row r="2352" spans="1:19" x14ac:dyDescent="0.25">
      <c r="A2352">
        <v>11690053</v>
      </c>
      <c r="B2352" t="s">
        <v>12226</v>
      </c>
      <c r="C2352" s="1" t="s">
        <v>12227</v>
      </c>
      <c r="D2352">
        <v>11690125</v>
      </c>
      <c r="E2352">
        <v>4</v>
      </c>
      <c r="F2352">
        <v>4</v>
      </c>
      <c r="H2352" t="s">
        <v>12228</v>
      </c>
      <c r="I2352">
        <v>1</v>
      </c>
      <c r="J2352" t="s">
        <v>12229</v>
      </c>
      <c r="K2352" t="s">
        <v>12230</v>
      </c>
      <c r="M2352">
        <v>-1</v>
      </c>
      <c r="O2352">
        <v>828625</v>
      </c>
      <c r="P2352">
        <v>1</v>
      </c>
      <c r="Q2352">
        <v>3</v>
      </c>
      <c r="R2352" t="s">
        <v>12231</v>
      </c>
      <c r="S2352">
        <v>1678</v>
      </c>
    </row>
    <row r="2353" spans="1:19" x14ac:dyDescent="0.25">
      <c r="A2353">
        <v>32167888</v>
      </c>
      <c r="B2353" t="s">
        <v>12232</v>
      </c>
      <c r="C2353" s="1" t="s">
        <v>12233</v>
      </c>
      <c r="D2353">
        <v>32168025</v>
      </c>
      <c r="E2353">
        <v>2</v>
      </c>
      <c r="F2353">
        <v>0</v>
      </c>
      <c r="H2353" t="s">
        <v>12234</v>
      </c>
      <c r="J2353" t="s">
        <v>12235</v>
      </c>
      <c r="O2353">
        <v>5257407</v>
      </c>
      <c r="P2353">
        <v>1</v>
      </c>
      <c r="Q2353">
        <v>-2</v>
      </c>
      <c r="R2353" t="s">
        <v>12236</v>
      </c>
      <c r="S2353">
        <v>288</v>
      </c>
    </row>
    <row r="2354" spans="1:19" x14ac:dyDescent="0.25">
      <c r="A2354">
        <v>32883573</v>
      </c>
      <c r="B2354" t="s">
        <v>12237</v>
      </c>
      <c r="C2354" s="1" t="s">
        <v>12238</v>
      </c>
      <c r="D2354">
        <v>32884899</v>
      </c>
      <c r="E2354">
        <v>2</v>
      </c>
      <c r="F2354">
        <v>1</v>
      </c>
      <c r="H2354" t="s">
        <v>12239</v>
      </c>
      <c r="J2354" t="s">
        <v>12240</v>
      </c>
      <c r="O2354">
        <v>3475298</v>
      </c>
      <c r="P2354">
        <v>1</v>
      </c>
      <c r="Q2354">
        <v>1</v>
      </c>
      <c r="R2354" t="s">
        <v>2754</v>
      </c>
      <c r="S2354">
        <v>38</v>
      </c>
    </row>
    <row r="2355" spans="1:19" x14ac:dyDescent="0.25">
      <c r="A2355">
        <v>6624984</v>
      </c>
      <c r="B2355" t="s">
        <v>12241</v>
      </c>
      <c r="C2355" s="1" t="s">
        <v>12242</v>
      </c>
      <c r="D2355">
        <v>6625034</v>
      </c>
      <c r="E2355">
        <v>2</v>
      </c>
      <c r="F2355">
        <v>2</v>
      </c>
      <c r="H2355" t="s">
        <v>12243</v>
      </c>
      <c r="J2355" t="s">
        <v>12244</v>
      </c>
      <c r="O2355">
        <v>299138</v>
      </c>
      <c r="P2355">
        <v>1</v>
      </c>
      <c r="Q2355">
        <v>1</v>
      </c>
      <c r="R2355" t="s">
        <v>5746</v>
      </c>
      <c r="S2355">
        <v>9479</v>
      </c>
    </row>
    <row r="2356" spans="1:19" x14ac:dyDescent="0.25">
      <c r="A2356">
        <v>10168837</v>
      </c>
      <c r="B2356" t="s">
        <v>12245</v>
      </c>
      <c r="C2356" s="1" t="s">
        <v>12246</v>
      </c>
      <c r="E2356">
        <v>1</v>
      </c>
      <c r="F2356">
        <v>0</v>
      </c>
      <c r="H2356" t="s">
        <v>12247</v>
      </c>
      <c r="I2356">
        <v>1</v>
      </c>
      <c r="J2356" t="s">
        <v>12248</v>
      </c>
      <c r="K2356" t="s">
        <v>12249</v>
      </c>
      <c r="M2356">
        <v>3043</v>
      </c>
      <c r="O2356">
        <v>757321</v>
      </c>
      <c r="P2356">
        <v>1</v>
      </c>
      <c r="Q2356">
        <v>1</v>
      </c>
      <c r="R2356" t="s">
        <v>12250</v>
      </c>
      <c r="S2356">
        <v>183</v>
      </c>
    </row>
    <row r="2357" spans="1:19" x14ac:dyDescent="0.25">
      <c r="A2357">
        <v>32754906</v>
      </c>
      <c r="B2357" t="s">
        <v>12251</v>
      </c>
      <c r="C2357" s="1" t="s">
        <v>12252</v>
      </c>
      <c r="D2357">
        <v>32755381</v>
      </c>
      <c r="E2357">
        <v>1</v>
      </c>
      <c r="F2357">
        <v>6</v>
      </c>
      <c r="H2357" t="s">
        <v>12253</v>
      </c>
      <c r="J2357" t="s">
        <v>12254</v>
      </c>
      <c r="K2357" t="s">
        <v>12255</v>
      </c>
      <c r="M2357">
        <v>1720248</v>
      </c>
      <c r="O2357">
        <v>1720248</v>
      </c>
      <c r="P2357">
        <v>1</v>
      </c>
      <c r="Q2357">
        <v>0</v>
      </c>
      <c r="R2357" t="s">
        <v>989</v>
      </c>
      <c r="S2357">
        <v>39</v>
      </c>
    </row>
    <row r="2358" spans="1:19" x14ac:dyDescent="0.25">
      <c r="A2358">
        <v>40901079</v>
      </c>
      <c r="B2358" t="s">
        <v>12256</v>
      </c>
      <c r="C2358" s="1" t="s">
        <v>12257</v>
      </c>
      <c r="E2358">
        <v>1</v>
      </c>
      <c r="F2358">
        <v>2</v>
      </c>
      <c r="H2358" t="s">
        <v>12258</v>
      </c>
      <c r="J2358" t="s">
        <v>12259</v>
      </c>
      <c r="K2358" t="s">
        <v>12260</v>
      </c>
      <c r="M2358">
        <v>5637321</v>
      </c>
      <c r="O2358">
        <v>6569773</v>
      </c>
      <c r="P2358">
        <v>1</v>
      </c>
      <c r="Q2358">
        <v>0</v>
      </c>
      <c r="R2358" t="s">
        <v>12261</v>
      </c>
      <c r="S2358">
        <v>135</v>
      </c>
    </row>
    <row r="2359" spans="1:19" x14ac:dyDescent="0.25">
      <c r="A2359">
        <v>48462964</v>
      </c>
      <c r="B2359" t="s">
        <v>12262</v>
      </c>
      <c r="C2359" s="1" t="s">
        <v>12263</v>
      </c>
      <c r="D2359">
        <v>48463433</v>
      </c>
      <c r="E2359">
        <v>1</v>
      </c>
      <c r="F2359">
        <v>0</v>
      </c>
      <c r="H2359" t="s">
        <v>12264</v>
      </c>
      <c r="J2359" t="s">
        <v>12265</v>
      </c>
      <c r="O2359">
        <v>6194021</v>
      </c>
      <c r="P2359">
        <v>1</v>
      </c>
      <c r="Q2359">
        <v>1</v>
      </c>
      <c r="R2359" t="s">
        <v>12266</v>
      </c>
      <c r="S2359">
        <v>294</v>
      </c>
    </row>
    <row r="2360" spans="1:19" x14ac:dyDescent="0.25">
      <c r="A2360">
        <v>33534742</v>
      </c>
      <c r="B2360" t="s">
        <v>12267</v>
      </c>
      <c r="C2360" s="1" t="s">
        <v>12268</v>
      </c>
      <c r="D2360">
        <v>33534777</v>
      </c>
      <c r="E2360">
        <v>1</v>
      </c>
      <c r="F2360">
        <v>1</v>
      </c>
      <c r="H2360" t="s">
        <v>12269</v>
      </c>
      <c r="J2360" t="s">
        <v>12270</v>
      </c>
      <c r="O2360">
        <v>312317</v>
      </c>
      <c r="P2360">
        <v>1</v>
      </c>
      <c r="Q2360">
        <v>1</v>
      </c>
      <c r="R2360" t="s">
        <v>7728</v>
      </c>
      <c r="S2360">
        <v>35</v>
      </c>
    </row>
    <row r="2361" spans="1:19" x14ac:dyDescent="0.25">
      <c r="A2361">
        <v>28023166</v>
      </c>
      <c r="B2361" t="s">
        <v>12271</v>
      </c>
      <c r="C2361" s="1" t="s">
        <v>12272</v>
      </c>
      <c r="D2361">
        <v>28038396</v>
      </c>
      <c r="E2361">
        <v>1</v>
      </c>
      <c r="F2361">
        <v>3</v>
      </c>
      <c r="H2361" t="s">
        <v>12273</v>
      </c>
      <c r="J2361" t="s">
        <v>12274</v>
      </c>
      <c r="O2361">
        <v>1951447</v>
      </c>
      <c r="P2361">
        <v>1</v>
      </c>
      <c r="Q2361">
        <v>0</v>
      </c>
      <c r="R2361" t="s">
        <v>12275</v>
      </c>
      <c r="S2361">
        <v>570</v>
      </c>
    </row>
    <row r="2362" spans="1:19" x14ac:dyDescent="0.25">
      <c r="A2362">
        <v>943929</v>
      </c>
      <c r="B2362" t="s">
        <v>12276</v>
      </c>
      <c r="C2362" s="1" t="s">
        <v>12277</v>
      </c>
      <c r="D2362">
        <v>945790</v>
      </c>
      <c r="E2362">
        <v>2</v>
      </c>
      <c r="F2362">
        <v>0</v>
      </c>
      <c r="H2362" t="s">
        <v>12278</v>
      </c>
      <c r="I2362">
        <v>2</v>
      </c>
      <c r="J2362" t="s">
        <v>12279</v>
      </c>
      <c r="O2362">
        <v>110914</v>
      </c>
      <c r="P2362">
        <v>1</v>
      </c>
      <c r="Q2362">
        <v>2</v>
      </c>
      <c r="R2362" t="s">
        <v>12280</v>
      </c>
      <c r="S2362">
        <v>2263</v>
      </c>
    </row>
    <row r="2363" spans="1:19" x14ac:dyDescent="0.25">
      <c r="A2363">
        <v>32376646</v>
      </c>
      <c r="B2363" t="s">
        <v>12281</v>
      </c>
      <c r="C2363" s="1" t="s">
        <v>12282</v>
      </c>
      <c r="E2363">
        <v>1</v>
      </c>
      <c r="F2363">
        <v>0</v>
      </c>
      <c r="H2363" t="s">
        <v>12283</v>
      </c>
      <c r="J2363" t="s">
        <v>12284</v>
      </c>
      <c r="K2363" t="s">
        <v>12284</v>
      </c>
      <c r="M2363">
        <v>5296861</v>
      </c>
      <c r="O2363">
        <v>5296861</v>
      </c>
      <c r="P2363">
        <v>1</v>
      </c>
      <c r="Q2363">
        <v>0</v>
      </c>
      <c r="R2363" t="s">
        <v>12285</v>
      </c>
      <c r="S2363">
        <v>24</v>
      </c>
    </row>
    <row r="2364" spans="1:19" x14ac:dyDescent="0.25">
      <c r="A2364">
        <v>49606541</v>
      </c>
      <c r="B2364" t="s">
        <v>12286</v>
      </c>
      <c r="C2364" s="1" t="s">
        <v>12287</v>
      </c>
      <c r="E2364">
        <v>0</v>
      </c>
      <c r="F2364">
        <v>1</v>
      </c>
      <c r="H2364" t="s">
        <v>12288</v>
      </c>
      <c r="J2364" t="s">
        <v>12288</v>
      </c>
      <c r="O2364">
        <v>3043457</v>
      </c>
      <c r="P2364">
        <v>1</v>
      </c>
      <c r="Q2364">
        <v>0</v>
      </c>
      <c r="R2364" t="s">
        <v>12289</v>
      </c>
      <c r="S2364">
        <v>30</v>
      </c>
    </row>
    <row r="2365" spans="1:19" x14ac:dyDescent="0.25">
      <c r="A2365">
        <v>51629604</v>
      </c>
      <c r="B2365" t="s">
        <v>12290</v>
      </c>
      <c r="C2365" s="1" t="s">
        <v>12291</v>
      </c>
      <c r="D2365">
        <v>51629772</v>
      </c>
      <c r="E2365">
        <v>1</v>
      </c>
      <c r="F2365">
        <v>0</v>
      </c>
      <c r="H2365" t="s">
        <v>12292</v>
      </c>
      <c r="J2365" t="s">
        <v>12293</v>
      </c>
      <c r="K2365" t="s">
        <v>12294</v>
      </c>
      <c r="M2365">
        <v>4610605</v>
      </c>
      <c r="O2365">
        <v>7358413</v>
      </c>
      <c r="P2365">
        <v>1</v>
      </c>
      <c r="Q2365">
        <v>2</v>
      </c>
      <c r="R2365" t="s">
        <v>12295</v>
      </c>
      <c r="S2365">
        <v>134</v>
      </c>
    </row>
    <row r="2366" spans="1:19" x14ac:dyDescent="0.25">
      <c r="A2366">
        <v>37792041</v>
      </c>
      <c r="B2366" t="s">
        <v>12296</v>
      </c>
      <c r="C2366" s="1" t="s">
        <v>12297</v>
      </c>
      <c r="D2366">
        <v>37793148</v>
      </c>
      <c r="E2366">
        <v>1</v>
      </c>
      <c r="F2366">
        <v>0</v>
      </c>
      <c r="H2366" t="s">
        <v>12298</v>
      </c>
      <c r="I2366">
        <v>0</v>
      </c>
      <c r="J2366" t="s">
        <v>12299</v>
      </c>
      <c r="K2366" t="s">
        <v>12299</v>
      </c>
      <c r="M2366">
        <v>2245528</v>
      </c>
      <c r="O2366">
        <v>6287034</v>
      </c>
      <c r="P2366">
        <v>1</v>
      </c>
      <c r="Q2366">
        <v>1</v>
      </c>
      <c r="R2366" t="s">
        <v>2754</v>
      </c>
      <c r="S2366">
        <v>41</v>
      </c>
    </row>
    <row r="2367" spans="1:19" x14ac:dyDescent="0.25">
      <c r="A2367">
        <v>37947993</v>
      </c>
      <c r="B2367" t="s">
        <v>12300</v>
      </c>
      <c r="C2367" s="1" t="s">
        <v>12301</v>
      </c>
      <c r="D2367">
        <v>37948474</v>
      </c>
      <c r="E2367">
        <v>1</v>
      </c>
      <c r="F2367">
        <v>2</v>
      </c>
      <c r="H2367" t="s">
        <v>12302</v>
      </c>
      <c r="J2367" t="s">
        <v>12303</v>
      </c>
      <c r="O2367">
        <v>6144523</v>
      </c>
      <c r="P2367">
        <v>1</v>
      </c>
      <c r="Q2367">
        <v>1</v>
      </c>
      <c r="R2367" t="s">
        <v>12304</v>
      </c>
      <c r="S2367">
        <v>61</v>
      </c>
    </row>
    <row r="2368" spans="1:19" x14ac:dyDescent="0.25">
      <c r="A2368">
        <v>50970682</v>
      </c>
      <c r="B2368" t="s">
        <v>12305</v>
      </c>
      <c r="C2368" s="1" t="s">
        <v>12306</v>
      </c>
      <c r="E2368">
        <v>1</v>
      </c>
      <c r="F2368">
        <v>10</v>
      </c>
      <c r="H2368" t="s">
        <v>12307</v>
      </c>
      <c r="I2368">
        <v>1</v>
      </c>
      <c r="J2368" t="s">
        <v>12308</v>
      </c>
      <c r="K2368" t="s">
        <v>12309</v>
      </c>
      <c r="M2368">
        <v>4925134</v>
      </c>
      <c r="O2368">
        <v>4925134</v>
      </c>
      <c r="P2368">
        <v>1</v>
      </c>
      <c r="Q2368">
        <v>-1</v>
      </c>
      <c r="R2368" t="s">
        <v>12310</v>
      </c>
      <c r="S2368">
        <v>34</v>
      </c>
    </row>
    <row r="2369" spans="1:19" x14ac:dyDescent="0.25">
      <c r="A2369">
        <v>24537273</v>
      </c>
      <c r="B2369" t="s">
        <v>12311</v>
      </c>
      <c r="C2369" s="1" t="s">
        <v>12312</v>
      </c>
      <c r="D2369">
        <v>24539086</v>
      </c>
      <c r="E2369">
        <v>2</v>
      </c>
      <c r="F2369">
        <v>7</v>
      </c>
      <c r="H2369" t="s">
        <v>12313</v>
      </c>
      <c r="J2369" t="s">
        <v>12314</v>
      </c>
      <c r="K2369" t="s">
        <v>12315</v>
      </c>
      <c r="M2369">
        <v>1168804</v>
      </c>
      <c r="O2369">
        <v>2888019</v>
      </c>
      <c r="P2369">
        <v>1</v>
      </c>
      <c r="Q2369">
        <v>0</v>
      </c>
      <c r="R2369" t="s">
        <v>12316</v>
      </c>
      <c r="S2369">
        <v>790</v>
      </c>
    </row>
    <row r="2370" spans="1:19" x14ac:dyDescent="0.25">
      <c r="A2370">
        <v>6127559</v>
      </c>
      <c r="B2370" t="s">
        <v>12317</v>
      </c>
      <c r="C2370" s="1" t="s">
        <v>12318</v>
      </c>
      <c r="D2370">
        <v>6127607</v>
      </c>
      <c r="E2370">
        <v>8</v>
      </c>
      <c r="F2370">
        <v>0</v>
      </c>
      <c r="H2370" t="s">
        <v>12319</v>
      </c>
      <c r="I2370">
        <v>4</v>
      </c>
      <c r="J2370" t="s">
        <v>12320</v>
      </c>
      <c r="K2370" t="s">
        <v>12321</v>
      </c>
      <c r="M2370">
        <v>750510</v>
      </c>
      <c r="O2370">
        <v>288644</v>
      </c>
      <c r="P2370">
        <v>1</v>
      </c>
      <c r="Q2370">
        <v>23</v>
      </c>
      <c r="R2370" t="s">
        <v>12322</v>
      </c>
      <c r="S2370">
        <v>36214</v>
      </c>
    </row>
    <row r="2371" spans="1:19" x14ac:dyDescent="0.25">
      <c r="A2371">
        <v>36631666</v>
      </c>
      <c r="B2371" t="s">
        <v>12323</v>
      </c>
      <c r="C2371" t="s">
        <v>12324</v>
      </c>
      <c r="E2371">
        <v>0</v>
      </c>
      <c r="F2371">
        <v>6</v>
      </c>
      <c r="H2371" t="s">
        <v>12325</v>
      </c>
      <c r="J2371" t="s">
        <v>12326</v>
      </c>
      <c r="K2371" t="s">
        <v>12326</v>
      </c>
      <c r="M2371">
        <v>4088852</v>
      </c>
      <c r="O2371">
        <v>5727937</v>
      </c>
      <c r="P2371">
        <v>1</v>
      </c>
      <c r="Q2371">
        <v>0</v>
      </c>
      <c r="R2371" t="s">
        <v>12327</v>
      </c>
      <c r="S2371">
        <v>80</v>
      </c>
    </row>
    <row r="2372" spans="1:19" x14ac:dyDescent="0.25">
      <c r="A2372">
        <v>25093297</v>
      </c>
      <c r="B2372" t="s">
        <v>12328</v>
      </c>
      <c r="C2372" s="1" t="s">
        <v>12329</v>
      </c>
      <c r="D2372">
        <v>25143772</v>
      </c>
      <c r="E2372">
        <v>1</v>
      </c>
      <c r="F2372">
        <v>2</v>
      </c>
      <c r="H2372" t="s">
        <v>12330</v>
      </c>
      <c r="I2372">
        <v>1</v>
      </c>
      <c r="J2372" t="s">
        <v>12331</v>
      </c>
      <c r="K2372" t="s">
        <v>12332</v>
      </c>
      <c r="M2372">
        <v>2022751</v>
      </c>
      <c r="O2372">
        <v>2022751</v>
      </c>
      <c r="P2372">
        <v>1</v>
      </c>
      <c r="Q2372">
        <v>3</v>
      </c>
      <c r="R2372" t="s">
        <v>12333</v>
      </c>
      <c r="S2372">
        <v>745</v>
      </c>
    </row>
    <row r="2373" spans="1:19" x14ac:dyDescent="0.25">
      <c r="A2373">
        <v>21516968</v>
      </c>
      <c r="B2373" t="s">
        <v>12334</v>
      </c>
      <c r="C2373" s="1" t="s">
        <v>12335</v>
      </c>
      <c r="E2373">
        <v>2</v>
      </c>
      <c r="F2373">
        <v>1</v>
      </c>
      <c r="H2373" t="s">
        <v>12336</v>
      </c>
      <c r="J2373" t="s">
        <v>12337</v>
      </c>
      <c r="K2373" t="s">
        <v>12338</v>
      </c>
      <c r="M2373">
        <v>2804613</v>
      </c>
      <c r="O2373">
        <v>2216975</v>
      </c>
      <c r="P2373">
        <v>1</v>
      </c>
      <c r="Q2373">
        <v>2</v>
      </c>
      <c r="R2373" t="s">
        <v>12339</v>
      </c>
      <c r="S2373">
        <v>366</v>
      </c>
    </row>
    <row r="2374" spans="1:19" x14ac:dyDescent="0.25">
      <c r="A2374">
        <v>8608269</v>
      </c>
      <c r="B2374" t="s">
        <v>12340</v>
      </c>
      <c r="C2374" s="1" t="s">
        <v>12341</v>
      </c>
      <c r="D2374">
        <v>8619344</v>
      </c>
      <c r="E2374">
        <v>1</v>
      </c>
      <c r="F2374">
        <v>2</v>
      </c>
      <c r="H2374" t="s">
        <v>12342</v>
      </c>
      <c r="J2374" t="s">
        <v>12343</v>
      </c>
      <c r="O2374">
        <v>184947</v>
      </c>
      <c r="P2374">
        <v>1</v>
      </c>
      <c r="Q2374">
        <v>0</v>
      </c>
      <c r="R2374" t="s">
        <v>12344</v>
      </c>
      <c r="S2374">
        <v>348</v>
      </c>
    </row>
    <row r="2375" spans="1:19" x14ac:dyDescent="0.25">
      <c r="A2375">
        <v>10171250</v>
      </c>
      <c r="B2375" t="s">
        <v>12345</v>
      </c>
      <c r="C2375" s="1" t="s">
        <v>12346</v>
      </c>
      <c r="E2375">
        <v>1</v>
      </c>
      <c r="F2375">
        <v>4</v>
      </c>
      <c r="H2375" t="s">
        <v>12347</v>
      </c>
      <c r="J2375" t="s">
        <v>12348</v>
      </c>
      <c r="O2375">
        <v>695393</v>
      </c>
      <c r="P2375">
        <v>1</v>
      </c>
      <c r="Q2375">
        <v>2</v>
      </c>
      <c r="R2375" t="s">
        <v>12349</v>
      </c>
      <c r="S2375">
        <v>770</v>
      </c>
    </row>
    <row r="2376" spans="1:19" x14ac:dyDescent="0.25">
      <c r="A2376">
        <v>23246840</v>
      </c>
      <c r="B2376" t="s">
        <v>12350</v>
      </c>
      <c r="C2376" s="1" t="s">
        <v>12351</v>
      </c>
      <c r="E2376">
        <v>1</v>
      </c>
      <c r="F2376">
        <v>2</v>
      </c>
      <c r="H2376" t="s">
        <v>12352</v>
      </c>
      <c r="J2376" t="s">
        <v>12353</v>
      </c>
      <c r="K2376" t="s">
        <v>12353</v>
      </c>
      <c r="M2376">
        <v>1804251</v>
      </c>
      <c r="O2376">
        <v>3419596</v>
      </c>
      <c r="P2376">
        <v>1</v>
      </c>
      <c r="Q2376">
        <v>0</v>
      </c>
      <c r="R2376" t="s">
        <v>12354</v>
      </c>
      <c r="S2376">
        <v>69</v>
      </c>
    </row>
    <row r="2377" spans="1:19" x14ac:dyDescent="0.25">
      <c r="A2377">
        <v>29610834</v>
      </c>
      <c r="B2377" t="s">
        <v>12355</v>
      </c>
      <c r="C2377" s="1" t="s">
        <v>12356</v>
      </c>
      <c r="D2377">
        <v>29611248</v>
      </c>
      <c r="E2377">
        <v>3</v>
      </c>
      <c r="F2377">
        <v>5</v>
      </c>
      <c r="H2377" t="s">
        <v>12357</v>
      </c>
      <c r="J2377" t="s">
        <v>12358</v>
      </c>
      <c r="K2377" t="s">
        <v>12359</v>
      </c>
      <c r="M2377">
        <v>1218638</v>
      </c>
      <c r="O2377">
        <v>1218638</v>
      </c>
      <c r="P2377">
        <v>1</v>
      </c>
      <c r="Q2377">
        <v>0</v>
      </c>
      <c r="R2377" t="s">
        <v>12360</v>
      </c>
      <c r="S2377">
        <v>6191</v>
      </c>
    </row>
    <row r="2378" spans="1:19" x14ac:dyDescent="0.25">
      <c r="A2378">
        <v>6420689</v>
      </c>
      <c r="B2378" t="s">
        <v>12361</v>
      </c>
      <c r="C2378" s="1" t="s">
        <v>12362</v>
      </c>
      <c r="E2378">
        <v>2</v>
      </c>
      <c r="F2378">
        <v>1</v>
      </c>
      <c r="H2378" t="s">
        <v>12363</v>
      </c>
      <c r="J2378" t="s">
        <v>12364</v>
      </c>
      <c r="K2378" t="s">
        <v>12365</v>
      </c>
      <c r="M2378">
        <v>372026</v>
      </c>
      <c r="O2378">
        <v>782237</v>
      </c>
      <c r="P2378">
        <v>1</v>
      </c>
      <c r="Q2378">
        <v>0</v>
      </c>
      <c r="R2378" t="s">
        <v>3002</v>
      </c>
      <c r="S2378">
        <v>181</v>
      </c>
    </row>
    <row r="2379" spans="1:19" x14ac:dyDescent="0.25">
      <c r="A2379">
        <v>30352171</v>
      </c>
      <c r="B2379" t="s">
        <v>12366</v>
      </c>
      <c r="C2379" s="1" t="s">
        <v>12367</v>
      </c>
      <c r="E2379">
        <v>1</v>
      </c>
      <c r="F2379">
        <v>4</v>
      </c>
      <c r="H2379" t="s">
        <v>12368</v>
      </c>
      <c r="J2379" t="s">
        <v>12369</v>
      </c>
      <c r="K2379" t="s">
        <v>12370</v>
      </c>
      <c r="M2379">
        <v>814647</v>
      </c>
      <c r="O2379">
        <v>814647</v>
      </c>
      <c r="P2379">
        <v>1</v>
      </c>
      <c r="Q2379">
        <v>0</v>
      </c>
      <c r="R2379" t="s">
        <v>12371</v>
      </c>
      <c r="S2379">
        <v>235</v>
      </c>
    </row>
    <row r="2380" spans="1:19" x14ac:dyDescent="0.25">
      <c r="A2380">
        <v>28750656</v>
      </c>
      <c r="B2380" t="s">
        <v>12372</v>
      </c>
      <c r="C2380" s="1" t="s">
        <v>12373</v>
      </c>
      <c r="D2380">
        <v>28750781</v>
      </c>
      <c r="E2380">
        <v>1</v>
      </c>
      <c r="F2380">
        <v>2</v>
      </c>
      <c r="H2380" t="s">
        <v>12374</v>
      </c>
      <c r="J2380" t="s">
        <v>12375</v>
      </c>
      <c r="K2380" t="s">
        <v>12375</v>
      </c>
      <c r="M2380">
        <v>3904085</v>
      </c>
      <c r="O2380">
        <v>3904085</v>
      </c>
      <c r="P2380">
        <v>1</v>
      </c>
      <c r="Q2380">
        <v>0</v>
      </c>
      <c r="R2380" t="s">
        <v>12376</v>
      </c>
      <c r="S2380">
        <v>921</v>
      </c>
    </row>
    <row r="2381" spans="1:19" x14ac:dyDescent="0.25">
      <c r="A2381">
        <v>53448476</v>
      </c>
      <c r="B2381" t="s">
        <v>12377</v>
      </c>
      <c r="C2381" s="1" t="s">
        <v>12378</v>
      </c>
      <c r="D2381">
        <v>53449995</v>
      </c>
      <c r="E2381">
        <v>1</v>
      </c>
      <c r="F2381">
        <v>0</v>
      </c>
      <c r="H2381" t="s">
        <v>12379</v>
      </c>
      <c r="J2381" t="s">
        <v>12380</v>
      </c>
      <c r="O2381">
        <v>5291611</v>
      </c>
      <c r="P2381">
        <v>1</v>
      </c>
      <c r="Q2381">
        <v>1</v>
      </c>
      <c r="R2381" t="s">
        <v>12381</v>
      </c>
      <c r="S2381">
        <v>16</v>
      </c>
    </row>
    <row r="2382" spans="1:19" x14ac:dyDescent="0.25">
      <c r="A2382">
        <v>3623631</v>
      </c>
      <c r="B2382" t="s">
        <v>12382</v>
      </c>
      <c r="C2382" s="1" t="s">
        <v>12383</v>
      </c>
      <c r="D2382">
        <v>3623643</v>
      </c>
      <c r="E2382">
        <v>3</v>
      </c>
      <c r="F2382">
        <v>0</v>
      </c>
      <c r="H2382" t="s">
        <v>12384</v>
      </c>
      <c r="I2382">
        <v>0</v>
      </c>
      <c r="J2382" t="s">
        <v>12385</v>
      </c>
      <c r="K2382" t="s">
        <v>12385</v>
      </c>
      <c r="M2382">
        <v>151292</v>
      </c>
      <c r="O2382">
        <v>241631</v>
      </c>
      <c r="P2382">
        <v>1</v>
      </c>
      <c r="Q2382">
        <v>14</v>
      </c>
      <c r="R2382" t="s">
        <v>12386</v>
      </c>
      <c r="S2382">
        <v>2050</v>
      </c>
    </row>
    <row r="2383" spans="1:19" x14ac:dyDescent="0.25">
      <c r="A2383">
        <v>13580128</v>
      </c>
      <c r="B2383" t="s">
        <v>12387</v>
      </c>
      <c r="C2383" s="1" t="s">
        <v>12388</v>
      </c>
      <c r="D2383">
        <v>13641612</v>
      </c>
      <c r="E2383">
        <v>1</v>
      </c>
      <c r="F2383">
        <v>2</v>
      </c>
      <c r="H2383" t="s">
        <v>12389</v>
      </c>
      <c r="J2383" t="s">
        <v>12390</v>
      </c>
      <c r="K2383" t="s">
        <v>12390</v>
      </c>
      <c r="M2383">
        <v>1853879</v>
      </c>
      <c r="O2383">
        <v>1853879</v>
      </c>
      <c r="P2383">
        <v>1</v>
      </c>
      <c r="Q2383">
        <v>3</v>
      </c>
      <c r="R2383" t="s">
        <v>12391</v>
      </c>
      <c r="S2383">
        <v>1295</v>
      </c>
    </row>
    <row r="2384" spans="1:19" x14ac:dyDescent="0.25">
      <c r="A2384">
        <v>32556614</v>
      </c>
      <c r="B2384" t="s">
        <v>12392</v>
      </c>
      <c r="C2384" s="1" t="s">
        <v>12393</v>
      </c>
      <c r="D2384">
        <v>32556711</v>
      </c>
      <c r="E2384">
        <v>3</v>
      </c>
      <c r="F2384">
        <v>0</v>
      </c>
      <c r="H2384" t="s">
        <v>12394</v>
      </c>
      <c r="J2384" t="s">
        <v>12395</v>
      </c>
      <c r="O2384">
        <v>3799803</v>
      </c>
      <c r="P2384">
        <v>1</v>
      </c>
      <c r="Q2384">
        <v>2</v>
      </c>
      <c r="R2384" t="s">
        <v>12396</v>
      </c>
      <c r="S2384">
        <v>98</v>
      </c>
    </row>
    <row r="2385" spans="1:19" x14ac:dyDescent="0.25">
      <c r="A2385">
        <v>44560486</v>
      </c>
      <c r="B2385" t="s">
        <v>12397</v>
      </c>
      <c r="C2385" s="1" t="s">
        <v>12398</v>
      </c>
      <c r="E2385">
        <v>1</v>
      </c>
      <c r="F2385">
        <v>0</v>
      </c>
      <c r="H2385" t="s">
        <v>12399</v>
      </c>
      <c r="I2385">
        <v>0</v>
      </c>
      <c r="J2385" t="s">
        <v>12400</v>
      </c>
      <c r="K2385" t="s">
        <v>12400</v>
      </c>
      <c r="M2385">
        <v>4386370</v>
      </c>
      <c r="O2385">
        <v>4386370</v>
      </c>
      <c r="P2385">
        <v>1</v>
      </c>
      <c r="Q2385">
        <v>2</v>
      </c>
      <c r="R2385" t="s">
        <v>5837</v>
      </c>
      <c r="S2385">
        <v>105</v>
      </c>
    </row>
    <row r="2386" spans="1:19" x14ac:dyDescent="0.25">
      <c r="A2386">
        <v>46832952</v>
      </c>
      <c r="B2386" t="s">
        <v>12401</v>
      </c>
      <c r="C2386" s="1" t="s">
        <v>12402</v>
      </c>
      <c r="E2386">
        <v>3</v>
      </c>
      <c r="F2386">
        <v>9</v>
      </c>
      <c r="H2386" t="s">
        <v>12403</v>
      </c>
      <c r="J2386" t="s">
        <v>12404</v>
      </c>
      <c r="K2386" t="s">
        <v>12405</v>
      </c>
      <c r="M2386">
        <v>8783583</v>
      </c>
      <c r="O2386">
        <v>8783583</v>
      </c>
      <c r="P2386">
        <v>1</v>
      </c>
      <c r="Q2386">
        <v>-3</v>
      </c>
      <c r="R2386" t="s">
        <v>12406</v>
      </c>
      <c r="S2386">
        <v>71</v>
      </c>
    </row>
    <row r="2387" spans="1:19" x14ac:dyDescent="0.25">
      <c r="A2387">
        <v>26214337</v>
      </c>
      <c r="B2387" t="s">
        <v>12407</v>
      </c>
      <c r="C2387" s="1" t="s">
        <v>12408</v>
      </c>
      <c r="D2387">
        <v>26214865</v>
      </c>
      <c r="E2387">
        <v>2</v>
      </c>
      <c r="F2387">
        <v>2</v>
      </c>
      <c r="H2387" t="s">
        <v>12409</v>
      </c>
      <c r="J2387" t="s">
        <v>12410</v>
      </c>
      <c r="O2387">
        <v>383515</v>
      </c>
      <c r="P2387">
        <v>1</v>
      </c>
      <c r="Q2387">
        <v>11</v>
      </c>
      <c r="R2387" t="s">
        <v>12411</v>
      </c>
      <c r="S2387">
        <v>4564</v>
      </c>
    </row>
    <row r="2388" spans="1:19" x14ac:dyDescent="0.25">
      <c r="A2388">
        <v>9369116</v>
      </c>
      <c r="B2388" t="s">
        <v>12412</v>
      </c>
      <c r="C2388" s="1" t="s">
        <v>12413</v>
      </c>
      <c r="E2388">
        <v>1</v>
      </c>
      <c r="F2388">
        <v>0</v>
      </c>
      <c r="H2388" t="s">
        <v>12414</v>
      </c>
      <c r="J2388" t="s">
        <v>12415</v>
      </c>
      <c r="O2388">
        <v>325066</v>
      </c>
      <c r="P2388">
        <v>1</v>
      </c>
      <c r="Q2388">
        <v>1</v>
      </c>
      <c r="R2388" t="s">
        <v>12416</v>
      </c>
      <c r="S2388">
        <v>3689</v>
      </c>
    </row>
    <row r="2389" spans="1:19" x14ac:dyDescent="0.25">
      <c r="A2389">
        <v>30677121</v>
      </c>
      <c r="B2389" t="s">
        <v>12417</v>
      </c>
      <c r="C2389" s="1" t="s">
        <v>12418</v>
      </c>
      <c r="E2389">
        <v>1</v>
      </c>
      <c r="F2389">
        <v>6</v>
      </c>
      <c r="H2389" t="s">
        <v>12419</v>
      </c>
      <c r="J2389" t="s">
        <v>12420</v>
      </c>
      <c r="K2389" t="s">
        <v>12420</v>
      </c>
      <c r="M2389">
        <v>4978649</v>
      </c>
      <c r="O2389">
        <v>4978649</v>
      </c>
      <c r="P2389">
        <v>1</v>
      </c>
      <c r="Q2389">
        <v>0</v>
      </c>
      <c r="R2389" t="s">
        <v>6842</v>
      </c>
      <c r="S2389">
        <v>574</v>
      </c>
    </row>
    <row r="2390" spans="1:19" x14ac:dyDescent="0.25">
      <c r="A2390">
        <v>6467843</v>
      </c>
      <c r="B2390" t="s">
        <v>12421</v>
      </c>
      <c r="C2390" s="1" t="s">
        <v>12422</v>
      </c>
      <c r="E2390">
        <v>5</v>
      </c>
      <c r="F2390">
        <v>0</v>
      </c>
      <c r="H2390" t="s">
        <v>12423</v>
      </c>
      <c r="I2390">
        <v>1</v>
      </c>
      <c r="J2390" t="s">
        <v>12424</v>
      </c>
      <c r="K2390" t="s">
        <v>12425</v>
      </c>
      <c r="M2390">
        <v>406857</v>
      </c>
      <c r="O2390">
        <v>814065</v>
      </c>
      <c r="P2390">
        <v>1</v>
      </c>
      <c r="Q2390">
        <v>1</v>
      </c>
      <c r="R2390" t="s">
        <v>12426</v>
      </c>
      <c r="S2390">
        <v>1805</v>
      </c>
    </row>
    <row r="2391" spans="1:19" x14ac:dyDescent="0.25">
      <c r="A2391">
        <v>49819582</v>
      </c>
      <c r="B2391" t="s">
        <v>12427</v>
      </c>
      <c r="C2391" s="1" t="s">
        <v>12428</v>
      </c>
      <c r="E2391">
        <v>0</v>
      </c>
      <c r="F2391">
        <v>0</v>
      </c>
      <c r="H2391" t="s">
        <v>12429</v>
      </c>
      <c r="J2391" t="s">
        <v>12430</v>
      </c>
      <c r="K2391" t="s">
        <v>12430</v>
      </c>
      <c r="M2391">
        <v>5968131</v>
      </c>
      <c r="O2391">
        <v>5968131</v>
      </c>
      <c r="P2391">
        <v>1</v>
      </c>
      <c r="Q2391">
        <v>1</v>
      </c>
      <c r="R2391" t="s">
        <v>12431</v>
      </c>
      <c r="S2391">
        <v>28</v>
      </c>
    </row>
    <row r="2392" spans="1:19" x14ac:dyDescent="0.25">
      <c r="A2392">
        <v>39307707</v>
      </c>
      <c r="B2392" t="s">
        <v>12432</v>
      </c>
      <c r="C2392" s="1" t="s">
        <v>12433</v>
      </c>
      <c r="E2392">
        <v>1</v>
      </c>
      <c r="F2392">
        <v>2</v>
      </c>
      <c r="H2392" t="s">
        <v>12434</v>
      </c>
      <c r="I2392">
        <v>1</v>
      </c>
      <c r="J2392" t="s">
        <v>12435</v>
      </c>
      <c r="O2392">
        <v>6789352</v>
      </c>
      <c r="P2392">
        <v>1</v>
      </c>
      <c r="Q2392">
        <v>0</v>
      </c>
      <c r="R2392" t="s">
        <v>12436</v>
      </c>
      <c r="S2392">
        <v>96</v>
      </c>
    </row>
    <row r="2393" spans="1:19" x14ac:dyDescent="0.25">
      <c r="A2393">
        <v>14189767</v>
      </c>
      <c r="B2393" t="s">
        <v>12437</v>
      </c>
      <c r="C2393" s="1" t="s">
        <v>12438</v>
      </c>
      <c r="D2393">
        <v>14189792</v>
      </c>
      <c r="E2393">
        <v>1</v>
      </c>
      <c r="F2393">
        <v>0</v>
      </c>
      <c r="H2393" t="s">
        <v>12439</v>
      </c>
      <c r="J2393" t="s">
        <v>12440</v>
      </c>
      <c r="K2393" t="s">
        <v>12441</v>
      </c>
      <c r="M2393">
        <v>1493480</v>
      </c>
      <c r="O2393">
        <v>1932819</v>
      </c>
      <c r="P2393">
        <v>1</v>
      </c>
      <c r="Q2393">
        <v>0</v>
      </c>
      <c r="R2393" t="s">
        <v>12442</v>
      </c>
      <c r="S2393">
        <v>42</v>
      </c>
    </row>
    <row r="2394" spans="1:19" x14ac:dyDescent="0.25">
      <c r="A2394">
        <v>41795589</v>
      </c>
      <c r="B2394" t="s">
        <v>12443</v>
      </c>
      <c r="C2394" s="1" t="s">
        <v>12444</v>
      </c>
      <c r="D2394">
        <v>41796049</v>
      </c>
      <c r="E2394">
        <v>1</v>
      </c>
      <c r="F2394">
        <v>5</v>
      </c>
      <c r="H2394" t="s">
        <v>12445</v>
      </c>
      <c r="J2394" t="s">
        <v>12446</v>
      </c>
      <c r="K2394" t="s">
        <v>12447</v>
      </c>
      <c r="M2394">
        <v>4615576</v>
      </c>
      <c r="O2394">
        <v>4615576</v>
      </c>
      <c r="P2394">
        <v>1</v>
      </c>
      <c r="Q2394">
        <v>-1</v>
      </c>
      <c r="R2394" t="s">
        <v>12448</v>
      </c>
      <c r="S2394">
        <v>279</v>
      </c>
    </row>
    <row r="2395" spans="1:19" x14ac:dyDescent="0.25">
      <c r="A2395">
        <v>27878116</v>
      </c>
      <c r="B2395" t="s">
        <v>12449</v>
      </c>
      <c r="C2395" s="1" t="s">
        <v>12450</v>
      </c>
      <c r="D2395">
        <v>27878173</v>
      </c>
      <c r="E2395">
        <v>1</v>
      </c>
      <c r="F2395">
        <v>0</v>
      </c>
      <c r="H2395" t="s">
        <v>12451</v>
      </c>
      <c r="J2395" t="s">
        <v>12452</v>
      </c>
      <c r="O2395">
        <v>1115403</v>
      </c>
      <c r="P2395">
        <v>1</v>
      </c>
      <c r="Q2395">
        <v>0</v>
      </c>
      <c r="R2395" t="s">
        <v>12453</v>
      </c>
      <c r="S2395">
        <v>44</v>
      </c>
    </row>
    <row r="2396" spans="1:19" x14ac:dyDescent="0.25">
      <c r="A2396">
        <v>5415388</v>
      </c>
      <c r="B2396" t="s">
        <v>12454</v>
      </c>
      <c r="C2396" s="1" t="s">
        <v>12455</v>
      </c>
      <c r="D2396">
        <v>5415640</v>
      </c>
      <c r="E2396">
        <v>1</v>
      </c>
      <c r="F2396">
        <v>0</v>
      </c>
      <c r="H2396" t="s">
        <v>12456</v>
      </c>
      <c r="J2396" t="s">
        <v>12457</v>
      </c>
      <c r="K2396" t="s">
        <v>12458</v>
      </c>
      <c r="M2396">
        <v>-1</v>
      </c>
      <c r="O2396">
        <v>212942</v>
      </c>
      <c r="P2396">
        <v>1</v>
      </c>
      <c r="Q2396">
        <v>2</v>
      </c>
      <c r="R2396" t="s">
        <v>12459</v>
      </c>
      <c r="S2396">
        <v>1600</v>
      </c>
    </row>
    <row r="2397" spans="1:19" x14ac:dyDescent="0.25">
      <c r="A2397">
        <v>53106779</v>
      </c>
      <c r="B2397" t="s">
        <v>12460</v>
      </c>
      <c r="C2397" s="1" t="s">
        <v>12461</v>
      </c>
      <c r="E2397">
        <v>1</v>
      </c>
      <c r="F2397">
        <v>0</v>
      </c>
      <c r="H2397" t="s">
        <v>12462</v>
      </c>
      <c r="J2397" t="s">
        <v>12463</v>
      </c>
      <c r="O2397">
        <v>7641555</v>
      </c>
      <c r="P2397">
        <v>1</v>
      </c>
      <c r="Q2397">
        <v>0</v>
      </c>
      <c r="R2397" t="s">
        <v>12464</v>
      </c>
      <c r="S2397">
        <v>65</v>
      </c>
    </row>
    <row r="2398" spans="1:19" x14ac:dyDescent="0.25">
      <c r="A2398">
        <v>53380159</v>
      </c>
      <c r="B2398" t="s">
        <v>12465</v>
      </c>
      <c r="C2398" s="1" t="s">
        <v>12466</v>
      </c>
      <c r="E2398">
        <v>0</v>
      </c>
      <c r="F2398">
        <v>0</v>
      </c>
      <c r="H2398" t="s">
        <v>12467</v>
      </c>
      <c r="J2398" t="s">
        <v>12468</v>
      </c>
      <c r="K2398" t="s">
        <v>12468</v>
      </c>
      <c r="M2398">
        <v>3764965</v>
      </c>
      <c r="O2398">
        <v>3764965</v>
      </c>
      <c r="P2398">
        <v>1</v>
      </c>
      <c r="Q2398">
        <v>0</v>
      </c>
      <c r="R2398" t="s">
        <v>12469</v>
      </c>
      <c r="S2398">
        <v>22</v>
      </c>
    </row>
    <row r="2399" spans="1:19" x14ac:dyDescent="0.25">
      <c r="A2399">
        <v>8588022</v>
      </c>
      <c r="B2399" t="s">
        <v>12470</v>
      </c>
      <c r="C2399" s="1" t="s">
        <v>12471</v>
      </c>
      <c r="D2399">
        <v>8588117</v>
      </c>
      <c r="E2399">
        <v>6</v>
      </c>
      <c r="F2399">
        <v>4</v>
      </c>
      <c r="H2399" t="s">
        <v>12472</v>
      </c>
      <c r="J2399" t="s">
        <v>12473</v>
      </c>
      <c r="O2399">
        <v>428073</v>
      </c>
      <c r="P2399">
        <v>1</v>
      </c>
      <c r="Q2399">
        <v>3</v>
      </c>
      <c r="R2399" t="s">
        <v>12474</v>
      </c>
      <c r="S2399">
        <v>8167</v>
      </c>
    </row>
    <row r="2400" spans="1:19" x14ac:dyDescent="0.25">
      <c r="A2400">
        <v>44790341</v>
      </c>
      <c r="B2400" t="s">
        <v>12475</v>
      </c>
      <c r="C2400" s="1" t="s">
        <v>12476</v>
      </c>
      <c r="E2400">
        <v>0</v>
      </c>
      <c r="F2400">
        <v>5</v>
      </c>
      <c r="H2400" t="s">
        <v>12477</v>
      </c>
      <c r="J2400" t="s">
        <v>12477</v>
      </c>
      <c r="O2400">
        <v>3298540</v>
      </c>
      <c r="P2400">
        <v>1</v>
      </c>
      <c r="Q2400">
        <v>1</v>
      </c>
      <c r="R2400" t="s">
        <v>12478</v>
      </c>
      <c r="S2400">
        <v>16</v>
      </c>
    </row>
    <row r="2401" spans="1:19" x14ac:dyDescent="0.25">
      <c r="A2401">
        <v>5025447</v>
      </c>
      <c r="B2401" t="s">
        <v>12479</v>
      </c>
      <c r="C2401" s="1" t="s">
        <v>12480</v>
      </c>
      <c r="E2401">
        <v>0</v>
      </c>
      <c r="F2401">
        <v>0</v>
      </c>
      <c r="H2401" t="s">
        <v>12481</v>
      </c>
      <c r="J2401" t="s">
        <v>12482</v>
      </c>
      <c r="O2401">
        <v>71249</v>
      </c>
      <c r="P2401">
        <v>1</v>
      </c>
      <c r="Q2401">
        <v>2</v>
      </c>
      <c r="R2401" t="s">
        <v>12483</v>
      </c>
      <c r="S2401">
        <v>216</v>
      </c>
    </row>
    <row r="2402" spans="1:19" x14ac:dyDescent="0.25">
      <c r="A2402">
        <v>9535302</v>
      </c>
      <c r="B2402" t="s">
        <v>12484</v>
      </c>
      <c r="C2402" s="1" t="s">
        <v>12485</v>
      </c>
      <c r="D2402">
        <v>9535671</v>
      </c>
      <c r="E2402">
        <v>1</v>
      </c>
      <c r="F2402">
        <v>0</v>
      </c>
      <c r="H2402" t="s">
        <v>12486</v>
      </c>
      <c r="J2402" t="s">
        <v>12487</v>
      </c>
      <c r="K2402" t="s">
        <v>12488</v>
      </c>
      <c r="M2402">
        <v>113763</v>
      </c>
      <c r="O2402">
        <v>1244060</v>
      </c>
      <c r="P2402">
        <v>1</v>
      </c>
      <c r="Q2402">
        <v>1</v>
      </c>
      <c r="R2402" t="s">
        <v>12489</v>
      </c>
      <c r="S2402">
        <v>895</v>
      </c>
    </row>
    <row r="2403" spans="1:19" x14ac:dyDescent="0.25">
      <c r="A2403">
        <v>998580</v>
      </c>
      <c r="B2403" t="s">
        <v>12490</v>
      </c>
      <c r="C2403" s="1" t="s">
        <v>12491</v>
      </c>
      <c r="D2403">
        <v>999255</v>
      </c>
      <c r="E2403">
        <v>1</v>
      </c>
      <c r="F2403">
        <v>0</v>
      </c>
      <c r="H2403" t="s">
        <v>12492</v>
      </c>
      <c r="J2403" t="s">
        <v>12493</v>
      </c>
      <c r="O2403">
        <v>123389</v>
      </c>
      <c r="P2403">
        <v>1</v>
      </c>
      <c r="Q2403">
        <v>2</v>
      </c>
      <c r="R2403" t="s">
        <v>12494</v>
      </c>
      <c r="S2403">
        <v>2099</v>
      </c>
    </row>
    <row r="2404" spans="1:19" x14ac:dyDescent="0.25">
      <c r="A2404">
        <v>44299217</v>
      </c>
      <c r="B2404" t="s">
        <v>12495</v>
      </c>
      <c r="C2404" s="1" t="s">
        <v>12496</v>
      </c>
      <c r="E2404">
        <v>1</v>
      </c>
      <c r="F2404">
        <v>1</v>
      </c>
      <c r="H2404" t="s">
        <v>12497</v>
      </c>
      <c r="J2404" t="s">
        <v>12498</v>
      </c>
      <c r="K2404" t="s">
        <v>12499</v>
      </c>
      <c r="M2404">
        <v>637367</v>
      </c>
      <c r="O2404">
        <v>8091710</v>
      </c>
      <c r="P2404">
        <v>1</v>
      </c>
      <c r="Q2404">
        <v>0</v>
      </c>
      <c r="R2404" t="s">
        <v>3266</v>
      </c>
      <c r="S2404">
        <v>44</v>
      </c>
    </row>
    <row r="2405" spans="1:19" x14ac:dyDescent="0.25">
      <c r="A2405">
        <v>34031707</v>
      </c>
      <c r="B2405" t="s">
        <v>12500</v>
      </c>
      <c r="C2405" s="1" t="s">
        <v>12501</v>
      </c>
      <c r="E2405">
        <v>1</v>
      </c>
      <c r="F2405">
        <v>0</v>
      </c>
      <c r="H2405" t="s">
        <v>12502</v>
      </c>
      <c r="J2405" t="s">
        <v>12503</v>
      </c>
      <c r="K2405" t="s">
        <v>12503</v>
      </c>
      <c r="M2405">
        <v>1769777</v>
      </c>
      <c r="O2405">
        <v>1769777</v>
      </c>
      <c r="P2405">
        <v>1</v>
      </c>
      <c r="Q2405">
        <v>0</v>
      </c>
      <c r="R2405" t="s">
        <v>12504</v>
      </c>
      <c r="S2405">
        <v>44</v>
      </c>
    </row>
    <row r="2406" spans="1:19" x14ac:dyDescent="0.25">
      <c r="A2406">
        <v>11462306</v>
      </c>
      <c r="B2406" t="s">
        <v>12505</v>
      </c>
      <c r="C2406" s="1" t="s">
        <v>12506</v>
      </c>
      <c r="E2406">
        <v>2</v>
      </c>
      <c r="F2406">
        <v>0</v>
      </c>
      <c r="H2406" t="s">
        <v>12507</v>
      </c>
      <c r="J2406" t="s">
        <v>12508</v>
      </c>
      <c r="O2406">
        <v>1044654</v>
      </c>
      <c r="P2406">
        <v>1</v>
      </c>
      <c r="Q2406">
        <v>0</v>
      </c>
      <c r="R2406" t="s">
        <v>2494</v>
      </c>
      <c r="S2406">
        <v>223</v>
      </c>
    </row>
    <row r="2407" spans="1:19" x14ac:dyDescent="0.25">
      <c r="A2407">
        <v>5137816</v>
      </c>
      <c r="B2407" t="s">
        <v>12509</v>
      </c>
      <c r="C2407" s="1" t="s">
        <v>12510</v>
      </c>
      <c r="D2407">
        <v>5149877</v>
      </c>
      <c r="E2407">
        <v>1</v>
      </c>
      <c r="F2407">
        <v>5</v>
      </c>
      <c r="H2407" t="s">
        <v>12511</v>
      </c>
      <c r="J2407" t="s">
        <v>12512</v>
      </c>
      <c r="K2407" t="s">
        <v>12513</v>
      </c>
      <c r="M2407">
        <v>1522903</v>
      </c>
      <c r="O2407">
        <v>56256</v>
      </c>
      <c r="P2407">
        <v>1</v>
      </c>
      <c r="Q2407">
        <v>1</v>
      </c>
      <c r="R2407" t="s">
        <v>12514</v>
      </c>
      <c r="S2407">
        <v>2469</v>
      </c>
    </row>
    <row r="2408" spans="1:19" x14ac:dyDescent="0.25">
      <c r="A2408">
        <v>3841021</v>
      </c>
      <c r="B2408" t="s">
        <v>12515</v>
      </c>
      <c r="C2408" s="1" t="s">
        <v>12516</v>
      </c>
      <c r="E2408">
        <v>2</v>
      </c>
      <c r="F2408">
        <v>4</v>
      </c>
      <c r="H2408" t="s">
        <v>12517</v>
      </c>
      <c r="I2408">
        <v>1</v>
      </c>
      <c r="J2408" t="s">
        <v>12518</v>
      </c>
      <c r="K2408" t="s">
        <v>12519</v>
      </c>
      <c r="M2408">
        <v>177897</v>
      </c>
      <c r="O2408">
        <v>177897</v>
      </c>
      <c r="P2408">
        <v>1</v>
      </c>
      <c r="Q2408">
        <v>2</v>
      </c>
      <c r="R2408" t="s">
        <v>12520</v>
      </c>
      <c r="S2408">
        <v>2441</v>
      </c>
    </row>
    <row r="2409" spans="1:19" x14ac:dyDescent="0.25">
      <c r="A2409">
        <v>28290293</v>
      </c>
      <c r="B2409" t="s">
        <v>12521</v>
      </c>
      <c r="C2409" s="1" t="s">
        <v>12522</v>
      </c>
      <c r="E2409">
        <v>1</v>
      </c>
      <c r="F2409">
        <v>0</v>
      </c>
      <c r="H2409" t="s">
        <v>12523</v>
      </c>
      <c r="J2409" t="s">
        <v>12524</v>
      </c>
      <c r="K2409" t="s">
        <v>12525</v>
      </c>
      <c r="M2409">
        <v>2400251</v>
      </c>
      <c r="O2409">
        <v>2400251</v>
      </c>
      <c r="P2409">
        <v>1</v>
      </c>
      <c r="Q2409">
        <v>0</v>
      </c>
      <c r="R2409" t="s">
        <v>12526</v>
      </c>
      <c r="S2409">
        <v>338</v>
      </c>
    </row>
    <row r="2410" spans="1:19" x14ac:dyDescent="0.25">
      <c r="A2410">
        <v>53049228</v>
      </c>
      <c r="B2410" t="s">
        <v>12527</v>
      </c>
      <c r="C2410" t="s">
        <v>12528</v>
      </c>
      <c r="E2410">
        <v>0</v>
      </c>
      <c r="F2410">
        <v>1</v>
      </c>
      <c r="H2410" t="s">
        <v>12529</v>
      </c>
      <c r="J2410" t="s">
        <v>12530</v>
      </c>
      <c r="K2410" t="s">
        <v>12530</v>
      </c>
      <c r="M2410">
        <v>2649012</v>
      </c>
      <c r="O2410">
        <v>3621736</v>
      </c>
      <c r="P2410">
        <v>1</v>
      </c>
      <c r="Q2410">
        <v>0</v>
      </c>
      <c r="R2410" t="s">
        <v>12531</v>
      </c>
      <c r="S2410">
        <v>26</v>
      </c>
    </row>
    <row r="2411" spans="1:19" x14ac:dyDescent="0.25">
      <c r="A2411">
        <v>50195657</v>
      </c>
      <c r="B2411" t="s">
        <v>12532</v>
      </c>
      <c r="C2411" s="1" t="s">
        <v>12533</v>
      </c>
      <c r="E2411">
        <v>2</v>
      </c>
      <c r="F2411">
        <v>0</v>
      </c>
      <c r="H2411" t="s">
        <v>12534</v>
      </c>
      <c r="I2411">
        <v>1</v>
      </c>
      <c r="J2411" t="s">
        <v>12535</v>
      </c>
      <c r="O2411">
        <v>6028039</v>
      </c>
      <c r="P2411">
        <v>1</v>
      </c>
      <c r="Q2411">
        <v>1</v>
      </c>
      <c r="R2411" t="s">
        <v>12536</v>
      </c>
      <c r="S2411">
        <v>694</v>
      </c>
    </row>
    <row r="2412" spans="1:19" x14ac:dyDescent="0.25">
      <c r="A2412">
        <v>27300155</v>
      </c>
      <c r="B2412" t="s">
        <v>12537</v>
      </c>
      <c r="C2412" s="1" t="s">
        <v>12538</v>
      </c>
      <c r="E2412">
        <v>3</v>
      </c>
      <c r="F2412">
        <v>4</v>
      </c>
      <c r="H2412" t="s">
        <v>12539</v>
      </c>
      <c r="J2412" t="s">
        <v>12540</v>
      </c>
      <c r="K2412" t="s">
        <v>12541</v>
      </c>
      <c r="M2412">
        <v>1989988</v>
      </c>
      <c r="O2412">
        <v>1989988</v>
      </c>
      <c r="P2412">
        <v>1</v>
      </c>
      <c r="Q2412">
        <v>0</v>
      </c>
      <c r="R2412" t="s">
        <v>12542</v>
      </c>
      <c r="S2412">
        <v>1351</v>
      </c>
    </row>
    <row r="2413" spans="1:19" x14ac:dyDescent="0.25">
      <c r="A2413">
        <v>52038468</v>
      </c>
      <c r="B2413" t="s">
        <v>12543</v>
      </c>
      <c r="C2413" s="1" t="s">
        <v>12544</v>
      </c>
      <c r="E2413">
        <v>0</v>
      </c>
      <c r="F2413">
        <v>3</v>
      </c>
      <c r="H2413" t="s">
        <v>12545</v>
      </c>
      <c r="J2413" t="s">
        <v>12546</v>
      </c>
      <c r="K2413" t="s">
        <v>12546</v>
      </c>
      <c r="M2413">
        <v>7146000</v>
      </c>
      <c r="O2413">
        <v>7146000</v>
      </c>
      <c r="P2413">
        <v>1</v>
      </c>
      <c r="Q2413">
        <v>0</v>
      </c>
      <c r="R2413" t="s">
        <v>12547</v>
      </c>
      <c r="S2413">
        <v>36</v>
      </c>
    </row>
    <row r="2414" spans="1:19" x14ac:dyDescent="0.25">
      <c r="A2414">
        <v>6324568</v>
      </c>
      <c r="B2414" t="s">
        <v>12548</v>
      </c>
      <c r="C2414" s="1" t="s">
        <v>12549</v>
      </c>
      <c r="D2414">
        <v>6324618</v>
      </c>
      <c r="E2414">
        <v>3</v>
      </c>
      <c r="F2414">
        <v>0</v>
      </c>
      <c r="H2414" t="s">
        <v>12550</v>
      </c>
      <c r="I2414">
        <v>6</v>
      </c>
      <c r="J2414" t="s">
        <v>12551</v>
      </c>
      <c r="K2414" t="s">
        <v>12552</v>
      </c>
      <c r="M2414">
        <v>119592</v>
      </c>
      <c r="O2414">
        <v>119592</v>
      </c>
      <c r="P2414">
        <v>1</v>
      </c>
      <c r="Q2414">
        <v>20</v>
      </c>
      <c r="R2414" t="s">
        <v>12553</v>
      </c>
      <c r="S2414">
        <v>4516</v>
      </c>
    </row>
    <row r="2415" spans="1:19" x14ac:dyDescent="0.25">
      <c r="A2415">
        <v>33137918</v>
      </c>
      <c r="B2415" t="s">
        <v>12554</v>
      </c>
      <c r="C2415" s="1" t="s">
        <v>12555</v>
      </c>
      <c r="E2415">
        <v>0</v>
      </c>
      <c r="F2415">
        <v>0</v>
      </c>
      <c r="H2415" t="s">
        <v>12556</v>
      </c>
      <c r="I2415">
        <v>1</v>
      </c>
      <c r="J2415" t="s">
        <v>12557</v>
      </c>
      <c r="K2415" t="s">
        <v>12557</v>
      </c>
      <c r="M2415">
        <v>4381843</v>
      </c>
      <c r="O2415">
        <v>4381843</v>
      </c>
      <c r="P2415">
        <v>1</v>
      </c>
      <c r="Q2415">
        <v>1</v>
      </c>
      <c r="R2415" t="s">
        <v>759</v>
      </c>
      <c r="S2415">
        <v>71</v>
      </c>
    </row>
    <row r="2416" spans="1:19" x14ac:dyDescent="0.25">
      <c r="A2416">
        <v>34052390</v>
      </c>
      <c r="B2416" t="s">
        <v>12558</v>
      </c>
      <c r="C2416" s="1" t="s">
        <v>12559</v>
      </c>
      <c r="E2416">
        <v>0</v>
      </c>
      <c r="F2416">
        <v>3</v>
      </c>
      <c r="H2416" t="s">
        <v>12560</v>
      </c>
      <c r="J2416" t="s">
        <v>12561</v>
      </c>
      <c r="K2416" t="s">
        <v>12561</v>
      </c>
      <c r="M2416">
        <v>1426065</v>
      </c>
      <c r="O2416">
        <v>5437817</v>
      </c>
      <c r="P2416">
        <v>1</v>
      </c>
      <c r="Q2416">
        <v>0</v>
      </c>
      <c r="R2416" t="s">
        <v>12562</v>
      </c>
      <c r="S2416">
        <v>35</v>
      </c>
    </row>
    <row r="2417" spans="1:19" x14ac:dyDescent="0.25">
      <c r="A2417">
        <v>8842907</v>
      </c>
      <c r="B2417" t="s">
        <v>12563</v>
      </c>
      <c r="C2417" s="1" t="s">
        <v>12564</v>
      </c>
      <c r="D2417">
        <v>8842940</v>
      </c>
      <c r="E2417">
        <v>5</v>
      </c>
      <c r="F2417">
        <v>3</v>
      </c>
      <c r="H2417" t="s">
        <v>12565</v>
      </c>
      <c r="J2417" t="s">
        <v>12566</v>
      </c>
      <c r="O2417">
        <v>808729</v>
      </c>
      <c r="P2417">
        <v>1</v>
      </c>
      <c r="Q2417">
        <v>1</v>
      </c>
      <c r="R2417" t="s">
        <v>12567</v>
      </c>
      <c r="S2417">
        <v>1012</v>
      </c>
    </row>
    <row r="2418" spans="1:19" x14ac:dyDescent="0.25">
      <c r="A2418">
        <v>8963209</v>
      </c>
      <c r="B2418" t="s">
        <v>12568</v>
      </c>
      <c r="C2418" s="1" t="s">
        <v>12569</v>
      </c>
      <c r="D2418">
        <v>8963287</v>
      </c>
      <c r="E2418">
        <v>4</v>
      </c>
      <c r="F2418">
        <v>7</v>
      </c>
      <c r="H2418" t="s">
        <v>12570</v>
      </c>
      <c r="I2418">
        <v>25</v>
      </c>
      <c r="J2418" t="s">
        <v>12571</v>
      </c>
      <c r="K2418" t="s">
        <v>12572</v>
      </c>
      <c r="M2418">
        <v>2619939</v>
      </c>
      <c r="O2418">
        <v>859154</v>
      </c>
      <c r="P2418">
        <v>1</v>
      </c>
      <c r="Q2418">
        <v>33</v>
      </c>
      <c r="R2418" t="s">
        <v>12573</v>
      </c>
      <c r="S2418">
        <v>10748</v>
      </c>
    </row>
    <row r="2419" spans="1:19" x14ac:dyDescent="0.25">
      <c r="A2419">
        <v>46874217</v>
      </c>
      <c r="B2419" t="s">
        <v>12574</v>
      </c>
      <c r="C2419" s="1" t="s">
        <v>12575</v>
      </c>
      <c r="D2419">
        <v>46874357</v>
      </c>
      <c r="E2419">
        <v>1</v>
      </c>
      <c r="F2419">
        <v>2</v>
      </c>
      <c r="H2419" t="s">
        <v>12576</v>
      </c>
      <c r="J2419" t="s">
        <v>12577</v>
      </c>
      <c r="O2419">
        <v>4493604</v>
      </c>
      <c r="P2419">
        <v>1</v>
      </c>
      <c r="Q2419">
        <v>1</v>
      </c>
      <c r="R2419" t="s">
        <v>12578</v>
      </c>
      <c r="S2419">
        <v>640</v>
      </c>
    </row>
    <row r="2420" spans="1:19" x14ac:dyDescent="0.25">
      <c r="A2420">
        <v>46200010</v>
      </c>
      <c r="B2420" t="s">
        <v>12579</v>
      </c>
      <c r="C2420" s="1" t="s">
        <v>12580</v>
      </c>
      <c r="E2420">
        <v>1</v>
      </c>
      <c r="F2420">
        <v>3</v>
      </c>
      <c r="H2420" t="s">
        <v>12581</v>
      </c>
      <c r="I2420">
        <v>1</v>
      </c>
      <c r="J2420" t="s">
        <v>12582</v>
      </c>
      <c r="O2420">
        <v>2756466</v>
      </c>
      <c r="P2420">
        <v>1</v>
      </c>
      <c r="Q2420">
        <v>-1</v>
      </c>
      <c r="R2420" t="s">
        <v>1655</v>
      </c>
      <c r="S2420">
        <v>806</v>
      </c>
    </row>
    <row r="2421" spans="1:19" x14ac:dyDescent="0.25">
      <c r="A2421">
        <v>25345512</v>
      </c>
      <c r="B2421" t="s">
        <v>12583</v>
      </c>
      <c r="C2421" s="1" t="s">
        <v>12584</v>
      </c>
      <c r="D2421">
        <v>25345629</v>
      </c>
      <c r="E2421">
        <v>1</v>
      </c>
      <c r="F2421">
        <v>3</v>
      </c>
      <c r="H2421" t="s">
        <v>12585</v>
      </c>
      <c r="J2421" t="s">
        <v>12586</v>
      </c>
      <c r="K2421" t="s">
        <v>12587</v>
      </c>
      <c r="M2421">
        <v>816627</v>
      </c>
      <c r="O2421">
        <v>816627</v>
      </c>
      <c r="P2421">
        <v>1</v>
      </c>
      <c r="Q2421">
        <v>0</v>
      </c>
      <c r="R2421" t="s">
        <v>12588</v>
      </c>
      <c r="S2421">
        <v>39</v>
      </c>
    </row>
    <row r="2422" spans="1:19" x14ac:dyDescent="0.25">
      <c r="A2422">
        <v>6808742</v>
      </c>
      <c r="B2422" t="s">
        <v>12589</v>
      </c>
      <c r="C2422" s="1" t="s">
        <v>12590</v>
      </c>
      <c r="E2422">
        <v>1</v>
      </c>
      <c r="F2422">
        <v>0</v>
      </c>
      <c r="H2422" t="s">
        <v>12591</v>
      </c>
      <c r="I2422">
        <v>1</v>
      </c>
      <c r="J2422" t="s">
        <v>12592</v>
      </c>
      <c r="O2422">
        <v>860485</v>
      </c>
      <c r="P2422">
        <v>1</v>
      </c>
      <c r="Q2422">
        <v>2</v>
      </c>
      <c r="R2422" t="s">
        <v>12593</v>
      </c>
      <c r="S2422">
        <v>1517</v>
      </c>
    </row>
    <row r="2423" spans="1:19" x14ac:dyDescent="0.25">
      <c r="A2423">
        <v>4741863</v>
      </c>
      <c r="B2423" t="s">
        <v>12594</v>
      </c>
      <c r="C2423" s="1" t="s">
        <v>12595</v>
      </c>
      <c r="D2423">
        <v>4741972</v>
      </c>
      <c r="E2423">
        <v>2</v>
      </c>
      <c r="F2423">
        <v>0</v>
      </c>
      <c r="H2423" t="s">
        <v>12596</v>
      </c>
      <c r="J2423" t="s">
        <v>12597</v>
      </c>
      <c r="K2423" t="s">
        <v>12598</v>
      </c>
      <c r="M2423">
        <v>513838</v>
      </c>
      <c r="O2423">
        <v>413910</v>
      </c>
      <c r="P2423">
        <v>1</v>
      </c>
      <c r="Q2423">
        <v>1</v>
      </c>
      <c r="R2423" t="s">
        <v>12599</v>
      </c>
      <c r="S2423">
        <v>374</v>
      </c>
    </row>
    <row r="2424" spans="1:19" x14ac:dyDescent="0.25">
      <c r="A2424">
        <v>10709350</v>
      </c>
      <c r="B2424" t="s">
        <v>12600</v>
      </c>
      <c r="C2424" s="1" t="s">
        <v>12601</v>
      </c>
      <c r="D2424">
        <v>10711775</v>
      </c>
      <c r="E2424">
        <v>2</v>
      </c>
      <c r="F2424">
        <v>0</v>
      </c>
      <c r="H2424" t="s">
        <v>12602</v>
      </c>
      <c r="J2424" t="s">
        <v>12603</v>
      </c>
      <c r="O2424">
        <v>779111</v>
      </c>
      <c r="P2424">
        <v>1</v>
      </c>
      <c r="Q2424">
        <v>0</v>
      </c>
      <c r="R2424" t="s">
        <v>9759</v>
      </c>
      <c r="S2424">
        <v>169</v>
      </c>
    </row>
    <row r="2425" spans="1:19" x14ac:dyDescent="0.25">
      <c r="A2425">
        <v>20965254</v>
      </c>
      <c r="B2425" t="s">
        <v>12604</v>
      </c>
      <c r="C2425" s="1" t="s">
        <v>12605</v>
      </c>
      <c r="D2425">
        <v>21107467</v>
      </c>
      <c r="E2425">
        <v>1</v>
      </c>
      <c r="F2425">
        <v>7</v>
      </c>
      <c r="H2425" t="s">
        <v>12606</v>
      </c>
      <c r="J2425" t="s">
        <v>12607</v>
      </c>
      <c r="O2425">
        <v>1134080</v>
      </c>
      <c r="P2425">
        <v>1</v>
      </c>
      <c r="Q2425">
        <v>0</v>
      </c>
      <c r="R2425" t="s">
        <v>12608</v>
      </c>
      <c r="S2425">
        <v>65</v>
      </c>
    </row>
    <row r="2426" spans="1:19" x14ac:dyDescent="0.25">
      <c r="A2426">
        <v>29601984</v>
      </c>
      <c r="B2426" t="s">
        <v>12609</v>
      </c>
      <c r="C2426" s="1" t="s">
        <v>12610</v>
      </c>
      <c r="E2426">
        <v>1</v>
      </c>
      <c r="F2426">
        <v>5</v>
      </c>
      <c r="H2426" t="s">
        <v>12611</v>
      </c>
      <c r="J2426" t="s">
        <v>12612</v>
      </c>
      <c r="O2426">
        <v>4653402</v>
      </c>
      <c r="P2426">
        <v>1</v>
      </c>
      <c r="Q2426">
        <v>-10</v>
      </c>
      <c r="R2426" t="s">
        <v>12613</v>
      </c>
      <c r="S2426">
        <v>78</v>
      </c>
    </row>
    <row r="2427" spans="1:19" x14ac:dyDescent="0.25">
      <c r="A2427">
        <v>30329050</v>
      </c>
      <c r="B2427" t="s">
        <v>12614</v>
      </c>
      <c r="C2427" s="1" t="s">
        <v>12615</v>
      </c>
      <c r="E2427">
        <v>0</v>
      </c>
      <c r="F2427">
        <v>2</v>
      </c>
      <c r="H2427" t="s">
        <v>12616</v>
      </c>
      <c r="J2427" t="s">
        <v>12617</v>
      </c>
      <c r="K2427" t="s">
        <v>12617</v>
      </c>
      <c r="M2427">
        <v>519413</v>
      </c>
      <c r="O2427">
        <v>4916745</v>
      </c>
      <c r="P2427">
        <v>1</v>
      </c>
      <c r="Q2427">
        <v>0</v>
      </c>
      <c r="R2427" t="s">
        <v>12618</v>
      </c>
      <c r="S2427">
        <v>99</v>
      </c>
    </row>
    <row r="2428" spans="1:19" x14ac:dyDescent="0.25">
      <c r="A2428">
        <v>36611989</v>
      </c>
      <c r="B2428" t="s">
        <v>12619</v>
      </c>
      <c r="C2428" s="1" t="s">
        <v>12620</v>
      </c>
      <c r="D2428">
        <v>36612828</v>
      </c>
      <c r="E2428">
        <v>1</v>
      </c>
      <c r="F2428">
        <v>8</v>
      </c>
      <c r="H2428" t="s">
        <v>12621</v>
      </c>
      <c r="J2428" t="s">
        <v>12622</v>
      </c>
      <c r="K2428" t="s">
        <v>12622</v>
      </c>
      <c r="M2428">
        <v>6201486</v>
      </c>
      <c r="O2428">
        <v>6201486</v>
      </c>
      <c r="P2428">
        <v>1</v>
      </c>
      <c r="Q2428">
        <v>0</v>
      </c>
      <c r="R2428" t="s">
        <v>12623</v>
      </c>
      <c r="S2428">
        <v>316</v>
      </c>
    </row>
    <row r="2429" spans="1:19" x14ac:dyDescent="0.25">
      <c r="A2429">
        <v>20773114</v>
      </c>
      <c r="B2429" t="s">
        <v>12624</v>
      </c>
      <c r="C2429" s="1" t="s">
        <v>12625</v>
      </c>
      <c r="E2429">
        <v>0</v>
      </c>
      <c r="F2429">
        <v>2</v>
      </c>
      <c r="H2429" t="s">
        <v>12626</v>
      </c>
      <c r="J2429" t="s">
        <v>12626</v>
      </c>
      <c r="O2429">
        <v>272945</v>
      </c>
      <c r="P2429">
        <v>1</v>
      </c>
      <c r="Q2429">
        <v>0</v>
      </c>
      <c r="R2429" t="s">
        <v>12627</v>
      </c>
      <c r="S2429">
        <v>99</v>
      </c>
    </row>
    <row r="2430" spans="1:19" x14ac:dyDescent="0.25">
      <c r="A2430">
        <v>26569390</v>
      </c>
      <c r="B2430" t="s">
        <v>12628</v>
      </c>
      <c r="C2430" s="1" t="s">
        <v>12629</v>
      </c>
      <c r="D2430">
        <v>26581108</v>
      </c>
      <c r="E2430">
        <v>1</v>
      </c>
      <c r="F2430">
        <v>2</v>
      </c>
      <c r="H2430" t="s">
        <v>12630</v>
      </c>
      <c r="J2430" t="s">
        <v>12631</v>
      </c>
      <c r="K2430" t="s">
        <v>12632</v>
      </c>
      <c r="M2430">
        <v>1810429</v>
      </c>
      <c r="O2430">
        <v>2112052</v>
      </c>
      <c r="P2430">
        <v>1</v>
      </c>
      <c r="Q2430">
        <v>-1</v>
      </c>
      <c r="R2430" t="s">
        <v>12633</v>
      </c>
      <c r="S2430">
        <v>65</v>
      </c>
    </row>
    <row r="2431" spans="1:19" x14ac:dyDescent="0.25">
      <c r="A2431">
        <v>549130</v>
      </c>
      <c r="B2431" t="s">
        <v>12634</v>
      </c>
      <c r="C2431" s="1" t="s">
        <v>12635</v>
      </c>
      <c r="E2431">
        <v>4</v>
      </c>
      <c r="F2431">
        <v>1</v>
      </c>
      <c r="H2431" t="s">
        <v>12636</v>
      </c>
      <c r="J2431" t="s">
        <v>12637</v>
      </c>
      <c r="K2431" t="s">
        <v>12638</v>
      </c>
      <c r="L2431" t="s">
        <v>12639</v>
      </c>
      <c r="M2431">
        <v>20310</v>
      </c>
      <c r="N2431" t="s">
        <v>213</v>
      </c>
      <c r="O2431">
        <v>66437</v>
      </c>
      <c r="P2431">
        <v>1</v>
      </c>
      <c r="Q2431">
        <v>2</v>
      </c>
      <c r="R2431" t="s">
        <v>12640</v>
      </c>
      <c r="S2431">
        <v>755</v>
      </c>
    </row>
    <row r="2432" spans="1:19" x14ac:dyDescent="0.25">
      <c r="A2432">
        <v>27677364</v>
      </c>
      <c r="B2432" t="s">
        <v>12641</v>
      </c>
      <c r="C2432" s="1" t="s">
        <v>12642</v>
      </c>
      <c r="E2432">
        <v>0</v>
      </c>
      <c r="F2432">
        <v>1</v>
      </c>
      <c r="H2432" t="s">
        <v>12643</v>
      </c>
      <c r="J2432" t="s">
        <v>12643</v>
      </c>
      <c r="O2432">
        <v>2824026</v>
      </c>
      <c r="P2432">
        <v>1</v>
      </c>
      <c r="Q2432">
        <v>1</v>
      </c>
      <c r="R2432" t="s">
        <v>12644</v>
      </c>
      <c r="S2432">
        <v>169</v>
      </c>
    </row>
    <row r="2433" spans="1:19" x14ac:dyDescent="0.25">
      <c r="A2433">
        <v>45104610</v>
      </c>
      <c r="B2433" t="s">
        <v>12645</v>
      </c>
      <c r="C2433" s="1" t="s">
        <v>12646</v>
      </c>
      <c r="E2433">
        <v>1</v>
      </c>
      <c r="F2433">
        <v>0</v>
      </c>
      <c r="H2433" t="s">
        <v>12647</v>
      </c>
      <c r="J2433" t="s">
        <v>12648</v>
      </c>
      <c r="K2433" t="s">
        <v>12648</v>
      </c>
      <c r="M2433">
        <v>1323392</v>
      </c>
      <c r="O2433">
        <v>1323392</v>
      </c>
      <c r="P2433">
        <v>1</v>
      </c>
      <c r="Q2433">
        <v>0</v>
      </c>
      <c r="R2433" t="s">
        <v>12649</v>
      </c>
      <c r="S2433">
        <v>288</v>
      </c>
    </row>
    <row r="2434" spans="1:19" x14ac:dyDescent="0.25">
      <c r="A2434">
        <v>14234390</v>
      </c>
      <c r="B2434" t="s">
        <v>12650</v>
      </c>
      <c r="C2434" s="1" t="s">
        <v>12651</v>
      </c>
      <c r="E2434">
        <v>1</v>
      </c>
      <c r="F2434">
        <v>2</v>
      </c>
      <c r="H2434" t="s">
        <v>12652</v>
      </c>
      <c r="J2434" t="s">
        <v>12653</v>
      </c>
      <c r="K2434" t="s">
        <v>12654</v>
      </c>
      <c r="M2434">
        <v>1835379</v>
      </c>
      <c r="O2434">
        <v>1903864</v>
      </c>
      <c r="P2434">
        <v>1</v>
      </c>
      <c r="Q2434">
        <v>0</v>
      </c>
      <c r="R2434" t="s">
        <v>12655</v>
      </c>
      <c r="S2434">
        <v>1563</v>
      </c>
    </row>
    <row r="2435" spans="1:19" x14ac:dyDescent="0.25">
      <c r="A2435">
        <v>45089004</v>
      </c>
      <c r="B2435" t="s">
        <v>12656</v>
      </c>
      <c r="C2435" t="s">
        <v>12657</v>
      </c>
      <c r="D2435">
        <v>45092580</v>
      </c>
      <c r="E2435">
        <v>3</v>
      </c>
      <c r="F2435">
        <v>4</v>
      </c>
      <c r="H2435" t="s">
        <v>12658</v>
      </c>
      <c r="J2435" t="s">
        <v>12659</v>
      </c>
      <c r="O2435">
        <v>6557651</v>
      </c>
      <c r="P2435">
        <v>1</v>
      </c>
      <c r="Q2435">
        <v>-3</v>
      </c>
      <c r="R2435" t="s">
        <v>12660</v>
      </c>
      <c r="S2435">
        <v>180</v>
      </c>
    </row>
    <row r="2436" spans="1:19" x14ac:dyDescent="0.25">
      <c r="A2436">
        <v>38079500</v>
      </c>
      <c r="B2436" t="s">
        <v>12661</v>
      </c>
      <c r="C2436" t="s">
        <v>12662</v>
      </c>
      <c r="D2436">
        <v>38079867</v>
      </c>
      <c r="E2436">
        <v>1</v>
      </c>
      <c r="F2436">
        <v>0</v>
      </c>
      <c r="H2436" t="s">
        <v>12663</v>
      </c>
      <c r="J2436" t="s">
        <v>12664</v>
      </c>
      <c r="O2436">
        <v>6272017</v>
      </c>
      <c r="P2436">
        <v>1</v>
      </c>
      <c r="Q2436">
        <v>-2</v>
      </c>
      <c r="R2436" t="s">
        <v>12665</v>
      </c>
      <c r="S2436">
        <v>91</v>
      </c>
    </row>
    <row r="2437" spans="1:19" x14ac:dyDescent="0.25">
      <c r="A2437">
        <v>31656859</v>
      </c>
      <c r="B2437" t="s">
        <v>12666</v>
      </c>
      <c r="C2437" s="1" t="s">
        <v>12667</v>
      </c>
      <c r="E2437">
        <v>0</v>
      </c>
      <c r="F2437">
        <v>2</v>
      </c>
      <c r="H2437" t="s">
        <v>12668</v>
      </c>
      <c r="J2437" t="s">
        <v>12669</v>
      </c>
      <c r="K2437" t="s">
        <v>12669</v>
      </c>
      <c r="M2437">
        <v>1033581</v>
      </c>
      <c r="O2437">
        <v>3782911</v>
      </c>
      <c r="P2437">
        <v>1</v>
      </c>
      <c r="Q2437">
        <v>0</v>
      </c>
      <c r="R2437" t="s">
        <v>345</v>
      </c>
      <c r="S2437">
        <v>36</v>
      </c>
    </row>
    <row r="2438" spans="1:19" x14ac:dyDescent="0.25">
      <c r="A2438">
        <v>27474442</v>
      </c>
      <c r="B2438" t="s">
        <v>12670</v>
      </c>
      <c r="C2438" s="1" t="s">
        <v>12671</v>
      </c>
      <c r="E2438">
        <v>1</v>
      </c>
      <c r="F2438">
        <v>0</v>
      </c>
      <c r="H2438" t="s">
        <v>12672</v>
      </c>
      <c r="J2438" t="s">
        <v>12673</v>
      </c>
      <c r="K2438" t="s">
        <v>12674</v>
      </c>
      <c r="M2438">
        <v>727208</v>
      </c>
      <c r="O2438">
        <v>2217418</v>
      </c>
      <c r="P2438">
        <v>1</v>
      </c>
      <c r="Q2438">
        <v>3</v>
      </c>
      <c r="R2438" t="s">
        <v>12675</v>
      </c>
      <c r="S2438">
        <v>240</v>
      </c>
    </row>
    <row r="2439" spans="1:19" x14ac:dyDescent="0.25">
      <c r="A2439">
        <v>39617265</v>
      </c>
      <c r="B2439" t="s">
        <v>12676</v>
      </c>
      <c r="C2439" s="1" t="s">
        <v>12677</v>
      </c>
      <c r="D2439">
        <v>39617438</v>
      </c>
      <c r="E2439">
        <v>1</v>
      </c>
      <c r="F2439">
        <v>2</v>
      </c>
      <c r="H2439" t="s">
        <v>12678</v>
      </c>
      <c r="J2439" t="s">
        <v>12679</v>
      </c>
      <c r="K2439" t="s">
        <v>12680</v>
      </c>
      <c r="M2439">
        <v>-1</v>
      </c>
      <c r="O2439">
        <v>719427</v>
      </c>
      <c r="P2439">
        <v>1</v>
      </c>
      <c r="Q2439">
        <v>0</v>
      </c>
      <c r="R2439" t="s">
        <v>12681</v>
      </c>
      <c r="S2439">
        <v>1112</v>
      </c>
    </row>
    <row r="2440" spans="1:19" x14ac:dyDescent="0.25">
      <c r="A2440">
        <v>40627655</v>
      </c>
      <c r="B2440" t="s">
        <v>12682</v>
      </c>
      <c r="C2440" s="1" t="s">
        <v>12683</v>
      </c>
      <c r="D2440">
        <v>40627962</v>
      </c>
      <c r="E2440">
        <v>5</v>
      </c>
      <c r="F2440">
        <v>2</v>
      </c>
      <c r="H2440" t="s">
        <v>12684</v>
      </c>
      <c r="J2440" t="s">
        <v>12685</v>
      </c>
      <c r="K2440" t="s">
        <v>12686</v>
      </c>
      <c r="M2440">
        <v>3545273</v>
      </c>
      <c r="O2440">
        <v>5953890</v>
      </c>
      <c r="P2440">
        <v>1</v>
      </c>
      <c r="Q2440">
        <v>0</v>
      </c>
      <c r="R2440" t="s">
        <v>12687</v>
      </c>
      <c r="S2440">
        <v>122</v>
      </c>
    </row>
    <row r="2441" spans="1:19" x14ac:dyDescent="0.25">
      <c r="A2441">
        <v>44015888</v>
      </c>
      <c r="B2441" t="s">
        <v>12688</v>
      </c>
      <c r="C2441" s="1" t="s">
        <v>12689</v>
      </c>
      <c r="D2441">
        <v>44016049</v>
      </c>
      <c r="E2441">
        <v>3</v>
      </c>
      <c r="F2441">
        <v>0</v>
      </c>
      <c r="H2441" t="s">
        <v>12690</v>
      </c>
      <c r="J2441" t="s">
        <v>12691</v>
      </c>
      <c r="O2441">
        <v>6331008</v>
      </c>
      <c r="P2441">
        <v>1</v>
      </c>
      <c r="Q2441">
        <v>3</v>
      </c>
      <c r="R2441" t="s">
        <v>12692</v>
      </c>
      <c r="S2441">
        <v>140</v>
      </c>
    </row>
    <row r="2442" spans="1:19" x14ac:dyDescent="0.25">
      <c r="A2442">
        <v>25513278</v>
      </c>
      <c r="B2442" t="s">
        <v>12693</v>
      </c>
      <c r="C2442" s="1" t="s">
        <v>12694</v>
      </c>
      <c r="E2442">
        <v>2</v>
      </c>
      <c r="F2442">
        <v>6</v>
      </c>
      <c r="H2442" t="s">
        <v>12695</v>
      </c>
      <c r="J2442" t="s">
        <v>12696</v>
      </c>
      <c r="K2442" t="s">
        <v>12697</v>
      </c>
      <c r="M2442">
        <v>1421014</v>
      </c>
      <c r="O2442">
        <v>1421014</v>
      </c>
      <c r="P2442">
        <v>1</v>
      </c>
      <c r="Q2442">
        <v>0</v>
      </c>
      <c r="R2442" t="s">
        <v>12698</v>
      </c>
      <c r="S2442">
        <v>48</v>
      </c>
    </row>
    <row r="2443" spans="1:19" x14ac:dyDescent="0.25">
      <c r="A2443">
        <v>39792991</v>
      </c>
      <c r="B2443" t="s">
        <v>12699</v>
      </c>
      <c r="C2443" s="1" t="s">
        <v>12700</v>
      </c>
      <c r="E2443">
        <v>0</v>
      </c>
      <c r="F2443">
        <v>4</v>
      </c>
      <c r="H2443" t="s">
        <v>12701</v>
      </c>
      <c r="J2443" t="s">
        <v>12702</v>
      </c>
      <c r="K2443" t="s">
        <v>12703</v>
      </c>
      <c r="M2443">
        <v>6904978</v>
      </c>
      <c r="O2443">
        <v>6904978</v>
      </c>
      <c r="P2443">
        <v>1</v>
      </c>
      <c r="Q2443">
        <v>0</v>
      </c>
      <c r="R2443" t="s">
        <v>819</v>
      </c>
      <c r="S2443">
        <v>71</v>
      </c>
    </row>
    <row r="2444" spans="1:19" x14ac:dyDescent="0.25">
      <c r="A2444">
        <v>45520014</v>
      </c>
      <c r="B2444" t="s">
        <v>12704</v>
      </c>
      <c r="C2444" s="1" t="s">
        <v>12705</v>
      </c>
      <c r="E2444">
        <v>0</v>
      </c>
      <c r="F2444">
        <v>4</v>
      </c>
      <c r="H2444" t="s">
        <v>12706</v>
      </c>
      <c r="J2444" t="s">
        <v>12707</v>
      </c>
      <c r="K2444" t="s">
        <v>12707</v>
      </c>
      <c r="M2444">
        <v>3996989</v>
      </c>
      <c r="O2444">
        <v>3996989</v>
      </c>
      <c r="P2444">
        <v>1</v>
      </c>
      <c r="Q2444">
        <v>0</v>
      </c>
      <c r="R2444" t="s">
        <v>12708</v>
      </c>
      <c r="S2444">
        <v>239</v>
      </c>
    </row>
    <row r="2445" spans="1:19" x14ac:dyDescent="0.25">
      <c r="A2445">
        <v>5683813</v>
      </c>
      <c r="B2445" t="s">
        <v>12709</v>
      </c>
      <c r="C2445" s="1" t="s">
        <v>12710</v>
      </c>
      <c r="D2445">
        <v>5683836</v>
      </c>
      <c r="E2445">
        <v>2</v>
      </c>
      <c r="F2445">
        <v>3</v>
      </c>
      <c r="H2445" t="s">
        <v>12711</v>
      </c>
      <c r="I2445">
        <v>1</v>
      </c>
      <c r="J2445" t="s">
        <v>12712</v>
      </c>
      <c r="O2445">
        <v>552067</v>
      </c>
      <c r="P2445">
        <v>1</v>
      </c>
      <c r="Q2445">
        <v>0</v>
      </c>
      <c r="R2445" t="s">
        <v>12713</v>
      </c>
      <c r="S2445">
        <v>158</v>
      </c>
    </row>
    <row r="2446" spans="1:19" x14ac:dyDescent="0.25">
      <c r="A2446">
        <v>36940890</v>
      </c>
      <c r="B2446" t="s">
        <v>12714</v>
      </c>
      <c r="C2446" s="1" t="s">
        <v>12715</v>
      </c>
      <c r="D2446">
        <v>36941127</v>
      </c>
      <c r="E2446">
        <v>1</v>
      </c>
      <c r="F2446">
        <v>4</v>
      </c>
      <c r="H2446" t="s">
        <v>12716</v>
      </c>
      <c r="J2446" t="s">
        <v>12717</v>
      </c>
      <c r="O2446">
        <v>1763917</v>
      </c>
      <c r="P2446">
        <v>1</v>
      </c>
      <c r="Q2446">
        <v>0</v>
      </c>
      <c r="R2446" t="s">
        <v>12718</v>
      </c>
      <c r="S2446">
        <v>62</v>
      </c>
    </row>
    <row r="2447" spans="1:19" x14ac:dyDescent="0.25">
      <c r="A2447">
        <v>53555965</v>
      </c>
      <c r="B2447" t="s">
        <v>12719</v>
      </c>
      <c r="C2447" s="1" t="s">
        <v>12720</v>
      </c>
      <c r="E2447">
        <v>0</v>
      </c>
      <c r="F2447">
        <v>3</v>
      </c>
      <c r="H2447" t="s">
        <v>12721</v>
      </c>
      <c r="J2447" t="s">
        <v>12722</v>
      </c>
      <c r="K2447" t="s">
        <v>12722</v>
      </c>
      <c r="M2447">
        <v>10652765</v>
      </c>
      <c r="O2447">
        <v>10652765</v>
      </c>
      <c r="P2447">
        <v>1</v>
      </c>
      <c r="Q2447">
        <v>0</v>
      </c>
      <c r="R2447" t="s">
        <v>12723</v>
      </c>
      <c r="S2447">
        <v>33</v>
      </c>
    </row>
    <row r="2448" spans="1:19" x14ac:dyDescent="0.25">
      <c r="A2448">
        <v>29520350</v>
      </c>
      <c r="B2448" t="s">
        <v>12724</v>
      </c>
      <c r="C2448" s="1" t="s">
        <v>12725</v>
      </c>
      <c r="D2448">
        <v>29520442</v>
      </c>
      <c r="E2448">
        <v>5</v>
      </c>
      <c r="F2448">
        <v>5</v>
      </c>
      <c r="H2448" t="s">
        <v>12726</v>
      </c>
      <c r="J2448" t="s">
        <v>12727</v>
      </c>
      <c r="N2448" t="s">
        <v>12728</v>
      </c>
      <c r="P2448">
        <v>1</v>
      </c>
      <c r="Q2448">
        <v>0</v>
      </c>
      <c r="R2448" t="s">
        <v>12729</v>
      </c>
      <c r="S2448">
        <v>457</v>
      </c>
    </row>
    <row r="2449" spans="1:19" x14ac:dyDescent="0.25">
      <c r="A2449">
        <v>47768267</v>
      </c>
      <c r="B2449" t="s">
        <v>12730</v>
      </c>
      <c r="C2449" s="1" t="s">
        <v>12731</v>
      </c>
      <c r="D2449">
        <v>47769182</v>
      </c>
      <c r="E2449">
        <v>1</v>
      </c>
      <c r="F2449">
        <v>7</v>
      </c>
      <c r="H2449" t="s">
        <v>12732</v>
      </c>
      <c r="J2449" t="s">
        <v>12733</v>
      </c>
      <c r="K2449" t="s">
        <v>12734</v>
      </c>
      <c r="M2449">
        <v>4950717</v>
      </c>
      <c r="O2449">
        <v>4950717</v>
      </c>
      <c r="P2449">
        <v>1</v>
      </c>
      <c r="Q2449">
        <v>2</v>
      </c>
      <c r="R2449" t="s">
        <v>12735</v>
      </c>
      <c r="S2449">
        <v>792</v>
      </c>
    </row>
    <row r="2450" spans="1:19" x14ac:dyDescent="0.25">
      <c r="A2450">
        <v>20224576</v>
      </c>
      <c r="B2450" t="s">
        <v>12736</v>
      </c>
      <c r="C2450" s="1" t="s">
        <v>12737</v>
      </c>
      <c r="D2450">
        <v>20224631</v>
      </c>
      <c r="E2450">
        <v>2</v>
      </c>
      <c r="F2450">
        <v>3</v>
      </c>
      <c r="H2450" t="s">
        <v>12738</v>
      </c>
      <c r="J2450" t="s">
        <v>12739</v>
      </c>
      <c r="K2450" t="s">
        <v>12740</v>
      </c>
      <c r="M2450">
        <v>3037641</v>
      </c>
      <c r="O2450">
        <v>3037641</v>
      </c>
      <c r="P2450">
        <v>1</v>
      </c>
      <c r="Q2450">
        <v>2</v>
      </c>
      <c r="R2450" t="s">
        <v>12741</v>
      </c>
      <c r="S2450">
        <v>2176</v>
      </c>
    </row>
    <row r="2451" spans="1:19" x14ac:dyDescent="0.25">
      <c r="A2451">
        <v>40455560</v>
      </c>
      <c r="B2451" t="s">
        <v>12742</v>
      </c>
      <c r="C2451" s="1" t="s">
        <v>12743</v>
      </c>
      <c r="E2451">
        <v>1</v>
      </c>
      <c r="F2451">
        <v>3</v>
      </c>
      <c r="H2451" t="s">
        <v>12744</v>
      </c>
      <c r="J2451" t="s">
        <v>12745</v>
      </c>
      <c r="K2451" t="s">
        <v>12746</v>
      </c>
      <c r="M2451">
        <v>571407</v>
      </c>
      <c r="O2451">
        <v>7120747</v>
      </c>
      <c r="P2451">
        <v>1</v>
      </c>
      <c r="Q2451">
        <v>0</v>
      </c>
      <c r="R2451" t="s">
        <v>12747</v>
      </c>
      <c r="S2451">
        <v>37</v>
      </c>
    </row>
    <row r="2452" spans="1:19" x14ac:dyDescent="0.25">
      <c r="A2452">
        <v>22552473</v>
      </c>
      <c r="B2452" t="s">
        <v>12748</v>
      </c>
      <c r="C2452" s="1" t="s">
        <v>12749</v>
      </c>
      <c r="E2452">
        <v>2</v>
      </c>
      <c r="F2452">
        <v>0</v>
      </c>
      <c r="H2452" t="s">
        <v>12750</v>
      </c>
      <c r="J2452" t="s">
        <v>12751</v>
      </c>
      <c r="K2452" t="s">
        <v>12752</v>
      </c>
      <c r="M2452">
        <v>3445268</v>
      </c>
      <c r="O2452">
        <v>3445268</v>
      </c>
      <c r="P2452">
        <v>1</v>
      </c>
      <c r="Q2452">
        <v>-1</v>
      </c>
      <c r="R2452" t="s">
        <v>12753</v>
      </c>
      <c r="S2452">
        <v>967</v>
      </c>
    </row>
    <row r="2453" spans="1:19" x14ac:dyDescent="0.25">
      <c r="A2453">
        <v>44588460</v>
      </c>
      <c r="B2453" t="s">
        <v>12754</v>
      </c>
      <c r="C2453" s="1" t="s">
        <v>12755</v>
      </c>
      <c r="E2453">
        <v>0</v>
      </c>
      <c r="F2453">
        <v>3</v>
      </c>
      <c r="H2453" t="s">
        <v>12756</v>
      </c>
      <c r="J2453" t="s">
        <v>12757</v>
      </c>
      <c r="K2453" t="s">
        <v>12757</v>
      </c>
      <c r="M2453">
        <v>5497690</v>
      </c>
      <c r="O2453">
        <v>7462059</v>
      </c>
      <c r="P2453">
        <v>1</v>
      </c>
      <c r="Q2453">
        <v>0</v>
      </c>
      <c r="R2453" t="s">
        <v>12758</v>
      </c>
      <c r="S2453">
        <v>100</v>
      </c>
    </row>
    <row r="2454" spans="1:19" x14ac:dyDescent="0.25">
      <c r="A2454">
        <v>43646662</v>
      </c>
      <c r="B2454" t="s">
        <v>12759</v>
      </c>
      <c r="C2454" s="1" t="s">
        <v>12760</v>
      </c>
      <c r="E2454">
        <v>2</v>
      </c>
      <c r="F2454">
        <v>1</v>
      </c>
      <c r="H2454" t="s">
        <v>12761</v>
      </c>
      <c r="J2454" t="s">
        <v>12762</v>
      </c>
      <c r="K2454" t="s">
        <v>12762</v>
      </c>
      <c r="M2454">
        <v>4032703</v>
      </c>
      <c r="O2454">
        <v>5357090</v>
      </c>
      <c r="P2454">
        <v>1</v>
      </c>
      <c r="Q2454">
        <v>-4</v>
      </c>
      <c r="R2454" t="s">
        <v>2754</v>
      </c>
      <c r="S2454">
        <v>438</v>
      </c>
    </row>
    <row r="2455" spans="1:19" x14ac:dyDescent="0.25">
      <c r="A2455">
        <v>27882565</v>
      </c>
      <c r="B2455" t="s">
        <v>12763</v>
      </c>
      <c r="C2455" s="1" t="s">
        <v>12764</v>
      </c>
      <c r="D2455">
        <v>27882626</v>
      </c>
      <c r="E2455">
        <v>3</v>
      </c>
      <c r="F2455">
        <v>3</v>
      </c>
      <c r="H2455" t="s">
        <v>12765</v>
      </c>
      <c r="I2455">
        <v>0</v>
      </c>
      <c r="J2455" t="s">
        <v>12766</v>
      </c>
      <c r="O2455">
        <v>267955</v>
      </c>
      <c r="P2455">
        <v>1</v>
      </c>
      <c r="Q2455">
        <v>-2</v>
      </c>
      <c r="R2455" t="s">
        <v>1446</v>
      </c>
      <c r="S2455">
        <v>40384</v>
      </c>
    </row>
    <row r="2456" spans="1:19" x14ac:dyDescent="0.25">
      <c r="A2456">
        <v>7032439</v>
      </c>
      <c r="B2456" t="s">
        <v>12767</v>
      </c>
      <c r="C2456" s="1" t="s">
        <v>12768</v>
      </c>
      <c r="D2456">
        <v>7032474</v>
      </c>
      <c r="E2456">
        <v>2</v>
      </c>
      <c r="F2456">
        <v>3</v>
      </c>
      <c r="H2456" t="s">
        <v>12769</v>
      </c>
      <c r="J2456" t="s">
        <v>12770</v>
      </c>
      <c r="O2456">
        <v>890660</v>
      </c>
      <c r="P2456">
        <v>1</v>
      </c>
      <c r="Q2456">
        <v>1</v>
      </c>
      <c r="R2456" t="s">
        <v>11699</v>
      </c>
      <c r="S2456">
        <v>280</v>
      </c>
    </row>
    <row r="2457" spans="1:19" x14ac:dyDescent="0.25">
      <c r="A2457">
        <v>21950473</v>
      </c>
      <c r="B2457" t="s">
        <v>12771</v>
      </c>
      <c r="C2457" s="1" t="s">
        <v>12772</v>
      </c>
      <c r="E2457">
        <v>0</v>
      </c>
      <c r="F2457">
        <v>7</v>
      </c>
      <c r="H2457" t="s">
        <v>12773</v>
      </c>
      <c r="J2457" t="s">
        <v>12774</v>
      </c>
      <c r="K2457" t="s">
        <v>12774</v>
      </c>
      <c r="M2457">
        <v>3306226</v>
      </c>
      <c r="O2457">
        <v>3306226</v>
      </c>
      <c r="P2457">
        <v>1</v>
      </c>
      <c r="Q2457">
        <v>0</v>
      </c>
      <c r="R2457" t="s">
        <v>12775</v>
      </c>
      <c r="S2457">
        <v>315</v>
      </c>
    </row>
    <row r="2458" spans="1:19" x14ac:dyDescent="0.25">
      <c r="A2458">
        <v>19429863</v>
      </c>
      <c r="B2458" t="s">
        <v>12776</v>
      </c>
      <c r="C2458" s="1" t="s">
        <v>12777</v>
      </c>
      <c r="D2458">
        <v>19430597</v>
      </c>
      <c r="E2458">
        <v>1</v>
      </c>
      <c r="F2458">
        <v>0</v>
      </c>
      <c r="H2458" t="s">
        <v>12778</v>
      </c>
      <c r="J2458" t="s">
        <v>12779</v>
      </c>
      <c r="O2458">
        <v>2287503</v>
      </c>
      <c r="P2458">
        <v>1</v>
      </c>
      <c r="Q2458">
        <v>0</v>
      </c>
      <c r="R2458" t="s">
        <v>12780</v>
      </c>
      <c r="S2458">
        <v>1809</v>
      </c>
    </row>
    <row r="2459" spans="1:19" x14ac:dyDescent="0.25">
      <c r="A2459">
        <v>28917819</v>
      </c>
      <c r="B2459" t="s">
        <v>12781</v>
      </c>
      <c r="C2459" s="1" t="s">
        <v>12782</v>
      </c>
      <c r="E2459">
        <v>1</v>
      </c>
      <c r="F2459">
        <v>1</v>
      </c>
      <c r="H2459" t="s">
        <v>12783</v>
      </c>
      <c r="J2459" t="s">
        <v>12784</v>
      </c>
      <c r="K2459" t="s">
        <v>12785</v>
      </c>
      <c r="M2459">
        <v>968155</v>
      </c>
      <c r="O2459">
        <v>4644760</v>
      </c>
      <c r="P2459">
        <v>1</v>
      </c>
      <c r="Q2459">
        <v>0</v>
      </c>
      <c r="R2459" t="s">
        <v>12786</v>
      </c>
      <c r="S2459">
        <v>2673</v>
      </c>
    </row>
    <row r="2460" spans="1:19" x14ac:dyDescent="0.25">
      <c r="A2460">
        <v>7517645</v>
      </c>
      <c r="B2460" t="s">
        <v>12787</v>
      </c>
      <c r="C2460" s="1" t="s">
        <v>12788</v>
      </c>
      <c r="D2460">
        <v>7520003</v>
      </c>
      <c r="E2460">
        <v>1</v>
      </c>
      <c r="F2460">
        <v>6</v>
      </c>
      <c r="H2460" t="s">
        <v>12789</v>
      </c>
      <c r="I2460">
        <v>1</v>
      </c>
      <c r="J2460" t="s">
        <v>12790</v>
      </c>
      <c r="K2460" t="s">
        <v>12790</v>
      </c>
      <c r="M2460">
        <v>367456</v>
      </c>
      <c r="O2460">
        <v>816584</v>
      </c>
      <c r="P2460">
        <v>1</v>
      </c>
      <c r="Q2460">
        <v>1</v>
      </c>
      <c r="R2460" t="s">
        <v>12791</v>
      </c>
      <c r="S2460">
        <v>795</v>
      </c>
    </row>
    <row r="2461" spans="1:19" x14ac:dyDescent="0.25">
      <c r="A2461">
        <v>29354201</v>
      </c>
      <c r="B2461" t="s">
        <v>12792</v>
      </c>
      <c r="C2461" s="1" t="s">
        <v>12793</v>
      </c>
      <c r="D2461">
        <v>30019331</v>
      </c>
      <c r="E2461">
        <v>2</v>
      </c>
      <c r="F2461">
        <v>6</v>
      </c>
      <c r="H2461" t="s">
        <v>12794</v>
      </c>
      <c r="J2461" t="s">
        <v>12795</v>
      </c>
      <c r="K2461" t="s">
        <v>12796</v>
      </c>
      <c r="M2461">
        <v>975403</v>
      </c>
      <c r="O2461">
        <v>975403</v>
      </c>
      <c r="P2461">
        <v>1</v>
      </c>
      <c r="Q2461">
        <v>1</v>
      </c>
      <c r="R2461" t="s">
        <v>12797</v>
      </c>
      <c r="S2461">
        <v>1367</v>
      </c>
    </row>
    <row r="2462" spans="1:19" x14ac:dyDescent="0.25">
      <c r="A2462">
        <v>15974354</v>
      </c>
      <c r="B2462" t="s">
        <v>12798</v>
      </c>
      <c r="C2462" s="1" t="s">
        <v>12799</v>
      </c>
      <c r="D2462">
        <v>15974394</v>
      </c>
      <c r="E2462">
        <v>3</v>
      </c>
      <c r="F2462">
        <v>5</v>
      </c>
      <c r="H2462" t="s">
        <v>12800</v>
      </c>
      <c r="I2462">
        <v>0</v>
      </c>
      <c r="J2462" t="s">
        <v>12801</v>
      </c>
      <c r="O2462">
        <v>2146826</v>
      </c>
      <c r="P2462">
        <v>1</v>
      </c>
      <c r="Q2462">
        <v>0</v>
      </c>
      <c r="R2462" t="s">
        <v>12802</v>
      </c>
      <c r="S2462">
        <v>1664</v>
      </c>
    </row>
    <row r="2463" spans="1:19" x14ac:dyDescent="0.25">
      <c r="A2463">
        <v>23813087</v>
      </c>
      <c r="B2463" t="s">
        <v>12803</v>
      </c>
      <c r="C2463" s="1" t="s">
        <v>12804</v>
      </c>
      <c r="E2463">
        <v>0</v>
      </c>
      <c r="F2463">
        <v>2</v>
      </c>
      <c r="H2463" t="s">
        <v>12805</v>
      </c>
      <c r="J2463" t="s">
        <v>12806</v>
      </c>
      <c r="K2463" t="s">
        <v>12806</v>
      </c>
      <c r="M2463">
        <v>1037295</v>
      </c>
      <c r="O2463">
        <v>1037295</v>
      </c>
      <c r="P2463">
        <v>1</v>
      </c>
      <c r="Q2463">
        <v>0</v>
      </c>
      <c r="R2463" t="s">
        <v>12807</v>
      </c>
      <c r="S2463">
        <v>361</v>
      </c>
    </row>
    <row r="2464" spans="1:19" x14ac:dyDescent="0.25">
      <c r="A2464">
        <v>37935571</v>
      </c>
      <c r="B2464" t="s">
        <v>12808</v>
      </c>
      <c r="C2464" s="1" t="s">
        <v>12809</v>
      </c>
      <c r="D2464">
        <v>37935616</v>
      </c>
      <c r="E2464">
        <v>1</v>
      </c>
      <c r="F2464">
        <v>2</v>
      </c>
      <c r="H2464" t="s">
        <v>12810</v>
      </c>
      <c r="J2464" t="s">
        <v>12811</v>
      </c>
      <c r="K2464" t="s">
        <v>12811</v>
      </c>
      <c r="M2464">
        <v>4251124</v>
      </c>
      <c r="O2464">
        <v>5251414</v>
      </c>
      <c r="P2464">
        <v>1</v>
      </c>
      <c r="Q2464">
        <v>0</v>
      </c>
      <c r="R2464" t="s">
        <v>2771</v>
      </c>
      <c r="S2464">
        <v>329</v>
      </c>
    </row>
    <row r="2465" spans="1:19" x14ac:dyDescent="0.25">
      <c r="A2465">
        <v>35174818</v>
      </c>
      <c r="B2465" t="s">
        <v>12812</v>
      </c>
      <c r="C2465" s="1" t="s">
        <v>12813</v>
      </c>
      <c r="D2465">
        <v>35204711</v>
      </c>
      <c r="E2465">
        <v>1</v>
      </c>
      <c r="F2465">
        <v>0</v>
      </c>
      <c r="H2465" t="s">
        <v>12814</v>
      </c>
      <c r="J2465" t="s">
        <v>12815</v>
      </c>
      <c r="K2465" t="s">
        <v>12816</v>
      </c>
      <c r="M2465">
        <v>5877319</v>
      </c>
      <c r="O2465">
        <v>5877319</v>
      </c>
      <c r="P2465">
        <v>1</v>
      </c>
      <c r="Q2465">
        <v>1</v>
      </c>
      <c r="R2465" t="s">
        <v>12817</v>
      </c>
      <c r="S2465">
        <v>578</v>
      </c>
    </row>
    <row r="2466" spans="1:19" x14ac:dyDescent="0.25">
      <c r="A2466">
        <v>23492502</v>
      </c>
      <c r="B2466" t="s">
        <v>12818</v>
      </c>
      <c r="C2466" s="1" t="s">
        <v>12819</v>
      </c>
      <c r="E2466">
        <v>2</v>
      </c>
      <c r="F2466">
        <v>3</v>
      </c>
      <c r="H2466" t="s">
        <v>12820</v>
      </c>
      <c r="I2466">
        <v>1</v>
      </c>
      <c r="J2466" t="s">
        <v>12821</v>
      </c>
      <c r="O2466">
        <v>3564491</v>
      </c>
      <c r="P2466">
        <v>1</v>
      </c>
      <c r="Q2466">
        <v>2</v>
      </c>
      <c r="R2466" t="s">
        <v>12822</v>
      </c>
      <c r="S2466">
        <v>9990</v>
      </c>
    </row>
    <row r="2467" spans="1:19" x14ac:dyDescent="0.25">
      <c r="A2467">
        <v>42268657</v>
      </c>
      <c r="B2467" t="s">
        <v>12823</v>
      </c>
      <c r="C2467" s="1" t="s">
        <v>12824</v>
      </c>
      <c r="E2467">
        <v>2</v>
      </c>
      <c r="F2467">
        <v>0</v>
      </c>
      <c r="H2467" t="s">
        <v>12825</v>
      </c>
      <c r="J2467" t="s">
        <v>12826</v>
      </c>
      <c r="K2467" t="s">
        <v>12827</v>
      </c>
      <c r="M2467">
        <v>1884363</v>
      </c>
      <c r="O2467">
        <v>1884363</v>
      </c>
      <c r="P2467">
        <v>1</v>
      </c>
      <c r="Q2467">
        <v>0</v>
      </c>
      <c r="R2467" t="s">
        <v>12828</v>
      </c>
      <c r="S2467">
        <v>322</v>
      </c>
    </row>
    <row r="2468" spans="1:19" x14ac:dyDescent="0.25">
      <c r="A2468">
        <v>222052</v>
      </c>
      <c r="B2468" t="s">
        <v>12829</v>
      </c>
      <c r="C2468" s="1" t="s">
        <v>12830</v>
      </c>
      <c r="D2468">
        <v>222129</v>
      </c>
      <c r="E2468">
        <v>3</v>
      </c>
      <c r="F2468">
        <v>0</v>
      </c>
      <c r="H2468" t="s">
        <v>12831</v>
      </c>
      <c r="J2468" t="s">
        <v>12832</v>
      </c>
      <c r="K2468" t="s">
        <v>12832</v>
      </c>
      <c r="M2468">
        <v>305637</v>
      </c>
      <c r="N2468" t="s">
        <v>12833</v>
      </c>
      <c r="O2468">
        <v>3047</v>
      </c>
      <c r="P2468">
        <v>1</v>
      </c>
      <c r="Q2468">
        <v>1</v>
      </c>
      <c r="R2468" t="s">
        <v>12834</v>
      </c>
      <c r="S2468">
        <v>549</v>
      </c>
    </row>
    <row r="2469" spans="1:19" x14ac:dyDescent="0.25">
      <c r="A2469">
        <v>25158590</v>
      </c>
      <c r="B2469" t="s">
        <v>12835</v>
      </c>
      <c r="C2469" s="1" t="s">
        <v>12836</v>
      </c>
      <c r="D2469">
        <v>25159448</v>
      </c>
      <c r="E2469">
        <v>1</v>
      </c>
      <c r="F2469">
        <v>9</v>
      </c>
      <c r="H2469" t="s">
        <v>12837</v>
      </c>
      <c r="J2469" t="s">
        <v>12838</v>
      </c>
      <c r="K2469" t="s">
        <v>12838</v>
      </c>
      <c r="M2469">
        <v>101361</v>
      </c>
      <c r="O2469">
        <v>1250031</v>
      </c>
      <c r="P2469">
        <v>1</v>
      </c>
      <c r="Q2469">
        <v>0</v>
      </c>
      <c r="R2469" t="s">
        <v>12839</v>
      </c>
      <c r="S2469">
        <v>164</v>
      </c>
    </row>
    <row r="2470" spans="1:19" x14ac:dyDescent="0.25">
      <c r="A2470">
        <v>3384857</v>
      </c>
      <c r="B2470" t="s">
        <v>12840</v>
      </c>
      <c r="C2470" s="1" t="s">
        <v>12841</v>
      </c>
      <c r="D2470">
        <v>3384886</v>
      </c>
      <c r="E2470">
        <v>2</v>
      </c>
      <c r="F2470">
        <v>3</v>
      </c>
      <c r="H2470" t="s">
        <v>12842</v>
      </c>
      <c r="J2470" t="s">
        <v>12843</v>
      </c>
      <c r="K2470" t="s">
        <v>12844</v>
      </c>
      <c r="M2470">
        <v>50776</v>
      </c>
      <c r="O2470">
        <v>216194</v>
      </c>
      <c r="P2470">
        <v>1</v>
      </c>
      <c r="Q2470">
        <v>1</v>
      </c>
      <c r="R2470" t="s">
        <v>12845</v>
      </c>
      <c r="S2470">
        <v>1508</v>
      </c>
    </row>
    <row r="2471" spans="1:19" x14ac:dyDescent="0.25">
      <c r="A2471">
        <v>52384382</v>
      </c>
      <c r="B2471" t="s">
        <v>12846</v>
      </c>
      <c r="C2471" s="1" t="s">
        <v>12847</v>
      </c>
      <c r="D2471">
        <v>52401761</v>
      </c>
      <c r="E2471">
        <v>1</v>
      </c>
      <c r="F2471">
        <v>4</v>
      </c>
      <c r="H2471" t="s">
        <v>12848</v>
      </c>
      <c r="J2471" t="s">
        <v>12849</v>
      </c>
      <c r="K2471" t="s">
        <v>12850</v>
      </c>
      <c r="M2471">
        <v>2649012</v>
      </c>
      <c r="O2471">
        <v>2010316</v>
      </c>
      <c r="P2471">
        <v>1</v>
      </c>
      <c r="Q2471">
        <v>0</v>
      </c>
      <c r="R2471" t="s">
        <v>12851</v>
      </c>
      <c r="S2471">
        <v>26</v>
      </c>
    </row>
    <row r="2472" spans="1:19" x14ac:dyDescent="0.25">
      <c r="A2472">
        <v>46159849</v>
      </c>
      <c r="B2472" t="s">
        <v>12852</v>
      </c>
      <c r="C2472" t="s">
        <v>12853</v>
      </c>
      <c r="E2472">
        <v>1</v>
      </c>
      <c r="F2472">
        <v>1</v>
      </c>
      <c r="H2472" t="s">
        <v>12854</v>
      </c>
      <c r="J2472" t="s">
        <v>12855</v>
      </c>
      <c r="K2472" t="s">
        <v>12856</v>
      </c>
      <c r="M2472">
        <v>5436458</v>
      </c>
      <c r="N2472" t="s">
        <v>12857</v>
      </c>
      <c r="P2472">
        <v>1</v>
      </c>
      <c r="Q2472">
        <v>0</v>
      </c>
      <c r="R2472" t="s">
        <v>12858</v>
      </c>
      <c r="S2472">
        <v>33</v>
      </c>
    </row>
    <row r="2473" spans="1:19" x14ac:dyDescent="0.25">
      <c r="A2473">
        <v>15361499</v>
      </c>
      <c r="B2473" t="s">
        <v>12859</v>
      </c>
      <c r="C2473" s="1" t="s">
        <v>12860</v>
      </c>
      <c r="D2473">
        <v>15368160</v>
      </c>
      <c r="E2473">
        <v>1</v>
      </c>
      <c r="F2473">
        <v>6</v>
      </c>
      <c r="H2473" t="s">
        <v>12861</v>
      </c>
      <c r="J2473" t="s">
        <v>12862</v>
      </c>
      <c r="K2473" t="s">
        <v>12863</v>
      </c>
      <c r="M2473">
        <v>794166</v>
      </c>
      <c r="O2473">
        <v>794166</v>
      </c>
      <c r="P2473">
        <v>1</v>
      </c>
      <c r="Q2473">
        <v>0</v>
      </c>
      <c r="R2473" t="s">
        <v>4734</v>
      </c>
      <c r="S2473">
        <v>105</v>
      </c>
    </row>
    <row r="2474" spans="1:19" x14ac:dyDescent="0.25">
      <c r="A2474">
        <v>49328970</v>
      </c>
      <c r="B2474" t="s">
        <v>12864</v>
      </c>
      <c r="C2474" s="1" t="s">
        <v>12865</v>
      </c>
      <c r="D2474">
        <v>49329165</v>
      </c>
      <c r="E2474">
        <v>1</v>
      </c>
      <c r="F2474">
        <v>0</v>
      </c>
      <c r="H2474" t="s">
        <v>12866</v>
      </c>
      <c r="J2474" t="s">
        <v>12867</v>
      </c>
      <c r="O2474">
        <v>5673746</v>
      </c>
      <c r="P2474">
        <v>1</v>
      </c>
      <c r="Q2474">
        <v>0</v>
      </c>
      <c r="R2474" t="s">
        <v>12868</v>
      </c>
      <c r="S2474">
        <v>24</v>
      </c>
    </row>
    <row r="2475" spans="1:19" x14ac:dyDescent="0.25">
      <c r="A2475">
        <v>10648754</v>
      </c>
      <c r="B2475" t="s">
        <v>12869</v>
      </c>
      <c r="C2475" s="1" t="s">
        <v>12870</v>
      </c>
      <c r="D2475">
        <v>10649096</v>
      </c>
      <c r="E2475">
        <v>1</v>
      </c>
      <c r="F2475">
        <v>0</v>
      </c>
      <c r="H2475" t="s">
        <v>12871</v>
      </c>
      <c r="I2475">
        <v>1</v>
      </c>
      <c r="J2475" t="s">
        <v>12872</v>
      </c>
      <c r="K2475" t="s">
        <v>12873</v>
      </c>
      <c r="M2475">
        <v>1092042</v>
      </c>
      <c r="O2475">
        <v>1092042</v>
      </c>
      <c r="P2475">
        <v>1</v>
      </c>
      <c r="Q2475">
        <v>1</v>
      </c>
      <c r="R2475" t="s">
        <v>6108</v>
      </c>
      <c r="S2475">
        <v>4654</v>
      </c>
    </row>
    <row r="2476" spans="1:19" x14ac:dyDescent="0.25">
      <c r="A2476">
        <v>7930556</v>
      </c>
      <c r="B2476" t="s">
        <v>12874</v>
      </c>
      <c r="C2476" s="1" t="s">
        <v>12875</v>
      </c>
      <c r="D2476">
        <v>7930631</v>
      </c>
      <c r="E2476">
        <v>2</v>
      </c>
      <c r="F2476">
        <v>4</v>
      </c>
      <c r="H2476" t="s">
        <v>12876</v>
      </c>
      <c r="J2476" t="s">
        <v>12877</v>
      </c>
      <c r="K2476" t="s">
        <v>12878</v>
      </c>
      <c r="M2476">
        <v>486348</v>
      </c>
      <c r="N2476" t="s">
        <v>12879</v>
      </c>
      <c r="P2476">
        <v>1</v>
      </c>
      <c r="Q2476">
        <v>2</v>
      </c>
      <c r="R2476" t="s">
        <v>12880</v>
      </c>
      <c r="S2476">
        <v>1502</v>
      </c>
    </row>
    <row r="2477" spans="1:19" x14ac:dyDescent="0.25">
      <c r="A2477">
        <v>42819183</v>
      </c>
      <c r="B2477" t="s">
        <v>12881</v>
      </c>
      <c r="C2477" s="1" t="s">
        <v>12882</v>
      </c>
      <c r="D2477">
        <v>42862748</v>
      </c>
      <c r="E2477">
        <v>1</v>
      </c>
      <c r="F2477">
        <v>0</v>
      </c>
      <c r="H2477" t="s">
        <v>12883</v>
      </c>
      <c r="J2477" t="s">
        <v>12884</v>
      </c>
      <c r="O2477">
        <v>931154</v>
      </c>
      <c r="P2477">
        <v>1</v>
      </c>
      <c r="Q2477">
        <v>2</v>
      </c>
      <c r="R2477" t="s">
        <v>12885</v>
      </c>
      <c r="S2477">
        <v>119</v>
      </c>
    </row>
    <row r="2478" spans="1:19" x14ac:dyDescent="0.25">
      <c r="A2478">
        <v>37783601</v>
      </c>
      <c r="B2478" t="s">
        <v>12886</v>
      </c>
      <c r="C2478" s="1" t="s">
        <v>12887</v>
      </c>
      <c r="E2478">
        <v>2</v>
      </c>
      <c r="F2478">
        <v>0</v>
      </c>
      <c r="H2478" t="s">
        <v>12888</v>
      </c>
      <c r="J2478" t="s">
        <v>12889</v>
      </c>
      <c r="K2478" t="s">
        <v>12890</v>
      </c>
      <c r="M2478">
        <v>400295</v>
      </c>
      <c r="O2478">
        <v>400295</v>
      </c>
      <c r="P2478">
        <v>1</v>
      </c>
      <c r="Q2478">
        <v>0</v>
      </c>
      <c r="R2478" t="s">
        <v>12891</v>
      </c>
      <c r="S2478">
        <v>1203</v>
      </c>
    </row>
    <row r="2479" spans="1:19" x14ac:dyDescent="0.25">
      <c r="A2479">
        <v>35096738</v>
      </c>
      <c r="B2479" t="s">
        <v>12892</v>
      </c>
      <c r="C2479" s="1" t="s">
        <v>12893</v>
      </c>
      <c r="D2479">
        <v>35212612</v>
      </c>
      <c r="E2479">
        <v>1</v>
      </c>
      <c r="F2479">
        <v>0</v>
      </c>
      <c r="H2479" t="s">
        <v>12894</v>
      </c>
      <c r="J2479" t="s">
        <v>12895</v>
      </c>
      <c r="O2479">
        <v>3317280</v>
      </c>
      <c r="P2479">
        <v>1</v>
      </c>
      <c r="Q2479">
        <v>1</v>
      </c>
      <c r="R2479" t="s">
        <v>12896</v>
      </c>
      <c r="S2479">
        <v>101</v>
      </c>
    </row>
    <row r="2480" spans="1:19" x14ac:dyDescent="0.25">
      <c r="A2480">
        <v>37256201</v>
      </c>
      <c r="B2480" t="s">
        <v>12897</v>
      </c>
      <c r="C2480" s="1" t="s">
        <v>12898</v>
      </c>
      <c r="D2480">
        <v>37256350</v>
      </c>
      <c r="E2480">
        <v>1</v>
      </c>
      <c r="F2480">
        <v>6</v>
      </c>
      <c r="H2480" t="s">
        <v>12899</v>
      </c>
      <c r="J2480" t="s">
        <v>12900</v>
      </c>
      <c r="K2480" t="s">
        <v>12901</v>
      </c>
      <c r="M2480">
        <v>3416163</v>
      </c>
      <c r="O2480">
        <v>3416163</v>
      </c>
      <c r="P2480">
        <v>1</v>
      </c>
      <c r="Q2480">
        <v>1</v>
      </c>
      <c r="R2480" t="s">
        <v>12902</v>
      </c>
      <c r="S2480">
        <v>279</v>
      </c>
    </row>
    <row r="2481" spans="1:19" x14ac:dyDescent="0.25">
      <c r="A2481">
        <v>24974931</v>
      </c>
      <c r="B2481" t="s">
        <v>12903</v>
      </c>
      <c r="C2481" s="1" t="s">
        <v>12904</v>
      </c>
      <c r="D2481">
        <v>24974987</v>
      </c>
      <c r="E2481">
        <v>2</v>
      </c>
      <c r="F2481">
        <v>1</v>
      </c>
      <c r="H2481" t="s">
        <v>12905</v>
      </c>
      <c r="I2481">
        <v>1</v>
      </c>
      <c r="J2481" t="s">
        <v>12906</v>
      </c>
      <c r="K2481" t="s">
        <v>12906</v>
      </c>
      <c r="M2481">
        <v>1070957</v>
      </c>
      <c r="O2481">
        <v>769409</v>
      </c>
      <c r="P2481">
        <v>1</v>
      </c>
      <c r="Q2481">
        <v>0</v>
      </c>
      <c r="R2481" t="s">
        <v>12907</v>
      </c>
      <c r="S2481">
        <v>111</v>
      </c>
    </row>
    <row r="2482" spans="1:19" x14ac:dyDescent="0.25">
      <c r="A2482">
        <v>26353947</v>
      </c>
      <c r="B2482" t="s">
        <v>12908</v>
      </c>
      <c r="C2482" s="1" t="s">
        <v>12909</v>
      </c>
      <c r="E2482">
        <v>7</v>
      </c>
      <c r="F2482">
        <v>4</v>
      </c>
      <c r="H2482" t="s">
        <v>12910</v>
      </c>
      <c r="J2482" t="s">
        <v>12911</v>
      </c>
      <c r="K2482" t="s">
        <v>12912</v>
      </c>
      <c r="M2482">
        <v>2717587</v>
      </c>
      <c r="O2482">
        <v>3158245</v>
      </c>
      <c r="P2482">
        <v>1</v>
      </c>
      <c r="Q2482">
        <v>0</v>
      </c>
      <c r="R2482" t="s">
        <v>12913</v>
      </c>
      <c r="S2482">
        <v>54</v>
      </c>
    </row>
    <row r="2483" spans="1:19" x14ac:dyDescent="0.25">
      <c r="A2483">
        <v>33094995</v>
      </c>
      <c r="B2483" t="s">
        <v>12914</v>
      </c>
      <c r="C2483" s="1" t="s">
        <v>12915</v>
      </c>
      <c r="E2483">
        <v>1</v>
      </c>
      <c r="F2483">
        <v>2</v>
      </c>
      <c r="H2483" t="s">
        <v>12916</v>
      </c>
      <c r="I2483">
        <v>0</v>
      </c>
      <c r="J2483" t="s">
        <v>12917</v>
      </c>
      <c r="K2483" t="s">
        <v>12918</v>
      </c>
      <c r="M2483">
        <v>5422083</v>
      </c>
      <c r="O2483">
        <v>5422083</v>
      </c>
      <c r="P2483">
        <v>1</v>
      </c>
      <c r="Q2483">
        <v>-2</v>
      </c>
      <c r="R2483" t="s">
        <v>6962</v>
      </c>
      <c r="S2483">
        <v>74</v>
      </c>
    </row>
    <row r="2484" spans="1:19" x14ac:dyDescent="0.25">
      <c r="A2484">
        <v>18368159</v>
      </c>
      <c r="B2484" t="s">
        <v>12919</v>
      </c>
      <c r="C2484" s="1" t="s">
        <v>12920</v>
      </c>
      <c r="E2484">
        <v>2</v>
      </c>
      <c r="F2484">
        <v>5</v>
      </c>
      <c r="H2484" t="s">
        <v>12921</v>
      </c>
      <c r="J2484" t="s">
        <v>12922</v>
      </c>
      <c r="O2484">
        <v>2684263</v>
      </c>
      <c r="P2484">
        <v>1</v>
      </c>
      <c r="Q2484">
        <v>0</v>
      </c>
      <c r="R2484" t="s">
        <v>12923</v>
      </c>
      <c r="S2484">
        <v>559</v>
      </c>
    </row>
    <row r="2485" spans="1:19" x14ac:dyDescent="0.25">
      <c r="A2485">
        <v>2926742</v>
      </c>
      <c r="B2485" t="s">
        <v>12924</v>
      </c>
      <c r="C2485" s="1" t="s">
        <v>12925</v>
      </c>
      <c r="D2485">
        <v>2928613</v>
      </c>
      <c r="E2485">
        <v>3</v>
      </c>
      <c r="F2485">
        <v>1</v>
      </c>
      <c r="H2485" t="s">
        <v>12926</v>
      </c>
      <c r="I2485">
        <v>5</v>
      </c>
      <c r="J2485" t="s">
        <v>12927</v>
      </c>
      <c r="O2485">
        <v>59087</v>
      </c>
      <c r="P2485">
        <v>1</v>
      </c>
      <c r="Q2485">
        <v>4</v>
      </c>
      <c r="R2485" t="s">
        <v>12928</v>
      </c>
      <c r="S2485">
        <v>4297</v>
      </c>
    </row>
    <row r="2486" spans="1:19" x14ac:dyDescent="0.25">
      <c r="A2486">
        <v>14852784</v>
      </c>
      <c r="B2486" t="s">
        <v>12929</v>
      </c>
      <c r="C2486" s="1" t="s">
        <v>12930</v>
      </c>
      <c r="D2486">
        <v>14852929</v>
      </c>
      <c r="E2486">
        <v>2</v>
      </c>
      <c r="F2486">
        <v>3</v>
      </c>
      <c r="H2486" t="s">
        <v>12931</v>
      </c>
      <c r="I2486">
        <v>5</v>
      </c>
      <c r="J2486" t="s">
        <v>12932</v>
      </c>
      <c r="K2486" t="s">
        <v>12933</v>
      </c>
      <c r="M2486">
        <v>1441341</v>
      </c>
      <c r="O2486">
        <v>1441341</v>
      </c>
      <c r="P2486">
        <v>1</v>
      </c>
      <c r="Q2486">
        <v>1</v>
      </c>
      <c r="R2486" t="s">
        <v>12934</v>
      </c>
      <c r="S2486">
        <v>3036</v>
      </c>
    </row>
    <row r="2487" spans="1:19" x14ac:dyDescent="0.25">
      <c r="A2487">
        <v>36827760</v>
      </c>
      <c r="B2487" t="s">
        <v>12935</v>
      </c>
      <c r="C2487" s="1" t="s">
        <v>12936</v>
      </c>
      <c r="E2487">
        <v>2</v>
      </c>
      <c r="F2487">
        <v>8</v>
      </c>
      <c r="H2487" t="s">
        <v>12937</v>
      </c>
      <c r="J2487" t="s">
        <v>12938</v>
      </c>
      <c r="K2487" t="s">
        <v>12939</v>
      </c>
      <c r="M2487">
        <v>179125</v>
      </c>
      <c r="O2487">
        <v>5739122</v>
      </c>
      <c r="P2487">
        <v>1</v>
      </c>
      <c r="Q2487">
        <v>2</v>
      </c>
      <c r="R2487" t="s">
        <v>12940</v>
      </c>
      <c r="S2487">
        <v>79</v>
      </c>
    </row>
    <row r="2488" spans="1:19" x14ac:dyDescent="0.25">
      <c r="A2488">
        <v>37906924</v>
      </c>
      <c r="B2488" t="s">
        <v>12941</v>
      </c>
      <c r="C2488" s="1" t="s">
        <v>12942</v>
      </c>
      <c r="D2488">
        <v>37907048</v>
      </c>
      <c r="E2488">
        <v>1</v>
      </c>
      <c r="F2488">
        <v>0</v>
      </c>
      <c r="H2488" t="s">
        <v>12943</v>
      </c>
      <c r="I2488">
        <v>0</v>
      </c>
      <c r="J2488" t="s">
        <v>12944</v>
      </c>
      <c r="K2488" t="s">
        <v>12944</v>
      </c>
      <c r="M2488">
        <v>2362590</v>
      </c>
      <c r="O2488">
        <v>2362590</v>
      </c>
      <c r="P2488">
        <v>1</v>
      </c>
      <c r="Q2488">
        <v>-1</v>
      </c>
      <c r="R2488" t="s">
        <v>12945</v>
      </c>
      <c r="S2488">
        <v>52</v>
      </c>
    </row>
    <row r="2489" spans="1:19" x14ac:dyDescent="0.25">
      <c r="A2489">
        <v>19096836</v>
      </c>
      <c r="B2489" t="s">
        <v>12946</v>
      </c>
      <c r="C2489" s="1" t="s">
        <v>12947</v>
      </c>
      <c r="E2489">
        <v>1</v>
      </c>
      <c r="F2489">
        <v>0</v>
      </c>
      <c r="H2489" t="s">
        <v>12948</v>
      </c>
      <c r="J2489" t="s">
        <v>12949</v>
      </c>
      <c r="K2489" t="s">
        <v>12950</v>
      </c>
      <c r="M2489">
        <v>2747139</v>
      </c>
      <c r="O2489">
        <v>2747139</v>
      </c>
      <c r="P2489">
        <v>1</v>
      </c>
      <c r="Q2489">
        <v>0</v>
      </c>
      <c r="R2489" t="s">
        <v>12951</v>
      </c>
      <c r="S2489">
        <v>81</v>
      </c>
    </row>
    <row r="2490" spans="1:19" x14ac:dyDescent="0.25">
      <c r="A2490">
        <v>46252411</v>
      </c>
      <c r="B2490" t="s">
        <v>12952</v>
      </c>
      <c r="C2490" s="1" t="s">
        <v>12953</v>
      </c>
      <c r="D2490">
        <v>46291925</v>
      </c>
      <c r="E2490">
        <v>1</v>
      </c>
      <c r="F2490">
        <v>2</v>
      </c>
      <c r="H2490" t="s">
        <v>12954</v>
      </c>
      <c r="J2490" t="s">
        <v>12955</v>
      </c>
      <c r="O2490">
        <v>3054356</v>
      </c>
      <c r="P2490">
        <v>1</v>
      </c>
      <c r="Q2490">
        <v>0</v>
      </c>
      <c r="R2490" t="s">
        <v>12956</v>
      </c>
      <c r="S2490">
        <v>78</v>
      </c>
    </row>
    <row r="2491" spans="1:19" x14ac:dyDescent="0.25">
      <c r="A2491">
        <v>41304698</v>
      </c>
      <c r="B2491" t="s">
        <v>12957</v>
      </c>
      <c r="C2491" s="1" t="s">
        <v>12958</v>
      </c>
      <c r="E2491">
        <v>1</v>
      </c>
      <c r="F2491">
        <v>0</v>
      </c>
      <c r="H2491" t="s">
        <v>12959</v>
      </c>
      <c r="I2491">
        <v>1</v>
      </c>
      <c r="J2491" t="s">
        <v>12960</v>
      </c>
      <c r="K2491" t="s">
        <v>12961</v>
      </c>
      <c r="M2491">
        <v>13302</v>
      </c>
      <c r="O2491">
        <v>1233600</v>
      </c>
      <c r="P2491">
        <v>1</v>
      </c>
      <c r="Q2491">
        <v>1</v>
      </c>
      <c r="R2491" t="s">
        <v>12962</v>
      </c>
      <c r="S2491">
        <v>28</v>
      </c>
    </row>
    <row r="2492" spans="1:19" x14ac:dyDescent="0.25">
      <c r="A2492">
        <v>6081892</v>
      </c>
      <c r="B2492" t="s">
        <v>12963</v>
      </c>
      <c r="C2492" s="1" t="s">
        <v>12964</v>
      </c>
      <c r="D2492">
        <v>6082140</v>
      </c>
      <c r="E2492">
        <v>7</v>
      </c>
      <c r="F2492">
        <v>8</v>
      </c>
      <c r="H2492" t="s">
        <v>12965</v>
      </c>
      <c r="I2492">
        <v>3</v>
      </c>
      <c r="J2492" t="s">
        <v>12966</v>
      </c>
      <c r="K2492" t="s">
        <v>12967</v>
      </c>
      <c r="M2492">
        <v>-1</v>
      </c>
      <c r="O2492">
        <v>641151</v>
      </c>
      <c r="P2492">
        <v>1</v>
      </c>
      <c r="Q2492">
        <v>31</v>
      </c>
      <c r="R2492" t="s">
        <v>12968</v>
      </c>
      <c r="S2492">
        <v>39596</v>
      </c>
    </row>
    <row r="2493" spans="1:19" x14ac:dyDescent="0.25">
      <c r="A2493">
        <v>42552200</v>
      </c>
      <c r="B2493" t="s">
        <v>12969</v>
      </c>
      <c r="C2493" s="1" t="s">
        <v>12970</v>
      </c>
      <c r="E2493">
        <v>0</v>
      </c>
      <c r="F2493">
        <v>4</v>
      </c>
      <c r="H2493" t="s">
        <v>12971</v>
      </c>
      <c r="J2493" t="s">
        <v>12972</v>
      </c>
      <c r="K2493" t="s">
        <v>12972</v>
      </c>
      <c r="M2493">
        <v>4370109</v>
      </c>
      <c r="O2493">
        <v>7646543</v>
      </c>
      <c r="P2493">
        <v>1</v>
      </c>
      <c r="Q2493">
        <v>0</v>
      </c>
      <c r="R2493" t="s">
        <v>12973</v>
      </c>
      <c r="S2493">
        <v>73</v>
      </c>
    </row>
    <row r="2494" spans="1:19" x14ac:dyDescent="0.25">
      <c r="A2494">
        <v>43920828</v>
      </c>
      <c r="B2494" t="s">
        <v>12974</v>
      </c>
      <c r="C2494" t="s">
        <v>12975</v>
      </c>
      <c r="D2494">
        <v>43938625</v>
      </c>
      <c r="E2494">
        <v>1</v>
      </c>
      <c r="F2494">
        <v>1</v>
      </c>
      <c r="H2494" t="s">
        <v>12976</v>
      </c>
      <c r="J2494" t="s">
        <v>12977</v>
      </c>
      <c r="O2494">
        <v>7851757</v>
      </c>
      <c r="P2494">
        <v>1</v>
      </c>
      <c r="Q2494">
        <v>0</v>
      </c>
      <c r="R2494" t="s">
        <v>12978</v>
      </c>
      <c r="S2494">
        <v>832</v>
      </c>
    </row>
    <row r="2495" spans="1:19" x14ac:dyDescent="0.25">
      <c r="A2495">
        <v>26963878</v>
      </c>
      <c r="B2495" t="s">
        <v>12979</v>
      </c>
      <c r="C2495" s="1" t="s">
        <v>12980</v>
      </c>
      <c r="D2495">
        <v>26964558</v>
      </c>
      <c r="E2495">
        <v>3</v>
      </c>
      <c r="F2495">
        <v>0</v>
      </c>
      <c r="H2495" t="s">
        <v>12981</v>
      </c>
      <c r="I2495">
        <v>3</v>
      </c>
      <c r="J2495" t="s">
        <v>12982</v>
      </c>
      <c r="K2495" t="s">
        <v>12983</v>
      </c>
      <c r="M2495">
        <v>-1</v>
      </c>
      <c r="O2495">
        <v>3287761</v>
      </c>
      <c r="P2495">
        <v>1</v>
      </c>
      <c r="Q2495">
        <v>13</v>
      </c>
      <c r="R2495" t="s">
        <v>12984</v>
      </c>
      <c r="S2495">
        <v>43817</v>
      </c>
    </row>
    <row r="2496" spans="1:19" x14ac:dyDescent="0.25">
      <c r="A2496">
        <v>29287796</v>
      </c>
      <c r="B2496" t="s">
        <v>12985</v>
      </c>
      <c r="C2496" t="s">
        <v>12986</v>
      </c>
      <c r="D2496">
        <v>29288948</v>
      </c>
      <c r="E2496">
        <v>1</v>
      </c>
      <c r="F2496">
        <v>3</v>
      </c>
      <c r="H2496" t="s">
        <v>12987</v>
      </c>
      <c r="J2496" t="s">
        <v>12988</v>
      </c>
      <c r="O2496">
        <v>527696</v>
      </c>
      <c r="P2496">
        <v>1</v>
      </c>
      <c r="Q2496">
        <v>-1</v>
      </c>
      <c r="R2496" t="s">
        <v>12989</v>
      </c>
      <c r="S2496">
        <v>17</v>
      </c>
    </row>
    <row r="2497" spans="1:19" x14ac:dyDescent="0.25">
      <c r="A2497">
        <v>18899248</v>
      </c>
      <c r="B2497" t="s">
        <v>12990</v>
      </c>
      <c r="C2497" s="1" t="s">
        <v>12991</v>
      </c>
      <c r="E2497">
        <v>1</v>
      </c>
      <c r="F2497">
        <v>0</v>
      </c>
      <c r="H2497" t="s">
        <v>12992</v>
      </c>
      <c r="J2497" t="s">
        <v>12993</v>
      </c>
      <c r="K2497" t="s">
        <v>12993</v>
      </c>
      <c r="M2497">
        <v>316799</v>
      </c>
      <c r="O2497">
        <v>286479</v>
      </c>
      <c r="P2497">
        <v>1</v>
      </c>
      <c r="Q2497">
        <v>1</v>
      </c>
      <c r="R2497" t="s">
        <v>12994</v>
      </c>
      <c r="S2497">
        <v>104</v>
      </c>
    </row>
    <row r="2498" spans="1:19" x14ac:dyDescent="0.25">
      <c r="A2498">
        <v>33142647</v>
      </c>
      <c r="B2498" t="s">
        <v>12995</v>
      </c>
      <c r="C2498" s="1" t="s">
        <v>12996</v>
      </c>
      <c r="E2498">
        <v>1</v>
      </c>
      <c r="F2498">
        <v>1</v>
      </c>
      <c r="H2498" t="s">
        <v>12997</v>
      </c>
      <c r="J2498" t="s">
        <v>12998</v>
      </c>
      <c r="K2498" t="s">
        <v>12999</v>
      </c>
      <c r="M2498">
        <v>5031275</v>
      </c>
      <c r="O2498">
        <v>1643204</v>
      </c>
      <c r="P2498">
        <v>1</v>
      </c>
      <c r="Q2498">
        <v>0</v>
      </c>
      <c r="R2498" t="s">
        <v>13000</v>
      </c>
      <c r="S2498">
        <v>56</v>
      </c>
    </row>
    <row r="2499" spans="1:19" x14ac:dyDescent="0.25">
      <c r="A2499">
        <v>35016720</v>
      </c>
      <c r="B2499" t="s">
        <v>13001</v>
      </c>
      <c r="C2499" s="1" t="s">
        <v>13002</v>
      </c>
      <c r="D2499">
        <v>35057766</v>
      </c>
      <c r="E2499">
        <v>1</v>
      </c>
      <c r="F2499">
        <v>2</v>
      </c>
      <c r="H2499" t="s">
        <v>13003</v>
      </c>
      <c r="J2499" t="s">
        <v>13004</v>
      </c>
      <c r="K2499" t="s">
        <v>13005</v>
      </c>
      <c r="M2499">
        <v>44729</v>
      </c>
      <c r="O2499">
        <v>4298340</v>
      </c>
      <c r="P2499">
        <v>1</v>
      </c>
      <c r="Q2499">
        <v>0</v>
      </c>
      <c r="R2499" t="s">
        <v>13006</v>
      </c>
      <c r="S2499">
        <v>446</v>
      </c>
    </row>
    <row r="2500" spans="1:19" x14ac:dyDescent="0.25">
      <c r="A2500">
        <v>41949210</v>
      </c>
      <c r="B2500" t="s">
        <v>13007</v>
      </c>
      <c r="C2500" s="1" t="s">
        <v>13008</v>
      </c>
      <c r="E2500">
        <v>2</v>
      </c>
      <c r="F2500">
        <v>5</v>
      </c>
      <c r="H2500" t="s">
        <v>13009</v>
      </c>
      <c r="J2500" t="s">
        <v>13010</v>
      </c>
      <c r="K2500" t="s">
        <v>13011</v>
      </c>
      <c r="M2500">
        <v>2057709</v>
      </c>
      <c r="O2500">
        <v>7492845</v>
      </c>
      <c r="P2500">
        <v>1</v>
      </c>
      <c r="Q2500">
        <v>-1</v>
      </c>
      <c r="R2500" t="s">
        <v>13012</v>
      </c>
      <c r="S2500">
        <v>16090</v>
      </c>
    </row>
    <row r="2501" spans="1:19" x14ac:dyDescent="0.25">
      <c r="A2501">
        <v>21574240</v>
      </c>
      <c r="B2501" t="s">
        <v>13013</v>
      </c>
      <c r="C2501" s="1" t="s">
        <v>13014</v>
      </c>
      <c r="D2501">
        <v>21574753</v>
      </c>
      <c r="E2501">
        <v>1</v>
      </c>
      <c r="F2501">
        <v>0</v>
      </c>
      <c r="H2501" t="s">
        <v>13015</v>
      </c>
      <c r="J2501" t="s">
        <v>13016</v>
      </c>
      <c r="K2501" t="s">
        <v>13016</v>
      </c>
      <c r="M2501">
        <v>20938</v>
      </c>
      <c r="N2501" t="s">
        <v>13017</v>
      </c>
      <c r="P2501">
        <v>1</v>
      </c>
      <c r="Q2501">
        <v>0</v>
      </c>
      <c r="R2501" t="s">
        <v>13018</v>
      </c>
      <c r="S2501">
        <v>86</v>
      </c>
    </row>
    <row r="2502" spans="1:19" x14ac:dyDescent="0.25">
      <c r="A2502">
        <v>3038654</v>
      </c>
      <c r="B2502" t="s">
        <v>13019</v>
      </c>
      <c r="C2502" s="1" t="s">
        <v>13020</v>
      </c>
      <c r="D2502">
        <v>3054475</v>
      </c>
      <c r="E2502">
        <v>1</v>
      </c>
      <c r="F2502">
        <v>0</v>
      </c>
      <c r="H2502" t="s">
        <v>13021</v>
      </c>
      <c r="I2502">
        <v>2</v>
      </c>
      <c r="J2502" t="s">
        <v>13022</v>
      </c>
      <c r="O2502">
        <v>315110</v>
      </c>
      <c r="P2502">
        <v>1</v>
      </c>
      <c r="Q2502">
        <v>0</v>
      </c>
      <c r="R2502" t="s">
        <v>13023</v>
      </c>
      <c r="S2502">
        <v>1029</v>
      </c>
    </row>
    <row r="2503" spans="1:19" x14ac:dyDescent="0.25">
      <c r="A2503">
        <v>17480769</v>
      </c>
      <c r="B2503" t="s">
        <v>13024</v>
      </c>
      <c r="C2503" s="1" t="s">
        <v>13025</v>
      </c>
      <c r="D2503">
        <v>17733549</v>
      </c>
      <c r="E2503">
        <v>1</v>
      </c>
      <c r="F2503">
        <v>6</v>
      </c>
      <c r="H2503" t="s">
        <v>13026</v>
      </c>
      <c r="J2503" t="s">
        <v>13027</v>
      </c>
      <c r="K2503" t="s">
        <v>13027</v>
      </c>
      <c r="M2503">
        <v>2116540</v>
      </c>
      <c r="O2503">
        <v>2552176</v>
      </c>
      <c r="P2503">
        <v>1</v>
      </c>
      <c r="Q2503">
        <v>0</v>
      </c>
      <c r="R2503" t="s">
        <v>13028</v>
      </c>
      <c r="S2503">
        <v>400</v>
      </c>
    </row>
    <row r="2504" spans="1:19" x14ac:dyDescent="0.25">
      <c r="A2504">
        <v>19288641</v>
      </c>
      <c r="B2504" t="s">
        <v>13029</v>
      </c>
      <c r="C2504" s="1" t="s">
        <v>13030</v>
      </c>
      <c r="E2504">
        <v>5</v>
      </c>
      <c r="F2504">
        <v>1</v>
      </c>
      <c r="H2504" t="s">
        <v>13031</v>
      </c>
      <c r="J2504" t="s">
        <v>13032</v>
      </c>
      <c r="K2504" t="s">
        <v>13033</v>
      </c>
      <c r="M2504">
        <v>15168</v>
      </c>
      <c r="O2504">
        <v>2717373</v>
      </c>
      <c r="P2504">
        <v>1</v>
      </c>
      <c r="Q2504">
        <v>0</v>
      </c>
      <c r="R2504" t="s">
        <v>13034</v>
      </c>
      <c r="S2504">
        <v>118</v>
      </c>
    </row>
    <row r="2505" spans="1:19" x14ac:dyDescent="0.25">
      <c r="A2505">
        <v>21805497</v>
      </c>
      <c r="B2505" t="s">
        <v>13035</v>
      </c>
      <c r="C2505" s="1" t="s">
        <v>13036</v>
      </c>
      <c r="E2505">
        <v>2</v>
      </c>
      <c r="F2505">
        <v>2</v>
      </c>
      <c r="H2505" t="s">
        <v>13037</v>
      </c>
      <c r="J2505" t="s">
        <v>13038</v>
      </c>
      <c r="O2505">
        <v>2977044</v>
      </c>
      <c r="P2505">
        <v>1</v>
      </c>
      <c r="Q2505">
        <v>0</v>
      </c>
      <c r="R2505" t="s">
        <v>13039</v>
      </c>
      <c r="S2505">
        <v>58</v>
      </c>
    </row>
    <row r="2506" spans="1:19" x14ac:dyDescent="0.25">
      <c r="A2506">
        <v>31710499</v>
      </c>
      <c r="B2506" t="s">
        <v>13040</v>
      </c>
      <c r="C2506" s="1" t="s">
        <v>13041</v>
      </c>
      <c r="D2506">
        <v>31710528</v>
      </c>
      <c r="E2506">
        <v>4</v>
      </c>
      <c r="F2506">
        <v>4</v>
      </c>
      <c r="H2506" t="s">
        <v>13042</v>
      </c>
      <c r="I2506">
        <v>1</v>
      </c>
      <c r="J2506" t="s">
        <v>13043</v>
      </c>
      <c r="O2506">
        <v>985366</v>
      </c>
      <c r="P2506">
        <v>1</v>
      </c>
      <c r="Q2506">
        <v>7</v>
      </c>
      <c r="R2506" t="s">
        <v>13044</v>
      </c>
      <c r="S2506">
        <v>698</v>
      </c>
    </row>
    <row r="2507" spans="1:19" x14ac:dyDescent="0.25">
      <c r="A2507">
        <v>26335860</v>
      </c>
      <c r="B2507" t="s">
        <v>13045</v>
      </c>
      <c r="C2507" s="1" t="s">
        <v>13046</v>
      </c>
      <c r="D2507">
        <v>26399888</v>
      </c>
      <c r="E2507">
        <v>3</v>
      </c>
      <c r="F2507">
        <v>0</v>
      </c>
      <c r="H2507" t="s">
        <v>13047</v>
      </c>
      <c r="J2507" t="s">
        <v>13048</v>
      </c>
      <c r="O2507">
        <v>2091217</v>
      </c>
      <c r="P2507">
        <v>1</v>
      </c>
      <c r="Q2507">
        <v>0</v>
      </c>
      <c r="R2507" t="s">
        <v>13049</v>
      </c>
      <c r="S2507">
        <v>1042</v>
      </c>
    </row>
    <row r="2508" spans="1:19" x14ac:dyDescent="0.25">
      <c r="A2508">
        <v>32184157</v>
      </c>
      <c r="B2508" t="s">
        <v>13050</v>
      </c>
      <c r="C2508" s="1" t="s">
        <v>13051</v>
      </c>
      <c r="E2508">
        <v>0</v>
      </c>
      <c r="F2508">
        <v>5</v>
      </c>
      <c r="H2508" t="s">
        <v>13052</v>
      </c>
      <c r="J2508" t="s">
        <v>13053</v>
      </c>
      <c r="K2508" t="s">
        <v>13053</v>
      </c>
      <c r="M2508">
        <v>1711796</v>
      </c>
      <c r="O2508">
        <v>3072028</v>
      </c>
      <c r="P2508">
        <v>1</v>
      </c>
      <c r="Q2508">
        <v>0</v>
      </c>
      <c r="R2508" t="s">
        <v>13054</v>
      </c>
      <c r="S2508">
        <v>102</v>
      </c>
    </row>
    <row r="2509" spans="1:19" x14ac:dyDescent="0.25">
      <c r="A2509">
        <v>15898003</v>
      </c>
      <c r="B2509" t="s">
        <v>13055</v>
      </c>
      <c r="C2509" s="1" t="s">
        <v>13056</v>
      </c>
      <c r="D2509">
        <v>15898074</v>
      </c>
      <c r="E2509">
        <v>2</v>
      </c>
      <c r="F2509">
        <v>1</v>
      </c>
      <c r="H2509" t="s">
        <v>13057</v>
      </c>
      <c r="I2509">
        <v>0</v>
      </c>
      <c r="J2509" t="s">
        <v>13058</v>
      </c>
      <c r="O2509">
        <v>1265684</v>
      </c>
      <c r="P2509">
        <v>1</v>
      </c>
      <c r="Q2509">
        <v>1</v>
      </c>
      <c r="R2509" t="s">
        <v>13059</v>
      </c>
      <c r="S2509">
        <v>42</v>
      </c>
    </row>
    <row r="2510" spans="1:19" x14ac:dyDescent="0.25">
      <c r="A2510">
        <v>51116814</v>
      </c>
      <c r="B2510" t="s">
        <v>13060</v>
      </c>
      <c r="C2510" s="1" t="s">
        <v>13061</v>
      </c>
      <c r="D2510">
        <v>51117139</v>
      </c>
      <c r="E2510">
        <v>1</v>
      </c>
      <c r="F2510">
        <v>2</v>
      </c>
      <c r="H2510" t="s">
        <v>13062</v>
      </c>
      <c r="J2510" t="s">
        <v>13063</v>
      </c>
      <c r="O2510">
        <v>6509751</v>
      </c>
      <c r="P2510">
        <v>1</v>
      </c>
      <c r="Q2510">
        <v>2</v>
      </c>
      <c r="R2510" t="s">
        <v>13064</v>
      </c>
      <c r="S2510">
        <v>253</v>
      </c>
    </row>
    <row r="2511" spans="1:19" x14ac:dyDescent="0.25">
      <c r="A2511">
        <v>13336670</v>
      </c>
      <c r="B2511" t="s">
        <v>13065</v>
      </c>
      <c r="C2511" s="1" t="s">
        <v>13066</v>
      </c>
      <c r="D2511">
        <v>13336772</v>
      </c>
      <c r="E2511">
        <v>1</v>
      </c>
      <c r="F2511">
        <v>3</v>
      </c>
      <c r="H2511" t="s">
        <v>13067</v>
      </c>
      <c r="J2511" t="s">
        <v>13068</v>
      </c>
      <c r="O2511">
        <v>1526334</v>
      </c>
      <c r="P2511">
        <v>1</v>
      </c>
      <c r="Q2511">
        <v>0</v>
      </c>
      <c r="R2511" t="s">
        <v>13069</v>
      </c>
      <c r="S2511">
        <v>501</v>
      </c>
    </row>
    <row r="2512" spans="1:19" x14ac:dyDescent="0.25">
      <c r="A2512">
        <v>7652596</v>
      </c>
      <c r="B2512" t="s">
        <v>13070</v>
      </c>
      <c r="C2512" s="1" t="s">
        <v>13071</v>
      </c>
      <c r="D2512">
        <v>7652748</v>
      </c>
      <c r="E2512">
        <v>2</v>
      </c>
      <c r="F2512">
        <v>4</v>
      </c>
      <c r="H2512" t="s">
        <v>13072</v>
      </c>
      <c r="J2512" t="s">
        <v>13073</v>
      </c>
      <c r="O2512">
        <v>651924</v>
      </c>
      <c r="P2512">
        <v>1</v>
      </c>
      <c r="Q2512">
        <v>0</v>
      </c>
      <c r="R2512" t="s">
        <v>13074</v>
      </c>
      <c r="S2512">
        <v>660</v>
      </c>
    </row>
    <row r="2513" spans="1:19" x14ac:dyDescent="0.25">
      <c r="A2513">
        <v>8300749</v>
      </c>
      <c r="B2513" t="s">
        <v>13075</v>
      </c>
      <c r="C2513" s="1" t="s">
        <v>13076</v>
      </c>
      <c r="E2513">
        <v>3</v>
      </c>
      <c r="F2513">
        <v>6</v>
      </c>
      <c r="H2513" t="s">
        <v>13077</v>
      </c>
      <c r="J2513" t="s">
        <v>13078</v>
      </c>
      <c r="O2513">
        <v>956482</v>
      </c>
      <c r="P2513">
        <v>1</v>
      </c>
      <c r="Q2513">
        <v>0</v>
      </c>
      <c r="R2513" t="s">
        <v>13079</v>
      </c>
      <c r="S2513">
        <v>1509</v>
      </c>
    </row>
    <row r="2514" spans="1:19" x14ac:dyDescent="0.25">
      <c r="A2514">
        <v>15320562</v>
      </c>
      <c r="B2514" t="s">
        <v>13080</v>
      </c>
      <c r="C2514" s="1" t="s">
        <v>13081</v>
      </c>
      <c r="D2514">
        <v>15320759</v>
      </c>
      <c r="E2514">
        <v>1</v>
      </c>
      <c r="F2514">
        <v>0</v>
      </c>
      <c r="H2514" t="s">
        <v>13082</v>
      </c>
      <c r="J2514" t="s">
        <v>13083</v>
      </c>
      <c r="K2514" t="s">
        <v>13084</v>
      </c>
      <c r="M2514">
        <v>-1</v>
      </c>
      <c r="O2514">
        <v>230884</v>
      </c>
      <c r="P2514">
        <v>1</v>
      </c>
      <c r="Q2514">
        <v>0</v>
      </c>
      <c r="R2514" t="s">
        <v>213</v>
      </c>
      <c r="S2514">
        <v>156</v>
      </c>
    </row>
    <row r="2515" spans="1:19" x14ac:dyDescent="0.25">
      <c r="A2515">
        <v>52157572</v>
      </c>
      <c r="B2515" t="s">
        <v>13085</v>
      </c>
      <c r="C2515" s="1" t="s">
        <v>13086</v>
      </c>
      <c r="E2515">
        <v>1</v>
      </c>
      <c r="F2515">
        <v>2</v>
      </c>
      <c r="H2515" t="s">
        <v>13087</v>
      </c>
      <c r="J2515" t="s">
        <v>13088</v>
      </c>
      <c r="O2515">
        <v>2216833</v>
      </c>
      <c r="P2515">
        <v>1</v>
      </c>
      <c r="Q2515">
        <v>0</v>
      </c>
      <c r="R2515" t="s">
        <v>13089</v>
      </c>
      <c r="S2515">
        <v>417</v>
      </c>
    </row>
    <row r="2516" spans="1:19" x14ac:dyDescent="0.25">
      <c r="A2516">
        <v>15242263</v>
      </c>
      <c r="B2516" t="s">
        <v>13090</v>
      </c>
      <c r="C2516" s="1" t="s">
        <v>13091</v>
      </c>
      <c r="D2516">
        <v>15312045</v>
      </c>
      <c r="E2516">
        <v>2</v>
      </c>
      <c r="F2516">
        <v>0</v>
      </c>
      <c r="H2516" t="s">
        <v>13092</v>
      </c>
      <c r="J2516" t="s">
        <v>13093</v>
      </c>
      <c r="K2516" t="s">
        <v>13093</v>
      </c>
      <c r="M2516">
        <v>1970036</v>
      </c>
      <c r="O2516">
        <v>1970036</v>
      </c>
      <c r="P2516">
        <v>1</v>
      </c>
      <c r="Q2516">
        <v>0</v>
      </c>
      <c r="R2516" t="s">
        <v>13094</v>
      </c>
      <c r="S2516">
        <v>1025</v>
      </c>
    </row>
    <row r="2517" spans="1:19" x14ac:dyDescent="0.25">
      <c r="A2517">
        <v>34694395</v>
      </c>
      <c r="B2517" t="s">
        <v>13095</v>
      </c>
      <c r="C2517" s="1" t="s">
        <v>13096</v>
      </c>
      <c r="E2517">
        <v>1</v>
      </c>
      <c r="F2517">
        <v>1</v>
      </c>
      <c r="H2517" t="s">
        <v>13097</v>
      </c>
      <c r="J2517" t="s">
        <v>13098</v>
      </c>
      <c r="K2517" t="s">
        <v>13098</v>
      </c>
      <c r="M2517">
        <v>412252</v>
      </c>
      <c r="O2517">
        <v>4465642</v>
      </c>
      <c r="P2517">
        <v>1</v>
      </c>
      <c r="Q2517">
        <v>1</v>
      </c>
      <c r="R2517" t="s">
        <v>1655</v>
      </c>
      <c r="S2517">
        <v>78</v>
      </c>
    </row>
    <row r="2518" spans="1:19" x14ac:dyDescent="0.25">
      <c r="A2518">
        <v>4350289</v>
      </c>
      <c r="B2518" t="s">
        <v>13099</v>
      </c>
      <c r="C2518" t="s">
        <v>13100</v>
      </c>
      <c r="E2518">
        <v>2</v>
      </c>
      <c r="F2518">
        <v>0</v>
      </c>
      <c r="H2518" t="s">
        <v>13101</v>
      </c>
      <c r="J2518" t="s">
        <v>13102</v>
      </c>
      <c r="K2518" t="s">
        <v>13103</v>
      </c>
      <c r="M2518">
        <v>13793</v>
      </c>
      <c r="O2518">
        <v>529933</v>
      </c>
      <c r="P2518">
        <v>1</v>
      </c>
      <c r="Q2518">
        <v>1</v>
      </c>
      <c r="R2518" t="s">
        <v>13104</v>
      </c>
      <c r="S2518">
        <v>2412</v>
      </c>
    </row>
    <row r="2519" spans="1:19" x14ac:dyDescent="0.25">
      <c r="A2519">
        <v>24938694</v>
      </c>
      <c r="B2519" t="s">
        <v>13105</v>
      </c>
      <c r="C2519" s="1" t="s">
        <v>13106</v>
      </c>
      <c r="D2519">
        <v>24938876</v>
      </c>
      <c r="E2519">
        <v>2</v>
      </c>
      <c r="F2519">
        <v>1</v>
      </c>
      <c r="H2519" t="s">
        <v>13107</v>
      </c>
      <c r="J2519" t="s">
        <v>13108</v>
      </c>
      <c r="O2519">
        <v>3391108</v>
      </c>
      <c r="P2519">
        <v>1</v>
      </c>
      <c r="Q2519">
        <v>0</v>
      </c>
      <c r="R2519" t="s">
        <v>13109</v>
      </c>
      <c r="S2519">
        <v>1206</v>
      </c>
    </row>
    <row r="2520" spans="1:19" x14ac:dyDescent="0.25">
      <c r="A2520">
        <v>40601173</v>
      </c>
      <c r="B2520" t="s">
        <v>13110</v>
      </c>
      <c r="C2520" s="1" t="s">
        <v>13111</v>
      </c>
      <c r="D2520">
        <v>40601251</v>
      </c>
      <c r="E2520">
        <v>1</v>
      </c>
      <c r="F2520">
        <v>6</v>
      </c>
      <c r="H2520" t="s">
        <v>13112</v>
      </c>
      <c r="J2520" t="s">
        <v>13113</v>
      </c>
      <c r="K2520" t="s">
        <v>13114</v>
      </c>
      <c r="M2520">
        <v>1491895</v>
      </c>
      <c r="O2520">
        <v>6630647</v>
      </c>
      <c r="P2520">
        <v>1</v>
      </c>
      <c r="Q2520">
        <v>2</v>
      </c>
      <c r="R2520" t="s">
        <v>13115</v>
      </c>
      <c r="S2520">
        <v>61</v>
      </c>
    </row>
    <row r="2521" spans="1:19" x14ac:dyDescent="0.25">
      <c r="A2521">
        <v>53039370</v>
      </c>
      <c r="B2521" t="s">
        <v>13116</v>
      </c>
      <c r="C2521" s="1" t="s">
        <v>13117</v>
      </c>
      <c r="E2521">
        <v>1</v>
      </c>
      <c r="F2521">
        <v>0</v>
      </c>
      <c r="H2521" t="s">
        <v>13118</v>
      </c>
      <c r="J2521" t="s">
        <v>13119</v>
      </c>
      <c r="O2521">
        <v>35690</v>
      </c>
      <c r="P2521">
        <v>1</v>
      </c>
      <c r="Q2521">
        <v>0</v>
      </c>
      <c r="R2521" t="s">
        <v>13120</v>
      </c>
      <c r="S2521">
        <v>36</v>
      </c>
    </row>
    <row r="2522" spans="1:19" x14ac:dyDescent="0.25">
      <c r="A2522">
        <v>47065415</v>
      </c>
      <c r="B2522" t="s">
        <v>13121</v>
      </c>
      <c r="C2522" s="1" t="s">
        <v>13122</v>
      </c>
      <c r="E2522">
        <v>1</v>
      </c>
      <c r="F2522">
        <v>2</v>
      </c>
      <c r="H2522" t="s">
        <v>13123</v>
      </c>
      <c r="J2522" t="s">
        <v>13124</v>
      </c>
      <c r="K2522" t="s">
        <v>13125</v>
      </c>
      <c r="M2522">
        <v>7787734</v>
      </c>
      <c r="O2522">
        <v>7787734</v>
      </c>
      <c r="P2522">
        <v>1</v>
      </c>
      <c r="Q2522">
        <v>0</v>
      </c>
      <c r="R2522" t="s">
        <v>13126</v>
      </c>
      <c r="S2522">
        <v>46</v>
      </c>
    </row>
    <row r="2523" spans="1:19" x14ac:dyDescent="0.25">
      <c r="A2523">
        <v>37681458</v>
      </c>
      <c r="B2523" t="s">
        <v>13127</v>
      </c>
      <c r="C2523" s="1" t="s">
        <v>13128</v>
      </c>
      <c r="D2523">
        <v>37724916</v>
      </c>
      <c r="E2523">
        <v>1</v>
      </c>
      <c r="F2523">
        <v>4</v>
      </c>
      <c r="H2523" t="s">
        <v>13129</v>
      </c>
      <c r="J2523" t="s">
        <v>13130</v>
      </c>
      <c r="O2523">
        <v>571875</v>
      </c>
      <c r="P2523">
        <v>1</v>
      </c>
      <c r="Q2523">
        <v>0</v>
      </c>
      <c r="R2523" t="s">
        <v>13131</v>
      </c>
      <c r="S2523">
        <v>51</v>
      </c>
    </row>
    <row r="2524" spans="1:19" x14ac:dyDescent="0.25">
      <c r="A2524">
        <v>49921403</v>
      </c>
      <c r="B2524" t="s">
        <v>13132</v>
      </c>
      <c r="C2524" s="1" t="s">
        <v>13133</v>
      </c>
      <c r="E2524">
        <v>1</v>
      </c>
      <c r="F2524">
        <v>3</v>
      </c>
      <c r="H2524" t="s">
        <v>13134</v>
      </c>
      <c r="J2524" t="s">
        <v>13135</v>
      </c>
      <c r="K2524" t="s">
        <v>13136</v>
      </c>
      <c r="M2524">
        <v>7191635</v>
      </c>
      <c r="O2524">
        <v>7191635</v>
      </c>
      <c r="P2524">
        <v>1</v>
      </c>
      <c r="Q2524">
        <v>5</v>
      </c>
      <c r="R2524" t="s">
        <v>13137</v>
      </c>
      <c r="S2524">
        <v>80</v>
      </c>
    </row>
    <row r="2525" spans="1:19" x14ac:dyDescent="0.25">
      <c r="A2525">
        <v>31452932</v>
      </c>
      <c r="B2525" t="s">
        <v>13138</v>
      </c>
      <c r="C2525" s="1" t="s">
        <v>13139</v>
      </c>
      <c r="E2525">
        <v>1</v>
      </c>
      <c r="F2525">
        <v>2</v>
      </c>
      <c r="H2525" t="s">
        <v>13140</v>
      </c>
      <c r="I2525">
        <v>2</v>
      </c>
      <c r="J2525" t="s">
        <v>13141</v>
      </c>
      <c r="K2525" t="s">
        <v>13142</v>
      </c>
      <c r="M2525">
        <v>3364935</v>
      </c>
      <c r="O2525">
        <v>3364935</v>
      </c>
      <c r="P2525">
        <v>1</v>
      </c>
      <c r="Q2525">
        <v>4</v>
      </c>
      <c r="R2525" t="s">
        <v>13143</v>
      </c>
      <c r="S2525">
        <v>294</v>
      </c>
    </row>
    <row r="2526" spans="1:19" x14ac:dyDescent="0.25">
      <c r="A2526">
        <v>51629061</v>
      </c>
      <c r="B2526" t="s">
        <v>13144</v>
      </c>
      <c r="C2526" s="1" t="s">
        <v>13145</v>
      </c>
      <c r="E2526">
        <v>2</v>
      </c>
      <c r="F2526">
        <v>1</v>
      </c>
      <c r="H2526" t="s">
        <v>13146</v>
      </c>
      <c r="I2526">
        <v>1</v>
      </c>
      <c r="J2526" t="s">
        <v>13147</v>
      </c>
      <c r="K2526" t="s">
        <v>13148</v>
      </c>
      <c r="M2526">
        <v>10098681</v>
      </c>
      <c r="O2526">
        <v>10098681</v>
      </c>
      <c r="P2526">
        <v>1</v>
      </c>
      <c r="Q2526">
        <v>1</v>
      </c>
      <c r="R2526" t="s">
        <v>13149</v>
      </c>
      <c r="S2526">
        <v>65</v>
      </c>
    </row>
    <row r="2527" spans="1:19" x14ac:dyDescent="0.25">
      <c r="A2527">
        <v>19182830</v>
      </c>
      <c r="B2527" t="s">
        <v>13150</v>
      </c>
      <c r="C2527" s="1" t="s">
        <v>13151</v>
      </c>
      <c r="E2527">
        <v>1</v>
      </c>
      <c r="F2527">
        <v>3</v>
      </c>
      <c r="H2527" t="s">
        <v>13152</v>
      </c>
      <c r="J2527" t="s">
        <v>13153</v>
      </c>
      <c r="O2527">
        <v>412347</v>
      </c>
      <c r="P2527">
        <v>1</v>
      </c>
      <c r="Q2527">
        <v>0</v>
      </c>
      <c r="R2527" t="s">
        <v>13154</v>
      </c>
      <c r="S2527">
        <v>1185</v>
      </c>
    </row>
    <row r="2528" spans="1:19" x14ac:dyDescent="0.25">
      <c r="A2528">
        <v>22497532</v>
      </c>
      <c r="B2528" t="s">
        <v>13155</v>
      </c>
      <c r="C2528" t="s">
        <v>13156</v>
      </c>
      <c r="E2528">
        <v>1</v>
      </c>
      <c r="F2528">
        <v>2</v>
      </c>
      <c r="H2528" t="s">
        <v>13157</v>
      </c>
      <c r="J2528" t="s">
        <v>13158</v>
      </c>
      <c r="O2528">
        <v>3422428</v>
      </c>
      <c r="P2528">
        <v>1</v>
      </c>
      <c r="Q2528">
        <v>1</v>
      </c>
      <c r="R2528" t="s">
        <v>13159</v>
      </c>
      <c r="S2528">
        <v>85</v>
      </c>
    </row>
    <row r="2529" spans="1:19" x14ac:dyDescent="0.25">
      <c r="A2529">
        <v>53303599</v>
      </c>
      <c r="B2529" t="s">
        <v>13160</v>
      </c>
      <c r="C2529" s="1" t="s">
        <v>13161</v>
      </c>
      <c r="D2529">
        <v>53303669</v>
      </c>
      <c r="E2529">
        <v>1</v>
      </c>
      <c r="F2529">
        <v>1</v>
      </c>
      <c r="H2529" t="s">
        <v>13162</v>
      </c>
      <c r="J2529" t="s">
        <v>13163</v>
      </c>
      <c r="K2529" t="s">
        <v>13164</v>
      </c>
      <c r="M2529">
        <v>929999</v>
      </c>
      <c r="O2529">
        <v>7851328</v>
      </c>
      <c r="P2529">
        <v>1</v>
      </c>
      <c r="Q2529">
        <v>3</v>
      </c>
      <c r="R2529" t="s">
        <v>213</v>
      </c>
      <c r="S2529">
        <v>58</v>
      </c>
    </row>
    <row r="2530" spans="1:19" x14ac:dyDescent="0.25">
      <c r="A2530">
        <v>30392261</v>
      </c>
      <c r="B2530" t="s">
        <v>13165</v>
      </c>
      <c r="C2530" s="1" t="s">
        <v>13166</v>
      </c>
      <c r="D2530">
        <v>30394508</v>
      </c>
      <c r="E2530">
        <v>3</v>
      </c>
      <c r="F2530">
        <v>1</v>
      </c>
      <c r="H2530" t="s">
        <v>13167</v>
      </c>
      <c r="I2530">
        <v>4</v>
      </c>
      <c r="J2530" t="s">
        <v>13168</v>
      </c>
      <c r="K2530" t="s">
        <v>13169</v>
      </c>
      <c r="M2530">
        <v>4031371</v>
      </c>
      <c r="O2530">
        <v>4031371</v>
      </c>
      <c r="P2530">
        <v>1</v>
      </c>
      <c r="Q2530">
        <v>17</v>
      </c>
      <c r="R2530" t="s">
        <v>13170</v>
      </c>
      <c r="S2530">
        <v>2233</v>
      </c>
    </row>
    <row r="2531" spans="1:19" x14ac:dyDescent="0.25">
      <c r="A2531">
        <v>34963083</v>
      </c>
      <c r="B2531" t="s">
        <v>13171</v>
      </c>
      <c r="C2531" s="1" t="s">
        <v>13172</v>
      </c>
      <c r="D2531">
        <v>34964938</v>
      </c>
      <c r="E2531">
        <v>5</v>
      </c>
      <c r="F2531">
        <v>0</v>
      </c>
      <c r="H2531" t="s">
        <v>13173</v>
      </c>
      <c r="I2531">
        <v>2</v>
      </c>
      <c r="J2531" t="s">
        <v>13174</v>
      </c>
      <c r="K2531" t="s">
        <v>13175</v>
      </c>
      <c r="M2531">
        <v>243373</v>
      </c>
      <c r="O2531">
        <v>2155795</v>
      </c>
      <c r="P2531">
        <v>1</v>
      </c>
      <c r="Q2531">
        <v>14</v>
      </c>
      <c r="R2531" t="s">
        <v>13176</v>
      </c>
      <c r="S2531">
        <v>17681</v>
      </c>
    </row>
    <row r="2532" spans="1:19" x14ac:dyDescent="0.25">
      <c r="A2532">
        <v>52181320</v>
      </c>
      <c r="B2532" t="s">
        <v>13177</v>
      </c>
      <c r="C2532" s="1" t="s">
        <v>13178</v>
      </c>
      <c r="E2532">
        <v>0</v>
      </c>
      <c r="F2532">
        <v>0</v>
      </c>
      <c r="H2532" t="s">
        <v>13179</v>
      </c>
      <c r="J2532" t="s">
        <v>13179</v>
      </c>
      <c r="O2532">
        <v>2248514</v>
      </c>
      <c r="P2532">
        <v>1</v>
      </c>
      <c r="Q2532">
        <v>0</v>
      </c>
      <c r="R2532" t="s">
        <v>13180</v>
      </c>
      <c r="S2532">
        <v>24</v>
      </c>
    </row>
    <row r="2533" spans="1:19" x14ac:dyDescent="0.25">
      <c r="A2533">
        <v>44753227</v>
      </c>
      <c r="B2533" t="s">
        <v>13181</v>
      </c>
      <c r="C2533" s="1" t="s">
        <v>13182</v>
      </c>
      <c r="E2533">
        <v>1</v>
      </c>
      <c r="F2533">
        <v>3</v>
      </c>
      <c r="H2533" t="s">
        <v>13183</v>
      </c>
      <c r="I2533">
        <v>1</v>
      </c>
      <c r="J2533" t="s">
        <v>13184</v>
      </c>
      <c r="K2533" t="s">
        <v>13185</v>
      </c>
      <c r="M2533">
        <v>2528417</v>
      </c>
      <c r="O2533">
        <v>2528417</v>
      </c>
      <c r="P2533">
        <v>1</v>
      </c>
      <c r="Q2533">
        <v>0</v>
      </c>
      <c r="R2533" t="s">
        <v>13186</v>
      </c>
      <c r="S2533">
        <v>337</v>
      </c>
    </row>
    <row r="2534" spans="1:19" x14ac:dyDescent="0.25">
      <c r="A2534">
        <v>30522737</v>
      </c>
      <c r="B2534" t="s">
        <v>13187</v>
      </c>
      <c r="C2534" s="1" t="s">
        <v>13188</v>
      </c>
      <c r="E2534">
        <v>1</v>
      </c>
      <c r="F2534">
        <v>2</v>
      </c>
      <c r="H2534" t="s">
        <v>13189</v>
      </c>
      <c r="J2534" t="s">
        <v>13190</v>
      </c>
      <c r="O2534">
        <v>420593</v>
      </c>
      <c r="P2534">
        <v>1</v>
      </c>
      <c r="Q2534">
        <v>0</v>
      </c>
      <c r="R2534" t="s">
        <v>13191</v>
      </c>
      <c r="S2534">
        <v>294</v>
      </c>
    </row>
    <row r="2535" spans="1:19" x14ac:dyDescent="0.25">
      <c r="A2535">
        <v>35753735</v>
      </c>
      <c r="B2535" t="s">
        <v>13192</v>
      </c>
      <c r="C2535" s="1" t="s">
        <v>13193</v>
      </c>
      <c r="D2535">
        <v>35754046</v>
      </c>
      <c r="E2535">
        <v>2</v>
      </c>
      <c r="F2535">
        <v>0</v>
      </c>
      <c r="H2535" t="s">
        <v>13194</v>
      </c>
      <c r="J2535" t="s">
        <v>13195</v>
      </c>
      <c r="N2535" t="s">
        <v>13196</v>
      </c>
      <c r="P2535">
        <v>1</v>
      </c>
      <c r="Q2535">
        <v>1</v>
      </c>
      <c r="R2535" t="s">
        <v>13197</v>
      </c>
      <c r="S2535">
        <v>69</v>
      </c>
    </row>
    <row r="2536" spans="1:19" x14ac:dyDescent="0.25">
      <c r="A2536">
        <v>21092360</v>
      </c>
      <c r="B2536" t="s">
        <v>13198</v>
      </c>
      <c r="C2536" s="1" t="s">
        <v>13199</v>
      </c>
      <c r="D2536">
        <v>21092406</v>
      </c>
      <c r="E2536">
        <v>3</v>
      </c>
      <c r="F2536">
        <v>0</v>
      </c>
      <c r="H2536" t="s">
        <v>13200</v>
      </c>
      <c r="J2536" t="s">
        <v>13201</v>
      </c>
      <c r="O2536">
        <v>249690</v>
      </c>
      <c r="P2536">
        <v>1</v>
      </c>
      <c r="Q2536">
        <v>3</v>
      </c>
      <c r="R2536" t="s">
        <v>13202</v>
      </c>
      <c r="S2536">
        <v>79</v>
      </c>
    </row>
    <row r="2537" spans="1:19" x14ac:dyDescent="0.25">
      <c r="A2537">
        <v>21170146</v>
      </c>
      <c r="B2537" t="s">
        <v>13203</v>
      </c>
      <c r="C2537" s="1" t="s">
        <v>13204</v>
      </c>
      <c r="D2537">
        <v>21171542</v>
      </c>
      <c r="E2537">
        <v>2</v>
      </c>
      <c r="F2537">
        <v>0</v>
      </c>
      <c r="H2537" t="s">
        <v>13205</v>
      </c>
      <c r="I2537">
        <v>0</v>
      </c>
      <c r="J2537" t="s">
        <v>13206</v>
      </c>
      <c r="K2537" t="s">
        <v>13206</v>
      </c>
      <c r="M2537">
        <v>100297</v>
      </c>
      <c r="O2537">
        <v>2066880</v>
      </c>
      <c r="P2537">
        <v>1</v>
      </c>
      <c r="Q2537">
        <v>1</v>
      </c>
      <c r="R2537" t="s">
        <v>13207</v>
      </c>
      <c r="S2537">
        <v>792</v>
      </c>
    </row>
    <row r="2538" spans="1:19" x14ac:dyDescent="0.25">
      <c r="A2538">
        <v>51175686</v>
      </c>
      <c r="B2538" t="s">
        <v>13208</v>
      </c>
      <c r="C2538" s="1" t="s">
        <v>13209</v>
      </c>
      <c r="E2538">
        <v>1</v>
      </c>
      <c r="F2538">
        <v>1</v>
      </c>
      <c r="H2538" t="s">
        <v>13210</v>
      </c>
      <c r="J2538" t="s">
        <v>13211</v>
      </c>
      <c r="O2538">
        <v>948935</v>
      </c>
      <c r="P2538">
        <v>1</v>
      </c>
      <c r="Q2538">
        <v>1</v>
      </c>
      <c r="R2538" t="s">
        <v>13212</v>
      </c>
      <c r="S2538">
        <v>168</v>
      </c>
    </row>
    <row r="2539" spans="1:19" x14ac:dyDescent="0.25">
      <c r="A2539">
        <v>20736558</v>
      </c>
      <c r="B2539" t="s">
        <v>13213</v>
      </c>
      <c r="C2539" s="1" t="s">
        <v>13214</v>
      </c>
      <c r="D2539">
        <v>21536062</v>
      </c>
      <c r="E2539">
        <v>2</v>
      </c>
      <c r="F2539">
        <v>6</v>
      </c>
      <c r="H2539" t="s">
        <v>13215</v>
      </c>
      <c r="I2539">
        <v>1</v>
      </c>
      <c r="J2539" t="s">
        <v>13216</v>
      </c>
      <c r="K2539" t="s">
        <v>13217</v>
      </c>
      <c r="M2539">
        <v>2621082</v>
      </c>
      <c r="O2539">
        <v>2621082</v>
      </c>
      <c r="P2539">
        <v>1</v>
      </c>
      <c r="Q2539">
        <v>7</v>
      </c>
      <c r="R2539" t="s">
        <v>13218</v>
      </c>
      <c r="S2539">
        <v>4710</v>
      </c>
    </row>
    <row r="2540" spans="1:19" x14ac:dyDescent="0.25">
      <c r="A2540">
        <v>18376916</v>
      </c>
      <c r="B2540" t="s">
        <v>13219</v>
      </c>
      <c r="C2540" t="s">
        <v>13220</v>
      </c>
      <c r="D2540">
        <v>18401442</v>
      </c>
      <c r="E2540">
        <v>1</v>
      </c>
      <c r="F2540">
        <v>3</v>
      </c>
      <c r="H2540" t="s">
        <v>13221</v>
      </c>
      <c r="I2540">
        <v>1</v>
      </c>
      <c r="J2540" t="s">
        <v>13222</v>
      </c>
      <c r="N2540" t="s">
        <v>13223</v>
      </c>
      <c r="P2540">
        <v>1</v>
      </c>
      <c r="Q2540">
        <v>2</v>
      </c>
      <c r="R2540" t="s">
        <v>13224</v>
      </c>
      <c r="S2540">
        <v>660</v>
      </c>
    </row>
    <row r="2541" spans="1:19" x14ac:dyDescent="0.25">
      <c r="A2541">
        <v>49696666</v>
      </c>
      <c r="B2541" t="s">
        <v>13225</v>
      </c>
      <c r="C2541" s="1" t="s">
        <v>13226</v>
      </c>
      <c r="E2541">
        <v>1</v>
      </c>
      <c r="F2541">
        <v>2</v>
      </c>
      <c r="H2541" t="s">
        <v>13227</v>
      </c>
      <c r="I2541">
        <v>1</v>
      </c>
      <c r="J2541" t="s">
        <v>13228</v>
      </c>
      <c r="K2541" t="s">
        <v>13229</v>
      </c>
      <c r="M2541">
        <v>13302</v>
      </c>
      <c r="O2541">
        <v>9608374</v>
      </c>
      <c r="P2541">
        <v>1</v>
      </c>
      <c r="Q2541">
        <v>3</v>
      </c>
      <c r="R2541" t="s">
        <v>13230</v>
      </c>
      <c r="S2541">
        <v>34</v>
      </c>
    </row>
    <row r="2542" spans="1:19" x14ac:dyDescent="0.25">
      <c r="A2542">
        <v>17307014</v>
      </c>
      <c r="B2542" t="s">
        <v>13231</v>
      </c>
      <c r="C2542" s="1" t="s">
        <v>13232</v>
      </c>
      <c r="E2542">
        <v>1</v>
      </c>
      <c r="F2542">
        <v>1</v>
      </c>
      <c r="H2542" t="s">
        <v>13233</v>
      </c>
      <c r="J2542" t="s">
        <v>13234</v>
      </c>
      <c r="K2542" t="s">
        <v>13234</v>
      </c>
      <c r="M2542">
        <v>100297</v>
      </c>
      <c r="O2542">
        <v>1440818</v>
      </c>
      <c r="P2542">
        <v>1</v>
      </c>
      <c r="Q2542">
        <v>0</v>
      </c>
      <c r="R2542" t="s">
        <v>13235</v>
      </c>
      <c r="S2542">
        <v>252</v>
      </c>
    </row>
    <row r="2543" spans="1:19" x14ac:dyDescent="0.25">
      <c r="A2543">
        <v>31003014</v>
      </c>
      <c r="B2543" t="s">
        <v>13236</v>
      </c>
      <c r="C2543" s="1" t="s">
        <v>13237</v>
      </c>
      <c r="E2543">
        <v>0</v>
      </c>
      <c r="F2543">
        <v>5</v>
      </c>
      <c r="H2543" t="s">
        <v>13238</v>
      </c>
      <c r="J2543" t="s">
        <v>13238</v>
      </c>
      <c r="O2543">
        <v>5040238</v>
      </c>
      <c r="P2543">
        <v>1</v>
      </c>
      <c r="Q2543">
        <v>0</v>
      </c>
      <c r="R2543" t="s">
        <v>13239</v>
      </c>
      <c r="S2543">
        <v>46</v>
      </c>
    </row>
    <row r="2544" spans="1:19" x14ac:dyDescent="0.25">
      <c r="A2544">
        <v>48488831</v>
      </c>
      <c r="B2544" t="s">
        <v>13240</v>
      </c>
      <c r="C2544" s="1" t="s">
        <v>13241</v>
      </c>
      <c r="E2544">
        <v>0</v>
      </c>
      <c r="F2544">
        <v>9</v>
      </c>
      <c r="H2544" t="s">
        <v>13242</v>
      </c>
      <c r="J2544" t="s">
        <v>13243</v>
      </c>
      <c r="K2544" t="s">
        <v>13243</v>
      </c>
      <c r="M2544">
        <v>8411103</v>
      </c>
      <c r="O2544">
        <v>8411103</v>
      </c>
      <c r="P2544">
        <v>1</v>
      </c>
      <c r="Q2544">
        <v>0</v>
      </c>
      <c r="R2544" t="s">
        <v>13244</v>
      </c>
      <c r="S2544">
        <v>279</v>
      </c>
    </row>
    <row r="2545" spans="1:19" x14ac:dyDescent="0.25">
      <c r="A2545">
        <v>30983360</v>
      </c>
      <c r="B2545" t="s">
        <v>13245</v>
      </c>
      <c r="C2545" s="1" t="s">
        <v>13246</v>
      </c>
      <c r="D2545">
        <v>30983463</v>
      </c>
      <c r="E2545">
        <v>1</v>
      </c>
      <c r="F2545">
        <v>2</v>
      </c>
      <c r="H2545" t="s">
        <v>13247</v>
      </c>
      <c r="J2545" t="s">
        <v>13248</v>
      </c>
      <c r="O2545">
        <v>4907159</v>
      </c>
      <c r="P2545">
        <v>1</v>
      </c>
      <c r="Q2545">
        <v>1</v>
      </c>
      <c r="R2545" t="s">
        <v>13249</v>
      </c>
      <c r="S2545">
        <v>582</v>
      </c>
    </row>
    <row r="2546" spans="1:19" x14ac:dyDescent="0.25">
      <c r="A2546">
        <v>48406474</v>
      </c>
      <c r="B2546" t="s">
        <v>13250</v>
      </c>
      <c r="C2546" s="1" t="s">
        <v>13251</v>
      </c>
      <c r="D2546">
        <v>48421029</v>
      </c>
      <c r="E2546">
        <v>1</v>
      </c>
      <c r="F2546">
        <v>10</v>
      </c>
      <c r="H2546" t="s">
        <v>13252</v>
      </c>
      <c r="J2546" t="s">
        <v>13253</v>
      </c>
      <c r="K2546" t="s">
        <v>13254</v>
      </c>
      <c r="M2546">
        <v>5752186</v>
      </c>
      <c r="O2546">
        <v>5752186</v>
      </c>
      <c r="P2546">
        <v>1</v>
      </c>
      <c r="Q2546">
        <v>0</v>
      </c>
      <c r="R2546" t="s">
        <v>13255</v>
      </c>
      <c r="S2546">
        <v>107</v>
      </c>
    </row>
    <row r="2547" spans="1:19" x14ac:dyDescent="0.25">
      <c r="A2547">
        <v>52760874</v>
      </c>
      <c r="B2547" t="s">
        <v>13256</v>
      </c>
      <c r="C2547" s="1" t="s">
        <v>13257</v>
      </c>
      <c r="D2547">
        <v>52805332</v>
      </c>
      <c r="E2547">
        <v>1</v>
      </c>
      <c r="F2547">
        <v>2</v>
      </c>
      <c r="H2547" t="s">
        <v>13258</v>
      </c>
      <c r="J2547" t="s">
        <v>13259</v>
      </c>
      <c r="K2547" t="s">
        <v>13260</v>
      </c>
      <c r="M2547">
        <v>5817128</v>
      </c>
      <c r="O2547">
        <v>5817128</v>
      </c>
      <c r="P2547">
        <v>1</v>
      </c>
      <c r="Q2547">
        <v>0</v>
      </c>
      <c r="R2547" t="s">
        <v>13261</v>
      </c>
      <c r="S2547">
        <v>43</v>
      </c>
    </row>
    <row r="2548" spans="1:19" x14ac:dyDescent="0.25">
      <c r="A2548">
        <v>39610262</v>
      </c>
      <c r="B2548" t="s">
        <v>13262</v>
      </c>
      <c r="C2548" s="1" t="s">
        <v>13263</v>
      </c>
      <c r="E2548">
        <v>1</v>
      </c>
      <c r="F2548">
        <v>0</v>
      </c>
      <c r="H2548" t="s">
        <v>13264</v>
      </c>
      <c r="J2548" t="s">
        <v>13265</v>
      </c>
      <c r="O2548">
        <v>4053104</v>
      </c>
      <c r="P2548">
        <v>1</v>
      </c>
      <c r="Q2548">
        <v>0</v>
      </c>
      <c r="R2548" t="s">
        <v>13266</v>
      </c>
      <c r="S2548">
        <v>32</v>
      </c>
    </row>
    <row r="2549" spans="1:19" x14ac:dyDescent="0.25">
      <c r="A2549">
        <v>14230082</v>
      </c>
      <c r="B2549" t="s">
        <v>13267</v>
      </c>
      <c r="C2549" s="1" t="s">
        <v>13268</v>
      </c>
      <c r="E2549">
        <v>1</v>
      </c>
      <c r="F2549">
        <v>0</v>
      </c>
      <c r="H2549" t="s">
        <v>13269</v>
      </c>
      <c r="J2549" t="s">
        <v>13270</v>
      </c>
      <c r="O2549">
        <v>347678</v>
      </c>
      <c r="P2549">
        <v>1</v>
      </c>
      <c r="Q2549">
        <v>1</v>
      </c>
      <c r="R2549" t="s">
        <v>13271</v>
      </c>
      <c r="S2549">
        <v>332</v>
      </c>
    </row>
    <row r="2550" spans="1:19" x14ac:dyDescent="0.25">
      <c r="A2550">
        <v>37873345</v>
      </c>
      <c r="B2550" t="s">
        <v>13272</v>
      </c>
      <c r="C2550" s="1" t="s">
        <v>13273</v>
      </c>
      <c r="D2550">
        <v>37873621</v>
      </c>
      <c r="E2550">
        <v>1</v>
      </c>
      <c r="F2550">
        <v>0</v>
      </c>
      <c r="H2550" t="s">
        <v>13274</v>
      </c>
      <c r="J2550" t="s">
        <v>13275</v>
      </c>
      <c r="K2550" t="s">
        <v>13276</v>
      </c>
      <c r="M2550">
        <v>5871129</v>
      </c>
      <c r="O2550">
        <v>4883176</v>
      </c>
      <c r="P2550">
        <v>1</v>
      </c>
      <c r="Q2550">
        <v>0</v>
      </c>
      <c r="R2550" t="s">
        <v>13277</v>
      </c>
      <c r="S2550">
        <v>45</v>
      </c>
    </row>
    <row r="2551" spans="1:19" x14ac:dyDescent="0.25">
      <c r="A2551">
        <v>36274276</v>
      </c>
      <c r="B2551" t="s">
        <v>13278</v>
      </c>
      <c r="C2551" s="1" t="s">
        <v>13279</v>
      </c>
      <c r="E2551">
        <v>0</v>
      </c>
      <c r="F2551">
        <v>4</v>
      </c>
      <c r="H2551" t="s">
        <v>13280</v>
      </c>
      <c r="J2551" t="s">
        <v>13281</v>
      </c>
      <c r="K2551" t="s">
        <v>13281</v>
      </c>
      <c r="M2551">
        <v>68587</v>
      </c>
      <c r="O2551">
        <v>2529428</v>
      </c>
      <c r="P2551">
        <v>1</v>
      </c>
      <c r="Q2551">
        <v>2</v>
      </c>
      <c r="R2551" t="s">
        <v>13282</v>
      </c>
      <c r="S2551">
        <v>31</v>
      </c>
    </row>
    <row r="2552" spans="1:19" x14ac:dyDescent="0.25">
      <c r="A2552">
        <v>52234890</v>
      </c>
      <c r="B2552" t="s">
        <v>13283</v>
      </c>
      <c r="C2552" s="1" t="s">
        <v>13284</v>
      </c>
      <c r="D2552">
        <v>52236412</v>
      </c>
      <c r="E2552">
        <v>1</v>
      </c>
      <c r="F2552">
        <v>0</v>
      </c>
      <c r="H2552" t="s">
        <v>13285</v>
      </c>
      <c r="J2552" t="s">
        <v>13286</v>
      </c>
      <c r="O2552">
        <v>6588539</v>
      </c>
      <c r="P2552">
        <v>1</v>
      </c>
      <c r="Q2552">
        <v>0</v>
      </c>
      <c r="R2552" t="s">
        <v>13287</v>
      </c>
      <c r="S2552">
        <v>42</v>
      </c>
    </row>
    <row r="2553" spans="1:19" x14ac:dyDescent="0.25">
      <c r="A2553">
        <v>16530673</v>
      </c>
      <c r="B2553" t="s">
        <v>13288</v>
      </c>
      <c r="C2553" s="1" t="s">
        <v>13289</v>
      </c>
      <c r="E2553">
        <v>2</v>
      </c>
      <c r="F2553">
        <v>0</v>
      </c>
      <c r="H2553" t="s">
        <v>13290</v>
      </c>
      <c r="J2553" t="s">
        <v>13291</v>
      </c>
      <c r="K2553" t="s">
        <v>13292</v>
      </c>
      <c r="M2553">
        <v>2179132</v>
      </c>
      <c r="O2553">
        <v>2179132</v>
      </c>
      <c r="P2553">
        <v>1</v>
      </c>
      <c r="Q2553">
        <v>0</v>
      </c>
      <c r="R2553" t="s">
        <v>13293</v>
      </c>
      <c r="S2553">
        <v>1148</v>
      </c>
    </row>
    <row r="2554" spans="1:19" x14ac:dyDescent="0.25">
      <c r="A2554">
        <v>34141288</v>
      </c>
      <c r="B2554" t="s">
        <v>13294</v>
      </c>
      <c r="C2554" s="1" t="s">
        <v>13295</v>
      </c>
      <c r="E2554">
        <v>0</v>
      </c>
      <c r="F2554">
        <v>8</v>
      </c>
      <c r="H2554" t="s">
        <v>13296</v>
      </c>
      <c r="J2554" t="s">
        <v>13296</v>
      </c>
      <c r="O2554">
        <v>5423764</v>
      </c>
      <c r="P2554">
        <v>1</v>
      </c>
      <c r="Q2554">
        <v>0</v>
      </c>
      <c r="R2554" t="s">
        <v>13297</v>
      </c>
      <c r="S2554">
        <v>347</v>
      </c>
    </row>
    <row r="2555" spans="1:19" x14ac:dyDescent="0.25">
      <c r="A2555">
        <v>49819942</v>
      </c>
      <c r="B2555" t="s">
        <v>13298</v>
      </c>
      <c r="C2555" s="1" t="s">
        <v>13299</v>
      </c>
      <c r="D2555">
        <v>49820085</v>
      </c>
      <c r="E2555">
        <v>1</v>
      </c>
      <c r="F2555">
        <v>0</v>
      </c>
      <c r="H2555" t="s">
        <v>13300</v>
      </c>
      <c r="J2555" t="s">
        <v>13301</v>
      </c>
      <c r="O2555">
        <v>3355561</v>
      </c>
      <c r="P2555">
        <v>1</v>
      </c>
      <c r="Q2555">
        <v>1</v>
      </c>
      <c r="R2555" t="s">
        <v>13302</v>
      </c>
      <c r="S2555">
        <v>46</v>
      </c>
    </row>
    <row r="2556" spans="1:19" x14ac:dyDescent="0.25">
      <c r="A2556">
        <v>50251553</v>
      </c>
      <c r="B2556" t="s">
        <v>13303</v>
      </c>
      <c r="C2556" s="1" t="s">
        <v>13304</v>
      </c>
      <c r="E2556">
        <v>1</v>
      </c>
      <c r="F2556">
        <v>0</v>
      </c>
      <c r="H2556" t="s">
        <v>13305</v>
      </c>
      <c r="J2556" t="s">
        <v>13306</v>
      </c>
      <c r="K2556" t="s">
        <v>13306</v>
      </c>
      <c r="M2556">
        <v>3975896</v>
      </c>
      <c r="O2556">
        <v>3975896</v>
      </c>
      <c r="P2556">
        <v>1</v>
      </c>
      <c r="Q2556">
        <v>1</v>
      </c>
      <c r="R2556" t="s">
        <v>13307</v>
      </c>
      <c r="S2556">
        <v>195</v>
      </c>
    </row>
    <row r="2557" spans="1:19" x14ac:dyDescent="0.25">
      <c r="A2557">
        <v>43616057</v>
      </c>
      <c r="B2557" t="s">
        <v>13308</v>
      </c>
      <c r="C2557" s="1" t="s">
        <v>13309</v>
      </c>
      <c r="E2557">
        <v>0</v>
      </c>
      <c r="F2557">
        <v>4</v>
      </c>
      <c r="H2557" t="s">
        <v>13310</v>
      </c>
      <c r="J2557" t="s">
        <v>13310</v>
      </c>
      <c r="O2557">
        <v>2599698</v>
      </c>
      <c r="P2557">
        <v>1</v>
      </c>
      <c r="Q2557">
        <v>0</v>
      </c>
      <c r="R2557" t="s">
        <v>300</v>
      </c>
      <c r="S2557">
        <v>414</v>
      </c>
    </row>
    <row r="2558" spans="1:19" x14ac:dyDescent="0.25">
      <c r="A2558">
        <v>37800509</v>
      </c>
      <c r="B2558" t="s">
        <v>13311</v>
      </c>
      <c r="C2558" s="1" t="s">
        <v>13312</v>
      </c>
      <c r="D2558">
        <v>37816354</v>
      </c>
      <c r="E2558">
        <v>1</v>
      </c>
      <c r="F2558">
        <v>2</v>
      </c>
      <c r="H2558" t="s">
        <v>13313</v>
      </c>
      <c r="J2558" t="s">
        <v>13314</v>
      </c>
      <c r="O2558">
        <v>1426764</v>
      </c>
      <c r="P2558">
        <v>1</v>
      </c>
      <c r="Q2558">
        <v>0</v>
      </c>
      <c r="R2558" t="s">
        <v>13315</v>
      </c>
      <c r="S2558">
        <v>84</v>
      </c>
    </row>
    <row r="2559" spans="1:19" x14ac:dyDescent="0.25">
      <c r="A2559">
        <v>23533291</v>
      </c>
      <c r="B2559" t="s">
        <v>13316</v>
      </c>
      <c r="C2559" s="1" t="s">
        <v>13317</v>
      </c>
      <c r="E2559">
        <v>2</v>
      </c>
      <c r="F2559">
        <v>1</v>
      </c>
      <c r="H2559" t="s">
        <v>13318</v>
      </c>
      <c r="I2559">
        <v>1</v>
      </c>
      <c r="J2559" t="s">
        <v>13319</v>
      </c>
      <c r="K2559" t="s">
        <v>13320</v>
      </c>
      <c r="M2559">
        <v>817365</v>
      </c>
      <c r="O2559">
        <v>3046689</v>
      </c>
      <c r="P2559">
        <v>1</v>
      </c>
      <c r="Q2559">
        <v>2</v>
      </c>
      <c r="R2559" t="s">
        <v>13321</v>
      </c>
      <c r="S2559">
        <v>1365</v>
      </c>
    </row>
    <row r="2560" spans="1:19" x14ac:dyDescent="0.25">
      <c r="A2560">
        <v>43622828</v>
      </c>
      <c r="B2560" t="s">
        <v>13322</v>
      </c>
      <c r="C2560" s="1" t="s">
        <v>13323</v>
      </c>
      <c r="E2560">
        <v>2</v>
      </c>
      <c r="F2560">
        <v>3</v>
      </c>
      <c r="H2560" t="s">
        <v>13324</v>
      </c>
      <c r="J2560" t="s">
        <v>13325</v>
      </c>
      <c r="K2560" t="s">
        <v>13326</v>
      </c>
      <c r="M2560">
        <v>5117622</v>
      </c>
      <c r="O2560">
        <v>5117622</v>
      </c>
      <c r="P2560">
        <v>1</v>
      </c>
      <c r="Q2560">
        <v>0</v>
      </c>
      <c r="R2560" t="s">
        <v>13327</v>
      </c>
      <c r="S2560">
        <v>84</v>
      </c>
    </row>
    <row r="2561" spans="1:19" x14ac:dyDescent="0.25">
      <c r="A2561">
        <v>8506874</v>
      </c>
      <c r="B2561" t="s">
        <v>13328</v>
      </c>
      <c r="C2561" s="1" t="s">
        <v>13329</v>
      </c>
      <c r="E2561">
        <v>2</v>
      </c>
      <c r="F2561">
        <v>6</v>
      </c>
      <c r="H2561" t="s">
        <v>13330</v>
      </c>
      <c r="J2561" t="s">
        <v>13331</v>
      </c>
      <c r="O2561">
        <v>208623</v>
      </c>
      <c r="P2561">
        <v>1</v>
      </c>
      <c r="Q2561">
        <v>0</v>
      </c>
      <c r="R2561" t="s">
        <v>13332</v>
      </c>
      <c r="S2561">
        <v>396</v>
      </c>
    </row>
    <row r="2562" spans="1:19" x14ac:dyDescent="0.25">
      <c r="A2562">
        <v>15702929</v>
      </c>
      <c r="B2562" t="s">
        <v>13333</v>
      </c>
      <c r="C2562" s="1" t="s">
        <v>13334</v>
      </c>
      <c r="D2562">
        <v>15702973</v>
      </c>
      <c r="E2562">
        <v>1</v>
      </c>
      <c r="F2562">
        <v>0</v>
      </c>
      <c r="H2562" t="s">
        <v>13335</v>
      </c>
      <c r="J2562" t="s">
        <v>13336</v>
      </c>
      <c r="O2562">
        <v>1282203</v>
      </c>
      <c r="P2562">
        <v>1</v>
      </c>
      <c r="Q2562">
        <v>0</v>
      </c>
      <c r="R2562" t="s">
        <v>13337</v>
      </c>
      <c r="S2562">
        <v>293</v>
      </c>
    </row>
    <row r="2563" spans="1:19" x14ac:dyDescent="0.25">
      <c r="A2563">
        <v>14084546</v>
      </c>
      <c r="B2563" t="s">
        <v>13338</v>
      </c>
      <c r="C2563" s="1" t="s">
        <v>13339</v>
      </c>
      <c r="D2563">
        <v>14084648</v>
      </c>
      <c r="E2563">
        <v>3</v>
      </c>
      <c r="F2563">
        <v>1</v>
      </c>
      <c r="H2563" t="s">
        <v>13340</v>
      </c>
      <c r="J2563" t="s">
        <v>13341</v>
      </c>
      <c r="K2563" t="s">
        <v>13342</v>
      </c>
      <c r="M2563">
        <v>560648</v>
      </c>
      <c r="O2563">
        <v>1182299</v>
      </c>
      <c r="P2563">
        <v>1</v>
      </c>
      <c r="Q2563">
        <v>0</v>
      </c>
      <c r="R2563" t="s">
        <v>13343</v>
      </c>
      <c r="S2563">
        <v>839</v>
      </c>
    </row>
    <row r="2564" spans="1:19" x14ac:dyDescent="0.25">
      <c r="A2564">
        <v>23528503</v>
      </c>
      <c r="B2564" t="s">
        <v>13344</v>
      </c>
      <c r="C2564" s="1" t="s">
        <v>13345</v>
      </c>
      <c r="E2564">
        <v>1</v>
      </c>
      <c r="F2564">
        <v>3</v>
      </c>
      <c r="H2564" t="s">
        <v>13346</v>
      </c>
      <c r="J2564" t="s">
        <v>13347</v>
      </c>
      <c r="K2564" t="s">
        <v>13347</v>
      </c>
      <c r="M2564">
        <v>1033581</v>
      </c>
      <c r="O2564">
        <v>3610567</v>
      </c>
      <c r="P2564">
        <v>1</v>
      </c>
      <c r="Q2564">
        <v>-1</v>
      </c>
      <c r="R2564" t="s">
        <v>351</v>
      </c>
      <c r="S2564">
        <v>60</v>
      </c>
    </row>
    <row r="2565" spans="1:19" x14ac:dyDescent="0.25">
      <c r="A2565">
        <v>25574635</v>
      </c>
      <c r="B2565" t="s">
        <v>13348</v>
      </c>
      <c r="C2565" s="1" t="s">
        <v>13349</v>
      </c>
      <c r="D2565">
        <v>25575450</v>
      </c>
      <c r="E2565">
        <v>1</v>
      </c>
      <c r="F2565">
        <v>5</v>
      </c>
      <c r="H2565" t="s">
        <v>13350</v>
      </c>
      <c r="J2565" t="s">
        <v>13351</v>
      </c>
      <c r="K2565" t="s">
        <v>13351</v>
      </c>
      <c r="M2565">
        <v>3990898</v>
      </c>
      <c r="O2565">
        <v>3990898</v>
      </c>
      <c r="P2565">
        <v>1</v>
      </c>
      <c r="Q2565">
        <v>0</v>
      </c>
      <c r="R2565" t="s">
        <v>13352</v>
      </c>
      <c r="S2565">
        <v>79</v>
      </c>
    </row>
    <row r="2566" spans="1:19" x14ac:dyDescent="0.25">
      <c r="A2566">
        <v>1442293</v>
      </c>
      <c r="B2566" t="s">
        <v>13353</v>
      </c>
      <c r="C2566" s="1" t="s">
        <v>13354</v>
      </c>
      <c r="D2566">
        <v>1442331</v>
      </c>
      <c r="E2566">
        <v>3</v>
      </c>
      <c r="F2566">
        <v>2</v>
      </c>
      <c r="H2566" t="s">
        <v>13355</v>
      </c>
      <c r="J2566" t="s">
        <v>13356</v>
      </c>
      <c r="K2566" t="s">
        <v>13356</v>
      </c>
      <c r="M2566">
        <v>168868</v>
      </c>
      <c r="O2566">
        <v>170365</v>
      </c>
      <c r="P2566">
        <v>1</v>
      </c>
      <c r="Q2566">
        <v>0</v>
      </c>
      <c r="R2566" t="s">
        <v>13357</v>
      </c>
      <c r="S2566">
        <v>1862</v>
      </c>
    </row>
    <row r="2567" spans="1:19" x14ac:dyDescent="0.25">
      <c r="A2567">
        <v>32983531</v>
      </c>
      <c r="B2567" t="s">
        <v>13358</v>
      </c>
      <c r="C2567" s="1" t="s">
        <v>13359</v>
      </c>
      <c r="E2567">
        <v>1</v>
      </c>
      <c r="F2567">
        <v>0</v>
      </c>
      <c r="H2567" t="s">
        <v>13360</v>
      </c>
      <c r="J2567" t="s">
        <v>13361</v>
      </c>
      <c r="O2567">
        <v>1692650</v>
      </c>
      <c r="P2567">
        <v>1</v>
      </c>
      <c r="Q2567">
        <v>1</v>
      </c>
      <c r="R2567" t="s">
        <v>13362</v>
      </c>
      <c r="S2567">
        <v>151</v>
      </c>
    </row>
    <row r="2568" spans="1:19" x14ac:dyDescent="0.25">
      <c r="A2568">
        <v>12392924</v>
      </c>
      <c r="B2568" t="s">
        <v>13363</v>
      </c>
      <c r="C2568" s="1" t="s">
        <v>13364</v>
      </c>
      <c r="D2568">
        <v>12403261</v>
      </c>
      <c r="E2568">
        <v>1</v>
      </c>
      <c r="F2568">
        <v>0</v>
      </c>
      <c r="H2568" t="s">
        <v>13365</v>
      </c>
      <c r="I2568">
        <v>2</v>
      </c>
      <c r="J2568" t="s">
        <v>13366</v>
      </c>
      <c r="K2568" t="s">
        <v>13367</v>
      </c>
      <c r="M2568">
        <v>1666431</v>
      </c>
      <c r="O2568">
        <v>1666431</v>
      </c>
      <c r="P2568">
        <v>1</v>
      </c>
      <c r="Q2568">
        <v>4</v>
      </c>
      <c r="R2568" t="s">
        <v>13368</v>
      </c>
      <c r="S2568">
        <v>1274</v>
      </c>
    </row>
    <row r="2569" spans="1:19" x14ac:dyDescent="0.25">
      <c r="A2569">
        <v>47158723</v>
      </c>
      <c r="B2569" t="s">
        <v>13369</v>
      </c>
      <c r="C2569" s="1" t="s">
        <v>13370</v>
      </c>
      <c r="E2569">
        <v>1</v>
      </c>
      <c r="F2569">
        <v>0</v>
      </c>
      <c r="H2569" t="s">
        <v>13371</v>
      </c>
      <c r="J2569" t="s">
        <v>13372</v>
      </c>
      <c r="O2569">
        <v>596985</v>
      </c>
      <c r="P2569">
        <v>1</v>
      </c>
      <c r="Q2569">
        <v>1</v>
      </c>
      <c r="R2569" t="s">
        <v>13373</v>
      </c>
      <c r="S2569">
        <v>54</v>
      </c>
    </row>
    <row r="2570" spans="1:19" x14ac:dyDescent="0.25">
      <c r="A2570">
        <v>12284011</v>
      </c>
      <c r="B2570" t="s">
        <v>13374</v>
      </c>
      <c r="C2570" s="1" t="s">
        <v>13375</v>
      </c>
      <c r="E2570">
        <v>1</v>
      </c>
      <c r="F2570">
        <v>0</v>
      </c>
      <c r="H2570" t="s">
        <v>13376</v>
      </c>
      <c r="J2570" t="s">
        <v>13377</v>
      </c>
      <c r="O2570">
        <v>1069500</v>
      </c>
      <c r="P2570">
        <v>1</v>
      </c>
      <c r="Q2570">
        <v>0</v>
      </c>
      <c r="R2570" t="s">
        <v>13378</v>
      </c>
      <c r="S2570">
        <v>163</v>
      </c>
    </row>
    <row r="2571" spans="1:19" x14ac:dyDescent="0.25">
      <c r="A2571">
        <v>44707841</v>
      </c>
      <c r="B2571" t="s">
        <v>13379</v>
      </c>
      <c r="C2571" s="1" t="s">
        <v>13380</v>
      </c>
      <c r="D2571">
        <v>44707912</v>
      </c>
      <c r="E2571">
        <v>1</v>
      </c>
      <c r="F2571">
        <v>0</v>
      </c>
      <c r="H2571" t="s">
        <v>13381</v>
      </c>
      <c r="J2571" t="s">
        <v>13382</v>
      </c>
      <c r="O2571">
        <v>2410644</v>
      </c>
      <c r="P2571">
        <v>1</v>
      </c>
      <c r="Q2571">
        <v>0</v>
      </c>
      <c r="R2571" t="s">
        <v>13383</v>
      </c>
      <c r="S2571">
        <v>41</v>
      </c>
    </row>
    <row r="2572" spans="1:19" x14ac:dyDescent="0.25">
      <c r="A2572">
        <v>24881392</v>
      </c>
      <c r="B2572" t="s">
        <v>13384</v>
      </c>
      <c r="C2572" s="1" t="s">
        <v>13385</v>
      </c>
      <c r="E2572">
        <v>2</v>
      </c>
      <c r="F2572">
        <v>3</v>
      </c>
      <c r="H2572" t="s">
        <v>13386</v>
      </c>
      <c r="J2572" t="s">
        <v>13387</v>
      </c>
      <c r="K2572" t="s">
        <v>13388</v>
      </c>
      <c r="M2572">
        <v>621316</v>
      </c>
      <c r="O2572">
        <v>3802389</v>
      </c>
      <c r="P2572">
        <v>1</v>
      </c>
      <c r="Q2572">
        <v>-1</v>
      </c>
      <c r="R2572" t="s">
        <v>13389</v>
      </c>
      <c r="S2572">
        <v>135</v>
      </c>
    </row>
    <row r="2573" spans="1:19" x14ac:dyDescent="0.25">
      <c r="A2573">
        <v>3937098</v>
      </c>
      <c r="B2573" t="s">
        <v>13390</v>
      </c>
      <c r="C2573" s="1" t="s">
        <v>13391</v>
      </c>
      <c r="E2573">
        <v>1</v>
      </c>
      <c r="F2573">
        <v>2</v>
      </c>
      <c r="H2573" t="s">
        <v>13392</v>
      </c>
      <c r="J2573" t="s">
        <v>13393</v>
      </c>
      <c r="O2573">
        <v>174685</v>
      </c>
      <c r="P2573">
        <v>1</v>
      </c>
      <c r="Q2573">
        <v>1</v>
      </c>
      <c r="R2573" t="s">
        <v>13394</v>
      </c>
      <c r="S2573">
        <v>1990</v>
      </c>
    </row>
    <row r="2574" spans="1:19" x14ac:dyDescent="0.25">
      <c r="A2574">
        <v>23710661</v>
      </c>
      <c r="B2574" t="s">
        <v>13395</v>
      </c>
      <c r="C2574" s="1" t="s">
        <v>13396</v>
      </c>
      <c r="E2574">
        <v>0</v>
      </c>
      <c r="F2574">
        <v>2</v>
      </c>
      <c r="H2574" t="s">
        <v>13397</v>
      </c>
      <c r="J2574" t="s">
        <v>13397</v>
      </c>
      <c r="O2574">
        <v>3385767</v>
      </c>
      <c r="P2574">
        <v>1</v>
      </c>
      <c r="Q2574">
        <v>0</v>
      </c>
      <c r="R2574" t="s">
        <v>13398</v>
      </c>
      <c r="S2574">
        <v>541</v>
      </c>
    </row>
    <row r="2575" spans="1:19" x14ac:dyDescent="0.25">
      <c r="A2575">
        <v>15054498</v>
      </c>
      <c r="B2575" t="s">
        <v>13399</v>
      </c>
      <c r="C2575" s="1" t="s">
        <v>13400</v>
      </c>
      <c r="D2575">
        <v>15054900</v>
      </c>
      <c r="E2575">
        <v>3</v>
      </c>
      <c r="F2575">
        <v>0</v>
      </c>
      <c r="H2575" t="s">
        <v>13401</v>
      </c>
      <c r="I2575">
        <v>2</v>
      </c>
      <c r="J2575" t="s">
        <v>13402</v>
      </c>
      <c r="O2575">
        <v>850271</v>
      </c>
      <c r="P2575">
        <v>1</v>
      </c>
      <c r="Q2575">
        <v>2</v>
      </c>
      <c r="R2575" t="s">
        <v>13403</v>
      </c>
      <c r="S2575">
        <v>4972</v>
      </c>
    </row>
    <row r="2576" spans="1:19" x14ac:dyDescent="0.25">
      <c r="A2576">
        <v>11714661</v>
      </c>
      <c r="B2576" t="s">
        <v>13404</v>
      </c>
      <c r="C2576" s="1" t="s">
        <v>13405</v>
      </c>
      <c r="D2576">
        <v>11716799</v>
      </c>
      <c r="E2576">
        <v>1</v>
      </c>
      <c r="F2576">
        <v>0</v>
      </c>
      <c r="H2576" t="s">
        <v>13406</v>
      </c>
      <c r="J2576" t="s">
        <v>13407</v>
      </c>
      <c r="K2576" t="s">
        <v>13408</v>
      </c>
      <c r="M2576">
        <v>479512</v>
      </c>
      <c r="O2576">
        <v>1040856</v>
      </c>
      <c r="P2576">
        <v>1</v>
      </c>
      <c r="Q2576">
        <v>2</v>
      </c>
      <c r="R2576" t="s">
        <v>13409</v>
      </c>
      <c r="S2576">
        <v>145</v>
      </c>
    </row>
    <row r="2577" spans="1:19" x14ac:dyDescent="0.25">
      <c r="A2577">
        <v>12149039</v>
      </c>
      <c r="B2577" t="s">
        <v>13410</v>
      </c>
      <c r="C2577" s="1" t="s">
        <v>13411</v>
      </c>
      <c r="D2577">
        <v>12152982</v>
      </c>
      <c r="E2577">
        <v>2</v>
      </c>
      <c r="F2577">
        <v>13</v>
      </c>
      <c r="H2577" t="s">
        <v>13412</v>
      </c>
      <c r="I2577">
        <v>1</v>
      </c>
      <c r="J2577" t="s">
        <v>13413</v>
      </c>
      <c r="K2577" t="s">
        <v>13413</v>
      </c>
      <c r="M2577">
        <v>1695</v>
      </c>
      <c r="O2577">
        <v>208318</v>
      </c>
      <c r="P2577">
        <v>1</v>
      </c>
      <c r="Q2577">
        <v>8</v>
      </c>
      <c r="R2577" t="s">
        <v>13414</v>
      </c>
      <c r="S2577">
        <v>838</v>
      </c>
    </row>
    <row r="2578" spans="1:19" x14ac:dyDescent="0.25">
      <c r="A2578">
        <v>41883348</v>
      </c>
      <c r="B2578" t="s">
        <v>13415</v>
      </c>
      <c r="C2578" s="1" t="s">
        <v>13416</v>
      </c>
      <c r="D2578">
        <v>41883403</v>
      </c>
      <c r="E2578">
        <v>1</v>
      </c>
      <c r="F2578">
        <v>0</v>
      </c>
      <c r="H2578" t="s">
        <v>13417</v>
      </c>
      <c r="J2578" t="s">
        <v>13418</v>
      </c>
      <c r="O2578">
        <v>5004461</v>
      </c>
      <c r="P2578">
        <v>1</v>
      </c>
      <c r="Q2578">
        <v>1</v>
      </c>
      <c r="R2578" t="s">
        <v>13419</v>
      </c>
      <c r="S2578">
        <v>662</v>
      </c>
    </row>
    <row r="2579" spans="1:19" x14ac:dyDescent="0.25">
      <c r="A2579">
        <v>52529388</v>
      </c>
      <c r="B2579" t="s">
        <v>13420</v>
      </c>
      <c r="C2579" s="1" t="s">
        <v>13421</v>
      </c>
      <c r="D2579">
        <v>52530086</v>
      </c>
      <c r="E2579">
        <v>1</v>
      </c>
      <c r="F2579">
        <v>0</v>
      </c>
      <c r="H2579" t="s">
        <v>13422</v>
      </c>
      <c r="J2579" t="s">
        <v>13423</v>
      </c>
      <c r="K2579" t="s">
        <v>13423</v>
      </c>
      <c r="M2579">
        <v>9113303</v>
      </c>
      <c r="O2579">
        <v>9113303</v>
      </c>
      <c r="P2579">
        <v>1</v>
      </c>
      <c r="Q2579">
        <v>0</v>
      </c>
      <c r="R2579" t="s">
        <v>13424</v>
      </c>
      <c r="S2579">
        <v>31</v>
      </c>
    </row>
    <row r="2580" spans="1:19" x14ac:dyDescent="0.25">
      <c r="A2580">
        <v>29614849</v>
      </c>
      <c r="B2580" t="s">
        <v>13425</v>
      </c>
      <c r="C2580" s="1" t="s">
        <v>13426</v>
      </c>
      <c r="D2580">
        <v>29615206</v>
      </c>
      <c r="E2580">
        <v>5</v>
      </c>
      <c r="F2580">
        <v>4</v>
      </c>
      <c r="H2580" t="s">
        <v>13427</v>
      </c>
      <c r="I2580">
        <v>7</v>
      </c>
      <c r="J2580" t="s">
        <v>13428</v>
      </c>
      <c r="K2580" t="s">
        <v>13429</v>
      </c>
      <c r="M2580">
        <v>-1</v>
      </c>
      <c r="O2580">
        <v>190277</v>
      </c>
      <c r="P2580">
        <v>1</v>
      </c>
      <c r="Q2580">
        <v>27</v>
      </c>
      <c r="R2580" t="s">
        <v>13430</v>
      </c>
      <c r="S2580">
        <v>7682</v>
      </c>
    </row>
    <row r="2581" spans="1:19" x14ac:dyDescent="0.25">
      <c r="A2581">
        <v>51681660</v>
      </c>
      <c r="B2581" t="s">
        <v>13431</v>
      </c>
      <c r="C2581" s="1" t="s">
        <v>13432</v>
      </c>
      <c r="E2581">
        <v>1</v>
      </c>
      <c r="F2581">
        <v>2</v>
      </c>
      <c r="H2581" t="s">
        <v>13433</v>
      </c>
      <c r="J2581" t="s">
        <v>13434</v>
      </c>
      <c r="K2581" t="s">
        <v>13435</v>
      </c>
      <c r="M2581">
        <v>6905646</v>
      </c>
      <c r="O2581">
        <v>6905646</v>
      </c>
      <c r="P2581">
        <v>1</v>
      </c>
      <c r="Q2581">
        <v>0</v>
      </c>
      <c r="R2581" t="s">
        <v>13436</v>
      </c>
      <c r="S2581">
        <v>222</v>
      </c>
    </row>
    <row r="2582" spans="1:19" x14ac:dyDescent="0.25">
      <c r="A2582">
        <v>19677480</v>
      </c>
      <c r="B2582" t="s">
        <v>13437</v>
      </c>
      <c r="C2582" s="1" t="s">
        <v>13438</v>
      </c>
      <c r="D2582">
        <v>19678407</v>
      </c>
      <c r="E2582">
        <v>1</v>
      </c>
      <c r="F2582">
        <v>0</v>
      </c>
      <c r="H2582" t="s">
        <v>13439</v>
      </c>
      <c r="I2582">
        <v>1</v>
      </c>
      <c r="J2582" t="s">
        <v>13440</v>
      </c>
      <c r="K2582" t="s">
        <v>13441</v>
      </c>
      <c r="M2582">
        <v>2915384</v>
      </c>
      <c r="O2582">
        <v>998657</v>
      </c>
      <c r="P2582">
        <v>1</v>
      </c>
      <c r="Q2582">
        <v>2</v>
      </c>
      <c r="R2582" t="s">
        <v>13442</v>
      </c>
      <c r="S2582">
        <v>1930</v>
      </c>
    </row>
    <row r="2583" spans="1:19" x14ac:dyDescent="0.25">
      <c r="A2583">
        <v>50521213</v>
      </c>
      <c r="B2583" t="s">
        <v>13443</v>
      </c>
      <c r="C2583" s="1" t="s">
        <v>13444</v>
      </c>
      <c r="E2583">
        <v>0</v>
      </c>
      <c r="F2583">
        <v>0</v>
      </c>
      <c r="H2583" t="s">
        <v>13445</v>
      </c>
      <c r="J2583" t="s">
        <v>13446</v>
      </c>
      <c r="K2583" t="s">
        <v>13446</v>
      </c>
      <c r="M2583">
        <v>5279133</v>
      </c>
      <c r="O2583">
        <v>2940167</v>
      </c>
      <c r="P2583">
        <v>1</v>
      </c>
      <c r="Q2583">
        <v>0</v>
      </c>
      <c r="R2583" t="s">
        <v>13447</v>
      </c>
      <c r="S2583">
        <v>58</v>
      </c>
    </row>
    <row r="2584" spans="1:19" x14ac:dyDescent="0.25">
      <c r="A2584">
        <v>9249330</v>
      </c>
      <c r="B2584" t="s">
        <v>13448</v>
      </c>
      <c r="C2584" s="1" t="s">
        <v>13449</v>
      </c>
      <c r="E2584">
        <v>2</v>
      </c>
      <c r="F2584">
        <v>6</v>
      </c>
      <c r="H2584" t="s">
        <v>13450</v>
      </c>
      <c r="J2584" t="s">
        <v>13451</v>
      </c>
      <c r="K2584" t="s">
        <v>13452</v>
      </c>
      <c r="M2584">
        <v>1142045</v>
      </c>
      <c r="O2584">
        <v>1112178</v>
      </c>
      <c r="P2584">
        <v>1</v>
      </c>
      <c r="Q2584">
        <v>2</v>
      </c>
      <c r="R2584" t="s">
        <v>13453</v>
      </c>
      <c r="S2584">
        <v>106</v>
      </c>
    </row>
    <row r="2585" spans="1:19" x14ac:dyDescent="0.25">
      <c r="A2585">
        <v>40261963</v>
      </c>
      <c r="B2585" t="s">
        <v>13454</v>
      </c>
      <c r="C2585" s="1" t="s">
        <v>13455</v>
      </c>
      <c r="D2585">
        <v>40262056</v>
      </c>
      <c r="E2585">
        <v>2</v>
      </c>
      <c r="F2585">
        <v>12</v>
      </c>
      <c r="H2585" t="s">
        <v>13456</v>
      </c>
      <c r="J2585" t="s">
        <v>13457</v>
      </c>
      <c r="K2585" t="s">
        <v>13457</v>
      </c>
      <c r="M2585">
        <v>6919895</v>
      </c>
      <c r="O2585">
        <v>3512504</v>
      </c>
      <c r="P2585">
        <v>1</v>
      </c>
      <c r="Q2585">
        <v>1</v>
      </c>
      <c r="R2585" t="s">
        <v>13458</v>
      </c>
      <c r="S2585">
        <v>355</v>
      </c>
    </row>
    <row r="2586" spans="1:19" x14ac:dyDescent="0.25">
      <c r="A2586">
        <v>29448962</v>
      </c>
      <c r="B2586" t="s">
        <v>13459</v>
      </c>
      <c r="C2586" s="1" t="s">
        <v>13460</v>
      </c>
      <c r="E2586">
        <v>0</v>
      </c>
      <c r="F2586">
        <v>4</v>
      </c>
      <c r="H2586" t="s">
        <v>13461</v>
      </c>
      <c r="J2586" t="s">
        <v>13461</v>
      </c>
      <c r="O2586">
        <v>2132270</v>
      </c>
      <c r="P2586">
        <v>1</v>
      </c>
      <c r="Q2586">
        <v>0</v>
      </c>
      <c r="R2586" t="s">
        <v>13462</v>
      </c>
      <c r="S2586">
        <v>488</v>
      </c>
    </row>
    <row r="2587" spans="1:19" x14ac:dyDescent="0.25">
      <c r="A2587">
        <v>6366640</v>
      </c>
      <c r="B2587" t="s">
        <v>13463</v>
      </c>
      <c r="C2587" s="1" t="s">
        <v>13464</v>
      </c>
      <c r="D2587">
        <v>6366666</v>
      </c>
      <c r="E2587">
        <v>2</v>
      </c>
      <c r="F2587">
        <v>6</v>
      </c>
      <c r="H2587" t="s">
        <v>13465</v>
      </c>
      <c r="I2587">
        <v>1</v>
      </c>
      <c r="J2587" t="s">
        <v>13466</v>
      </c>
      <c r="K2587" t="s">
        <v>13466</v>
      </c>
      <c r="M2587">
        <v>732945</v>
      </c>
      <c r="O2587">
        <v>265519</v>
      </c>
      <c r="P2587">
        <v>1</v>
      </c>
      <c r="Q2587">
        <v>2</v>
      </c>
      <c r="R2587" t="s">
        <v>13467</v>
      </c>
      <c r="S2587">
        <v>336</v>
      </c>
    </row>
    <row r="2588" spans="1:19" x14ac:dyDescent="0.25">
      <c r="A2588">
        <v>1273448</v>
      </c>
      <c r="B2588" t="s">
        <v>13468</v>
      </c>
      <c r="C2588" t="s">
        <v>13469</v>
      </c>
      <c r="D2588">
        <v>1273523</v>
      </c>
      <c r="E2588">
        <v>1</v>
      </c>
      <c r="F2588">
        <v>0</v>
      </c>
      <c r="H2588" t="s">
        <v>13470</v>
      </c>
      <c r="J2588" t="s">
        <v>13471</v>
      </c>
      <c r="O2588">
        <v>120755</v>
      </c>
      <c r="P2588">
        <v>1</v>
      </c>
      <c r="Q2588">
        <v>1</v>
      </c>
      <c r="R2588" t="s">
        <v>13472</v>
      </c>
      <c r="S2588">
        <v>3501</v>
      </c>
    </row>
    <row r="2589" spans="1:19" x14ac:dyDescent="0.25">
      <c r="A2589">
        <v>35785396</v>
      </c>
      <c r="B2589" t="s">
        <v>13473</v>
      </c>
      <c r="C2589" s="1" t="s">
        <v>13474</v>
      </c>
      <c r="D2589">
        <v>35785619</v>
      </c>
      <c r="E2589">
        <v>1</v>
      </c>
      <c r="F2589">
        <v>3</v>
      </c>
      <c r="H2589" t="s">
        <v>13475</v>
      </c>
      <c r="J2589" t="s">
        <v>13476</v>
      </c>
      <c r="K2589" t="s">
        <v>13477</v>
      </c>
      <c r="M2589">
        <v>3243917</v>
      </c>
      <c r="O2589">
        <v>3243917</v>
      </c>
      <c r="P2589">
        <v>1</v>
      </c>
      <c r="Q2589">
        <v>1</v>
      </c>
      <c r="R2589" t="s">
        <v>13478</v>
      </c>
      <c r="S2589">
        <v>708</v>
      </c>
    </row>
    <row r="2590" spans="1:19" x14ac:dyDescent="0.25">
      <c r="A2590">
        <v>50210164</v>
      </c>
      <c r="B2590" t="s">
        <v>13479</v>
      </c>
      <c r="C2590" s="1" t="s">
        <v>13480</v>
      </c>
      <c r="D2590">
        <v>50210265</v>
      </c>
      <c r="E2590">
        <v>1</v>
      </c>
      <c r="F2590">
        <v>0</v>
      </c>
      <c r="H2590" t="s">
        <v>13481</v>
      </c>
      <c r="J2590" t="s">
        <v>13482</v>
      </c>
      <c r="O2590">
        <v>8193301</v>
      </c>
      <c r="P2590">
        <v>1</v>
      </c>
      <c r="Q2590">
        <v>1</v>
      </c>
      <c r="R2590" t="s">
        <v>13483</v>
      </c>
      <c r="S2590">
        <v>41</v>
      </c>
    </row>
    <row r="2591" spans="1:19" x14ac:dyDescent="0.25">
      <c r="A2591">
        <v>27279579</v>
      </c>
      <c r="B2591" t="s">
        <v>13484</v>
      </c>
      <c r="C2591" s="1" t="s">
        <v>13485</v>
      </c>
      <c r="D2591">
        <v>27282432</v>
      </c>
      <c r="E2591">
        <v>2</v>
      </c>
      <c r="F2591">
        <v>6</v>
      </c>
      <c r="H2591" t="s">
        <v>13486</v>
      </c>
      <c r="I2591">
        <v>2</v>
      </c>
      <c r="J2591" t="s">
        <v>13487</v>
      </c>
      <c r="K2591" t="s">
        <v>13487</v>
      </c>
      <c r="M2591">
        <v>1583946</v>
      </c>
      <c r="O2591">
        <v>4321406</v>
      </c>
      <c r="P2591">
        <v>1</v>
      </c>
      <c r="Q2591">
        <v>-2</v>
      </c>
      <c r="R2591" t="s">
        <v>13488</v>
      </c>
      <c r="S2591">
        <v>18859</v>
      </c>
    </row>
    <row r="2592" spans="1:19" x14ac:dyDescent="0.25">
      <c r="A2592">
        <v>7856993</v>
      </c>
      <c r="B2592" t="s">
        <v>13489</v>
      </c>
      <c r="C2592" s="1" t="s">
        <v>13490</v>
      </c>
      <c r="D2592">
        <v>7857430</v>
      </c>
      <c r="E2592">
        <v>1</v>
      </c>
      <c r="F2592">
        <v>0</v>
      </c>
      <c r="H2592" t="s">
        <v>13491</v>
      </c>
      <c r="J2592" t="s">
        <v>13492</v>
      </c>
      <c r="O2592">
        <v>741099</v>
      </c>
      <c r="P2592">
        <v>1</v>
      </c>
      <c r="Q2592">
        <v>1</v>
      </c>
      <c r="R2592" t="s">
        <v>13493</v>
      </c>
      <c r="S2592">
        <v>1977</v>
      </c>
    </row>
    <row r="2593" spans="1:19" x14ac:dyDescent="0.25">
      <c r="A2593">
        <v>29937045</v>
      </c>
      <c r="B2593" t="s">
        <v>13494</v>
      </c>
      <c r="C2593" s="1" t="s">
        <v>13495</v>
      </c>
      <c r="E2593">
        <v>1</v>
      </c>
      <c r="F2593">
        <v>7</v>
      </c>
      <c r="H2593" t="s">
        <v>13496</v>
      </c>
      <c r="J2593" t="s">
        <v>13497</v>
      </c>
      <c r="K2593" t="s">
        <v>13498</v>
      </c>
      <c r="M2593">
        <v>740997</v>
      </c>
      <c r="O2593">
        <v>740997</v>
      </c>
      <c r="P2593">
        <v>1</v>
      </c>
      <c r="Q2593">
        <v>3</v>
      </c>
      <c r="R2593" t="s">
        <v>13499</v>
      </c>
      <c r="S2593">
        <v>590</v>
      </c>
    </row>
    <row r="2594" spans="1:19" x14ac:dyDescent="0.25">
      <c r="A2594">
        <v>31191797</v>
      </c>
      <c r="B2594" t="s">
        <v>13500</v>
      </c>
      <c r="C2594" s="1" t="s">
        <v>13501</v>
      </c>
      <c r="E2594">
        <v>0</v>
      </c>
      <c r="F2594">
        <v>2</v>
      </c>
      <c r="H2594" t="s">
        <v>13502</v>
      </c>
      <c r="J2594" t="s">
        <v>13502</v>
      </c>
      <c r="O2594">
        <v>1976982</v>
      </c>
      <c r="P2594">
        <v>1</v>
      </c>
      <c r="Q2594">
        <v>1</v>
      </c>
      <c r="R2594" t="s">
        <v>13503</v>
      </c>
      <c r="S2594">
        <v>888</v>
      </c>
    </row>
    <row r="2595" spans="1:19" x14ac:dyDescent="0.25">
      <c r="A2595">
        <v>41694774</v>
      </c>
      <c r="B2595" t="s">
        <v>13504</v>
      </c>
      <c r="C2595" s="1" t="s">
        <v>13505</v>
      </c>
      <c r="E2595">
        <v>1</v>
      </c>
      <c r="F2595">
        <v>1</v>
      </c>
      <c r="H2595" t="s">
        <v>13506</v>
      </c>
      <c r="I2595">
        <v>0</v>
      </c>
      <c r="J2595" t="s">
        <v>13507</v>
      </c>
      <c r="K2595" t="s">
        <v>13508</v>
      </c>
      <c r="M2595">
        <v>7369554</v>
      </c>
      <c r="O2595">
        <v>5933602</v>
      </c>
      <c r="P2595">
        <v>1</v>
      </c>
      <c r="Q2595">
        <v>3</v>
      </c>
      <c r="R2595" t="s">
        <v>13509</v>
      </c>
      <c r="S2595">
        <v>90</v>
      </c>
    </row>
    <row r="2596" spans="1:19" x14ac:dyDescent="0.25">
      <c r="A2596">
        <v>30270061</v>
      </c>
      <c r="B2596" t="s">
        <v>13510</v>
      </c>
      <c r="C2596" s="1" t="s">
        <v>13511</v>
      </c>
      <c r="D2596">
        <v>35145365</v>
      </c>
      <c r="E2596">
        <v>1</v>
      </c>
      <c r="F2596">
        <v>1</v>
      </c>
      <c r="H2596" t="s">
        <v>13512</v>
      </c>
      <c r="I2596">
        <v>1</v>
      </c>
      <c r="J2596" t="s">
        <v>13513</v>
      </c>
      <c r="O2596">
        <v>1625152</v>
      </c>
      <c r="P2596">
        <v>1</v>
      </c>
      <c r="Q2596">
        <v>1</v>
      </c>
      <c r="R2596" t="s">
        <v>13514</v>
      </c>
      <c r="S2596">
        <v>70</v>
      </c>
    </row>
    <row r="2597" spans="1:19" x14ac:dyDescent="0.25">
      <c r="A2597">
        <v>48139912</v>
      </c>
      <c r="B2597" t="s">
        <v>13515</v>
      </c>
      <c r="C2597" s="1" t="s">
        <v>13516</v>
      </c>
      <c r="E2597">
        <v>1</v>
      </c>
      <c r="F2597">
        <v>9</v>
      </c>
      <c r="H2597" t="s">
        <v>13517</v>
      </c>
      <c r="J2597" t="s">
        <v>13518</v>
      </c>
      <c r="K2597" t="s">
        <v>13519</v>
      </c>
      <c r="M2597">
        <v>1011527</v>
      </c>
      <c r="O2597">
        <v>7000986</v>
      </c>
      <c r="P2597">
        <v>1</v>
      </c>
      <c r="Q2597">
        <v>-1</v>
      </c>
      <c r="R2597" t="s">
        <v>4205</v>
      </c>
      <c r="S2597">
        <v>28</v>
      </c>
    </row>
    <row r="2598" spans="1:19" x14ac:dyDescent="0.25">
      <c r="A2598">
        <v>36977836</v>
      </c>
      <c r="B2598" t="s">
        <v>13520</v>
      </c>
      <c r="C2598" s="1" t="s">
        <v>13521</v>
      </c>
      <c r="D2598">
        <v>36978084</v>
      </c>
      <c r="E2598">
        <v>1</v>
      </c>
      <c r="F2598">
        <v>0</v>
      </c>
      <c r="H2598" t="s">
        <v>13522</v>
      </c>
      <c r="J2598" t="s">
        <v>13523</v>
      </c>
      <c r="K2598" t="s">
        <v>13524</v>
      </c>
      <c r="M2598">
        <v>5305430</v>
      </c>
      <c r="O2598">
        <v>6186610</v>
      </c>
      <c r="P2598">
        <v>1</v>
      </c>
      <c r="Q2598">
        <v>0</v>
      </c>
      <c r="R2598" t="s">
        <v>13525</v>
      </c>
      <c r="S2598">
        <v>868</v>
      </c>
    </row>
    <row r="2599" spans="1:19" x14ac:dyDescent="0.25">
      <c r="A2599">
        <v>42397820</v>
      </c>
      <c r="B2599" t="s">
        <v>13526</v>
      </c>
      <c r="C2599" s="1" t="s">
        <v>13527</v>
      </c>
      <c r="D2599">
        <v>42409392</v>
      </c>
      <c r="E2599">
        <v>1</v>
      </c>
      <c r="F2599">
        <v>1</v>
      </c>
      <c r="H2599" t="s">
        <v>13528</v>
      </c>
      <c r="J2599" t="s">
        <v>13529</v>
      </c>
      <c r="K2599" t="s">
        <v>13529</v>
      </c>
      <c r="M2599">
        <v>5906633</v>
      </c>
      <c r="O2599">
        <v>5024961</v>
      </c>
      <c r="P2599">
        <v>1</v>
      </c>
      <c r="Q2599">
        <v>0</v>
      </c>
      <c r="R2599" t="s">
        <v>13530</v>
      </c>
      <c r="S2599">
        <v>590</v>
      </c>
    </row>
    <row r="2600" spans="1:19" x14ac:dyDescent="0.25">
      <c r="A2600">
        <v>52989482</v>
      </c>
      <c r="B2600" t="s">
        <v>13531</v>
      </c>
      <c r="C2600" s="1" t="s">
        <v>13532</v>
      </c>
      <c r="D2600">
        <v>52989612</v>
      </c>
      <c r="E2600">
        <v>1</v>
      </c>
      <c r="F2600">
        <v>0</v>
      </c>
      <c r="H2600" t="s">
        <v>13533</v>
      </c>
      <c r="I2600">
        <v>1</v>
      </c>
      <c r="J2600" t="s">
        <v>13534</v>
      </c>
      <c r="K2600" t="s">
        <v>13534</v>
      </c>
      <c r="M2600">
        <v>5519329</v>
      </c>
      <c r="O2600">
        <v>5799833</v>
      </c>
      <c r="P2600">
        <v>1</v>
      </c>
      <c r="Q2600">
        <v>0</v>
      </c>
      <c r="R2600" t="s">
        <v>13535</v>
      </c>
      <c r="S2600">
        <v>23</v>
      </c>
    </row>
    <row r="2601" spans="1:19" x14ac:dyDescent="0.25">
      <c r="A2601">
        <v>43576260</v>
      </c>
      <c r="B2601" t="s">
        <v>13536</v>
      </c>
      <c r="C2601" s="1" t="s">
        <v>13537</v>
      </c>
      <c r="E2601">
        <v>0</v>
      </c>
      <c r="F2601">
        <v>2</v>
      </c>
      <c r="H2601" t="s">
        <v>13538</v>
      </c>
      <c r="J2601" t="s">
        <v>13539</v>
      </c>
      <c r="K2601" t="s">
        <v>13539</v>
      </c>
      <c r="M2601">
        <v>3744013</v>
      </c>
      <c r="O2601">
        <v>6272081</v>
      </c>
      <c r="P2601">
        <v>1</v>
      </c>
      <c r="Q2601">
        <v>0</v>
      </c>
      <c r="R2601" t="s">
        <v>13540</v>
      </c>
      <c r="S2601">
        <v>251</v>
      </c>
    </row>
    <row r="2602" spans="1:19" x14ac:dyDescent="0.25">
      <c r="A2602">
        <v>46904897</v>
      </c>
      <c r="B2602" t="s">
        <v>13541</v>
      </c>
      <c r="C2602" s="1" t="s">
        <v>13542</v>
      </c>
      <c r="E2602">
        <v>3</v>
      </c>
      <c r="F2602">
        <v>0</v>
      </c>
      <c r="H2602" t="s">
        <v>13543</v>
      </c>
      <c r="J2602" t="s">
        <v>13544</v>
      </c>
      <c r="K2602" t="s">
        <v>13545</v>
      </c>
      <c r="M2602">
        <v>8777996</v>
      </c>
      <c r="O2602">
        <v>8777996</v>
      </c>
      <c r="P2602">
        <v>1</v>
      </c>
      <c r="Q2602">
        <v>1</v>
      </c>
      <c r="R2602" t="s">
        <v>13546</v>
      </c>
      <c r="S2602">
        <v>238</v>
      </c>
    </row>
    <row r="2603" spans="1:19" x14ac:dyDescent="0.25">
      <c r="A2603">
        <v>17748693</v>
      </c>
      <c r="B2603" t="s">
        <v>13547</v>
      </c>
      <c r="C2603" s="1" t="s">
        <v>13548</v>
      </c>
      <c r="D2603">
        <v>17748775</v>
      </c>
      <c r="E2603">
        <v>1</v>
      </c>
      <c r="F2603">
        <v>2</v>
      </c>
      <c r="H2603" t="s">
        <v>13549</v>
      </c>
      <c r="J2603" t="s">
        <v>13550</v>
      </c>
      <c r="O2603">
        <v>975282</v>
      </c>
      <c r="P2603">
        <v>1</v>
      </c>
      <c r="Q2603">
        <v>0</v>
      </c>
      <c r="R2603" t="s">
        <v>13551</v>
      </c>
      <c r="S2603">
        <v>250</v>
      </c>
    </row>
    <row r="2604" spans="1:19" x14ac:dyDescent="0.25">
      <c r="A2604">
        <v>6440715</v>
      </c>
      <c r="B2604" t="s">
        <v>13552</v>
      </c>
      <c r="C2604" s="1" t="s">
        <v>13553</v>
      </c>
      <c r="D2604">
        <v>6441893</v>
      </c>
      <c r="E2604">
        <v>2</v>
      </c>
      <c r="F2604">
        <v>0</v>
      </c>
      <c r="H2604" t="s">
        <v>13554</v>
      </c>
      <c r="I2604">
        <v>3</v>
      </c>
      <c r="J2604" t="s">
        <v>13555</v>
      </c>
      <c r="O2604">
        <v>586707</v>
      </c>
      <c r="P2604">
        <v>1</v>
      </c>
      <c r="Q2604">
        <v>24</v>
      </c>
      <c r="R2604" t="s">
        <v>13556</v>
      </c>
      <c r="S2604">
        <v>9301</v>
      </c>
    </row>
    <row r="2605" spans="1:19" x14ac:dyDescent="0.25">
      <c r="A2605">
        <v>2962693</v>
      </c>
      <c r="B2605" t="s">
        <v>13557</v>
      </c>
      <c r="C2605" t="s">
        <v>13558</v>
      </c>
      <c r="D2605">
        <v>2962711</v>
      </c>
      <c r="E2605">
        <v>1</v>
      </c>
      <c r="F2605">
        <v>0</v>
      </c>
      <c r="H2605" t="s">
        <v>13559</v>
      </c>
      <c r="J2605" t="s">
        <v>13560</v>
      </c>
      <c r="O2605">
        <v>357008</v>
      </c>
      <c r="P2605">
        <v>1</v>
      </c>
      <c r="Q2605">
        <v>0</v>
      </c>
      <c r="R2605" t="s">
        <v>13561</v>
      </c>
      <c r="S2605">
        <v>101</v>
      </c>
    </row>
    <row r="2606" spans="1:19" x14ac:dyDescent="0.25">
      <c r="A2606">
        <v>37751802</v>
      </c>
      <c r="B2606" t="s">
        <v>13562</v>
      </c>
      <c r="C2606" s="1" t="s">
        <v>13563</v>
      </c>
      <c r="D2606">
        <v>37751885</v>
      </c>
      <c r="E2606">
        <v>3</v>
      </c>
      <c r="F2606">
        <v>0</v>
      </c>
      <c r="H2606" t="s">
        <v>13564</v>
      </c>
      <c r="J2606" t="s">
        <v>13565</v>
      </c>
      <c r="O2606">
        <v>2888846</v>
      </c>
      <c r="P2606">
        <v>1</v>
      </c>
      <c r="Q2606">
        <v>1</v>
      </c>
      <c r="R2606" t="s">
        <v>13566</v>
      </c>
      <c r="S2606">
        <v>46</v>
      </c>
    </row>
    <row r="2607" spans="1:19" x14ac:dyDescent="0.25">
      <c r="A2607">
        <v>4222055</v>
      </c>
      <c r="B2607" t="s">
        <v>13567</v>
      </c>
      <c r="C2607" s="1" t="s">
        <v>13568</v>
      </c>
      <c r="D2607">
        <v>4521212</v>
      </c>
      <c r="E2607">
        <v>2</v>
      </c>
      <c r="F2607">
        <v>0</v>
      </c>
      <c r="H2607" t="s">
        <v>13569</v>
      </c>
      <c r="I2607">
        <v>1</v>
      </c>
      <c r="J2607" t="s">
        <v>13570</v>
      </c>
      <c r="K2607" t="s">
        <v>13571</v>
      </c>
      <c r="M2607">
        <v>28768</v>
      </c>
      <c r="O2607">
        <v>400717</v>
      </c>
      <c r="P2607">
        <v>1</v>
      </c>
      <c r="Q2607">
        <v>3</v>
      </c>
      <c r="R2607" t="s">
        <v>13572</v>
      </c>
      <c r="S2607">
        <v>1328</v>
      </c>
    </row>
    <row r="2608" spans="1:19" x14ac:dyDescent="0.25">
      <c r="A2608">
        <v>36473454</v>
      </c>
      <c r="B2608" t="s">
        <v>13573</v>
      </c>
      <c r="C2608" s="1" t="s">
        <v>13574</v>
      </c>
      <c r="D2608">
        <v>36473827</v>
      </c>
      <c r="E2608">
        <v>1</v>
      </c>
      <c r="F2608">
        <v>0</v>
      </c>
      <c r="H2608" t="s">
        <v>13575</v>
      </c>
      <c r="I2608">
        <v>1</v>
      </c>
      <c r="J2608" t="s">
        <v>13576</v>
      </c>
      <c r="K2608" t="s">
        <v>13577</v>
      </c>
      <c r="M2608">
        <v>3576974</v>
      </c>
      <c r="O2608">
        <v>3576974</v>
      </c>
      <c r="P2608">
        <v>1</v>
      </c>
      <c r="Q2608">
        <v>1</v>
      </c>
      <c r="R2608" t="s">
        <v>13578</v>
      </c>
      <c r="S2608">
        <v>59</v>
      </c>
    </row>
    <row r="2609" spans="1:19" x14ac:dyDescent="0.25">
      <c r="A2609">
        <v>43801387</v>
      </c>
      <c r="B2609" t="s">
        <v>13579</v>
      </c>
      <c r="C2609" s="1" t="s">
        <v>13580</v>
      </c>
      <c r="E2609">
        <v>1</v>
      </c>
      <c r="F2609">
        <v>2</v>
      </c>
      <c r="H2609" t="s">
        <v>13581</v>
      </c>
      <c r="J2609" t="s">
        <v>13582</v>
      </c>
      <c r="K2609" t="s">
        <v>13582</v>
      </c>
      <c r="M2609">
        <v>5033473</v>
      </c>
      <c r="O2609">
        <v>5033473</v>
      </c>
      <c r="P2609">
        <v>1</v>
      </c>
      <c r="Q2609">
        <v>0</v>
      </c>
      <c r="R2609" t="s">
        <v>13583</v>
      </c>
      <c r="S2609">
        <v>289</v>
      </c>
    </row>
    <row r="2610" spans="1:19" x14ac:dyDescent="0.25">
      <c r="A2610">
        <v>9515612</v>
      </c>
      <c r="B2610" t="s">
        <v>13584</v>
      </c>
      <c r="C2610" s="1" t="s">
        <v>13585</v>
      </c>
      <c r="E2610">
        <v>3</v>
      </c>
      <c r="F2610">
        <v>0</v>
      </c>
      <c r="H2610" t="s">
        <v>13586</v>
      </c>
      <c r="J2610" t="s">
        <v>13587</v>
      </c>
      <c r="O2610">
        <v>1105975</v>
      </c>
      <c r="P2610">
        <v>1</v>
      </c>
      <c r="Q2610">
        <v>0</v>
      </c>
      <c r="R2610" t="s">
        <v>13588</v>
      </c>
      <c r="S2610">
        <v>298</v>
      </c>
    </row>
    <row r="2611" spans="1:19" x14ac:dyDescent="0.25">
      <c r="A2611">
        <v>42563482</v>
      </c>
      <c r="B2611" t="s">
        <v>13589</v>
      </c>
      <c r="C2611" s="1" t="s">
        <v>13590</v>
      </c>
      <c r="D2611">
        <v>42563631</v>
      </c>
      <c r="E2611">
        <v>4</v>
      </c>
      <c r="F2611">
        <v>10</v>
      </c>
      <c r="H2611" t="s">
        <v>13591</v>
      </c>
      <c r="J2611" t="s">
        <v>13592</v>
      </c>
      <c r="K2611" t="s">
        <v>13593</v>
      </c>
      <c r="M2611">
        <v>277480</v>
      </c>
      <c r="O2611">
        <v>277480</v>
      </c>
      <c r="P2611">
        <v>1</v>
      </c>
      <c r="Q2611">
        <v>-1</v>
      </c>
      <c r="R2611" t="s">
        <v>13594</v>
      </c>
      <c r="S2611">
        <v>528</v>
      </c>
    </row>
    <row r="2612" spans="1:19" x14ac:dyDescent="0.25">
      <c r="A2612">
        <v>6078455</v>
      </c>
      <c r="B2612" t="s">
        <v>13595</v>
      </c>
      <c r="C2612" s="1" t="s">
        <v>13596</v>
      </c>
      <c r="E2612">
        <v>1</v>
      </c>
      <c r="F2612">
        <v>3</v>
      </c>
      <c r="H2612" t="s">
        <v>13597</v>
      </c>
      <c r="J2612" t="s">
        <v>13598</v>
      </c>
      <c r="K2612" t="s">
        <v>13598</v>
      </c>
      <c r="M2612">
        <v>203982</v>
      </c>
      <c r="O2612">
        <v>203982</v>
      </c>
      <c r="P2612">
        <v>1</v>
      </c>
      <c r="Q2612">
        <v>0</v>
      </c>
      <c r="R2612" t="s">
        <v>13599</v>
      </c>
      <c r="S2612">
        <v>231</v>
      </c>
    </row>
    <row r="2613" spans="1:19" x14ac:dyDescent="0.25">
      <c r="A2613">
        <v>16813020</v>
      </c>
      <c r="B2613" t="s">
        <v>13600</v>
      </c>
      <c r="C2613" s="1" t="s">
        <v>13601</v>
      </c>
      <c r="E2613">
        <v>1</v>
      </c>
      <c r="F2613">
        <v>0</v>
      </c>
      <c r="H2613" t="s">
        <v>13602</v>
      </c>
      <c r="J2613" t="s">
        <v>13603</v>
      </c>
      <c r="K2613" t="s">
        <v>13604</v>
      </c>
      <c r="M2613">
        <v>-1</v>
      </c>
      <c r="O2613">
        <v>1195527</v>
      </c>
      <c r="P2613">
        <v>1</v>
      </c>
      <c r="Q2613">
        <v>3</v>
      </c>
      <c r="R2613" t="s">
        <v>13605</v>
      </c>
      <c r="S2613">
        <v>75</v>
      </c>
    </row>
    <row r="2614" spans="1:19" x14ac:dyDescent="0.25">
      <c r="A2614">
        <v>32048057</v>
      </c>
      <c r="B2614" t="s">
        <v>13606</v>
      </c>
      <c r="C2614" s="1" t="s">
        <v>13607</v>
      </c>
      <c r="D2614">
        <v>32048141</v>
      </c>
      <c r="E2614">
        <v>1</v>
      </c>
      <c r="F2614">
        <v>0</v>
      </c>
      <c r="H2614" t="s">
        <v>13608</v>
      </c>
      <c r="J2614" t="s">
        <v>13609</v>
      </c>
      <c r="K2614" t="s">
        <v>13609</v>
      </c>
      <c r="M2614">
        <v>15498</v>
      </c>
      <c r="O2614">
        <v>4205734</v>
      </c>
      <c r="P2614">
        <v>1</v>
      </c>
      <c r="Q2614">
        <v>0</v>
      </c>
      <c r="R2614" t="s">
        <v>13610</v>
      </c>
      <c r="S2614">
        <v>46</v>
      </c>
    </row>
    <row r="2615" spans="1:19" x14ac:dyDescent="0.25">
      <c r="A2615">
        <v>20150304</v>
      </c>
      <c r="B2615" t="s">
        <v>13611</v>
      </c>
      <c r="C2615" s="1" t="s">
        <v>13612</v>
      </c>
      <c r="D2615">
        <v>20956553</v>
      </c>
      <c r="E2615">
        <v>1</v>
      </c>
      <c r="F2615">
        <v>0</v>
      </c>
      <c r="H2615" t="s">
        <v>13613</v>
      </c>
      <c r="J2615" t="s">
        <v>13614</v>
      </c>
      <c r="K2615" t="s">
        <v>13615</v>
      </c>
      <c r="M2615">
        <v>68763</v>
      </c>
      <c r="O2615">
        <v>2779489</v>
      </c>
      <c r="P2615">
        <v>1</v>
      </c>
      <c r="Q2615">
        <v>0</v>
      </c>
      <c r="R2615" t="s">
        <v>13616</v>
      </c>
      <c r="S2615">
        <v>863</v>
      </c>
    </row>
    <row r="2616" spans="1:19" x14ac:dyDescent="0.25">
      <c r="A2616">
        <v>49587832</v>
      </c>
      <c r="B2616" t="s">
        <v>13617</v>
      </c>
      <c r="C2616" t="s">
        <v>13618</v>
      </c>
      <c r="E2616">
        <v>3</v>
      </c>
      <c r="F2616">
        <v>0</v>
      </c>
      <c r="H2616" t="s">
        <v>13619</v>
      </c>
      <c r="I2616">
        <v>3</v>
      </c>
      <c r="J2616" t="s">
        <v>13620</v>
      </c>
      <c r="O2616">
        <v>8391200</v>
      </c>
      <c r="P2616">
        <v>1</v>
      </c>
      <c r="Q2616">
        <v>0</v>
      </c>
      <c r="R2616" t="s">
        <v>13621</v>
      </c>
      <c r="S2616">
        <v>968</v>
      </c>
    </row>
    <row r="2617" spans="1:19" x14ac:dyDescent="0.25">
      <c r="A2617">
        <v>48238326</v>
      </c>
      <c r="B2617" t="s">
        <v>13622</v>
      </c>
      <c r="C2617" s="1" t="s">
        <v>13623</v>
      </c>
      <c r="E2617">
        <v>0</v>
      </c>
      <c r="F2617">
        <v>0</v>
      </c>
      <c r="H2617" t="s">
        <v>13624</v>
      </c>
      <c r="J2617" t="s">
        <v>13624</v>
      </c>
      <c r="O2617">
        <v>6739000</v>
      </c>
      <c r="P2617">
        <v>1</v>
      </c>
      <c r="Q2617">
        <v>0</v>
      </c>
      <c r="R2617" t="s">
        <v>13625</v>
      </c>
      <c r="S2617">
        <v>115</v>
      </c>
    </row>
    <row r="2618" spans="1:19" x14ac:dyDescent="0.25">
      <c r="A2618">
        <v>10837045</v>
      </c>
      <c r="B2618" t="s">
        <v>13626</v>
      </c>
      <c r="C2618" s="1" t="s">
        <v>13627</v>
      </c>
      <c r="E2618">
        <v>1</v>
      </c>
      <c r="F2618">
        <v>4</v>
      </c>
      <c r="H2618" t="s">
        <v>13628</v>
      </c>
      <c r="I2618">
        <v>0</v>
      </c>
      <c r="J2618" t="s">
        <v>13629</v>
      </c>
      <c r="K2618" t="s">
        <v>13629</v>
      </c>
      <c r="M2618">
        <v>1243474</v>
      </c>
      <c r="O2618">
        <v>1243474</v>
      </c>
      <c r="P2618">
        <v>1</v>
      </c>
      <c r="Q2618">
        <v>1</v>
      </c>
      <c r="R2618" t="s">
        <v>93</v>
      </c>
      <c r="S2618">
        <v>1411</v>
      </c>
    </row>
    <row r="2619" spans="1:19" x14ac:dyDescent="0.25">
      <c r="A2619">
        <v>15346574</v>
      </c>
      <c r="B2619" t="s">
        <v>13630</v>
      </c>
      <c r="C2619" s="1" t="s">
        <v>13631</v>
      </c>
      <c r="E2619">
        <v>0</v>
      </c>
      <c r="F2619">
        <v>4</v>
      </c>
      <c r="H2619" t="s">
        <v>13632</v>
      </c>
      <c r="I2619">
        <v>1</v>
      </c>
      <c r="J2619" t="s">
        <v>13632</v>
      </c>
      <c r="O2619">
        <v>879664</v>
      </c>
      <c r="P2619">
        <v>1</v>
      </c>
      <c r="Q2619">
        <v>1</v>
      </c>
      <c r="R2619" t="s">
        <v>13633</v>
      </c>
      <c r="S2619">
        <v>167</v>
      </c>
    </row>
    <row r="2620" spans="1:19" x14ac:dyDescent="0.25">
      <c r="A2620">
        <v>11636314</v>
      </c>
      <c r="B2620" t="s">
        <v>13634</v>
      </c>
      <c r="C2620" s="1" t="s">
        <v>13635</v>
      </c>
      <c r="D2620">
        <v>11636333</v>
      </c>
      <c r="E2620">
        <v>2</v>
      </c>
      <c r="F2620">
        <v>0</v>
      </c>
      <c r="H2620" t="s">
        <v>13636</v>
      </c>
      <c r="I2620">
        <v>2</v>
      </c>
      <c r="J2620" t="s">
        <v>13637</v>
      </c>
      <c r="O2620">
        <v>920786</v>
      </c>
      <c r="P2620">
        <v>1</v>
      </c>
      <c r="Q2620">
        <v>2</v>
      </c>
      <c r="R2620" t="s">
        <v>13638</v>
      </c>
      <c r="S2620">
        <v>4165</v>
      </c>
    </row>
    <row r="2621" spans="1:19" x14ac:dyDescent="0.25">
      <c r="A2621">
        <v>29773876</v>
      </c>
      <c r="B2621" t="s">
        <v>13639</v>
      </c>
      <c r="C2621" s="1" t="s">
        <v>13640</v>
      </c>
      <c r="E2621">
        <v>4</v>
      </c>
      <c r="F2621">
        <v>1</v>
      </c>
      <c r="H2621" t="s">
        <v>13641</v>
      </c>
      <c r="I2621">
        <v>3</v>
      </c>
      <c r="J2621" t="s">
        <v>13642</v>
      </c>
      <c r="K2621" t="s">
        <v>13643</v>
      </c>
      <c r="M2621">
        <v>-1</v>
      </c>
      <c r="O2621">
        <v>4815115</v>
      </c>
      <c r="P2621">
        <v>1</v>
      </c>
      <c r="Q2621">
        <v>8</v>
      </c>
      <c r="R2621" t="s">
        <v>8275</v>
      </c>
      <c r="S2621">
        <v>1487</v>
      </c>
    </row>
    <row r="2622" spans="1:19" x14ac:dyDescent="0.25">
      <c r="A2622">
        <v>48346936</v>
      </c>
      <c r="B2622" t="s">
        <v>13644</v>
      </c>
      <c r="C2622" s="1" t="s">
        <v>13645</v>
      </c>
      <c r="D2622">
        <v>48347097</v>
      </c>
      <c r="E2622">
        <v>1</v>
      </c>
      <c r="F2622">
        <v>2</v>
      </c>
      <c r="H2622" t="s">
        <v>13646</v>
      </c>
      <c r="J2622" t="s">
        <v>13647</v>
      </c>
      <c r="O2622">
        <v>7903171</v>
      </c>
      <c r="P2622">
        <v>1</v>
      </c>
      <c r="Q2622">
        <v>0</v>
      </c>
      <c r="R2622" t="s">
        <v>13648</v>
      </c>
      <c r="S2622">
        <v>51</v>
      </c>
    </row>
    <row r="2623" spans="1:19" x14ac:dyDescent="0.25">
      <c r="A2623">
        <v>51191101</v>
      </c>
      <c r="B2623" t="s">
        <v>13649</v>
      </c>
      <c r="C2623" s="1" t="s">
        <v>13650</v>
      </c>
      <c r="E2623">
        <v>0</v>
      </c>
      <c r="F2623">
        <v>0</v>
      </c>
      <c r="H2623" t="s">
        <v>13651</v>
      </c>
      <c r="J2623" t="s">
        <v>13651</v>
      </c>
      <c r="O2623">
        <v>9597626</v>
      </c>
      <c r="P2623">
        <v>1</v>
      </c>
      <c r="Q2623">
        <v>0</v>
      </c>
      <c r="R2623" t="s">
        <v>13652</v>
      </c>
      <c r="S2623">
        <v>28</v>
      </c>
    </row>
    <row r="2624" spans="1:19" x14ac:dyDescent="0.25">
      <c r="A2624">
        <v>12964437</v>
      </c>
      <c r="B2624" t="s">
        <v>13653</v>
      </c>
      <c r="C2624" s="1" t="s">
        <v>13654</v>
      </c>
      <c r="D2624">
        <v>13231799</v>
      </c>
      <c r="E2624">
        <v>1</v>
      </c>
      <c r="F2624">
        <v>2</v>
      </c>
      <c r="H2624" t="s">
        <v>13655</v>
      </c>
      <c r="I2624">
        <v>1</v>
      </c>
      <c r="J2624" t="s">
        <v>13656</v>
      </c>
      <c r="K2624" t="s">
        <v>13657</v>
      </c>
      <c r="M2624">
        <v>1757644</v>
      </c>
      <c r="O2624">
        <v>1757644</v>
      </c>
      <c r="P2624">
        <v>1</v>
      </c>
      <c r="Q2624">
        <v>5</v>
      </c>
      <c r="R2624" t="s">
        <v>13658</v>
      </c>
      <c r="S2624">
        <v>595</v>
      </c>
    </row>
    <row r="2625" spans="1:19" x14ac:dyDescent="0.25">
      <c r="A2625">
        <v>24496350</v>
      </c>
      <c r="B2625" t="s">
        <v>13659</v>
      </c>
      <c r="C2625" s="1" t="s">
        <v>13660</v>
      </c>
      <c r="D2625">
        <v>24506010</v>
      </c>
      <c r="E2625">
        <v>1</v>
      </c>
      <c r="F2625">
        <v>0</v>
      </c>
      <c r="H2625" t="s">
        <v>13661</v>
      </c>
      <c r="J2625" t="s">
        <v>13662</v>
      </c>
      <c r="O2625">
        <v>3791330</v>
      </c>
      <c r="P2625">
        <v>1</v>
      </c>
      <c r="Q2625">
        <v>2</v>
      </c>
      <c r="R2625" t="s">
        <v>13663</v>
      </c>
      <c r="S2625">
        <v>5232</v>
      </c>
    </row>
    <row r="2626" spans="1:19" x14ac:dyDescent="0.25">
      <c r="A2626">
        <v>49941497</v>
      </c>
      <c r="B2626" t="s">
        <v>13664</v>
      </c>
      <c r="C2626" s="1" t="s">
        <v>13665</v>
      </c>
      <c r="E2626">
        <v>0</v>
      </c>
      <c r="F2626">
        <v>8</v>
      </c>
      <c r="H2626" t="s">
        <v>13666</v>
      </c>
      <c r="J2626" t="s">
        <v>13666</v>
      </c>
      <c r="O2626">
        <v>9041583</v>
      </c>
      <c r="P2626">
        <v>1</v>
      </c>
      <c r="Q2626">
        <v>0</v>
      </c>
      <c r="R2626" t="s">
        <v>989</v>
      </c>
      <c r="S2626">
        <v>56</v>
      </c>
    </row>
    <row r="2627" spans="1:19" x14ac:dyDescent="0.25">
      <c r="A2627">
        <v>25422614</v>
      </c>
      <c r="B2627" t="s">
        <v>13667</v>
      </c>
      <c r="C2627" s="1" t="s">
        <v>13668</v>
      </c>
      <c r="D2627">
        <v>25422803</v>
      </c>
      <c r="E2627">
        <v>1</v>
      </c>
      <c r="F2627">
        <v>2</v>
      </c>
      <c r="H2627" t="s">
        <v>13669</v>
      </c>
      <c r="J2627" t="s">
        <v>13670</v>
      </c>
      <c r="K2627" t="s">
        <v>13670</v>
      </c>
      <c r="M2627">
        <v>3142487</v>
      </c>
      <c r="O2627">
        <v>3142487</v>
      </c>
      <c r="P2627">
        <v>1</v>
      </c>
      <c r="Q2627">
        <v>0</v>
      </c>
      <c r="R2627" t="s">
        <v>13671</v>
      </c>
      <c r="S2627">
        <v>555</v>
      </c>
    </row>
    <row r="2628" spans="1:19" x14ac:dyDescent="0.25">
      <c r="A2628">
        <v>52589722</v>
      </c>
      <c r="B2628" t="s">
        <v>13672</v>
      </c>
      <c r="C2628" s="1" t="s">
        <v>13673</v>
      </c>
      <c r="E2628">
        <v>0</v>
      </c>
      <c r="F2628">
        <v>0</v>
      </c>
      <c r="H2628" t="s">
        <v>13674</v>
      </c>
      <c r="I2628">
        <v>1</v>
      </c>
      <c r="J2628" t="s">
        <v>13674</v>
      </c>
      <c r="O2628">
        <v>9987534</v>
      </c>
      <c r="P2628">
        <v>1</v>
      </c>
      <c r="Q2628">
        <v>1</v>
      </c>
      <c r="R2628" t="s">
        <v>13675</v>
      </c>
      <c r="S2628">
        <v>49</v>
      </c>
    </row>
    <row r="2629" spans="1:19" x14ac:dyDescent="0.25">
      <c r="A2629">
        <v>11804884</v>
      </c>
      <c r="B2629" t="s">
        <v>13676</v>
      </c>
      <c r="C2629" s="1" t="s">
        <v>13677</v>
      </c>
      <c r="D2629">
        <v>16470251</v>
      </c>
      <c r="E2629">
        <v>1</v>
      </c>
      <c r="F2629">
        <v>0</v>
      </c>
      <c r="H2629" t="s">
        <v>13678</v>
      </c>
      <c r="J2629" t="s">
        <v>13679</v>
      </c>
      <c r="K2629" t="s">
        <v>13680</v>
      </c>
      <c r="M2629">
        <v>1255372</v>
      </c>
      <c r="O2629">
        <v>1255372</v>
      </c>
      <c r="P2629">
        <v>1</v>
      </c>
      <c r="Q2629">
        <v>1</v>
      </c>
      <c r="R2629" t="s">
        <v>13681</v>
      </c>
      <c r="S2629">
        <v>1605</v>
      </c>
    </row>
    <row r="2630" spans="1:19" x14ac:dyDescent="0.25">
      <c r="A2630">
        <v>49103969</v>
      </c>
      <c r="B2630" t="s">
        <v>13682</v>
      </c>
      <c r="C2630" s="1" t="s">
        <v>13683</v>
      </c>
      <c r="D2630">
        <v>49104066</v>
      </c>
      <c r="E2630">
        <v>1</v>
      </c>
      <c r="F2630">
        <v>0</v>
      </c>
      <c r="H2630" t="s">
        <v>13684</v>
      </c>
      <c r="J2630" t="s">
        <v>13685</v>
      </c>
      <c r="O2630">
        <v>7742966</v>
      </c>
      <c r="P2630">
        <v>1</v>
      </c>
      <c r="Q2630">
        <v>0</v>
      </c>
      <c r="R2630" t="s">
        <v>13686</v>
      </c>
      <c r="S2630">
        <v>193</v>
      </c>
    </row>
    <row r="2631" spans="1:19" x14ac:dyDescent="0.25">
      <c r="A2631">
        <v>23012219</v>
      </c>
      <c r="B2631" t="s">
        <v>13687</v>
      </c>
      <c r="C2631" s="1" t="s">
        <v>13688</v>
      </c>
      <c r="E2631">
        <v>2</v>
      </c>
      <c r="F2631">
        <v>2</v>
      </c>
      <c r="H2631" t="s">
        <v>13689</v>
      </c>
      <c r="I2631">
        <v>0</v>
      </c>
      <c r="J2631" t="s">
        <v>13690</v>
      </c>
      <c r="K2631" t="s">
        <v>13691</v>
      </c>
      <c r="M2631">
        <v>1864167</v>
      </c>
      <c r="O2631">
        <v>3387071</v>
      </c>
      <c r="P2631">
        <v>1</v>
      </c>
      <c r="Q2631">
        <v>0</v>
      </c>
      <c r="R2631" t="s">
        <v>13692</v>
      </c>
      <c r="S2631">
        <v>1822</v>
      </c>
    </row>
    <row r="2632" spans="1:19" x14ac:dyDescent="0.25">
      <c r="A2632">
        <v>37465172</v>
      </c>
      <c r="B2632" t="s">
        <v>13693</v>
      </c>
      <c r="C2632" s="1" t="s">
        <v>13694</v>
      </c>
      <c r="D2632">
        <v>37473393</v>
      </c>
      <c r="E2632">
        <v>1</v>
      </c>
      <c r="F2632">
        <v>2</v>
      </c>
      <c r="H2632" t="s">
        <v>13695</v>
      </c>
      <c r="I2632">
        <v>4</v>
      </c>
      <c r="J2632" t="s">
        <v>13696</v>
      </c>
      <c r="K2632" t="s">
        <v>13696</v>
      </c>
      <c r="M2632">
        <v>1816580</v>
      </c>
      <c r="O2632">
        <v>5705883</v>
      </c>
      <c r="P2632">
        <v>1</v>
      </c>
      <c r="Q2632">
        <v>1</v>
      </c>
      <c r="R2632" t="s">
        <v>1879</v>
      </c>
      <c r="S2632">
        <v>778</v>
      </c>
    </row>
    <row r="2633" spans="1:19" x14ac:dyDescent="0.25">
      <c r="A2633">
        <v>53159274</v>
      </c>
      <c r="B2633" t="s">
        <v>13697</v>
      </c>
      <c r="C2633" s="1" t="s">
        <v>13698</v>
      </c>
      <c r="E2633">
        <v>2</v>
      </c>
      <c r="F2633">
        <v>13</v>
      </c>
      <c r="H2633" t="s">
        <v>13699</v>
      </c>
      <c r="J2633" t="s">
        <v>13700</v>
      </c>
      <c r="K2633" t="s">
        <v>13701</v>
      </c>
      <c r="M2633">
        <v>4789269</v>
      </c>
      <c r="O2633">
        <v>4789269</v>
      </c>
      <c r="P2633">
        <v>1</v>
      </c>
      <c r="Q2633">
        <v>-1</v>
      </c>
      <c r="R2633" t="s">
        <v>13702</v>
      </c>
      <c r="S2633">
        <v>57</v>
      </c>
    </row>
    <row r="2634" spans="1:19" x14ac:dyDescent="0.25">
      <c r="A2634">
        <v>15208793</v>
      </c>
      <c r="B2634" t="s">
        <v>13703</v>
      </c>
      <c r="C2634" s="1" t="s">
        <v>13704</v>
      </c>
      <c r="D2634">
        <v>15209296</v>
      </c>
      <c r="E2634">
        <v>2</v>
      </c>
      <c r="F2634">
        <v>0</v>
      </c>
      <c r="H2634" t="s">
        <v>13705</v>
      </c>
      <c r="J2634" t="s">
        <v>13706</v>
      </c>
      <c r="K2634" t="s">
        <v>13707</v>
      </c>
      <c r="M2634">
        <v>472792</v>
      </c>
      <c r="O2634">
        <v>1484000</v>
      </c>
      <c r="P2634">
        <v>1</v>
      </c>
      <c r="Q2634">
        <v>1</v>
      </c>
      <c r="R2634" t="s">
        <v>13708</v>
      </c>
      <c r="S2634">
        <v>4548</v>
      </c>
    </row>
    <row r="2635" spans="1:19" x14ac:dyDescent="0.25">
      <c r="A2635">
        <v>18733674</v>
      </c>
      <c r="B2635" t="s">
        <v>13709</v>
      </c>
      <c r="C2635" s="1" t="s">
        <v>13710</v>
      </c>
      <c r="D2635">
        <v>18758217</v>
      </c>
      <c r="E2635">
        <v>1</v>
      </c>
      <c r="F2635">
        <v>0</v>
      </c>
      <c r="H2635" t="s">
        <v>13711</v>
      </c>
      <c r="J2635" t="s">
        <v>13712</v>
      </c>
      <c r="O2635">
        <v>801437</v>
      </c>
      <c r="P2635">
        <v>1</v>
      </c>
      <c r="Q2635">
        <v>1</v>
      </c>
      <c r="R2635" t="s">
        <v>13713</v>
      </c>
      <c r="S2635">
        <v>485</v>
      </c>
    </row>
    <row r="2636" spans="1:19" x14ac:dyDescent="0.25">
      <c r="A2636">
        <v>14075784</v>
      </c>
      <c r="B2636" t="s">
        <v>13714</v>
      </c>
      <c r="C2636" s="1" t="s">
        <v>13715</v>
      </c>
      <c r="E2636">
        <v>1</v>
      </c>
      <c r="F2636">
        <v>7</v>
      </c>
      <c r="H2636" t="s">
        <v>13716</v>
      </c>
      <c r="I2636">
        <v>1</v>
      </c>
      <c r="J2636" t="s">
        <v>13717</v>
      </c>
      <c r="K2636" t="s">
        <v>13717</v>
      </c>
      <c r="M2636">
        <v>1855677</v>
      </c>
      <c r="O2636">
        <v>1908376</v>
      </c>
      <c r="P2636">
        <v>1</v>
      </c>
      <c r="Q2636">
        <v>1</v>
      </c>
      <c r="R2636" t="s">
        <v>13718</v>
      </c>
      <c r="S2636">
        <v>622</v>
      </c>
    </row>
    <row r="2637" spans="1:19" x14ac:dyDescent="0.25">
      <c r="A2637">
        <v>16362692</v>
      </c>
      <c r="B2637" t="s">
        <v>13719</v>
      </c>
      <c r="C2637" s="1" t="s">
        <v>13720</v>
      </c>
      <c r="D2637">
        <v>16394736</v>
      </c>
      <c r="E2637">
        <v>2</v>
      </c>
      <c r="F2637">
        <v>4</v>
      </c>
      <c r="H2637" t="s">
        <v>13721</v>
      </c>
      <c r="J2637" t="s">
        <v>13722</v>
      </c>
      <c r="K2637" t="s">
        <v>13723</v>
      </c>
      <c r="M2637">
        <v>1364292</v>
      </c>
      <c r="O2637">
        <v>1364292</v>
      </c>
      <c r="P2637">
        <v>1</v>
      </c>
      <c r="Q2637">
        <v>2</v>
      </c>
      <c r="R2637" t="s">
        <v>13724</v>
      </c>
      <c r="S2637">
        <v>1052</v>
      </c>
    </row>
    <row r="2638" spans="1:19" x14ac:dyDescent="0.25">
      <c r="A2638">
        <v>44007712</v>
      </c>
      <c r="B2638" t="s">
        <v>13725</v>
      </c>
      <c r="C2638" s="1" t="s">
        <v>13726</v>
      </c>
      <c r="E2638">
        <v>0</v>
      </c>
      <c r="F2638">
        <v>3</v>
      </c>
      <c r="H2638" t="s">
        <v>13727</v>
      </c>
      <c r="J2638" t="s">
        <v>13728</v>
      </c>
      <c r="K2638" t="s">
        <v>13728</v>
      </c>
      <c r="M2638">
        <v>5848185</v>
      </c>
      <c r="O2638">
        <v>2051479</v>
      </c>
      <c r="P2638">
        <v>1</v>
      </c>
      <c r="Q2638">
        <v>0</v>
      </c>
      <c r="R2638" t="s">
        <v>13729</v>
      </c>
      <c r="S2638">
        <v>43</v>
      </c>
    </row>
    <row r="2639" spans="1:19" x14ac:dyDescent="0.25">
      <c r="A2639">
        <v>26144111</v>
      </c>
      <c r="B2639" t="s">
        <v>13730</v>
      </c>
      <c r="C2639" s="1" t="s">
        <v>13731</v>
      </c>
      <c r="E2639">
        <v>1</v>
      </c>
      <c r="F2639">
        <v>7</v>
      </c>
      <c r="H2639" t="s">
        <v>13732</v>
      </c>
      <c r="J2639" t="s">
        <v>13733</v>
      </c>
      <c r="K2639" t="s">
        <v>13734</v>
      </c>
      <c r="M2639">
        <v>291270</v>
      </c>
      <c r="O2639">
        <v>1344476</v>
      </c>
      <c r="P2639">
        <v>1</v>
      </c>
      <c r="Q2639">
        <v>0</v>
      </c>
      <c r="R2639" t="s">
        <v>13735</v>
      </c>
      <c r="S2639">
        <v>97</v>
      </c>
    </row>
    <row r="2640" spans="1:19" x14ac:dyDescent="0.25">
      <c r="A2640">
        <v>41330258</v>
      </c>
      <c r="B2640" t="s">
        <v>13736</v>
      </c>
      <c r="C2640" s="1" t="s">
        <v>13737</v>
      </c>
      <c r="E2640">
        <v>0</v>
      </c>
      <c r="F2640">
        <v>3</v>
      </c>
      <c r="H2640" t="s">
        <v>13738</v>
      </c>
      <c r="J2640" t="s">
        <v>13739</v>
      </c>
      <c r="K2640" t="s">
        <v>13739</v>
      </c>
      <c r="M2640">
        <v>4235784</v>
      </c>
      <c r="O2640">
        <v>7342014</v>
      </c>
      <c r="P2640">
        <v>1</v>
      </c>
      <c r="Q2640">
        <v>0</v>
      </c>
      <c r="R2640" t="s">
        <v>5251</v>
      </c>
      <c r="S2640">
        <v>100</v>
      </c>
    </row>
    <row r="2641" spans="1:19" x14ac:dyDescent="0.25">
      <c r="A2641">
        <v>6401886</v>
      </c>
      <c r="B2641" t="s">
        <v>13740</v>
      </c>
      <c r="C2641" s="1" t="s">
        <v>13741</v>
      </c>
      <c r="E2641">
        <v>1</v>
      </c>
      <c r="F2641">
        <v>2</v>
      </c>
      <c r="H2641" t="s">
        <v>13742</v>
      </c>
      <c r="I2641">
        <v>1</v>
      </c>
      <c r="J2641" t="s">
        <v>13743</v>
      </c>
      <c r="K2641" t="s">
        <v>13744</v>
      </c>
      <c r="L2641" t="s">
        <v>13745</v>
      </c>
      <c r="O2641">
        <v>805234</v>
      </c>
      <c r="P2641">
        <v>1</v>
      </c>
      <c r="Q2641">
        <v>2</v>
      </c>
      <c r="R2641" t="s">
        <v>13746</v>
      </c>
      <c r="S2641">
        <v>1010</v>
      </c>
    </row>
    <row r="2642" spans="1:19" x14ac:dyDescent="0.25">
      <c r="A2642">
        <v>51384853</v>
      </c>
      <c r="B2642" t="s">
        <v>13747</v>
      </c>
      <c r="C2642" s="1" t="s">
        <v>13748</v>
      </c>
      <c r="E2642">
        <v>0</v>
      </c>
      <c r="F2642">
        <v>1</v>
      </c>
      <c r="H2642" t="s">
        <v>13749</v>
      </c>
      <c r="J2642" t="s">
        <v>13749</v>
      </c>
      <c r="O2642">
        <v>8693026</v>
      </c>
      <c r="P2642">
        <v>1</v>
      </c>
      <c r="Q2642">
        <v>0</v>
      </c>
      <c r="R2642" t="s">
        <v>13750</v>
      </c>
      <c r="S2642">
        <v>54</v>
      </c>
    </row>
    <row r="2643" spans="1:19" x14ac:dyDescent="0.25">
      <c r="A2643">
        <v>27576039</v>
      </c>
      <c r="B2643" t="s">
        <v>13751</v>
      </c>
      <c r="C2643" s="1" t="s">
        <v>13752</v>
      </c>
      <c r="E2643">
        <v>3</v>
      </c>
      <c r="F2643">
        <v>4</v>
      </c>
      <c r="H2643" t="s">
        <v>13753</v>
      </c>
      <c r="J2643" t="s">
        <v>13754</v>
      </c>
      <c r="N2643" t="s">
        <v>13755</v>
      </c>
      <c r="P2643">
        <v>1</v>
      </c>
      <c r="Q2643">
        <v>0</v>
      </c>
      <c r="R2643" t="s">
        <v>13756</v>
      </c>
      <c r="S2643">
        <v>175</v>
      </c>
    </row>
    <row r="2644" spans="1:19" x14ac:dyDescent="0.25">
      <c r="A2644">
        <v>11415892</v>
      </c>
      <c r="B2644" t="s">
        <v>13757</v>
      </c>
      <c r="C2644" s="1" t="s">
        <v>13758</v>
      </c>
      <c r="D2644">
        <v>11417136</v>
      </c>
      <c r="E2644">
        <v>1</v>
      </c>
      <c r="F2644">
        <v>2</v>
      </c>
      <c r="H2644" t="s">
        <v>13759</v>
      </c>
      <c r="J2644" t="s">
        <v>13760</v>
      </c>
      <c r="O2644">
        <v>986600</v>
      </c>
      <c r="P2644">
        <v>1</v>
      </c>
      <c r="Q2644">
        <v>0</v>
      </c>
      <c r="R2644" t="s">
        <v>13761</v>
      </c>
      <c r="S2644">
        <v>79</v>
      </c>
    </row>
    <row r="2645" spans="1:19" x14ac:dyDescent="0.25">
      <c r="A2645">
        <v>46481995</v>
      </c>
      <c r="B2645" t="s">
        <v>13762</v>
      </c>
      <c r="C2645" s="1" t="s">
        <v>13763</v>
      </c>
      <c r="E2645">
        <v>1</v>
      </c>
      <c r="F2645">
        <v>0</v>
      </c>
      <c r="H2645" t="s">
        <v>13764</v>
      </c>
      <c r="J2645" t="s">
        <v>13765</v>
      </c>
      <c r="O2645">
        <v>4065864</v>
      </c>
      <c r="P2645">
        <v>1</v>
      </c>
      <c r="Q2645">
        <v>0</v>
      </c>
      <c r="R2645" t="s">
        <v>13766</v>
      </c>
      <c r="S2645">
        <v>248</v>
      </c>
    </row>
    <row r="2646" spans="1:19" x14ac:dyDescent="0.25">
      <c r="A2646">
        <v>16933548</v>
      </c>
      <c r="B2646" t="s">
        <v>13767</v>
      </c>
      <c r="C2646" s="1" t="s">
        <v>13768</v>
      </c>
      <c r="E2646">
        <v>2</v>
      </c>
      <c r="F2646">
        <v>1</v>
      </c>
      <c r="H2646" t="s">
        <v>13769</v>
      </c>
      <c r="J2646" t="s">
        <v>13770</v>
      </c>
      <c r="K2646" t="s">
        <v>13771</v>
      </c>
      <c r="M2646">
        <v>335847</v>
      </c>
      <c r="O2646">
        <v>1274171</v>
      </c>
      <c r="P2646">
        <v>1</v>
      </c>
      <c r="Q2646">
        <v>1</v>
      </c>
      <c r="R2646" t="s">
        <v>13772</v>
      </c>
      <c r="S2646">
        <v>218</v>
      </c>
    </row>
    <row r="2647" spans="1:19" x14ac:dyDescent="0.25">
      <c r="A2647">
        <v>2552231</v>
      </c>
      <c r="B2647" t="s">
        <v>13773</v>
      </c>
      <c r="C2647" s="1" t="s">
        <v>13774</v>
      </c>
      <c r="D2647">
        <v>2552600</v>
      </c>
      <c r="E2647">
        <v>2</v>
      </c>
      <c r="F2647">
        <v>1</v>
      </c>
      <c r="H2647" t="s">
        <v>13775</v>
      </c>
      <c r="I2647">
        <v>1</v>
      </c>
      <c r="J2647" t="s">
        <v>13776</v>
      </c>
      <c r="K2647" t="s">
        <v>13777</v>
      </c>
      <c r="M2647">
        <v>58792</v>
      </c>
      <c r="O2647">
        <v>221325</v>
      </c>
      <c r="P2647">
        <v>1</v>
      </c>
      <c r="Q2647">
        <v>0</v>
      </c>
      <c r="R2647" t="s">
        <v>13778</v>
      </c>
      <c r="S2647">
        <v>952</v>
      </c>
    </row>
    <row r="2648" spans="1:19" x14ac:dyDescent="0.25">
      <c r="A2648">
        <v>49026520</v>
      </c>
      <c r="B2648" t="s">
        <v>13779</v>
      </c>
      <c r="C2648" s="1" t="s">
        <v>13780</v>
      </c>
      <c r="D2648">
        <v>49026544</v>
      </c>
      <c r="E2648">
        <v>3</v>
      </c>
      <c r="F2648">
        <v>0</v>
      </c>
      <c r="H2648" t="s">
        <v>13781</v>
      </c>
      <c r="J2648" t="s">
        <v>13782</v>
      </c>
      <c r="K2648" t="s">
        <v>13782</v>
      </c>
      <c r="M2648">
        <v>9209546</v>
      </c>
      <c r="O2648">
        <v>9423021</v>
      </c>
      <c r="P2648">
        <v>1</v>
      </c>
      <c r="Q2648">
        <v>1</v>
      </c>
      <c r="R2648" t="s">
        <v>13783</v>
      </c>
      <c r="S2648">
        <v>30</v>
      </c>
    </row>
    <row r="2649" spans="1:19" x14ac:dyDescent="0.25">
      <c r="A2649">
        <v>38084406</v>
      </c>
      <c r="B2649" t="s">
        <v>13784</v>
      </c>
      <c r="C2649" s="1" t="s">
        <v>13785</v>
      </c>
      <c r="D2649">
        <v>38084479</v>
      </c>
      <c r="E2649">
        <v>3</v>
      </c>
      <c r="F2649">
        <v>0</v>
      </c>
      <c r="H2649" t="s">
        <v>13786</v>
      </c>
      <c r="I2649">
        <v>8</v>
      </c>
      <c r="J2649" t="s">
        <v>13787</v>
      </c>
      <c r="K2649" t="s">
        <v>13788</v>
      </c>
      <c r="M2649">
        <v>192525</v>
      </c>
      <c r="O2649">
        <v>192525</v>
      </c>
      <c r="P2649">
        <v>1</v>
      </c>
      <c r="Q2649">
        <v>11</v>
      </c>
      <c r="R2649" t="s">
        <v>13789</v>
      </c>
      <c r="S2649">
        <v>13445</v>
      </c>
    </row>
    <row r="2650" spans="1:19" x14ac:dyDescent="0.25">
      <c r="A2650">
        <v>31735887</v>
      </c>
      <c r="B2650" t="s">
        <v>13790</v>
      </c>
      <c r="C2650" s="1" t="s">
        <v>13791</v>
      </c>
      <c r="E2650">
        <v>3</v>
      </c>
      <c r="F2650">
        <v>10</v>
      </c>
      <c r="H2650" t="s">
        <v>13792</v>
      </c>
      <c r="J2650" t="s">
        <v>13793</v>
      </c>
      <c r="K2650" t="s">
        <v>13794</v>
      </c>
      <c r="M2650">
        <v>80002</v>
      </c>
      <c r="O2650">
        <v>80002</v>
      </c>
      <c r="P2650">
        <v>1</v>
      </c>
      <c r="Q2650">
        <v>2</v>
      </c>
      <c r="R2650" t="s">
        <v>13795</v>
      </c>
      <c r="S2650">
        <v>462</v>
      </c>
    </row>
    <row r="2651" spans="1:19" x14ac:dyDescent="0.25">
      <c r="A2651">
        <v>52331511</v>
      </c>
      <c r="B2651" t="s">
        <v>13796</v>
      </c>
      <c r="C2651" s="1" t="s">
        <v>13797</v>
      </c>
      <c r="E2651">
        <v>0</v>
      </c>
      <c r="F2651">
        <v>0</v>
      </c>
      <c r="H2651" t="s">
        <v>13798</v>
      </c>
      <c r="J2651" t="s">
        <v>13798</v>
      </c>
      <c r="O2651">
        <v>347904</v>
      </c>
      <c r="P2651">
        <v>1</v>
      </c>
      <c r="Q2651">
        <v>0</v>
      </c>
      <c r="R2651" t="s">
        <v>13799</v>
      </c>
      <c r="S2651">
        <v>25</v>
      </c>
    </row>
    <row r="2652" spans="1:19" x14ac:dyDescent="0.25">
      <c r="A2652">
        <v>3239942</v>
      </c>
      <c r="B2652" t="s">
        <v>13800</v>
      </c>
      <c r="C2652" s="1" t="s">
        <v>13801</v>
      </c>
      <c r="E2652">
        <v>1</v>
      </c>
      <c r="F2652">
        <v>1</v>
      </c>
      <c r="H2652" t="s">
        <v>13802</v>
      </c>
      <c r="J2652" t="s">
        <v>13803</v>
      </c>
      <c r="K2652" t="s">
        <v>13803</v>
      </c>
      <c r="M2652">
        <v>3235496</v>
      </c>
      <c r="O2652">
        <v>390739</v>
      </c>
      <c r="P2652">
        <v>1</v>
      </c>
      <c r="Q2652">
        <v>1</v>
      </c>
      <c r="R2652" t="s">
        <v>13804</v>
      </c>
      <c r="S2652">
        <v>2731</v>
      </c>
    </row>
    <row r="2653" spans="1:19" x14ac:dyDescent="0.25">
      <c r="A2653">
        <v>6807307</v>
      </c>
      <c r="B2653" t="s">
        <v>13805</v>
      </c>
      <c r="C2653" s="1" t="s">
        <v>13806</v>
      </c>
      <c r="D2653">
        <v>6807361</v>
      </c>
      <c r="E2653">
        <v>2</v>
      </c>
      <c r="F2653">
        <v>0</v>
      </c>
      <c r="H2653" t="s">
        <v>13807</v>
      </c>
      <c r="J2653" t="s">
        <v>13808</v>
      </c>
      <c r="O2653">
        <v>738950</v>
      </c>
      <c r="P2653">
        <v>1</v>
      </c>
      <c r="Q2653">
        <v>0</v>
      </c>
      <c r="R2653" t="s">
        <v>13809</v>
      </c>
      <c r="S2653">
        <v>1316</v>
      </c>
    </row>
    <row r="2654" spans="1:19" x14ac:dyDescent="0.25">
      <c r="A2654">
        <v>25442119</v>
      </c>
      <c r="B2654" t="s">
        <v>13810</v>
      </c>
      <c r="C2654" s="1" t="s">
        <v>13811</v>
      </c>
      <c r="D2654">
        <v>25449089</v>
      </c>
      <c r="E2654">
        <v>1</v>
      </c>
      <c r="F2654">
        <v>0</v>
      </c>
      <c r="H2654" t="s">
        <v>13812</v>
      </c>
      <c r="J2654" t="s">
        <v>13813</v>
      </c>
      <c r="O2654">
        <v>3242154</v>
      </c>
      <c r="P2654">
        <v>1</v>
      </c>
      <c r="Q2654">
        <v>-1</v>
      </c>
      <c r="R2654" t="s">
        <v>13814</v>
      </c>
      <c r="S2654">
        <v>57</v>
      </c>
    </row>
    <row r="2655" spans="1:19" x14ac:dyDescent="0.25">
      <c r="A2655">
        <v>4644502</v>
      </c>
      <c r="B2655" t="s">
        <v>13815</v>
      </c>
      <c r="C2655" s="1" t="s">
        <v>13816</v>
      </c>
      <c r="E2655">
        <v>0</v>
      </c>
      <c r="F2655">
        <v>3</v>
      </c>
      <c r="H2655" t="s">
        <v>13817</v>
      </c>
      <c r="J2655" t="s">
        <v>13817</v>
      </c>
      <c r="O2655">
        <v>560291</v>
      </c>
      <c r="P2655">
        <v>1</v>
      </c>
      <c r="Q2655">
        <v>0</v>
      </c>
      <c r="R2655" t="s">
        <v>13818</v>
      </c>
      <c r="S2655">
        <v>53</v>
      </c>
    </row>
    <row r="2656" spans="1:19" x14ac:dyDescent="0.25">
      <c r="A2656">
        <v>33616314</v>
      </c>
      <c r="B2656" t="s">
        <v>13819</v>
      </c>
      <c r="C2656" s="1" t="s">
        <v>13820</v>
      </c>
      <c r="E2656">
        <v>1</v>
      </c>
      <c r="F2656">
        <v>0</v>
      </c>
      <c r="H2656" t="s">
        <v>13821</v>
      </c>
      <c r="J2656" t="s">
        <v>13822</v>
      </c>
      <c r="O2656">
        <v>1240869</v>
      </c>
      <c r="P2656">
        <v>1</v>
      </c>
      <c r="Q2656">
        <v>0</v>
      </c>
      <c r="R2656" t="s">
        <v>13823</v>
      </c>
      <c r="S2656">
        <v>99</v>
      </c>
    </row>
    <row r="2657" spans="1:19" x14ac:dyDescent="0.25">
      <c r="A2657">
        <v>38783357</v>
      </c>
      <c r="B2657" t="s">
        <v>13824</v>
      </c>
      <c r="C2657" s="1" t="s">
        <v>13825</v>
      </c>
      <c r="D2657">
        <v>38866918</v>
      </c>
      <c r="E2657">
        <v>2</v>
      </c>
      <c r="F2657">
        <v>0</v>
      </c>
      <c r="H2657" t="s">
        <v>13826</v>
      </c>
      <c r="J2657" t="s">
        <v>13827</v>
      </c>
      <c r="O2657">
        <v>1299792</v>
      </c>
      <c r="P2657">
        <v>1</v>
      </c>
      <c r="Q2657">
        <v>1</v>
      </c>
      <c r="R2657" t="s">
        <v>13828</v>
      </c>
      <c r="S2657">
        <v>2842</v>
      </c>
    </row>
    <row r="2658" spans="1:19" x14ac:dyDescent="0.25">
      <c r="A2658">
        <v>5135609</v>
      </c>
      <c r="B2658" t="s">
        <v>13829</v>
      </c>
      <c r="C2658" s="1" t="s">
        <v>13830</v>
      </c>
      <c r="E2658">
        <v>2</v>
      </c>
      <c r="F2658">
        <v>1</v>
      </c>
      <c r="H2658" t="s">
        <v>13831</v>
      </c>
      <c r="I2658">
        <v>6</v>
      </c>
      <c r="J2658" t="s">
        <v>13832</v>
      </c>
      <c r="K2658" t="s">
        <v>13833</v>
      </c>
      <c r="M2658">
        <v>255961</v>
      </c>
      <c r="O2658">
        <v>5123</v>
      </c>
      <c r="P2658">
        <v>1</v>
      </c>
      <c r="Q2658">
        <v>14</v>
      </c>
      <c r="R2658" t="s">
        <v>13834</v>
      </c>
      <c r="S2658">
        <v>9798</v>
      </c>
    </row>
    <row r="2659" spans="1:19" x14ac:dyDescent="0.25">
      <c r="A2659">
        <v>48632473</v>
      </c>
      <c r="B2659" t="s">
        <v>13835</v>
      </c>
      <c r="C2659" s="1" t="s">
        <v>13836</v>
      </c>
      <c r="D2659">
        <v>48632548</v>
      </c>
      <c r="E2659">
        <v>1</v>
      </c>
      <c r="F2659">
        <v>3</v>
      </c>
      <c r="H2659" t="s">
        <v>13837</v>
      </c>
      <c r="J2659" t="s">
        <v>13838</v>
      </c>
      <c r="K2659" t="s">
        <v>13838</v>
      </c>
      <c r="M2659">
        <v>1144035</v>
      </c>
      <c r="O2659">
        <v>5813035</v>
      </c>
      <c r="P2659">
        <v>1</v>
      </c>
      <c r="Q2659">
        <v>1</v>
      </c>
      <c r="R2659" t="s">
        <v>13839</v>
      </c>
      <c r="S2659">
        <v>63</v>
      </c>
    </row>
    <row r="2660" spans="1:19" x14ac:dyDescent="0.25">
      <c r="A2660">
        <v>41038091</v>
      </c>
      <c r="B2660" t="s">
        <v>13840</v>
      </c>
      <c r="C2660" s="1" t="s">
        <v>13841</v>
      </c>
      <c r="E2660">
        <v>1</v>
      </c>
      <c r="F2660">
        <v>6</v>
      </c>
      <c r="H2660" t="s">
        <v>13842</v>
      </c>
      <c r="J2660" t="s">
        <v>13843</v>
      </c>
      <c r="K2660" t="s">
        <v>13843</v>
      </c>
      <c r="M2660">
        <v>5594218</v>
      </c>
      <c r="O2660">
        <v>6463101</v>
      </c>
      <c r="P2660">
        <v>1</v>
      </c>
      <c r="Q2660">
        <v>0</v>
      </c>
      <c r="R2660" t="s">
        <v>13844</v>
      </c>
      <c r="S2660">
        <v>248</v>
      </c>
    </row>
    <row r="2661" spans="1:19" x14ac:dyDescent="0.25">
      <c r="A2661">
        <v>34600787</v>
      </c>
      <c r="B2661" t="s">
        <v>13845</v>
      </c>
      <c r="C2661" s="1" t="s">
        <v>13846</v>
      </c>
      <c r="D2661">
        <v>34949177</v>
      </c>
      <c r="E2661">
        <v>1</v>
      </c>
      <c r="F2661">
        <v>0</v>
      </c>
      <c r="H2661" t="s">
        <v>13847</v>
      </c>
      <c r="J2661" t="s">
        <v>13848</v>
      </c>
      <c r="K2661" t="s">
        <v>13849</v>
      </c>
      <c r="M2661">
        <v>3934687</v>
      </c>
      <c r="O2661">
        <v>3934687</v>
      </c>
      <c r="P2661">
        <v>1</v>
      </c>
      <c r="Q2661">
        <v>0</v>
      </c>
      <c r="R2661" t="s">
        <v>13850</v>
      </c>
      <c r="S2661">
        <v>437</v>
      </c>
    </row>
    <row r="2662" spans="1:19" x14ac:dyDescent="0.25">
      <c r="A2662">
        <v>1211983</v>
      </c>
      <c r="B2662" t="s">
        <v>13851</v>
      </c>
      <c r="C2662" s="1" t="s">
        <v>13852</v>
      </c>
      <c r="E2662">
        <v>1</v>
      </c>
      <c r="F2662">
        <v>1</v>
      </c>
      <c r="H2662" t="s">
        <v>13853</v>
      </c>
      <c r="J2662" t="s">
        <v>13854</v>
      </c>
      <c r="K2662" t="s">
        <v>13854</v>
      </c>
      <c r="M2662">
        <v>1252063</v>
      </c>
      <c r="N2662" t="s">
        <v>13855</v>
      </c>
      <c r="P2662">
        <v>1</v>
      </c>
      <c r="Q2662">
        <v>0</v>
      </c>
      <c r="R2662" t="s">
        <v>13856</v>
      </c>
      <c r="S2662">
        <v>160</v>
      </c>
    </row>
    <row r="2663" spans="1:19" x14ac:dyDescent="0.25">
      <c r="A2663">
        <v>9897386</v>
      </c>
      <c r="B2663" t="s">
        <v>13857</v>
      </c>
      <c r="C2663" s="1" t="s">
        <v>13858</v>
      </c>
      <c r="D2663">
        <v>11304750</v>
      </c>
      <c r="E2663">
        <v>1</v>
      </c>
      <c r="F2663">
        <v>0</v>
      </c>
      <c r="H2663" t="s">
        <v>13859</v>
      </c>
      <c r="J2663" t="s">
        <v>13860</v>
      </c>
      <c r="K2663" t="s">
        <v>13861</v>
      </c>
      <c r="M2663">
        <v>890668</v>
      </c>
      <c r="O2663">
        <v>890668</v>
      </c>
      <c r="P2663">
        <v>1</v>
      </c>
      <c r="Q2663">
        <v>4</v>
      </c>
      <c r="R2663" t="s">
        <v>13862</v>
      </c>
      <c r="S2663">
        <v>705</v>
      </c>
    </row>
    <row r="2664" spans="1:19" x14ac:dyDescent="0.25">
      <c r="A2664">
        <v>34219930</v>
      </c>
      <c r="B2664" t="s">
        <v>13863</v>
      </c>
      <c r="C2664" s="1" t="s">
        <v>13864</v>
      </c>
      <c r="E2664">
        <v>3</v>
      </c>
      <c r="F2664">
        <v>3</v>
      </c>
      <c r="H2664" t="s">
        <v>13865</v>
      </c>
      <c r="I2664">
        <v>0</v>
      </c>
      <c r="J2664" t="s">
        <v>13866</v>
      </c>
      <c r="O2664">
        <v>5526018</v>
      </c>
      <c r="P2664">
        <v>1</v>
      </c>
      <c r="Q2664">
        <v>0</v>
      </c>
      <c r="R2664" t="s">
        <v>13867</v>
      </c>
      <c r="S2664">
        <v>6323</v>
      </c>
    </row>
    <row r="2665" spans="1:19" x14ac:dyDescent="0.25">
      <c r="A2665">
        <v>29045558</v>
      </c>
      <c r="B2665" t="s">
        <v>13868</v>
      </c>
      <c r="C2665" s="1" t="s">
        <v>13869</v>
      </c>
      <c r="D2665">
        <v>29048097</v>
      </c>
      <c r="E2665">
        <v>4</v>
      </c>
      <c r="F2665">
        <v>5</v>
      </c>
      <c r="H2665" t="s">
        <v>13870</v>
      </c>
      <c r="J2665" t="s">
        <v>13871</v>
      </c>
      <c r="K2665" t="s">
        <v>13872</v>
      </c>
      <c r="M2665">
        <v>2465667</v>
      </c>
      <c r="O2665">
        <v>2465667</v>
      </c>
      <c r="P2665">
        <v>1</v>
      </c>
      <c r="Q2665">
        <v>0</v>
      </c>
      <c r="R2665" t="s">
        <v>13873</v>
      </c>
      <c r="S2665">
        <v>298</v>
      </c>
    </row>
    <row r="2666" spans="1:19" x14ac:dyDescent="0.25">
      <c r="A2666">
        <v>40567901</v>
      </c>
      <c r="B2666" t="s">
        <v>13874</v>
      </c>
      <c r="C2666" s="1" t="s">
        <v>13875</v>
      </c>
      <c r="D2666">
        <v>40568016</v>
      </c>
      <c r="E2666">
        <v>1</v>
      </c>
      <c r="F2666">
        <v>1</v>
      </c>
      <c r="H2666" t="s">
        <v>13876</v>
      </c>
      <c r="J2666" t="s">
        <v>13877</v>
      </c>
      <c r="O2666">
        <v>1787694</v>
      </c>
      <c r="P2666">
        <v>1</v>
      </c>
      <c r="Q2666">
        <v>0</v>
      </c>
      <c r="R2666" t="s">
        <v>13878</v>
      </c>
      <c r="S2666">
        <v>254</v>
      </c>
    </row>
    <row r="2667" spans="1:19" x14ac:dyDescent="0.25">
      <c r="A2667">
        <v>38161869</v>
      </c>
      <c r="B2667" t="s">
        <v>13879</v>
      </c>
      <c r="C2667" s="1" t="s">
        <v>13880</v>
      </c>
      <c r="E2667">
        <v>1</v>
      </c>
      <c r="F2667">
        <v>2</v>
      </c>
      <c r="H2667" t="s">
        <v>13881</v>
      </c>
      <c r="J2667" t="s">
        <v>13882</v>
      </c>
      <c r="K2667" t="s">
        <v>13882</v>
      </c>
      <c r="M2667">
        <v>2648164</v>
      </c>
      <c r="O2667">
        <v>2648164</v>
      </c>
      <c r="P2667">
        <v>1</v>
      </c>
      <c r="Q2667">
        <v>1</v>
      </c>
      <c r="R2667" t="s">
        <v>13883</v>
      </c>
      <c r="S2667">
        <v>2391</v>
      </c>
    </row>
    <row r="2668" spans="1:19" x14ac:dyDescent="0.25">
      <c r="A2668">
        <v>11699096</v>
      </c>
      <c r="B2668" t="s">
        <v>13884</v>
      </c>
      <c r="C2668" s="1" t="s">
        <v>13885</v>
      </c>
      <c r="D2668">
        <v>11699217</v>
      </c>
      <c r="E2668">
        <v>2</v>
      </c>
      <c r="F2668">
        <v>2</v>
      </c>
      <c r="H2668" t="s">
        <v>13886</v>
      </c>
      <c r="J2668" t="s">
        <v>13887</v>
      </c>
      <c r="K2668" t="s">
        <v>13887</v>
      </c>
      <c r="M2668">
        <v>13302</v>
      </c>
      <c r="O2668">
        <v>1025047</v>
      </c>
      <c r="P2668">
        <v>1</v>
      </c>
      <c r="Q2668">
        <v>0</v>
      </c>
      <c r="R2668" t="s">
        <v>8724</v>
      </c>
      <c r="S2668">
        <v>423</v>
      </c>
    </row>
    <row r="2669" spans="1:19" x14ac:dyDescent="0.25">
      <c r="A2669">
        <v>30154277</v>
      </c>
      <c r="B2669" t="s">
        <v>13888</v>
      </c>
      <c r="C2669" s="1" t="s">
        <v>13889</v>
      </c>
      <c r="E2669">
        <v>3</v>
      </c>
      <c r="F2669">
        <v>1</v>
      </c>
      <c r="H2669" t="s">
        <v>13890</v>
      </c>
      <c r="J2669" t="s">
        <v>13891</v>
      </c>
      <c r="K2669" t="s">
        <v>13891</v>
      </c>
      <c r="M2669">
        <v>2959130</v>
      </c>
      <c r="O2669">
        <v>4884828</v>
      </c>
      <c r="P2669">
        <v>1</v>
      </c>
      <c r="Q2669">
        <v>-1</v>
      </c>
      <c r="R2669" t="s">
        <v>13892</v>
      </c>
      <c r="S2669">
        <v>508</v>
      </c>
    </row>
    <row r="2670" spans="1:19" x14ac:dyDescent="0.25">
      <c r="A2670">
        <v>29630052</v>
      </c>
      <c r="B2670" t="s">
        <v>13893</v>
      </c>
      <c r="C2670" s="1" t="s">
        <v>13894</v>
      </c>
      <c r="E2670">
        <v>1</v>
      </c>
      <c r="F2670">
        <v>3</v>
      </c>
      <c r="H2670" t="s">
        <v>13895</v>
      </c>
      <c r="I2670">
        <v>1</v>
      </c>
      <c r="J2670" t="s">
        <v>13896</v>
      </c>
      <c r="K2670" t="s">
        <v>13897</v>
      </c>
      <c r="M2670">
        <v>3187989</v>
      </c>
      <c r="O2670">
        <v>2092267</v>
      </c>
      <c r="P2670">
        <v>1</v>
      </c>
      <c r="Q2670">
        <v>4</v>
      </c>
      <c r="R2670" t="s">
        <v>13898</v>
      </c>
      <c r="S2670">
        <v>1067</v>
      </c>
    </row>
    <row r="2671" spans="1:19" x14ac:dyDescent="0.25">
      <c r="A2671">
        <v>29659583</v>
      </c>
      <c r="B2671" t="s">
        <v>13899</v>
      </c>
      <c r="C2671" s="1" t="s">
        <v>13900</v>
      </c>
      <c r="D2671">
        <v>29673727</v>
      </c>
      <c r="E2671">
        <v>2</v>
      </c>
      <c r="F2671">
        <v>1</v>
      </c>
      <c r="H2671" t="s">
        <v>13901</v>
      </c>
      <c r="J2671" t="s">
        <v>13902</v>
      </c>
      <c r="K2671" t="s">
        <v>13903</v>
      </c>
      <c r="M2671">
        <v>2307861</v>
      </c>
      <c r="O2671">
        <v>2307861</v>
      </c>
      <c r="P2671">
        <v>1</v>
      </c>
      <c r="Q2671">
        <v>-1</v>
      </c>
      <c r="R2671" t="s">
        <v>13904</v>
      </c>
      <c r="S2671">
        <v>2586</v>
      </c>
    </row>
    <row r="2672" spans="1:19" x14ac:dyDescent="0.25">
      <c r="A2672">
        <v>32219008</v>
      </c>
      <c r="B2672" t="s">
        <v>13905</v>
      </c>
      <c r="C2672" s="1" t="s">
        <v>13906</v>
      </c>
      <c r="E2672">
        <v>0</v>
      </c>
      <c r="F2672">
        <v>3</v>
      </c>
      <c r="H2672" t="s">
        <v>13907</v>
      </c>
      <c r="J2672" t="s">
        <v>13907</v>
      </c>
      <c r="O2672">
        <v>1086065</v>
      </c>
      <c r="P2672">
        <v>1</v>
      </c>
      <c r="Q2672">
        <v>0</v>
      </c>
      <c r="R2672" t="s">
        <v>13908</v>
      </c>
      <c r="S2672">
        <v>52</v>
      </c>
    </row>
    <row r="2673" spans="1:19" x14ac:dyDescent="0.25">
      <c r="A2673">
        <v>13847243</v>
      </c>
      <c r="B2673" t="s">
        <v>13909</v>
      </c>
      <c r="C2673" s="1" t="s">
        <v>13910</v>
      </c>
      <c r="D2673">
        <v>13847565</v>
      </c>
      <c r="E2673">
        <v>1</v>
      </c>
      <c r="F2673">
        <v>0</v>
      </c>
      <c r="H2673" t="s">
        <v>13911</v>
      </c>
      <c r="J2673" t="s">
        <v>13912</v>
      </c>
      <c r="K2673" t="s">
        <v>13912</v>
      </c>
      <c r="M2673">
        <v>1197518</v>
      </c>
      <c r="O2673">
        <v>1610082</v>
      </c>
      <c r="P2673">
        <v>1</v>
      </c>
      <c r="Q2673">
        <v>0</v>
      </c>
      <c r="R2673" t="s">
        <v>13913</v>
      </c>
      <c r="S2673">
        <v>1327</v>
      </c>
    </row>
    <row r="2674" spans="1:19" x14ac:dyDescent="0.25">
      <c r="A2674">
        <v>38974409</v>
      </c>
      <c r="B2674" t="s">
        <v>13914</v>
      </c>
      <c r="C2674" s="1" t="s">
        <v>13915</v>
      </c>
      <c r="D2674">
        <v>38974810</v>
      </c>
      <c r="E2674">
        <v>1</v>
      </c>
      <c r="F2674">
        <v>3</v>
      </c>
      <c r="H2674" t="s">
        <v>13916</v>
      </c>
      <c r="J2674" t="s">
        <v>13917</v>
      </c>
      <c r="K2674" t="s">
        <v>13917</v>
      </c>
      <c r="M2674">
        <v>6721596</v>
      </c>
      <c r="O2674">
        <v>6721596</v>
      </c>
      <c r="P2674">
        <v>1</v>
      </c>
      <c r="Q2674">
        <v>-1</v>
      </c>
      <c r="R2674" t="s">
        <v>13918</v>
      </c>
      <c r="S2674">
        <v>75</v>
      </c>
    </row>
    <row r="2675" spans="1:19" x14ac:dyDescent="0.25">
      <c r="A2675">
        <v>33537663</v>
      </c>
      <c r="B2675" t="s">
        <v>13919</v>
      </c>
      <c r="C2675" s="1" t="s">
        <v>13920</v>
      </c>
      <c r="D2675">
        <v>33568146</v>
      </c>
      <c r="E2675">
        <v>1</v>
      </c>
      <c r="F2675">
        <v>0</v>
      </c>
      <c r="H2675" t="s">
        <v>13921</v>
      </c>
      <c r="J2675" t="s">
        <v>13922</v>
      </c>
      <c r="O2675">
        <v>5401890</v>
      </c>
      <c r="P2675">
        <v>1</v>
      </c>
      <c r="Q2675">
        <v>-1</v>
      </c>
      <c r="R2675" t="s">
        <v>13923</v>
      </c>
      <c r="S2675">
        <v>2502</v>
      </c>
    </row>
    <row r="2676" spans="1:19" x14ac:dyDescent="0.25">
      <c r="A2676">
        <v>34095561</v>
      </c>
      <c r="B2676" t="s">
        <v>13924</v>
      </c>
      <c r="C2676" s="1" t="s">
        <v>13925</v>
      </c>
      <c r="E2676">
        <v>1</v>
      </c>
      <c r="F2676">
        <v>0</v>
      </c>
      <c r="H2676" t="s">
        <v>13926</v>
      </c>
      <c r="J2676" t="s">
        <v>13927</v>
      </c>
      <c r="O2676">
        <v>3934365</v>
      </c>
      <c r="P2676">
        <v>1</v>
      </c>
      <c r="Q2676">
        <v>0</v>
      </c>
      <c r="R2676" t="s">
        <v>13928</v>
      </c>
      <c r="S2676">
        <v>19</v>
      </c>
    </row>
    <row r="2677" spans="1:19" x14ac:dyDescent="0.25">
      <c r="A2677">
        <v>45372537</v>
      </c>
      <c r="B2677" t="s">
        <v>13929</v>
      </c>
      <c r="C2677" s="1" t="s">
        <v>13930</v>
      </c>
      <c r="E2677">
        <v>0</v>
      </c>
      <c r="F2677">
        <v>8</v>
      </c>
      <c r="H2677" t="s">
        <v>13931</v>
      </c>
      <c r="I2677">
        <v>1</v>
      </c>
      <c r="J2677" t="s">
        <v>13932</v>
      </c>
      <c r="K2677" t="s">
        <v>13932</v>
      </c>
      <c r="M2677">
        <v>4106261</v>
      </c>
      <c r="O2677">
        <v>4106261</v>
      </c>
      <c r="P2677">
        <v>1</v>
      </c>
      <c r="Q2677">
        <v>4</v>
      </c>
      <c r="R2677" t="s">
        <v>13933</v>
      </c>
      <c r="S2677">
        <v>451</v>
      </c>
    </row>
    <row r="2678" spans="1:19" x14ac:dyDescent="0.25">
      <c r="A2678">
        <v>43031267</v>
      </c>
      <c r="B2678" t="s">
        <v>13934</v>
      </c>
      <c r="C2678" s="1" t="s">
        <v>13935</v>
      </c>
      <c r="D2678">
        <v>43068013</v>
      </c>
      <c r="E2678">
        <v>1</v>
      </c>
      <c r="F2678">
        <v>2</v>
      </c>
      <c r="H2678" t="s">
        <v>13936</v>
      </c>
      <c r="J2678" t="s">
        <v>13937</v>
      </c>
      <c r="O2678">
        <v>4955663</v>
      </c>
      <c r="P2678">
        <v>1</v>
      </c>
      <c r="Q2678">
        <v>0</v>
      </c>
      <c r="R2678" t="s">
        <v>13938</v>
      </c>
      <c r="S2678">
        <v>78</v>
      </c>
    </row>
    <row r="2679" spans="1:19" x14ac:dyDescent="0.25">
      <c r="A2679">
        <v>39183786</v>
      </c>
      <c r="B2679" t="s">
        <v>13939</v>
      </c>
      <c r="C2679" s="1" t="s">
        <v>13940</v>
      </c>
      <c r="D2679">
        <v>39184348</v>
      </c>
      <c r="E2679">
        <v>2</v>
      </c>
      <c r="F2679">
        <v>4</v>
      </c>
      <c r="H2679" t="s">
        <v>13941</v>
      </c>
      <c r="J2679" t="s">
        <v>13942</v>
      </c>
      <c r="K2679" t="s">
        <v>13943</v>
      </c>
      <c r="M2679">
        <v>880990</v>
      </c>
      <c r="O2679">
        <v>5090745</v>
      </c>
      <c r="P2679">
        <v>1</v>
      </c>
      <c r="Q2679">
        <v>0</v>
      </c>
      <c r="R2679" t="s">
        <v>780</v>
      </c>
      <c r="S2679">
        <v>52</v>
      </c>
    </row>
    <row r="2680" spans="1:19" x14ac:dyDescent="0.25">
      <c r="A2680">
        <v>30568701</v>
      </c>
      <c r="B2680" t="s">
        <v>13944</v>
      </c>
      <c r="C2680" s="1" t="s">
        <v>13945</v>
      </c>
      <c r="D2680">
        <v>30568917</v>
      </c>
      <c r="E2680">
        <v>1</v>
      </c>
      <c r="F2680">
        <v>0</v>
      </c>
      <c r="H2680" t="s">
        <v>13946</v>
      </c>
      <c r="J2680" t="s">
        <v>13947</v>
      </c>
      <c r="O2680">
        <v>4358199</v>
      </c>
      <c r="P2680">
        <v>1</v>
      </c>
      <c r="Q2680">
        <v>2</v>
      </c>
      <c r="R2680" t="s">
        <v>3969</v>
      </c>
      <c r="S2680">
        <v>561</v>
      </c>
    </row>
    <row r="2681" spans="1:19" x14ac:dyDescent="0.25">
      <c r="A2681">
        <v>6053199</v>
      </c>
      <c r="B2681" t="s">
        <v>13948</v>
      </c>
      <c r="C2681" s="1" t="s">
        <v>13949</v>
      </c>
      <c r="D2681">
        <v>6053313</v>
      </c>
      <c r="E2681">
        <v>2</v>
      </c>
      <c r="F2681">
        <v>2</v>
      </c>
      <c r="H2681" t="s">
        <v>13950</v>
      </c>
      <c r="J2681" t="s">
        <v>13951</v>
      </c>
      <c r="K2681" t="s">
        <v>13952</v>
      </c>
      <c r="M2681">
        <v>2521532</v>
      </c>
      <c r="O2681">
        <v>756675</v>
      </c>
      <c r="P2681">
        <v>1</v>
      </c>
      <c r="Q2681">
        <v>0</v>
      </c>
      <c r="R2681" t="s">
        <v>13953</v>
      </c>
      <c r="S2681">
        <v>132</v>
      </c>
    </row>
    <row r="2682" spans="1:19" x14ac:dyDescent="0.25">
      <c r="A2682">
        <v>37766241</v>
      </c>
      <c r="B2682" t="s">
        <v>13954</v>
      </c>
      <c r="C2682" s="1" t="s">
        <v>13955</v>
      </c>
      <c r="D2682">
        <v>37766593</v>
      </c>
      <c r="E2682">
        <v>3</v>
      </c>
      <c r="F2682">
        <v>2</v>
      </c>
      <c r="H2682" t="s">
        <v>13956</v>
      </c>
      <c r="J2682" t="s">
        <v>13957</v>
      </c>
      <c r="K2682" t="s">
        <v>13957</v>
      </c>
      <c r="M2682">
        <v>2207842</v>
      </c>
      <c r="O2682">
        <v>2207842</v>
      </c>
      <c r="P2682">
        <v>1</v>
      </c>
      <c r="Q2682">
        <v>0</v>
      </c>
      <c r="R2682" t="s">
        <v>13958</v>
      </c>
      <c r="S2682">
        <v>532</v>
      </c>
    </row>
    <row r="2683" spans="1:19" x14ac:dyDescent="0.25">
      <c r="A2683">
        <v>49587622</v>
      </c>
      <c r="B2683" t="s">
        <v>13959</v>
      </c>
      <c r="C2683" s="1" t="s">
        <v>13960</v>
      </c>
      <c r="D2683">
        <v>49588855</v>
      </c>
      <c r="E2683">
        <v>4</v>
      </c>
      <c r="F2683">
        <v>5</v>
      </c>
      <c r="H2683" t="s">
        <v>13961</v>
      </c>
      <c r="I2683">
        <v>1</v>
      </c>
      <c r="J2683" t="s">
        <v>13962</v>
      </c>
      <c r="K2683" t="s">
        <v>13963</v>
      </c>
      <c r="M2683">
        <v>5844795</v>
      </c>
      <c r="O2683">
        <v>5844795</v>
      </c>
      <c r="P2683">
        <v>1</v>
      </c>
      <c r="Q2683">
        <v>8</v>
      </c>
      <c r="R2683" t="s">
        <v>989</v>
      </c>
      <c r="S2683">
        <v>555</v>
      </c>
    </row>
    <row r="2684" spans="1:19" x14ac:dyDescent="0.25">
      <c r="A2684">
        <v>6889268</v>
      </c>
      <c r="B2684" t="s">
        <v>13964</v>
      </c>
      <c r="C2684" s="1" t="s">
        <v>13965</v>
      </c>
      <c r="E2684">
        <v>2</v>
      </c>
      <c r="F2684">
        <v>0</v>
      </c>
      <c r="H2684" t="s">
        <v>13966</v>
      </c>
      <c r="J2684" t="s">
        <v>13967</v>
      </c>
      <c r="K2684" t="s">
        <v>13968</v>
      </c>
      <c r="M2684">
        <v>367456</v>
      </c>
      <c r="O2684">
        <v>871503</v>
      </c>
      <c r="P2684">
        <v>1</v>
      </c>
      <c r="Q2684">
        <v>0</v>
      </c>
      <c r="R2684" t="s">
        <v>892</v>
      </c>
      <c r="S2684">
        <v>239</v>
      </c>
    </row>
    <row r="2685" spans="1:19" x14ac:dyDescent="0.25">
      <c r="A2685">
        <v>44724086</v>
      </c>
      <c r="B2685" t="s">
        <v>13969</v>
      </c>
      <c r="C2685" t="s">
        <v>13970</v>
      </c>
      <c r="E2685">
        <v>1</v>
      </c>
      <c r="F2685">
        <v>6</v>
      </c>
      <c r="H2685" t="s">
        <v>13971</v>
      </c>
      <c r="J2685" t="s">
        <v>13972</v>
      </c>
      <c r="O2685">
        <v>8205670</v>
      </c>
      <c r="P2685">
        <v>1</v>
      </c>
      <c r="Q2685">
        <v>0</v>
      </c>
      <c r="R2685" t="s">
        <v>1466</v>
      </c>
      <c r="S2685">
        <v>62</v>
      </c>
    </row>
    <row r="2686" spans="1:19" x14ac:dyDescent="0.25">
      <c r="A2686">
        <v>21062459</v>
      </c>
      <c r="B2686" t="s">
        <v>13973</v>
      </c>
      <c r="C2686" s="1" t="s">
        <v>13974</v>
      </c>
      <c r="D2686">
        <v>21062704</v>
      </c>
      <c r="E2686">
        <v>1</v>
      </c>
      <c r="F2686">
        <v>2</v>
      </c>
      <c r="H2686" t="s">
        <v>13975</v>
      </c>
      <c r="I2686">
        <v>0</v>
      </c>
      <c r="J2686" t="s">
        <v>13976</v>
      </c>
      <c r="K2686" t="s">
        <v>13977</v>
      </c>
      <c r="M2686">
        <v>1009479</v>
      </c>
      <c r="O2686">
        <v>3103065</v>
      </c>
      <c r="P2686">
        <v>1</v>
      </c>
      <c r="Q2686">
        <v>0</v>
      </c>
      <c r="R2686" t="s">
        <v>13978</v>
      </c>
      <c r="S2686">
        <v>7772</v>
      </c>
    </row>
    <row r="2687" spans="1:19" x14ac:dyDescent="0.25">
      <c r="A2687">
        <v>20794324</v>
      </c>
      <c r="B2687" t="s">
        <v>13979</v>
      </c>
      <c r="C2687" s="1" t="s">
        <v>13980</v>
      </c>
      <c r="D2687">
        <v>20794458</v>
      </c>
      <c r="E2687">
        <v>2</v>
      </c>
      <c r="F2687">
        <v>0</v>
      </c>
      <c r="H2687" t="s">
        <v>13981</v>
      </c>
      <c r="J2687" t="s">
        <v>13982</v>
      </c>
      <c r="K2687" t="s">
        <v>13982</v>
      </c>
      <c r="M2687">
        <v>117259</v>
      </c>
      <c r="O2687">
        <v>3120432</v>
      </c>
      <c r="P2687">
        <v>1</v>
      </c>
      <c r="Q2687">
        <v>0</v>
      </c>
      <c r="R2687" t="s">
        <v>13983</v>
      </c>
      <c r="S2687">
        <v>38</v>
      </c>
    </row>
    <row r="2688" spans="1:19" x14ac:dyDescent="0.25">
      <c r="A2688">
        <v>28035755</v>
      </c>
      <c r="B2688" t="s">
        <v>13984</v>
      </c>
      <c r="C2688" s="1" t="s">
        <v>13985</v>
      </c>
      <c r="D2688">
        <v>28037007</v>
      </c>
      <c r="E2688">
        <v>1</v>
      </c>
      <c r="F2688">
        <v>0</v>
      </c>
      <c r="H2688" t="s">
        <v>13986</v>
      </c>
      <c r="J2688" t="s">
        <v>13987</v>
      </c>
      <c r="O2688">
        <v>3582875</v>
      </c>
      <c r="P2688">
        <v>1</v>
      </c>
      <c r="Q2688">
        <v>0</v>
      </c>
      <c r="R2688" t="s">
        <v>13988</v>
      </c>
      <c r="S2688">
        <v>58</v>
      </c>
    </row>
    <row r="2689" spans="1:19" x14ac:dyDescent="0.25">
      <c r="A2689">
        <v>33450571</v>
      </c>
      <c r="B2689" t="s">
        <v>13989</v>
      </c>
      <c r="C2689" s="1" t="s">
        <v>13990</v>
      </c>
      <c r="D2689">
        <v>33450857</v>
      </c>
      <c r="E2689">
        <v>1</v>
      </c>
      <c r="F2689">
        <v>3</v>
      </c>
      <c r="H2689" t="s">
        <v>13991</v>
      </c>
      <c r="J2689" t="s">
        <v>13992</v>
      </c>
      <c r="O2689">
        <v>4422899</v>
      </c>
      <c r="P2689">
        <v>1</v>
      </c>
      <c r="Q2689">
        <v>-3</v>
      </c>
      <c r="R2689" t="s">
        <v>13993</v>
      </c>
      <c r="S2689">
        <v>33</v>
      </c>
    </row>
    <row r="2690" spans="1:19" x14ac:dyDescent="0.25">
      <c r="A2690">
        <v>27409862</v>
      </c>
      <c r="B2690" t="s">
        <v>13994</v>
      </c>
      <c r="C2690" s="1" t="s">
        <v>13995</v>
      </c>
      <c r="D2690">
        <v>27768289</v>
      </c>
      <c r="E2690">
        <v>1</v>
      </c>
      <c r="F2690">
        <v>0</v>
      </c>
      <c r="H2690" t="s">
        <v>13996</v>
      </c>
      <c r="J2690" t="s">
        <v>13997</v>
      </c>
      <c r="O2690">
        <v>356849</v>
      </c>
      <c r="P2690">
        <v>1</v>
      </c>
      <c r="Q2690">
        <v>0</v>
      </c>
      <c r="R2690" t="s">
        <v>13998</v>
      </c>
      <c r="S2690">
        <v>57</v>
      </c>
    </row>
    <row r="2691" spans="1:19" x14ac:dyDescent="0.25">
      <c r="A2691">
        <v>41386578</v>
      </c>
      <c r="B2691" t="s">
        <v>13999</v>
      </c>
      <c r="C2691" s="1" t="s">
        <v>14000</v>
      </c>
      <c r="D2691">
        <v>41386655</v>
      </c>
      <c r="E2691">
        <v>1</v>
      </c>
      <c r="F2691">
        <v>1</v>
      </c>
      <c r="H2691" t="s">
        <v>14001</v>
      </c>
      <c r="J2691" t="s">
        <v>14002</v>
      </c>
      <c r="K2691" t="s">
        <v>14002</v>
      </c>
      <c r="M2691">
        <v>478884</v>
      </c>
      <c r="O2691">
        <v>7355484</v>
      </c>
      <c r="P2691">
        <v>1</v>
      </c>
      <c r="Q2691">
        <v>0</v>
      </c>
      <c r="R2691" t="s">
        <v>14003</v>
      </c>
      <c r="S2691">
        <v>733</v>
      </c>
    </row>
    <row r="2692" spans="1:19" x14ac:dyDescent="0.25">
      <c r="A2692">
        <v>49791103</v>
      </c>
      <c r="B2692" t="s">
        <v>14004</v>
      </c>
      <c r="C2692" s="1" t="s">
        <v>14005</v>
      </c>
      <c r="E2692">
        <v>0</v>
      </c>
      <c r="F2692">
        <v>0</v>
      </c>
      <c r="H2692" t="s">
        <v>14006</v>
      </c>
      <c r="J2692" t="s">
        <v>14007</v>
      </c>
      <c r="K2692" t="s">
        <v>14007</v>
      </c>
      <c r="M2692">
        <v>2664350</v>
      </c>
      <c r="O2692">
        <v>5016953</v>
      </c>
      <c r="P2692">
        <v>1</v>
      </c>
      <c r="Q2692">
        <v>0</v>
      </c>
      <c r="R2692" t="s">
        <v>14008</v>
      </c>
      <c r="S2692">
        <v>11</v>
      </c>
    </row>
    <row r="2693" spans="1:19" x14ac:dyDescent="0.25">
      <c r="A2693">
        <v>49576904</v>
      </c>
      <c r="B2693" t="s">
        <v>14009</v>
      </c>
      <c r="C2693" s="1" t="s">
        <v>14010</v>
      </c>
      <c r="E2693">
        <v>0</v>
      </c>
      <c r="F2693">
        <v>6</v>
      </c>
      <c r="H2693" t="s">
        <v>14011</v>
      </c>
      <c r="J2693" t="s">
        <v>14011</v>
      </c>
      <c r="O2693">
        <v>9463521</v>
      </c>
      <c r="P2693">
        <v>1</v>
      </c>
      <c r="Q2693">
        <v>0</v>
      </c>
      <c r="R2693" t="s">
        <v>14012</v>
      </c>
      <c r="S2693">
        <v>47</v>
      </c>
    </row>
    <row r="2694" spans="1:19" x14ac:dyDescent="0.25">
      <c r="A2694">
        <v>31662591</v>
      </c>
      <c r="B2694" t="s">
        <v>14013</v>
      </c>
      <c r="C2694" s="1" t="s">
        <v>14014</v>
      </c>
      <c r="D2694">
        <v>31662700</v>
      </c>
      <c r="E2694">
        <v>5</v>
      </c>
      <c r="F2694">
        <v>0</v>
      </c>
      <c r="H2694" t="s">
        <v>14015</v>
      </c>
      <c r="I2694">
        <v>5</v>
      </c>
      <c r="J2694" t="s">
        <v>14016</v>
      </c>
      <c r="K2694" t="s">
        <v>14017</v>
      </c>
      <c r="M2694">
        <v>4717992</v>
      </c>
      <c r="O2694">
        <v>4717992</v>
      </c>
      <c r="P2694">
        <v>1</v>
      </c>
      <c r="Q2694">
        <v>11</v>
      </c>
      <c r="R2694" t="s">
        <v>14018</v>
      </c>
      <c r="S2694">
        <v>19027</v>
      </c>
    </row>
    <row r="2695" spans="1:19" x14ac:dyDescent="0.25">
      <c r="A2695">
        <v>43609380</v>
      </c>
      <c r="B2695" t="s">
        <v>14019</v>
      </c>
      <c r="C2695" s="1" t="s">
        <v>14020</v>
      </c>
      <c r="D2695">
        <v>43619216</v>
      </c>
      <c r="E2695">
        <v>1</v>
      </c>
      <c r="F2695">
        <v>0</v>
      </c>
      <c r="H2695" t="s">
        <v>14021</v>
      </c>
      <c r="J2695" t="s">
        <v>14022</v>
      </c>
      <c r="K2695" t="s">
        <v>14022</v>
      </c>
      <c r="M2695">
        <v>7297656</v>
      </c>
      <c r="O2695">
        <v>7297656</v>
      </c>
      <c r="P2695">
        <v>1</v>
      </c>
      <c r="Q2695">
        <v>1</v>
      </c>
      <c r="R2695" t="s">
        <v>14023</v>
      </c>
      <c r="S2695">
        <v>335</v>
      </c>
    </row>
    <row r="2696" spans="1:19" x14ac:dyDescent="0.25">
      <c r="A2696">
        <v>33446313</v>
      </c>
      <c r="B2696" t="s">
        <v>14024</v>
      </c>
      <c r="C2696" s="1" t="s">
        <v>14025</v>
      </c>
      <c r="E2696">
        <v>0</v>
      </c>
      <c r="F2696">
        <v>6</v>
      </c>
      <c r="H2696" t="s">
        <v>14026</v>
      </c>
      <c r="J2696" t="s">
        <v>14026</v>
      </c>
      <c r="O2696">
        <v>5357287</v>
      </c>
      <c r="P2696">
        <v>1</v>
      </c>
      <c r="Q2696">
        <v>0</v>
      </c>
      <c r="R2696" t="s">
        <v>14027</v>
      </c>
      <c r="S2696">
        <v>46</v>
      </c>
    </row>
    <row r="2697" spans="1:19" x14ac:dyDescent="0.25">
      <c r="A2697">
        <v>33390214</v>
      </c>
      <c r="B2697" t="s">
        <v>14028</v>
      </c>
      <c r="C2697" s="1" t="s">
        <v>14029</v>
      </c>
      <c r="D2697">
        <v>33392777</v>
      </c>
      <c r="E2697">
        <v>2</v>
      </c>
      <c r="F2697">
        <v>1</v>
      </c>
      <c r="H2697" t="s">
        <v>14030</v>
      </c>
      <c r="J2697" t="s">
        <v>14031</v>
      </c>
      <c r="K2697" t="s">
        <v>14032</v>
      </c>
      <c r="M2697">
        <v>-1</v>
      </c>
      <c r="O2697">
        <v>3392896</v>
      </c>
      <c r="P2697">
        <v>1</v>
      </c>
      <c r="Q2697">
        <v>4</v>
      </c>
      <c r="R2697" t="s">
        <v>3969</v>
      </c>
      <c r="S2697">
        <v>255</v>
      </c>
    </row>
    <row r="2698" spans="1:19" x14ac:dyDescent="0.25">
      <c r="A2698">
        <v>7190936</v>
      </c>
      <c r="B2698" t="s">
        <v>14033</v>
      </c>
      <c r="C2698" s="1" t="s">
        <v>14034</v>
      </c>
      <c r="E2698">
        <v>1</v>
      </c>
      <c r="F2698">
        <v>0</v>
      </c>
      <c r="H2698" t="s">
        <v>14035</v>
      </c>
      <c r="J2698" t="s">
        <v>14036</v>
      </c>
      <c r="O2698">
        <v>912150</v>
      </c>
      <c r="P2698">
        <v>1</v>
      </c>
      <c r="Q2698">
        <v>1</v>
      </c>
      <c r="R2698" t="s">
        <v>14037</v>
      </c>
      <c r="S2698">
        <v>255</v>
      </c>
    </row>
    <row r="2699" spans="1:19" x14ac:dyDescent="0.25">
      <c r="A2699">
        <v>29085626</v>
      </c>
      <c r="B2699" t="s">
        <v>14038</v>
      </c>
      <c r="C2699" s="1" t="s">
        <v>14039</v>
      </c>
      <c r="E2699">
        <v>1</v>
      </c>
      <c r="F2699">
        <v>0</v>
      </c>
      <c r="H2699" t="s">
        <v>14040</v>
      </c>
      <c r="J2699" t="s">
        <v>14041</v>
      </c>
      <c r="O2699">
        <v>2328541</v>
      </c>
      <c r="P2699">
        <v>1</v>
      </c>
      <c r="Q2699">
        <v>0</v>
      </c>
      <c r="R2699" t="s">
        <v>7203</v>
      </c>
      <c r="S2699">
        <v>59</v>
      </c>
    </row>
    <row r="2700" spans="1:19" x14ac:dyDescent="0.25">
      <c r="A2700">
        <v>52399788</v>
      </c>
      <c r="B2700" t="s">
        <v>14042</v>
      </c>
      <c r="C2700" s="1" t="s">
        <v>14043</v>
      </c>
      <c r="E2700">
        <v>0</v>
      </c>
      <c r="F2700">
        <v>0</v>
      </c>
      <c r="H2700" t="s">
        <v>14044</v>
      </c>
      <c r="J2700" t="s">
        <v>14045</v>
      </c>
      <c r="K2700" t="s">
        <v>14045</v>
      </c>
      <c r="M2700">
        <v>5835343</v>
      </c>
      <c r="O2700">
        <v>5835343</v>
      </c>
      <c r="P2700">
        <v>1</v>
      </c>
      <c r="Q2700">
        <v>0</v>
      </c>
      <c r="R2700" t="s">
        <v>14046</v>
      </c>
      <c r="S2700">
        <v>33</v>
      </c>
    </row>
    <row r="2701" spans="1:19" x14ac:dyDescent="0.25">
      <c r="A2701">
        <v>53311670</v>
      </c>
      <c r="B2701" t="s">
        <v>14047</v>
      </c>
      <c r="C2701" s="1" t="s">
        <v>14048</v>
      </c>
      <c r="E2701">
        <v>0</v>
      </c>
      <c r="F2701">
        <v>0</v>
      </c>
      <c r="H2701" t="s">
        <v>14049</v>
      </c>
      <c r="J2701" t="s">
        <v>14050</v>
      </c>
      <c r="K2701" t="s">
        <v>14050</v>
      </c>
      <c r="M2701">
        <v>2753863</v>
      </c>
      <c r="O2701">
        <v>10653839</v>
      </c>
      <c r="P2701">
        <v>1</v>
      </c>
      <c r="Q2701">
        <v>0</v>
      </c>
      <c r="R2701" t="s">
        <v>14051</v>
      </c>
      <c r="S2701">
        <v>37</v>
      </c>
    </row>
    <row r="2702" spans="1:19" x14ac:dyDescent="0.25">
      <c r="A2702">
        <v>36431762</v>
      </c>
      <c r="B2702" t="s">
        <v>14052</v>
      </c>
      <c r="C2702" s="1" t="s">
        <v>14053</v>
      </c>
      <c r="E2702">
        <v>0</v>
      </c>
      <c r="F2702">
        <v>17</v>
      </c>
      <c r="H2702" t="s">
        <v>14054</v>
      </c>
      <c r="J2702" t="s">
        <v>14055</v>
      </c>
      <c r="K2702" t="s">
        <v>14055</v>
      </c>
      <c r="M2702">
        <v>1857292</v>
      </c>
      <c r="O2702">
        <v>3782779</v>
      </c>
      <c r="P2702">
        <v>1</v>
      </c>
      <c r="Q2702">
        <v>1</v>
      </c>
      <c r="R2702" t="s">
        <v>2771</v>
      </c>
      <c r="S2702">
        <v>422</v>
      </c>
    </row>
    <row r="2703" spans="1:19" x14ac:dyDescent="0.25">
      <c r="A2703">
        <v>28864739</v>
      </c>
      <c r="B2703" t="s">
        <v>14056</v>
      </c>
      <c r="C2703" s="1" t="s">
        <v>14057</v>
      </c>
      <c r="E2703">
        <v>1</v>
      </c>
      <c r="F2703">
        <v>7</v>
      </c>
      <c r="H2703" t="s">
        <v>14058</v>
      </c>
      <c r="I2703">
        <v>1</v>
      </c>
      <c r="J2703" t="s">
        <v>14059</v>
      </c>
      <c r="K2703" t="s">
        <v>14060</v>
      </c>
      <c r="M2703">
        <v>418556</v>
      </c>
      <c r="O2703">
        <v>4510528</v>
      </c>
      <c r="P2703">
        <v>1</v>
      </c>
      <c r="Q2703">
        <v>3</v>
      </c>
      <c r="R2703" t="s">
        <v>14061</v>
      </c>
      <c r="S2703">
        <v>219</v>
      </c>
    </row>
    <row r="2704" spans="1:19" x14ac:dyDescent="0.25">
      <c r="A2704">
        <v>27567153</v>
      </c>
      <c r="B2704" t="s">
        <v>14062</v>
      </c>
      <c r="C2704" s="1" t="s">
        <v>14063</v>
      </c>
      <c r="E2704">
        <v>1</v>
      </c>
      <c r="F2704">
        <v>0</v>
      </c>
      <c r="H2704" t="s">
        <v>14064</v>
      </c>
      <c r="J2704" t="s">
        <v>14065</v>
      </c>
      <c r="O2704">
        <v>1760770</v>
      </c>
      <c r="P2704">
        <v>1</v>
      </c>
      <c r="Q2704">
        <v>1</v>
      </c>
      <c r="R2704" t="s">
        <v>14066</v>
      </c>
      <c r="S2704">
        <v>263</v>
      </c>
    </row>
    <row r="2705" spans="1:19" x14ac:dyDescent="0.25">
      <c r="A2705">
        <v>15802503</v>
      </c>
      <c r="B2705" t="s">
        <v>14067</v>
      </c>
      <c r="C2705" s="1" t="s">
        <v>14068</v>
      </c>
      <c r="D2705">
        <v>15802655</v>
      </c>
      <c r="E2705">
        <v>3</v>
      </c>
      <c r="F2705">
        <v>7</v>
      </c>
      <c r="H2705" t="s">
        <v>14069</v>
      </c>
      <c r="I2705">
        <v>1</v>
      </c>
      <c r="J2705" t="s">
        <v>14070</v>
      </c>
      <c r="K2705" t="s">
        <v>14071</v>
      </c>
      <c r="M2705">
        <v>41956</v>
      </c>
      <c r="O2705">
        <v>238306</v>
      </c>
      <c r="P2705">
        <v>1</v>
      </c>
      <c r="Q2705">
        <v>0</v>
      </c>
      <c r="R2705" t="s">
        <v>14072</v>
      </c>
      <c r="S2705">
        <v>3544</v>
      </c>
    </row>
    <row r="2706" spans="1:19" x14ac:dyDescent="0.25">
      <c r="A2706">
        <v>42428214</v>
      </c>
      <c r="B2706" t="s">
        <v>14073</v>
      </c>
      <c r="C2706" s="1" t="s">
        <v>14074</v>
      </c>
      <c r="E2706">
        <v>1</v>
      </c>
      <c r="F2706">
        <v>0</v>
      </c>
      <c r="H2706" t="s">
        <v>14075</v>
      </c>
      <c r="J2706" t="s">
        <v>14076</v>
      </c>
      <c r="O2706">
        <v>6679270</v>
      </c>
      <c r="P2706">
        <v>1</v>
      </c>
      <c r="Q2706">
        <v>0</v>
      </c>
      <c r="R2706" t="s">
        <v>1288</v>
      </c>
      <c r="S2706">
        <v>26</v>
      </c>
    </row>
    <row r="2707" spans="1:19" x14ac:dyDescent="0.25">
      <c r="A2707">
        <v>26665898</v>
      </c>
      <c r="B2707" t="s">
        <v>14077</v>
      </c>
      <c r="C2707" s="1" t="s">
        <v>14078</v>
      </c>
      <c r="D2707">
        <v>26665915</v>
      </c>
      <c r="E2707">
        <v>1</v>
      </c>
      <c r="F2707">
        <v>0</v>
      </c>
      <c r="H2707" t="s">
        <v>14079</v>
      </c>
      <c r="J2707" t="s">
        <v>14080</v>
      </c>
      <c r="O2707">
        <v>3738829</v>
      </c>
      <c r="P2707">
        <v>1</v>
      </c>
      <c r="Q2707">
        <v>0</v>
      </c>
      <c r="R2707" t="s">
        <v>14081</v>
      </c>
      <c r="S2707">
        <v>34</v>
      </c>
    </row>
    <row r="2708" spans="1:19" x14ac:dyDescent="0.25">
      <c r="A2708">
        <v>14348871</v>
      </c>
      <c r="B2708" t="s">
        <v>14082</v>
      </c>
      <c r="C2708" s="1" t="s">
        <v>14083</v>
      </c>
      <c r="D2708">
        <v>14633108</v>
      </c>
      <c r="E2708">
        <v>1</v>
      </c>
      <c r="F2708">
        <v>4</v>
      </c>
      <c r="H2708" t="s">
        <v>14084</v>
      </c>
      <c r="J2708" t="s">
        <v>14085</v>
      </c>
      <c r="K2708" t="s">
        <v>14085</v>
      </c>
      <c r="M2708">
        <v>508666</v>
      </c>
      <c r="O2708">
        <v>1864568</v>
      </c>
      <c r="P2708">
        <v>1</v>
      </c>
      <c r="Q2708">
        <v>1</v>
      </c>
      <c r="R2708" t="s">
        <v>14086</v>
      </c>
      <c r="S2708">
        <v>938</v>
      </c>
    </row>
    <row r="2709" spans="1:19" x14ac:dyDescent="0.25">
      <c r="A2709">
        <v>43471375</v>
      </c>
      <c r="B2709" t="s">
        <v>14087</v>
      </c>
      <c r="C2709" s="1" t="s">
        <v>14088</v>
      </c>
      <c r="E2709">
        <v>1</v>
      </c>
      <c r="F2709">
        <v>1</v>
      </c>
      <c r="H2709" t="s">
        <v>14089</v>
      </c>
      <c r="I2709">
        <v>1</v>
      </c>
      <c r="J2709" t="s">
        <v>14090</v>
      </c>
      <c r="K2709" t="s">
        <v>14091</v>
      </c>
      <c r="M2709">
        <v>4826457</v>
      </c>
      <c r="O2709">
        <v>6511923</v>
      </c>
      <c r="P2709">
        <v>1</v>
      </c>
      <c r="Q2709">
        <v>2</v>
      </c>
      <c r="R2709" t="s">
        <v>14092</v>
      </c>
      <c r="S2709">
        <v>495</v>
      </c>
    </row>
    <row r="2710" spans="1:19" x14ac:dyDescent="0.25">
      <c r="A2710">
        <v>21497233</v>
      </c>
      <c r="B2710" t="s">
        <v>14093</v>
      </c>
      <c r="C2710" s="1" t="s">
        <v>14094</v>
      </c>
      <c r="D2710">
        <v>21497257</v>
      </c>
      <c r="E2710">
        <v>4</v>
      </c>
      <c r="F2710">
        <v>2</v>
      </c>
      <c r="H2710" t="s">
        <v>14095</v>
      </c>
      <c r="J2710" t="s">
        <v>14096</v>
      </c>
      <c r="O2710">
        <v>3216600</v>
      </c>
      <c r="P2710">
        <v>1</v>
      </c>
      <c r="Q2710">
        <v>0</v>
      </c>
      <c r="R2710" t="s">
        <v>14097</v>
      </c>
      <c r="S2710">
        <v>441</v>
      </c>
    </row>
    <row r="2711" spans="1:19" x14ac:dyDescent="0.25">
      <c r="A2711">
        <v>2357419</v>
      </c>
      <c r="B2711" t="s">
        <v>14098</v>
      </c>
      <c r="C2711" s="1" t="s">
        <v>14099</v>
      </c>
      <c r="E2711">
        <v>2</v>
      </c>
      <c r="F2711">
        <v>0</v>
      </c>
      <c r="H2711" t="s">
        <v>14100</v>
      </c>
      <c r="J2711" t="s">
        <v>14101</v>
      </c>
      <c r="K2711" t="s">
        <v>14102</v>
      </c>
      <c r="M2711">
        <v>104480</v>
      </c>
      <c r="O2711">
        <v>216605</v>
      </c>
      <c r="P2711">
        <v>1</v>
      </c>
      <c r="Q2711">
        <v>0</v>
      </c>
      <c r="R2711" t="s">
        <v>14103</v>
      </c>
      <c r="S2711">
        <v>612</v>
      </c>
    </row>
    <row r="2712" spans="1:19" x14ac:dyDescent="0.25">
      <c r="A2712">
        <v>37411566</v>
      </c>
      <c r="B2712" t="s">
        <v>14104</v>
      </c>
      <c r="C2712" s="1" t="s">
        <v>14105</v>
      </c>
      <c r="D2712">
        <v>37411780</v>
      </c>
      <c r="E2712">
        <v>2</v>
      </c>
      <c r="F2712">
        <v>2</v>
      </c>
      <c r="H2712" t="s">
        <v>14106</v>
      </c>
      <c r="J2712" t="s">
        <v>14107</v>
      </c>
      <c r="K2712" t="s">
        <v>14108</v>
      </c>
      <c r="M2712">
        <v>-1</v>
      </c>
      <c r="O2712">
        <v>959734</v>
      </c>
      <c r="P2712">
        <v>1</v>
      </c>
      <c r="Q2712">
        <v>1</v>
      </c>
      <c r="R2712" t="s">
        <v>14109</v>
      </c>
      <c r="S2712">
        <v>123</v>
      </c>
    </row>
    <row r="2713" spans="1:19" x14ac:dyDescent="0.25">
      <c r="A2713">
        <v>21638949</v>
      </c>
      <c r="B2713" t="s">
        <v>14110</v>
      </c>
      <c r="C2713" s="1" t="s">
        <v>14111</v>
      </c>
      <c r="E2713">
        <v>1</v>
      </c>
      <c r="F2713">
        <v>0</v>
      </c>
      <c r="H2713" t="s">
        <v>14112</v>
      </c>
      <c r="J2713" t="s">
        <v>14113</v>
      </c>
      <c r="K2713" t="s">
        <v>14113</v>
      </c>
      <c r="M2713">
        <v>7264620</v>
      </c>
      <c r="O2713">
        <v>1566766</v>
      </c>
      <c r="P2713">
        <v>1</v>
      </c>
      <c r="Q2713">
        <v>0</v>
      </c>
      <c r="R2713" t="s">
        <v>14114</v>
      </c>
      <c r="S2713">
        <v>750</v>
      </c>
    </row>
    <row r="2714" spans="1:19" x14ac:dyDescent="0.25">
      <c r="A2714">
        <v>49256498</v>
      </c>
      <c r="B2714" t="s">
        <v>14115</v>
      </c>
      <c r="C2714" s="1" t="s">
        <v>14116</v>
      </c>
      <c r="D2714">
        <v>49263536</v>
      </c>
      <c r="E2714">
        <v>1</v>
      </c>
      <c r="F2714">
        <v>0</v>
      </c>
      <c r="H2714" t="s">
        <v>14117</v>
      </c>
      <c r="J2714" t="s">
        <v>14118</v>
      </c>
      <c r="O2714">
        <v>4311926</v>
      </c>
      <c r="P2714">
        <v>1</v>
      </c>
      <c r="Q2714">
        <v>0</v>
      </c>
      <c r="R2714" t="s">
        <v>14119</v>
      </c>
      <c r="S2714">
        <v>96</v>
      </c>
    </row>
    <row r="2715" spans="1:19" x14ac:dyDescent="0.25">
      <c r="A2715">
        <v>4043668</v>
      </c>
      <c r="B2715" t="s">
        <v>14120</v>
      </c>
      <c r="C2715" s="1" t="s">
        <v>14121</v>
      </c>
      <c r="D2715">
        <v>4043743</v>
      </c>
      <c r="E2715">
        <v>5</v>
      </c>
      <c r="F2715">
        <v>0</v>
      </c>
      <c r="H2715" t="s">
        <v>14122</v>
      </c>
      <c r="I2715">
        <v>1</v>
      </c>
      <c r="J2715" t="s">
        <v>14123</v>
      </c>
      <c r="O2715">
        <v>220046</v>
      </c>
      <c r="P2715">
        <v>1</v>
      </c>
      <c r="Q2715">
        <v>8</v>
      </c>
      <c r="R2715" t="s">
        <v>14124</v>
      </c>
      <c r="S2715">
        <v>22640</v>
      </c>
    </row>
    <row r="2716" spans="1:19" x14ac:dyDescent="0.25">
      <c r="A2716">
        <v>3592563</v>
      </c>
      <c r="B2716" t="s">
        <v>14125</v>
      </c>
      <c r="C2716" t="s">
        <v>14126</v>
      </c>
      <c r="D2716">
        <v>5560254</v>
      </c>
      <c r="E2716">
        <v>2</v>
      </c>
      <c r="F2716">
        <v>0</v>
      </c>
      <c r="H2716" t="s">
        <v>14127</v>
      </c>
      <c r="J2716" t="s">
        <v>14128</v>
      </c>
      <c r="O2716">
        <v>235771</v>
      </c>
      <c r="P2716">
        <v>1</v>
      </c>
      <c r="Q2716">
        <v>2</v>
      </c>
      <c r="R2716" t="s">
        <v>14129</v>
      </c>
      <c r="S2716">
        <v>565</v>
      </c>
    </row>
    <row r="2717" spans="1:19" x14ac:dyDescent="0.25">
      <c r="A2717">
        <v>21694085</v>
      </c>
      <c r="B2717" t="s">
        <v>14130</v>
      </c>
      <c r="C2717" s="1" t="s">
        <v>14131</v>
      </c>
      <c r="E2717">
        <v>2</v>
      </c>
      <c r="F2717">
        <v>6</v>
      </c>
      <c r="H2717" t="s">
        <v>14132</v>
      </c>
      <c r="J2717" t="s">
        <v>14133</v>
      </c>
      <c r="O2717">
        <v>2419856</v>
      </c>
      <c r="P2717">
        <v>1</v>
      </c>
      <c r="Q2717">
        <v>0</v>
      </c>
      <c r="R2717" t="s">
        <v>3339</v>
      </c>
      <c r="S2717">
        <v>69</v>
      </c>
    </row>
    <row r="2718" spans="1:19" x14ac:dyDescent="0.25">
      <c r="A2718">
        <v>16151195</v>
      </c>
      <c r="B2718" t="s">
        <v>14134</v>
      </c>
      <c r="C2718" s="1" t="s">
        <v>14135</v>
      </c>
      <c r="D2718">
        <v>16151241</v>
      </c>
      <c r="E2718">
        <v>1</v>
      </c>
      <c r="F2718">
        <v>0</v>
      </c>
      <c r="H2718" t="s">
        <v>14136</v>
      </c>
      <c r="J2718" t="s">
        <v>14137</v>
      </c>
      <c r="K2718" t="s">
        <v>14138</v>
      </c>
      <c r="M2718">
        <v>1417997</v>
      </c>
      <c r="O2718">
        <v>2029533</v>
      </c>
      <c r="P2718">
        <v>1</v>
      </c>
      <c r="Q2718">
        <v>0</v>
      </c>
      <c r="R2718" t="s">
        <v>14139</v>
      </c>
      <c r="S2718">
        <v>796</v>
      </c>
    </row>
    <row r="2719" spans="1:19" x14ac:dyDescent="0.25">
      <c r="A2719">
        <v>5400430</v>
      </c>
      <c r="B2719" t="s">
        <v>14140</v>
      </c>
      <c r="C2719" s="1" t="s">
        <v>14141</v>
      </c>
      <c r="D2719">
        <v>5401671</v>
      </c>
      <c r="E2719">
        <v>2</v>
      </c>
      <c r="F2719">
        <v>1</v>
      </c>
      <c r="H2719" t="s">
        <v>14142</v>
      </c>
      <c r="J2719" t="s">
        <v>14143</v>
      </c>
      <c r="O2719">
        <v>315012</v>
      </c>
      <c r="P2719">
        <v>1</v>
      </c>
      <c r="Q2719">
        <v>1</v>
      </c>
      <c r="R2719" t="s">
        <v>14144</v>
      </c>
      <c r="S2719">
        <v>1422</v>
      </c>
    </row>
    <row r="2720" spans="1:19" x14ac:dyDescent="0.25">
      <c r="A2720">
        <v>46701093</v>
      </c>
      <c r="B2720" t="s">
        <v>14145</v>
      </c>
      <c r="C2720" s="1" t="s">
        <v>14146</v>
      </c>
      <c r="E2720">
        <v>1</v>
      </c>
      <c r="F2720">
        <v>0</v>
      </c>
      <c r="H2720" t="s">
        <v>14147</v>
      </c>
      <c r="J2720" t="s">
        <v>14148</v>
      </c>
      <c r="K2720" t="s">
        <v>14148</v>
      </c>
      <c r="M2720">
        <v>-1</v>
      </c>
      <c r="O2720">
        <v>3377627</v>
      </c>
      <c r="P2720">
        <v>1</v>
      </c>
      <c r="Q2720">
        <v>0</v>
      </c>
      <c r="R2720" t="s">
        <v>14149</v>
      </c>
      <c r="S2720">
        <v>108</v>
      </c>
    </row>
    <row r="2721" spans="1:19" x14ac:dyDescent="0.25">
      <c r="A2721">
        <v>14930817</v>
      </c>
      <c r="B2721" t="s">
        <v>14150</v>
      </c>
      <c r="C2721" s="1" t="s">
        <v>14151</v>
      </c>
      <c r="E2721">
        <v>2</v>
      </c>
      <c r="F2721">
        <v>0</v>
      </c>
      <c r="H2721" t="s">
        <v>14152</v>
      </c>
      <c r="J2721" t="s">
        <v>14153</v>
      </c>
      <c r="K2721" t="s">
        <v>14154</v>
      </c>
      <c r="M2721">
        <v>709646</v>
      </c>
      <c r="O2721">
        <v>2082181</v>
      </c>
      <c r="P2721">
        <v>1</v>
      </c>
      <c r="Q2721">
        <v>2</v>
      </c>
      <c r="R2721" t="s">
        <v>14155</v>
      </c>
      <c r="S2721">
        <v>774</v>
      </c>
    </row>
    <row r="2722" spans="1:19" x14ac:dyDescent="0.25">
      <c r="A2722">
        <v>23670099</v>
      </c>
      <c r="B2722" t="s">
        <v>14156</v>
      </c>
      <c r="C2722" t="s">
        <v>14157</v>
      </c>
      <c r="E2722">
        <v>0</v>
      </c>
      <c r="F2722">
        <v>0</v>
      </c>
      <c r="H2722" t="s">
        <v>14158</v>
      </c>
      <c r="I2722">
        <v>1</v>
      </c>
      <c r="J2722" t="s">
        <v>14158</v>
      </c>
      <c r="O2722">
        <v>2059761</v>
      </c>
      <c r="P2722">
        <v>1</v>
      </c>
      <c r="Q2722">
        <v>2</v>
      </c>
      <c r="R2722" t="s">
        <v>14159</v>
      </c>
      <c r="S2722">
        <v>50</v>
      </c>
    </row>
    <row r="2723" spans="1:19" x14ac:dyDescent="0.25">
      <c r="A2723">
        <v>3987732</v>
      </c>
      <c r="B2723" t="s">
        <v>14160</v>
      </c>
      <c r="C2723" s="1" t="s">
        <v>14161</v>
      </c>
      <c r="D2723">
        <v>3987797</v>
      </c>
      <c r="E2723">
        <v>2</v>
      </c>
      <c r="F2723">
        <v>0</v>
      </c>
      <c r="H2723" t="s">
        <v>14162</v>
      </c>
      <c r="J2723" t="s">
        <v>14163</v>
      </c>
      <c r="O2723">
        <v>123172</v>
      </c>
      <c r="P2723">
        <v>1</v>
      </c>
      <c r="Q2723">
        <v>1</v>
      </c>
      <c r="R2723" t="s">
        <v>14164</v>
      </c>
      <c r="S2723">
        <v>1259</v>
      </c>
    </row>
    <row r="2724" spans="1:19" x14ac:dyDescent="0.25">
      <c r="A2724">
        <v>28109068</v>
      </c>
      <c r="B2724" t="s">
        <v>14165</v>
      </c>
      <c r="C2724" s="1" t="s">
        <v>14166</v>
      </c>
      <c r="E2724">
        <v>3</v>
      </c>
      <c r="F2724">
        <v>1</v>
      </c>
      <c r="H2724" t="s">
        <v>14167</v>
      </c>
      <c r="J2724" t="s">
        <v>14168</v>
      </c>
      <c r="O2724">
        <v>4486440</v>
      </c>
      <c r="P2724">
        <v>1</v>
      </c>
      <c r="Q2724">
        <v>4</v>
      </c>
      <c r="R2724" t="s">
        <v>14169</v>
      </c>
      <c r="S2724">
        <v>1599</v>
      </c>
    </row>
    <row r="2725" spans="1:19" x14ac:dyDescent="0.25">
      <c r="A2725">
        <v>7212079</v>
      </c>
      <c r="B2725" t="s">
        <v>14170</v>
      </c>
      <c r="C2725" s="1" t="s">
        <v>14171</v>
      </c>
      <c r="D2725">
        <v>7217810</v>
      </c>
      <c r="E2725">
        <v>3</v>
      </c>
      <c r="F2725">
        <v>6</v>
      </c>
      <c r="H2725" t="s">
        <v>14172</v>
      </c>
      <c r="I2725">
        <v>3</v>
      </c>
      <c r="J2725" t="s">
        <v>14173</v>
      </c>
      <c r="K2725" t="s">
        <v>14174</v>
      </c>
      <c r="M2725">
        <v>1376410</v>
      </c>
      <c r="O2725">
        <v>659932</v>
      </c>
      <c r="P2725">
        <v>1</v>
      </c>
      <c r="Q2725">
        <v>3</v>
      </c>
      <c r="R2725" t="s">
        <v>14175</v>
      </c>
      <c r="S2725">
        <v>2155</v>
      </c>
    </row>
    <row r="2726" spans="1:19" x14ac:dyDescent="0.25">
      <c r="A2726">
        <v>18936715</v>
      </c>
      <c r="B2726" t="s">
        <v>14176</v>
      </c>
      <c r="C2726" s="1" t="s">
        <v>14177</v>
      </c>
      <c r="D2726">
        <v>18936878</v>
      </c>
      <c r="E2726">
        <v>2</v>
      </c>
      <c r="F2726">
        <v>6</v>
      </c>
      <c r="H2726" t="s">
        <v>14178</v>
      </c>
      <c r="I2726">
        <v>1</v>
      </c>
      <c r="J2726" t="s">
        <v>14179</v>
      </c>
      <c r="O2726">
        <v>1748918</v>
      </c>
      <c r="P2726">
        <v>1</v>
      </c>
      <c r="Q2726">
        <v>0</v>
      </c>
      <c r="R2726" t="s">
        <v>14180</v>
      </c>
      <c r="S2726">
        <v>88</v>
      </c>
    </row>
    <row r="2727" spans="1:19" x14ac:dyDescent="0.25">
      <c r="A2727">
        <v>25547608</v>
      </c>
      <c r="B2727" t="s">
        <v>14181</v>
      </c>
      <c r="C2727" s="1" t="s">
        <v>14182</v>
      </c>
      <c r="E2727">
        <v>0</v>
      </c>
      <c r="F2727">
        <v>4</v>
      </c>
      <c r="H2727" t="s">
        <v>14183</v>
      </c>
      <c r="J2727" t="s">
        <v>14183</v>
      </c>
      <c r="O2727">
        <v>2016306</v>
      </c>
      <c r="P2727">
        <v>1</v>
      </c>
      <c r="Q2727">
        <v>1</v>
      </c>
      <c r="R2727" t="s">
        <v>14184</v>
      </c>
      <c r="S2727">
        <v>80</v>
      </c>
    </row>
    <row r="2728" spans="1:19" x14ac:dyDescent="0.25">
      <c r="A2728">
        <v>51333360</v>
      </c>
      <c r="B2728" t="s">
        <v>14185</v>
      </c>
      <c r="C2728" s="1" t="s">
        <v>14186</v>
      </c>
      <c r="E2728">
        <v>1</v>
      </c>
      <c r="F2728">
        <v>0</v>
      </c>
      <c r="H2728" t="s">
        <v>14187</v>
      </c>
      <c r="J2728" t="s">
        <v>14188</v>
      </c>
      <c r="K2728" t="s">
        <v>14188</v>
      </c>
      <c r="M2728">
        <v>506147</v>
      </c>
      <c r="O2728">
        <v>1847939</v>
      </c>
      <c r="P2728">
        <v>1</v>
      </c>
      <c r="Q2728">
        <v>1</v>
      </c>
      <c r="R2728" t="s">
        <v>14189</v>
      </c>
      <c r="S2728">
        <v>34</v>
      </c>
    </row>
    <row r="2729" spans="1:19" x14ac:dyDescent="0.25">
      <c r="A2729">
        <v>30721186</v>
      </c>
      <c r="B2729" t="s">
        <v>14190</v>
      </c>
      <c r="C2729" s="1" t="s">
        <v>14191</v>
      </c>
      <c r="E2729">
        <v>1</v>
      </c>
      <c r="F2729">
        <v>0</v>
      </c>
      <c r="H2729" t="s">
        <v>14192</v>
      </c>
      <c r="J2729" t="s">
        <v>14193</v>
      </c>
      <c r="O2729">
        <v>4982402</v>
      </c>
      <c r="P2729">
        <v>1</v>
      </c>
      <c r="Q2729">
        <v>0</v>
      </c>
      <c r="R2729" t="s">
        <v>14194</v>
      </c>
      <c r="S2729">
        <v>446</v>
      </c>
    </row>
    <row r="2730" spans="1:19" x14ac:dyDescent="0.25">
      <c r="A2730">
        <v>31124157</v>
      </c>
      <c r="B2730" t="s">
        <v>14195</v>
      </c>
      <c r="C2730" s="1" t="s">
        <v>14196</v>
      </c>
      <c r="D2730">
        <v>31126501</v>
      </c>
      <c r="E2730">
        <v>2</v>
      </c>
      <c r="F2730">
        <v>0</v>
      </c>
      <c r="H2730" t="s">
        <v>14197</v>
      </c>
      <c r="J2730" t="s">
        <v>14198</v>
      </c>
      <c r="O2730">
        <v>965730</v>
      </c>
      <c r="P2730">
        <v>1</v>
      </c>
      <c r="Q2730">
        <v>0</v>
      </c>
      <c r="R2730" t="s">
        <v>14199</v>
      </c>
      <c r="S2730">
        <v>104</v>
      </c>
    </row>
    <row r="2731" spans="1:19" x14ac:dyDescent="0.25">
      <c r="A2731">
        <v>18837576</v>
      </c>
      <c r="B2731" t="s">
        <v>14200</v>
      </c>
      <c r="C2731" s="1" t="s">
        <v>14201</v>
      </c>
      <c r="E2731">
        <v>2</v>
      </c>
      <c r="F2731">
        <v>0</v>
      </c>
      <c r="H2731" t="s">
        <v>14202</v>
      </c>
      <c r="J2731" t="s">
        <v>14203</v>
      </c>
      <c r="O2731">
        <v>56499</v>
      </c>
      <c r="P2731">
        <v>1</v>
      </c>
      <c r="Q2731">
        <v>3</v>
      </c>
      <c r="R2731" t="s">
        <v>14204</v>
      </c>
      <c r="S2731">
        <v>3334</v>
      </c>
    </row>
    <row r="2732" spans="1:19" x14ac:dyDescent="0.25">
      <c r="A2732">
        <v>16636927</v>
      </c>
      <c r="B2732" t="s">
        <v>14205</v>
      </c>
      <c r="C2732" s="1" t="s">
        <v>14206</v>
      </c>
      <c r="E2732">
        <v>0</v>
      </c>
      <c r="F2732">
        <v>3</v>
      </c>
      <c r="H2732" t="s">
        <v>14207</v>
      </c>
      <c r="I2732">
        <v>3</v>
      </c>
      <c r="J2732" t="s">
        <v>14208</v>
      </c>
      <c r="K2732" t="s">
        <v>14208</v>
      </c>
      <c r="M2732">
        <v>40342</v>
      </c>
      <c r="O2732">
        <v>2399209</v>
      </c>
      <c r="P2732">
        <v>1</v>
      </c>
      <c r="Q2732">
        <v>4</v>
      </c>
      <c r="R2732" t="s">
        <v>14209</v>
      </c>
      <c r="S2732">
        <v>1748</v>
      </c>
    </row>
    <row r="2733" spans="1:19" x14ac:dyDescent="0.25">
      <c r="A2733">
        <v>41121844</v>
      </c>
      <c r="B2733" t="s">
        <v>14210</v>
      </c>
      <c r="C2733" s="1" t="s">
        <v>14211</v>
      </c>
      <c r="D2733">
        <v>41122512</v>
      </c>
      <c r="E2733">
        <v>1</v>
      </c>
      <c r="F2733">
        <v>0</v>
      </c>
      <c r="H2733" t="s">
        <v>14212</v>
      </c>
      <c r="J2733" t="s">
        <v>14213</v>
      </c>
      <c r="O2733">
        <v>4524081</v>
      </c>
      <c r="P2733">
        <v>1</v>
      </c>
      <c r="Q2733">
        <v>0</v>
      </c>
      <c r="R2733" t="s">
        <v>14214</v>
      </c>
      <c r="S2733">
        <v>1126</v>
      </c>
    </row>
    <row r="2734" spans="1:19" x14ac:dyDescent="0.25">
      <c r="A2734">
        <v>31253630</v>
      </c>
      <c r="B2734" t="s">
        <v>14215</v>
      </c>
      <c r="C2734" s="1" t="s">
        <v>14216</v>
      </c>
      <c r="E2734">
        <v>1</v>
      </c>
      <c r="F2734">
        <v>3</v>
      </c>
      <c r="H2734" t="s">
        <v>14217</v>
      </c>
      <c r="J2734" t="s">
        <v>14218</v>
      </c>
      <c r="O2734">
        <v>1572597</v>
      </c>
      <c r="P2734">
        <v>1</v>
      </c>
      <c r="Q2734">
        <v>0</v>
      </c>
      <c r="R2734" t="s">
        <v>14219</v>
      </c>
      <c r="S2734">
        <v>147</v>
      </c>
    </row>
    <row r="2735" spans="1:19" x14ac:dyDescent="0.25">
      <c r="A2735">
        <v>51804322</v>
      </c>
      <c r="B2735" t="s">
        <v>14220</v>
      </c>
      <c r="C2735" s="1" t="s">
        <v>14221</v>
      </c>
      <c r="D2735">
        <v>51804730</v>
      </c>
      <c r="E2735">
        <v>2</v>
      </c>
      <c r="F2735">
        <v>1</v>
      </c>
      <c r="H2735" t="s">
        <v>14222</v>
      </c>
      <c r="J2735" t="s">
        <v>14223</v>
      </c>
      <c r="O2735">
        <v>1683904</v>
      </c>
      <c r="P2735">
        <v>1</v>
      </c>
      <c r="Q2735">
        <v>2</v>
      </c>
      <c r="R2735" t="s">
        <v>14224</v>
      </c>
      <c r="S2735">
        <v>83</v>
      </c>
    </row>
    <row r="2736" spans="1:19" x14ac:dyDescent="0.25">
      <c r="A2736">
        <v>38783552</v>
      </c>
      <c r="B2736" t="s">
        <v>14225</v>
      </c>
      <c r="C2736" s="1" t="s">
        <v>14226</v>
      </c>
      <c r="E2736">
        <v>1</v>
      </c>
      <c r="F2736">
        <v>4</v>
      </c>
      <c r="H2736" t="s">
        <v>14227</v>
      </c>
      <c r="J2736" t="s">
        <v>14228</v>
      </c>
      <c r="O2736">
        <v>102689</v>
      </c>
      <c r="P2736">
        <v>1</v>
      </c>
      <c r="Q2736">
        <v>-1</v>
      </c>
      <c r="R2736" t="s">
        <v>549</v>
      </c>
      <c r="S2736">
        <v>57</v>
      </c>
    </row>
    <row r="2737" spans="1:19" x14ac:dyDescent="0.25">
      <c r="A2737">
        <v>40120421</v>
      </c>
      <c r="B2737" t="s">
        <v>14229</v>
      </c>
      <c r="C2737" s="1" t="s">
        <v>14230</v>
      </c>
      <c r="D2737">
        <v>40121300</v>
      </c>
      <c r="E2737">
        <v>2</v>
      </c>
      <c r="F2737">
        <v>6</v>
      </c>
      <c r="H2737" t="s">
        <v>14231</v>
      </c>
      <c r="J2737" t="s">
        <v>14232</v>
      </c>
      <c r="K2737" t="s">
        <v>14233</v>
      </c>
      <c r="M2737">
        <v>680761</v>
      </c>
      <c r="O2737">
        <v>680761</v>
      </c>
      <c r="P2737">
        <v>1</v>
      </c>
      <c r="Q2737">
        <v>2</v>
      </c>
      <c r="R2737" t="s">
        <v>14234</v>
      </c>
      <c r="S2737">
        <v>267</v>
      </c>
    </row>
    <row r="2738" spans="1:19" x14ac:dyDescent="0.25">
      <c r="A2738">
        <v>40650576</v>
      </c>
      <c r="B2738" t="s">
        <v>14235</v>
      </c>
      <c r="C2738" s="1" t="s">
        <v>14236</v>
      </c>
      <c r="E2738">
        <v>2</v>
      </c>
      <c r="F2738">
        <v>0</v>
      </c>
      <c r="H2738" t="s">
        <v>14237</v>
      </c>
      <c r="J2738" t="s">
        <v>14238</v>
      </c>
      <c r="O2738">
        <v>2303995</v>
      </c>
      <c r="P2738">
        <v>1</v>
      </c>
      <c r="Q2738">
        <v>0</v>
      </c>
      <c r="R2738" t="s">
        <v>989</v>
      </c>
      <c r="S2738">
        <v>96</v>
      </c>
    </row>
    <row r="2739" spans="1:19" x14ac:dyDescent="0.25">
      <c r="A2739">
        <v>24604407</v>
      </c>
      <c r="B2739" t="s">
        <v>14239</v>
      </c>
      <c r="C2739" s="1" t="s">
        <v>14240</v>
      </c>
      <c r="D2739">
        <v>24640686</v>
      </c>
      <c r="E2739">
        <v>2</v>
      </c>
      <c r="F2739">
        <v>8</v>
      </c>
      <c r="H2739" t="s">
        <v>14241</v>
      </c>
      <c r="I2739">
        <v>3</v>
      </c>
      <c r="J2739" t="s">
        <v>14242</v>
      </c>
      <c r="K2739" t="s">
        <v>14243</v>
      </c>
      <c r="M2739">
        <v>2847322</v>
      </c>
      <c r="O2739">
        <v>2847322</v>
      </c>
      <c r="P2739">
        <v>1</v>
      </c>
      <c r="Q2739">
        <v>0</v>
      </c>
      <c r="R2739" t="s">
        <v>14244</v>
      </c>
      <c r="S2739">
        <v>105</v>
      </c>
    </row>
    <row r="2740" spans="1:19" x14ac:dyDescent="0.25">
      <c r="A2740">
        <v>53553676</v>
      </c>
      <c r="B2740" t="s">
        <v>14245</v>
      </c>
      <c r="C2740" s="1" t="s">
        <v>14246</v>
      </c>
      <c r="E2740">
        <v>0</v>
      </c>
      <c r="F2740">
        <v>0</v>
      </c>
      <c r="H2740" t="s">
        <v>14247</v>
      </c>
      <c r="J2740" t="s">
        <v>14248</v>
      </c>
      <c r="K2740" t="s">
        <v>14248</v>
      </c>
      <c r="M2740">
        <v>10726603</v>
      </c>
      <c r="O2740">
        <v>10726603</v>
      </c>
      <c r="P2740">
        <v>1</v>
      </c>
      <c r="Q2740">
        <v>-2</v>
      </c>
      <c r="R2740" t="s">
        <v>14249</v>
      </c>
      <c r="S2740">
        <v>18</v>
      </c>
    </row>
    <row r="2741" spans="1:19" x14ac:dyDescent="0.25">
      <c r="A2741">
        <v>38170304</v>
      </c>
      <c r="B2741" t="s">
        <v>14250</v>
      </c>
      <c r="C2741" s="1" t="s">
        <v>14251</v>
      </c>
      <c r="E2741">
        <v>1</v>
      </c>
      <c r="F2741">
        <v>1</v>
      </c>
      <c r="H2741" t="s">
        <v>14252</v>
      </c>
      <c r="I2741">
        <v>0</v>
      </c>
      <c r="J2741" t="s">
        <v>14253</v>
      </c>
      <c r="O2741">
        <v>4089212</v>
      </c>
      <c r="P2741">
        <v>1</v>
      </c>
      <c r="Q2741">
        <v>0</v>
      </c>
      <c r="R2741" t="s">
        <v>14254</v>
      </c>
      <c r="S2741">
        <v>349</v>
      </c>
    </row>
    <row r="2742" spans="1:19" x14ac:dyDescent="0.25">
      <c r="A2742">
        <v>22569579</v>
      </c>
      <c r="B2742" t="s">
        <v>14255</v>
      </c>
      <c r="C2742" s="1" t="s">
        <v>14256</v>
      </c>
      <c r="D2742">
        <v>22580241</v>
      </c>
      <c r="E2742">
        <v>2</v>
      </c>
      <c r="F2742">
        <v>3</v>
      </c>
      <c r="H2742" t="s">
        <v>14257</v>
      </c>
      <c r="J2742" t="s">
        <v>14258</v>
      </c>
      <c r="K2742" t="s">
        <v>14259</v>
      </c>
      <c r="M2742">
        <v>3127764</v>
      </c>
      <c r="O2742">
        <v>3127764</v>
      </c>
      <c r="P2742">
        <v>1</v>
      </c>
      <c r="Q2742">
        <v>0</v>
      </c>
      <c r="R2742" t="s">
        <v>14260</v>
      </c>
      <c r="S2742">
        <v>2181</v>
      </c>
    </row>
    <row r="2743" spans="1:19" x14ac:dyDescent="0.25">
      <c r="A2743">
        <v>13154383</v>
      </c>
      <c r="B2743" t="s">
        <v>14261</v>
      </c>
      <c r="C2743" s="1" t="s">
        <v>14262</v>
      </c>
      <c r="E2743">
        <v>0</v>
      </c>
      <c r="F2743">
        <v>6</v>
      </c>
      <c r="H2743" t="s">
        <v>14263</v>
      </c>
      <c r="J2743" t="s">
        <v>14263</v>
      </c>
      <c r="O2743">
        <v>1787922</v>
      </c>
      <c r="P2743">
        <v>1</v>
      </c>
      <c r="Q2743">
        <v>1</v>
      </c>
      <c r="R2743" t="s">
        <v>14264</v>
      </c>
      <c r="S2743">
        <v>1030</v>
      </c>
    </row>
    <row r="2744" spans="1:19" x14ac:dyDescent="0.25">
      <c r="A2744">
        <v>37941643</v>
      </c>
      <c r="B2744" t="s">
        <v>14265</v>
      </c>
      <c r="C2744" s="1" t="s">
        <v>14266</v>
      </c>
      <c r="E2744">
        <v>0</v>
      </c>
      <c r="F2744">
        <v>0</v>
      </c>
      <c r="H2744" t="s">
        <v>14267</v>
      </c>
      <c r="J2744" t="s">
        <v>14268</v>
      </c>
      <c r="K2744" t="s">
        <v>14268</v>
      </c>
      <c r="M2744">
        <v>628006</v>
      </c>
      <c r="O2744">
        <v>2399119</v>
      </c>
      <c r="P2744">
        <v>1</v>
      </c>
      <c r="Q2744">
        <v>1</v>
      </c>
      <c r="R2744" t="s">
        <v>14269</v>
      </c>
      <c r="S2744">
        <v>241</v>
      </c>
    </row>
    <row r="2745" spans="1:19" x14ac:dyDescent="0.25">
      <c r="A2745">
        <v>11503534</v>
      </c>
      <c r="B2745" t="s">
        <v>14270</v>
      </c>
      <c r="C2745" s="1" t="s">
        <v>14271</v>
      </c>
      <c r="D2745">
        <v>11503576</v>
      </c>
      <c r="E2745">
        <v>12</v>
      </c>
      <c r="F2745">
        <v>8</v>
      </c>
      <c r="H2745" t="s">
        <v>14272</v>
      </c>
      <c r="I2745">
        <v>45</v>
      </c>
      <c r="J2745" t="s">
        <v>14273</v>
      </c>
      <c r="K2745" t="s">
        <v>14274</v>
      </c>
      <c r="M2745">
        <v>1946501</v>
      </c>
      <c r="O2745">
        <v>1032663</v>
      </c>
      <c r="P2745">
        <v>1</v>
      </c>
      <c r="Q2745">
        <v>142</v>
      </c>
      <c r="R2745" t="s">
        <v>14275</v>
      </c>
      <c r="S2745">
        <v>95169</v>
      </c>
    </row>
    <row r="2746" spans="1:19" x14ac:dyDescent="0.25">
      <c r="A2746">
        <v>3006158</v>
      </c>
      <c r="B2746" t="s">
        <v>14276</v>
      </c>
      <c r="C2746" s="1" t="s">
        <v>14277</v>
      </c>
      <c r="D2746">
        <v>3010559</v>
      </c>
      <c r="E2746">
        <v>4</v>
      </c>
      <c r="F2746">
        <v>0</v>
      </c>
      <c r="H2746" t="s">
        <v>14278</v>
      </c>
      <c r="I2746">
        <v>2</v>
      </c>
      <c r="J2746" t="s">
        <v>14279</v>
      </c>
      <c r="K2746" t="s">
        <v>14280</v>
      </c>
      <c r="M2746">
        <v>-1</v>
      </c>
      <c r="O2746">
        <v>346332</v>
      </c>
      <c r="P2746">
        <v>1</v>
      </c>
      <c r="Q2746">
        <v>6</v>
      </c>
      <c r="R2746" t="s">
        <v>14281</v>
      </c>
      <c r="S2746">
        <v>4912</v>
      </c>
    </row>
    <row r="2747" spans="1:19" x14ac:dyDescent="0.25">
      <c r="A2747">
        <v>10667835</v>
      </c>
      <c r="B2747" t="s">
        <v>14282</v>
      </c>
      <c r="C2747" s="1" t="s">
        <v>14283</v>
      </c>
      <c r="D2747">
        <v>10942358</v>
      </c>
      <c r="E2747">
        <v>2</v>
      </c>
      <c r="F2747">
        <v>5</v>
      </c>
      <c r="H2747" t="s">
        <v>14284</v>
      </c>
      <c r="J2747" t="s">
        <v>14285</v>
      </c>
      <c r="K2747" t="s">
        <v>14286</v>
      </c>
      <c r="M2747">
        <v>-1</v>
      </c>
      <c r="O2747">
        <v>1292050</v>
      </c>
      <c r="P2747">
        <v>1</v>
      </c>
      <c r="Q2747">
        <v>5</v>
      </c>
      <c r="R2747" t="s">
        <v>6962</v>
      </c>
      <c r="S2747">
        <v>1481</v>
      </c>
    </row>
    <row r="2748" spans="1:19" x14ac:dyDescent="0.25">
      <c r="A2748">
        <v>14302105</v>
      </c>
      <c r="B2748" t="s">
        <v>14287</v>
      </c>
      <c r="C2748" s="1" t="s">
        <v>14288</v>
      </c>
      <c r="D2748">
        <v>14302139</v>
      </c>
      <c r="E2748">
        <v>2</v>
      </c>
      <c r="F2748">
        <v>0</v>
      </c>
      <c r="H2748" t="s">
        <v>14289</v>
      </c>
      <c r="I2748">
        <v>0</v>
      </c>
      <c r="J2748" t="s">
        <v>14290</v>
      </c>
      <c r="K2748" t="s">
        <v>14291</v>
      </c>
      <c r="M2748">
        <v>727208</v>
      </c>
      <c r="O2748">
        <v>1181261</v>
      </c>
      <c r="P2748">
        <v>1</v>
      </c>
      <c r="Q2748">
        <v>0</v>
      </c>
      <c r="R2748" t="s">
        <v>14292</v>
      </c>
      <c r="S2748">
        <v>201</v>
      </c>
    </row>
    <row r="2749" spans="1:19" x14ac:dyDescent="0.25">
      <c r="A2749">
        <v>46986765</v>
      </c>
      <c r="B2749" t="s">
        <v>14293</v>
      </c>
      <c r="C2749" s="1" t="s">
        <v>14294</v>
      </c>
      <c r="E2749">
        <v>1</v>
      </c>
      <c r="F2749">
        <v>0</v>
      </c>
      <c r="H2749" t="s">
        <v>14295</v>
      </c>
      <c r="J2749" t="s">
        <v>14296</v>
      </c>
      <c r="O2749">
        <v>7495265</v>
      </c>
      <c r="P2749">
        <v>1</v>
      </c>
      <c r="Q2749">
        <v>0</v>
      </c>
      <c r="R2749" t="s">
        <v>14297</v>
      </c>
      <c r="S2749">
        <v>95</v>
      </c>
    </row>
    <row r="2750" spans="1:19" x14ac:dyDescent="0.25">
      <c r="A2750">
        <v>12756114</v>
      </c>
      <c r="B2750" t="s">
        <v>14298</v>
      </c>
      <c r="C2750" s="1" t="s">
        <v>14299</v>
      </c>
      <c r="D2750">
        <v>12756480</v>
      </c>
      <c r="E2750">
        <v>1</v>
      </c>
      <c r="F2750">
        <v>0</v>
      </c>
      <c r="H2750" t="s">
        <v>14300</v>
      </c>
      <c r="J2750" t="s">
        <v>14301</v>
      </c>
      <c r="K2750" t="s">
        <v>14302</v>
      </c>
      <c r="M2750">
        <v>109702</v>
      </c>
      <c r="O2750">
        <v>214205</v>
      </c>
      <c r="P2750">
        <v>1</v>
      </c>
      <c r="Q2750">
        <v>0</v>
      </c>
      <c r="R2750" t="s">
        <v>14303</v>
      </c>
      <c r="S2750">
        <v>1507</v>
      </c>
    </row>
    <row r="2751" spans="1:19" x14ac:dyDescent="0.25">
      <c r="A2751">
        <v>40903074</v>
      </c>
      <c r="B2751" t="s">
        <v>14304</v>
      </c>
      <c r="C2751" s="1" t="s">
        <v>14305</v>
      </c>
      <c r="E2751">
        <v>0</v>
      </c>
      <c r="F2751">
        <v>6</v>
      </c>
      <c r="H2751" t="s">
        <v>14306</v>
      </c>
      <c r="J2751" t="s">
        <v>14307</v>
      </c>
      <c r="K2751" t="s">
        <v>14307</v>
      </c>
      <c r="M2751">
        <v>4989496</v>
      </c>
      <c r="O2751">
        <v>7234406</v>
      </c>
      <c r="P2751">
        <v>1</v>
      </c>
      <c r="Q2751">
        <v>0</v>
      </c>
      <c r="R2751" t="s">
        <v>229</v>
      </c>
      <c r="S2751">
        <v>40</v>
      </c>
    </row>
    <row r="2752" spans="1:19" x14ac:dyDescent="0.25">
      <c r="A2752">
        <v>24143448</v>
      </c>
      <c r="B2752" t="s">
        <v>14308</v>
      </c>
      <c r="C2752" s="1" t="s">
        <v>14309</v>
      </c>
      <c r="D2752">
        <v>24144109</v>
      </c>
      <c r="E2752">
        <v>1</v>
      </c>
      <c r="F2752">
        <v>7</v>
      </c>
      <c r="H2752" t="s">
        <v>14310</v>
      </c>
      <c r="I2752">
        <v>1</v>
      </c>
      <c r="J2752" t="s">
        <v>14311</v>
      </c>
      <c r="K2752" t="s">
        <v>14312</v>
      </c>
      <c r="M2752">
        <v>447156</v>
      </c>
      <c r="O2752">
        <v>3717414</v>
      </c>
      <c r="P2752">
        <v>1</v>
      </c>
      <c r="Q2752">
        <v>0</v>
      </c>
      <c r="R2752" t="s">
        <v>14313</v>
      </c>
      <c r="S2752">
        <v>58</v>
      </c>
    </row>
    <row r="2753" spans="1:19" x14ac:dyDescent="0.25">
      <c r="A2753">
        <v>44935053</v>
      </c>
      <c r="B2753" t="s">
        <v>14314</v>
      </c>
      <c r="C2753" s="1" t="s">
        <v>14315</v>
      </c>
      <c r="D2753">
        <v>44957815</v>
      </c>
      <c r="E2753">
        <v>1</v>
      </c>
      <c r="F2753">
        <v>2</v>
      </c>
      <c r="H2753" t="s">
        <v>14316</v>
      </c>
      <c r="J2753" t="s">
        <v>14317</v>
      </c>
      <c r="K2753" t="s">
        <v>14318</v>
      </c>
      <c r="M2753">
        <v>7319004</v>
      </c>
      <c r="O2753">
        <v>7319004</v>
      </c>
      <c r="P2753">
        <v>1</v>
      </c>
      <c r="Q2753">
        <v>-1</v>
      </c>
      <c r="R2753" t="s">
        <v>14319</v>
      </c>
      <c r="S2753">
        <v>78</v>
      </c>
    </row>
    <row r="2754" spans="1:19" x14ac:dyDescent="0.25">
      <c r="A2754">
        <v>38010546</v>
      </c>
      <c r="B2754" t="s">
        <v>14320</v>
      </c>
      <c r="C2754" s="1" t="s">
        <v>14321</v>
      </c>
      <c r="D2754">
        <v>38011063</v>
      </c>
      <c r="E2754">
        <v>1</v>
      </c>
      <c r="F2754">
        <v>3</v>
      </c>
      <c r="H2754" t="s">
        <v>14322</v>
      </c>
      <c r="J2754" t="s">
        <v>14323</v>
      </c>
      <c r="K2754" t="s">
        <v>14324</v>
      </c>
      <c r="M2754">
        <v>1505504</v>
      </c>
      <c r="N2754" t="s">
        <v>14325</v>
      </c>
      <c r="P2754">
        <v>1</v>
      </c>
      <c r="Q2754">
        <v>0</v>
      </c>
      <c r="R2754" t="s">
        <v>14326</v>
      </c>
      <c r="S2754">
        <v>93</v>
      </c>
    </row>
    <row r="2755" spans="1:19" x14ac:dyDescent="0.25">
      <c r="A2755">
        <v>42178495</v>
      </c>
      <c r="B2755" t="s">
        <v>14327</v>
      </c>
      <c r="C2755" s="1" t="s">
        <v>14328</v>
      </c>
      <c r="E2755">
        <v>2</v>
      </c>
      <c r="F2755">
        <v>2</v>
      </c>
      <c r="H2755" t="s">
        <v>14329</v>
      </c>
      <c r="J2755" t="s">
        <v>14330</v>
      </c>
      <c r="K2755" t="s">
        <v>14331</v>
      </c>
      <c r="M2755">
        <v>574649</v>
      </c>
      <c r="O2755">
        <v>574649</v>
      </c>
      <c r="P2755">
        <v>1</v>
      </c>
      <c r="Q2755">
        <v>1</v>
      </c>
      <c r="R2755" t="s">
        <v>14332</v>
      </c>
      <c r="S2755">
        <v>112</v>
      </c>
    </row>
    <row r="2756" spans="1:19" x14ac:dyDescent="0.25">
      <c r="A2756">
        <v>19471345</v>
      </c>
      <c r="B2756" t="s">
        <v>14333</v>
      </c>
      <c r="C2756" s="1" t="s">
        <v>14334</v>
      </c>
      <c r="E2756">
        <v>0</v>
      </c>
      <c r="F2756">
        <v>4</v>
      </c>
      <c r="H2756" t="s">
        <v>14335</v>
      </c>
      <c r="J2756" t="s">
        <v>14336</v>
      </c>
      <c r="K2756" t="s">
        <v>14336</v>
      </c>
      <c r="M2756">
        <v>2554931</v>
      </c>
      <c r="O2756">
        <v>2554931</v>
      </c>
      <c r="P2756">
        <v>1</v>
      </c>
      <c r="Q2756">
        <v>0</v>
      </c>
      <c r="R2756" t="s">
        <v>14337</v>
      </c>
      <c r="S2756">
        <v>78</v>
      </c>
    </row>
    <row r="2757" spans="1:19" x14ac:dyDescent="0.25">
      <c r="A2757">
        <v>35709993</v>
      </c>
      <c r="B2757" t="s">
        <v>14338</v>
      </c>
      <c r="C2757" s="1" t="s">
        <v>14339</v>
      </c>
      <c r="D2757">
        <v>35710475</v>
      </c>
      <c r="E2757">
        <v>2</v>
      </c>
      <c r="F2757">
        <v>1</v>
      </c>
      <c r="H2757" t="s">
        <v>14340</v>
      </c>
      <c r="J2757" t="s">
        <v>14341</v>
      </c>
      <c r="K2757" t="s">
        <v>14342</v>
      </c>
      <c r="M2757">
        <v>4305070</v>
      </c>
      <c r="O2757">
        <v>4305070</v>
      </c>
      <c r="P2757">
        <v>1</v>
      </c>
      <c r="Q2757">
        <v>-1</v>
      </c>
      <c r="R2757" t="s">
        <v>14343</v>
      </c>
      <c r="S2757">
        <v>71</v>
      </c>
    </row>
    <row r="2758" spans="1:19" x14ac:dyDescent="0.25">
      <c r="A2758">
        <v>48360834</v>
      </c>
      <c r="B2758" t="s">
        <v>14344</v>
      </c>
      <c r="C2758" s="1" t="s">
        <v>14345</v>
      </c>
      <c r="D2758">
        <v>48360937</v>
      </c>
      <c r="E2758">
        <v>2</v>
      </c>
      <c r="F2758">
        <v>0</v>
      </c>
      <c r="H2758" t="s">
        <v>14346</v>
      </c>
      <c r="J2758" t="s">
        <v>14347</v>
      </c>
      <c r="K2758" t="s">
        <v>14348</v>
      </c>
      <c r="M2758">
        <v>866021</v>
      </c>
      <c r="O2758">
        <v>9245432</v>
      </c>
      <c r="P2758">
        <v>1</v>
      </c>
      <c r="Q2758">
        <v>-1</v>
      </c>
      <c r="R2758" t="s">
        <v>759</v>
      </c>
      <c r="S2758">
        <v>26</v>
      </c>
    </row>
    <row r="2759" spans="1:19" x14ac:dyDescent="0.25">
      <c r="A2759">
        <v>28983656</v>
      </c>
      <c r="B2759" t="s">
        <v>14349</v>
      </c>
      <c r="C2759" s="1" t="s">
        <v>14350</v>
      </c>
      <c r="E2759">
        <v>1</v>
      </c>
      <c r="F2759">
        <v>1</v>
      </c>
      <c r="H2759" t="s">
        <v>14351</v>
      </c>
      <c r="J2759" t="s">
        <v>14352</v>
      </c>
      <c r="K2759" t="s">
        <v>14352</v>
      </c>
      <c r="M2759">
        <v>2317829</v>
      </c>
      <c r="O2759">
        <v>4657665</v>
      </c>
      <c r="P2759">
        <v>1</v>
      </c>
      <c r="Q2759">
        <v>-1</v>
      </c>
      <c r="R2759" t="s">
        <v>14353</v>
      </c>
      <c r="S2759">
        <v>112</v>
      </c>
    </row>
    <row r="2760" spans="1:19" x14ac:dyDescent="0.25">
      <c r="A2760">
        <v>31209122</v>
      </c>
      <c r="B2760" t="s">
        <v>14354</v>
      </c>
      <c r="C2760" s="1" t="s">
        <v>14355</v>
      </c>
      <c r="D2760">
        <v>31209428</v>
      </c>
      <c r="E2760">
        <v>2</v>
      </c>
      <c r="F2760">
        <v>0</v>
      </c>
      <c r="H2760" t="s">
        <v>14356</v>
      </c>
      <c r="J2760" t="s">
        <v>14357</v>
      </c>
      <c r="O2760">
        <v>5078173</v>
      </c>
      <c r="P2760">
        <v>1</v>
      </c>
      <c r="Q2760">
        <v>1</v>
      </c>
      <c r="R2760" t="s">
        <v>14358</v>
      </c>
      <c r="S2760">
        <v>34</v>
      </c>
    </row>
    <row r="2761" spans="1:19" x14ac:dyDescent="0.25">
      <c r="A2761">
        <v>1220820</v>
      </c>
      <c r="B2761" t="s">
        <v>14359</v>
      </c>
      <c r="C2761" s="1" t="s">
        <v>14360</v>
      </c>
      <c r="D2761">
        <v>1230643</v>
      </c>
      <c r="E2761">
        <v>3</v>
      </c>
      <c r="F2761">
        <v>4</v>
      </c>
      <c r="H2761" t="s">
        <v>14361</v>
      </c>
      <c r="I2761">
        <v>3</v>
      </c>
      <c r="J2761" t="s">
        <v>14362</v>
      </c>
      <c r="K2761" t="s">
        <v>14363</v>
      </c>
      <c r="M2761">
        <v>149507</v>
      </c>
      <c r="O2761">
        <v>149507</v>
      </c>
      <c r="P2761">
        <v>1</v>
      </c>
      <c r="Q2761">
        <v>20</v>
      </c>
      <c r="R2761" t="s">
        <v>14364</v>
      </c>
      <c r="S2761">
        <v>36840</v>
      </c>
    </row>
    <row r="2762" spans="1:19" x14ac:dyDescent="0.25">
      <c r="A2762">
        <v>1622145</v>
      </c>
      <c r="B2762" t="s">
        <v>14365</v>
      </c>
      <c r="C2762" s="1" t="s">
        <v>14366</v>
      </c>
      <c r="D2762">
        <v>1638855</v>
      </c>
      <c r="E2762">
        <v>5</v>
      </c>
      <c r="F2762">
        <v>0</v>
      </c>
      <c r="H2762" t="s">
        <v>14367</v>
      </c>
      <c r="I2762">
        <v>6</v>
      </c>
      <c r="J2762" t="s">
        <v>14368</v>
      </c>
      <c r="K2762" t="s">
        <v>14369</v>
      </c>
      <c r="M2762">
        <v>74934</v>
      </c>
      <c r="O2762">
        <v>74934</v>
      </c>
      <c r="P2762">
        <v>1</v>
      </c>
      <c r="Q2762">
        <v>6</v>
      </c>
      <c r="R2762" t="s">
        <v>14370</v>
      </c>
      <c r="S2762">
        <v>7440</v>
      </c>
    </row>
    <row r="2763" spans="1:19" x14ac:dyDescent="0.25">
      <c r="A2763">
        <v>10552344</v>
      </c>
      <c r="B2763" t="s">
        <v>14371</v>
      </c>
      <c r="C2763" s="1" t="s">
        <v>14372</v>
      </c>
      <c r="D2763">
        <v>10552561</v>
      </c>
      <c r="E2763">
        <v>2</v>
      </c>
      <c r="F2763">
        <v>2</v>
      </c>
      <c r="H2763" t="s">
        <v>14373</v>
      </c>
      <c r="J2763" t="s">
        <v>14374</v>
      </c>
      <c r="O2763">
        <v>1363073</v>
      </c>
      <c r="P2763">
        <v>1</v>
      </c>
      <c r="Q2763">
        <v>1</v>
      </c>
      <c r="R2763" t="s">
        <v>14375</v>
      </c>
      <c r="S2763">
        <v>1525</v>
      </c>
    </row>
    <row r="2764" spans="1:19" x14ac:dyDescent="0.25">
      <c r="A2764">
        <v>25026158</v>
      </c>
      <c r="B2764" t="s">
        <v>14376</v>
      </c>
      <c r="C2764" s="1" t="s">
        <v>14377</v>
      </c>
      <c r="E2764">
        <v>0</v>
      </c>
      <c r="F2764">
        <v>5</v>
      </c>
      <c r="H2764" t="s">
        <v>14378</v>
      </c>
      <c r="J2764" t="s">
        <v>14378</v>
      </c>
      <c r="O2764">
        <v>3246398</v>
      </c>
      <c r="P2764">
        <v>1</v>
      </c>
      <c r="Q2764">
        <v>1</v>
      </c>
      <c r="R2764" t="s">
        <v>989</v>
      </c>
      <c r="S2764">
        <v>106</v>
      </c>
    </row>
    <row r="2765" spans="1:19" x14ac:dyDescent="0.25">
      <c r="A2765">
        <v>27669991</v>
      </c>
      <c r="B2765" t="s">
        <v>14379</v>
      </c>
      <c r="C2765" s="1" t="s">
        <v>14380</v>
      </c>
      <c r="D2765">
        <v>27670021</v>
      </c>
      <c r="E2765">
        <v>1</v>
      </c>
      <c r="F2765">
        <v>2</v>
      </c>
      <c r="H2765" t="s">
        <v>14381</v>
      </c>
      <c r="J2765" t="s">
        <v>14382</v>
      </c>
      <c r="K2765" t="s">
        <v>14383</v>
      </c>
      <c r="M2765">
        <v>2538717</v>
      </c>
      <c r="O2765">
        <v>2538717</v>
      </c>
      <c r="P2765">
        <v>1</v>
      </c>
      <c r="Q2765">
        <v>0</v>
      </c>
      <c r="R2765" t="s">
        <v>14384</v>
      </c>
      <c r="S2765">
        <v>60</v>
      </c>
    </row>
    <row r="2766" spans="1:19" x14ac:dyDescent="0.25">
      <c r="A2766">
        <v>15963184</v>
      </c>
      <c r="B2766" t="s">
        <v>14385</v>
      </c>
      <c r="C2766" s="1" t="s">
        <v>14386</v>
      </c>
      <c r="D2766">
        <v>15963222</v>
      </c>
      <c r="E2766">
        <v>2</v>
      </c>
      <c r="F2766">
        <v>1</v>
      </c>
      <c r="H2766" t="s">
        <v>14387</v>
      </c>
      <c r="J2766" t="s">
        <v>14388</v>
      </c>
      <c r="N2766" t="s">
        <v>14389</v>
      </c>
      <c r="P2766">
        <v>1</v>
      </c>
      <c r="Q2766">
        <v>2</v>
      </c>
      <c r="R2766" t="s">
        <v>13059</v>
      </c>
      <c r="S2766">
        <v>82</v>
      </c>
    </row>
    <row r="2767" spans="1:19" x14ac:dyDescent="0.25">
      <c r="A2767">
        <v>9477308</v>
      </c>
      <c r="B2767" t="s">
        <v>14390</v>
      </c>
      <c r="C2767" s="1" t="s">
        <v>14391</v>
      </c>
      <c r="D2767">
        <v>9477373</v>
      </c>
      <c r="E2767">
        <v>1</v>
      </c>
      <c r="F2767">
        <v>0</v>
      </c>
      <c r="H2767" t="s">
        <v>14392</v>
      </c>
      <c r="J2767" t="s">
        <v>14393</v>
      </c>
      <c r="O2767">
        <v>1092007</v>
      </c>
      <c r="P2767">
        <v>1</v>
      </c>
      <c r="Q2767">
        <v>0</v>
      </c>
      <c r="R2767" t="s">
        <v>14394</v>
      </c>
      <c r="S2767">
        <v>53</v>
      </c>
    </row>
    <row r="2768" spans="1:19" x14ac:dyDescent="0.25">
      <c r="A2768">
        <v>21832990</v>
      </c>
      <c r="B2768" t="s">
        <v>14395</v>
      </c>
      <c r="C2768" s="1" t="s">
        <v>14396</v>
      </c>
      <c r="D2768">
        <v>21833269</v>
      </c>
      <c r="E2768">
        <v>4</v>
      </c>
      <c r="F2768">
        <v>5</v>
      </c>
      <c r="H2768" t="s">
        <v>14397</v>
      </c>
      <c r="I2768">
        <v>0</v>
      </c>
      <c r="J2768" t="s">
        <v>14398</v>
      </c>
      <c r="K2768" t="s">
        <v>14399</v>
      </c>
      <c r="M2768">
        <v>913124</v>
      </c>
      <c r="O2768">
        <v>3065339</v>
      </c>
      <c r="P2768">
        <v>1</v>
      </c>
      <c r="Q2768">
        <v>-1</v>
      </c>
      <c r="R2768" t="s">
        <v>3303</v>
      </c>
      <c r="S2768">
        <v>260</v>
      </c>
    </row>
    <row r="2769" spans="1:19" x14ac:dyDescent="0.25">
      <c r="A2769">
        <v>27351592</v>
      </c>
      <c r="B2769" t="s">
        <v>14400</v>
      </c>
      <c r="C2769" s="1" t="s">
        <v>14401</v>
      </c>
      <c r="D2769">
        <v>27359085</v>
      </c>
      <c r="E2769">
        <v>2</v>
      </c>
      <c r="F2769">
        <v>1</v>
      </c>
      <c r="H2769" t="s">
        <v>14402</v>
      </c>
      <c r="J2769" t="s">
        <v>14403</v>
      </c>
      <c r="O2769">
        <v>4289045</v>
      </c>
      <c r="P2769">
        <v>1</v>
      </c>
      <c r="Q2769">
        <v>0</v>
      </c>
      <c r="R2769" t="s">
        <v>14404</v>
      </c>
      <c r="S2769">
        <v>70</v>
      </c>
    </row>
    <row r="2770" spans="1:19" x14ac:dyDescent="0.25">
      <c r="A2770">
        <v>49476409</v>
      </c>
      <c r="B2770" t="s">
        <v>14405</v>
      </c>
      <c r="C2770" s="1" t="s">
        <v>14406</v>
      </c>
      <c r="D2770">
        <v>49479491</v>
      </c>
      <c r="E2770">
        <v>2</v>
      </c>
      <c r="F2770">
        <v>2</v>
      </c>
      <c r="H2770" t="s">
        <v>14407</v>
      </c>
      <c r="J2770" t="s">
        <v>14408</v>
      </c>
      <c r="K2770" t="s">
        <v>14408</v>
      </c>
      <c r="M2770">
        <v>1961728</v>
      </c>
      <c r="O2770">
        <v>9446506</v>
      </c>
      <c r="P2770">
        <v>1</v>
      </c>
      <c r="Q2770">
        <v>1</v>
      </c>
      <c r="R2770" t="s">
        <v>1466</v>
      </c>
      <c r="S2770">
        <v>60</v>
      </c>
    </row>
    <row r="2771" spans="1:19" x14ac:dyDescent="0.25">
      <c r="A2771">
        <v>21829921</v>
      </c>
      <c r="B2771" t="s">
        <v>14409</v>
      </c>
      <c r="C2771" s="1" t="s">
        <v>14410</v>
      </c>
      <c r="D2771">
        <v>21830275</v>
      </c>
      <c r="E2771">
        <v>2</v>
      </c>
      <c r="F2771">
        <v>0</v>
      </c>
      <c r="H2771" t="s">
        <v>14411</v>
      </c>
      <c r="I2771">
        <v>1</v>
      </c>
      <c r="J2771" t="s">
        <v>14412</v>
      </c>
      <c r="K2771" t="s">
        <v>14412</v>
      </c>
      <c r="M2771">
        <v>2702730</v>
      </c>
      <c r="O2771">
        <v>2702730</v>
      </c>
      <c r="P2771">
        <v>1</v>
      </c>
      <c r="Q2771">
        <v>5</v>
      </c>
      <c r="R2771" t="s">
        <v>14413</v>
      </c>
      <c r="S2771">
        <v>3580</v>
      </c>
    </row>
    <row r="2772" spans="1:19" x14ac:dyDescent="0.25">
      <c r="A2772">
        <v>4116996</v>
      </c>
      <c r="B2772" t="s">
        <v>14414</v>
      </c>
      <c r="C2772" t="s">
        <v>14415</v>
      </c>
      <c r="D2772">
        <v>4184111</v>
      </c>
      <c r="E2772">
        <v>1</v>
      </c>
      <c r="F2772">
        <v>2</v>
      </c>
      <c r="H2772" t="s">
        <v>14416</v>
      </c>
      <c r="J2772" t="s">
        <v>14417</v>
      </c>
      <c r="O2772">
        <v>364711</v>
      </c>
      <c r="P2772">
        <v>1</v>
      </c>
      <c r="Q2772">
        <v>1</v>
      </c>
      <c r="R2772" t="s">
        <v>14418</v>
      </c>
      <c r="S2772">
        <v>340</v>
      </c>
    </row>
    <row r="2773" spans="1:19" x14ac:dyDescent="0.25">
      <c r="A2773">
        <v>45892177</v>
      </c>
      <c r="B2773" t="s">
        <v>14419</v>
      </c>
      <c r="C2773" s="1" t="s">
        <v>14420</v>
      </c>
      <c r="E2773">
        <v>1</v>
      </c>
      <c r="F2773">
        <v>9</v>
      </c>
      <c r="H2773" t="s">
        <v>14421</v>
      </c>
      <c r="J2773" t="s">
        <v>14422</v>
      </c>
      <c r="K2773" t="s">
        <v>14422</v>
      </c>
      <c r="M2773">
        <v>5251810</v>
      </c>
      <c r="O2773">
        <v>5251810</v>
      </c>
      <c r="P2773">
        <v>1</v>
      </c>
      <c r="Q2773">
        <v>0</v>
      </c>
      <c r="R2773" t="s">
        <v>14423</v>
      </c>
      <c r="S2773">
        <v>204</v>
      </c>
    </row>
    <row r="2774" spans="1:19" x14ac:dyDescent="0.25">
      <c r="A2774">
        <v>8069230</v>
      </c>
      <c r="B2774" t="s">
        <v>14424</v>
      </c>
      <c r="C2774" s="1" t="s">
        <v>14425</v>
      </c>
      <c r="D2774">
        <v>8076898</v>
      </c>
      <c r="E2774">
        <v>1</v>
      </c>
      <c r="F2774">
        <v>0</v>
      </c>
      <c r="H2774" t="s">
        <v>14426</v>
      </c>
      <c r="I2774">
        <v>1</v>
      </c>
      <c r="J2774" t="s">
        <v>14427</v>
      </c>
      <c r="K2774" t="s">
        <v>14427</v>
      </c>
      <c r="M2774">
        <v>3043</v>
      </c>
      <c r="O2774">
        <v>317785</v>
      </c>
      <c r="P2774">
        <v>1</v>
      </c>
      <c r="Q2774">
        <v>1</v>
      </c>
      <c r="R2774" t="s">
        <v>14428</v>
      </c>
      <c r="S2774">
        <v>6685</v>
      </c>
    </row>
    <row r="2775" spans="1:19" x14ac:dyDescent="0.25">
      <c r="A2775">
        <v>24681531</v>
      </c>
      <c r="B2775" t="s">
        <v>14429</v>
      </c>
      <c r="C2775" s="1" t="s">
        <v>14430</v>
      </c>
      <c r="E2775">
        <v>2</v>
      </c>
      <c r="F2775">
        <v>0</v>
      </c>
      <c r="H2775" t="s">
        <v>14431</v>
      </c>
      <c r="J2775" t="s">
        <v>14432</v>
      </c>
      <c r="K2775" t="s">
        <v>14433</v>
      </c>
      <c r="M2775">
        <v>1625737</v>
      </c>
      <c r="O2775">
        <v>2168172</v>
      </c>
      <c r="P2775">
        <v>1</v>
      </c>
      <c r="Q2775">
        <v>0</v>
      </c>
      <c r="R2775" t="s">
        <v>14434</v>
      </c>
      <c r="S2775">
        <v>41</v>
      </c>
    </row>
    <row r="2776" spans="1:19" x14ac:dyDescent="0.25">
      <c r="A2776">
        <v>7689471</v>
      </c>
      <c r="B2776" t="s">
        <v>14435</v>
      </c>
      <c r="C2776" s="1" t="s">
        <v>14436</v>
      </c>
      <c r="D2776">
        <v>7689520</v>
      </c>
      <c r="E2776">
        <v>4</v>
      </c>
      <c r="F2776">
        <v>0</v>
      </c>
      <c r="H2776" t="s">
        <v>14437</v>
      </c>
      <c r="J2776" t="s">
        <v>14438</v>
      </c>
      <c r="K2776" t="s">
        <v>14439</v>
      </c>
      <c r="M2776">
        <v>-1</v>
      </c>
      <c r="O2776">
        <v>365251</v>
      </c>
      <c r="P2776">
        <v>1</v>
      </c>
      <c r="Q2776">
        <v>1</v>
      </c>
      <c r="R2776" t="s">
        <v>1446</v>
      </c>
      <c r="S2776">
        <v>105</v>
      </c>
    </row>
    <row r="2777" spans="1:19" x14ac:dyDescent="0.25">
      <c r="A2777">
        <v>32328270</v>
      </c>
      <c r="B2777" t="s">
        <v>14440</v>
      </c>
      <c r="C2777" s="1" t="s">
        <v>14441</v>
      </c>
      <c r="E2777">
        <v>2</v>
      </c>
      <c r="F2777">
        <v>11</v>
      </c>
      <c r="H2777" t="s">
        <v>14442</v>
      </c>
      <c r="I2777">
        <v>1</v>
      </c>
      <c r="J2777" t="s">
        <v>14443</v>
      </c>
      <c r="O2777">
        <v>964080</v>
      </c>
      <c r="P2777">
        <v>1</v>
      </c>
      <c r="Q2777">
        <v>3</v>
      </c>
      <c r="R2777" t="s">
        <v>14444</v>
      </c>
      <c r="S2777">
        <v>310</v>
      </c>
    </row>
    <row r="2778" spans="1:19" x14ac:dyDescent="0.25">
      <c r="A2778">
        <v>32825883</v>
      </c>
      <c r="B2778" t="s">
        <v>14445</v>
      </c>
      <c r="C2778" s="1" t="s">
        <v>14446</v>
      </c>
      <c r="E2778">
        <v>1</v>
      </c>
      <c r="F2778">
        <v>3</v>
      </c>
      <c r="H2778" t="s">
        <v>14447</v>
      </c>
      <c r="J2778" t="s">
        <v>14448</v>
      </c>
      <c r="O2778">
        <v>194000</v>
      </c>
      <c r="P2778">
        <v>1</v>
      </c>
      <c r="Q2778">
        <v>2</v>
      </c>
      <c r="R2778" t="s">
        <v>14449</v>
      </c>
      <c r="S2778">
        <v>932</v>
      </c>
    </row>
    <row r="2779" spans="1:19" x14ac:dyDescent="0.25">
      <c r="A2779">
        <v>14330625</v>
      </c>
      <c r="B2779" t="s">
        <v>14450</v>
      </c>
      <c r="C2779" s="1" t="s">
        <v>14451</v>
      </c>
      <c r="D2779">
        <v>14348529</v>
      </c>
      <c r="E2779">
        <v>1</v>
      </c>
      <c r="F2779">
        <v>5</v>
      </c>
      <c r="H2779" t="s">
        <v>14452</v>
      </c>
      <c r="I2779">
        <v>1</v>
      </c>
      <c r="J2779" t="s">
        <v>14453</v>
      </c>
      <c r="K2779" t="s">
        <v>14454</v>
      </c>
      <c r="M2779">
        <v>-1</v>
      </c>
      <c r="O2779">
        <v>1887120</v>
      </c>
      <c r="P2779">
        <v>1</v>
      </c>
      <c r="Q2779">
        <v>4</v>
      </c>
      <c r="R2779" t="s">
        <v>14455</v>
      </c>
      <c r="S2779">
        <v>3387</v>
      </c>
    </row>
    <row r="2780" spans="1:19" x14ac:dyDescent="0.25">
      <c r="A2780">
        <v>47475020</v>
      </c>
      <c r="B2780" t="s">
        <v>14456</v>
      </c>
      <c r="C2780" s="1" t="s">
        <v>14457</v>
      </c>
      <c r="E2780">
        <v>0</v>
      </c>
      <c r="F2780">
        <v>15</v>
      </c>
      <c r="H2780" t="s">
        <v>14458</v>
      </c>
      <c r="J2780" t="s">
        <v>14459</v>
      </c>
      <c r="K2780" t="s">
        <v>14459</v>
      </c>
      <c r="M2780">
        <v>7773147</v>
      </c>
      <c r="O2780">
        <v>7773147</v>
      </c>
      <c r="P2780">
        <v>1</v>
      </c>
      <c r="Q2780">
        <v>0</v>
      </c>
      <c r="R2780" t="s">
        <v>14460</v>
      </c>
      <c r="S2780">
        <v>71</v>
      </c>
    </row>
    <row r="2781" spans="1:19" x14ac:dyDescent="0.25">
      <c r="A2781">
        <v>30086886</v>
      </c>
      <c r="B2781" t="s">
        <v>14461</v>
      </c>
      <c r="C2781" s="1" t="s">
        <v>14462</v>
      </c>
      <c r="D2781">
        <v>30086967</v>
      </c>
      <c r="E2781">
        <v>1</v>
      </c>
      <c r="F2781">
        <v>0</v>
      </c>
      <c r="H2781" t="s">
        <v>14463</v>
      </c>
      <c r="J2781" t="s">
        <v>14464</v>
      </c>
      <c r="O2781">
        <v>4597666</v>
      </c>
      <c r="P2781">
        <v>1</v>
      </c>
      <c r="Q2781">
        <v>1</v>
      </c>
      <c r="R2781" t="s">
        <v>14465</v>
      </c>
      <c r="S2781">
        <v>714</v>
      </c>
    </row>
    <row r="2782" spans="1:19" x14ac:dyDescent="0.25">
      <c r="A2782">
        <v>45634543</v>
      </c>
      <c r="B2782" t="s">
        <v>14466</v>
      </c>
      <c r="C2782" s="1" t="s">
        <v>14467</v>
      </c>
      <c r="D2782">
        <v>45634805</v>
      </c>
      <c r="E2782">
        <v>2</v>
      </c>
      <c r="F2782">
        <v>0</v>
      </c>
      <c r="H2782" t="s">
        <v>14468</v>
      </c>
      <c r="J2782" t="s">
        <v>14469</v>
      </c>
      <c r="O2782">
        <v>4835480</v>
      </c>
      <c r="P2782">
        <v>1</v>
      </c>
      <c r="Q2782">
        <v>0</v>
      </c>
      <c r="R2782" t="s">
        <v>14470</v>
      </c>
      <c r="S2782">
        <v>510</v>
      </c>
    </row>
    <row r="2783" spans="1:19" x14ac:dyDescent="0.25">
      <c r="A2783">
        <v>18158244</v>
      </c>
      <c r="B2783" t="s">
        <v>14471</v>
      </c>
      <c r="C2783" s="1" t="s">
        <v>14472</v>
      </c>
      <c r="D2783">
        <v>18158308</v>
      </c>
      <c r="E2783">
        <v>3</v>
      </c>
      <c r="F2783">
        <v>3</v>
      </c>
      <c r="H2783" t="s">
        <v>14473</v>
      </c>
      <c r="J2783" t="s">
        <v>14474</v>
      </c>
      <c r="O2783">
        <v>2669690</v>
      </c>
      <c r="P2783">
        <v>1</v>
      </c>
      <c r="Q2783">
        <v>2</v>
      </c>
      <c r="R2783" t="s">
        <v>2494</v>
      </c>
      <c r="S2783">
        <v>125</v>
      </c>
    </row>
    <row r="2784" spans="1:19" x14ac:dyDescent="0.25">
      <c r="A2784">
        <v>6458167</v>
      </c>
      <c r="B2784" t="s">
        <v>14475</v>
      </c>
      <c r="C2784" s="1" t="s">
        <v>14476</v>
      </c>
      <c r="E2784">
        <v>1</v>
      </c>
      <c r="F2784">
        <v>3</v>
      </c>
      <c r="H2784" t="s">
        <v>14477</v>
      </c>
      <c r="I2784">
        <v>0</v>
      </c>
      <c r="J2784" t="s">
        <v>14478</v>
      </c>
      <c r="K2784" t="s">
        <v>14478</v>
      </c>
      <c r="M2784">
        <v>676506</v>
      </c>
      <c r="O2784">
        <v>812737</v>
      </c>
      <c r="P2784">
        <v>1</v>
      </c>
      <c r="Q2784">
        <v>0</v>
      </c>
      <c r="R2784" t="s">
        <v>14479</v>
      </c>
      <c r="S2784">
        <v>321</v>
      </c>
    </row>
    <row r="2785" spans="1:19" x14ac:dyDescent="0.25">
      <c r="A2785">
        <v>25721949</v>
      </c>
      <c r="B2785" t="s">
        <v>14480</v>
      </c>
      <c r="C2785" s="1" t="s">
        <v>14481</v>
      </c>
      <c r="D2785">
        <v>25727137</v>
      </c>
      <c r="E2785">
        <v>1</v>
      </c>
      <c r="F2785">
        <v>0</v>
      </c>
      <c r="H2785" t="s">
        <v>14482</v>
      </c>
      <c r="I2785">
        <v>1</v>
      </c>
      <c r="J2785" t="s">
        <v>14483</v>
      </c>
      <c r="O2785">
        <v>2956744</v>
      </c>
      <c r="P2785">
        <v>1</v>
      </c>
      <c r="Q2785">
        <v>1</v>
      </c>
      <c r="R2785" t="s">
        <v>14484</v>
      </c>
      <c r="S2785">
        <v>1626</v>
      </c>
    </row>
    <row r="2786" spans="1:19" x14ac:dyDescent="0.25">
      <c r="A2786">
        <v>36275287</v>
      </c>
      <c r="B2786" t="s">
        <v>14485</v>
      </c>
      <c r="C2786" t="s">
        <v>14486</v>
      </c>
      <c r="E2786">
        <v>3</v>
      </c>
      <c r="F2786">
        <v>0</v>
      </c>
      <c r="H2786" t="s">
        <v>14487</v>
      </c>
      <c r="I2786">
        <v>1</v>
      </c>
      <c r="J2786" t="s">
        <v>14488</v>
      </c>
      <c r="K2786" t="s">
        <v>14489</v>
      </c>
      <c r="M2786">
        <v>-1</v>
      </c>
      <c r="O2786">
        <v>4387657</v>
      </c>
      <c r="P2786">
        <v>1</v>
      </c>
      <c r="Q2786">
        <v>0</v>
      </c>
      <c r="R2786" t="s">
        <v>14490</v>
      </c>
      <c r="S2786">
        <v>5493</v>
      </c>
    </row>
    <row r="2787" spans="1:19" x14ac:dyDescent="0.25">
      <c r="A2787">
        <v>6077170</v>
      </c>
      <c r="B2787" t="s">
        <v>14491</v>
      </c>
      <c r="C2787" s="1" t="s">
        <v>14492</v>
      </c>
      <c r="D2787">
        <v>6077450</v>
      </c>
      <c r="E2787">
        <v>1</v>
      </c>
      <c r="F2787">
        <v>0</v>
      </c>
      <c r="H2787" t="s">
        <v>14493</v>
      </c>
      <c r="J2787" t="s">
        <v>14494</v>
      </c>
      <c r="K2787" t="s">
        <v>14494</v>
      </c>
      <c r="M2787">
        <v>198358</v>
      </c>
      <c r="O2787">
        <v>198358</v>
      </c>
      <c r="P2787">
        <v>1</v>
      </c>
      <c r="Q2787">
        <v>2</v>
      </c>
      <c r="R2787" t="s">
        <v>14495</v>
      </c>
      <c r="S2787">
        <v>1607</v>
      </c>
    </row>
    <row r="2788" spans="1:19" x14ac:dyDescent="0.25">
      <c r="A2788">
        <v>39350153</v>
      </c>
      <c r="B2788" t="s">
        <v>14496</v>
      </c>
      <c r="C2788" s="1" t="s">
        <v>14497</v>
      </c>
      <c r="D2788">
        <v>39350394</v>
      </c>
      <c r="E2788">
        <v>2</v>
      </c>
      <c r="F2788">
        <v>2</v>
      </c>
      <c r="H2788" t="s">
        <v>14498</v>
      </c>
      <c r="J2788" t="s">
        <v>14499</v>
      </c>
      <c r="O2788">
        <v>6699361</v>
      </c>
      <c r="P2788">
        <v>1</v>
      </c>
      <c r="Q2788">
        <v>2</v>
      </c>
      <c r="R2788" t="s">
        <v>1466</v>
      </c>
      <c r="S2788">
        <v>36</v>
      </c>
    </row>
    <row r="2789" spans="1:19" x14ac:dyDescent="0.25">
      <c r="A2789">
        <v>20216050</v>
      </c>
      <c r="B2789" t="s">
        <v>14500</v>
      </c>
      <c r="C2789" s="1" t="s">
        <v>14501</v>
      </c>
      <c r="E2789">
        <v>1</v>
      </c>
      <c r="F2789">
        <v>3</v>
      </c>
      <c r="H2789" t="s">
        <v>14502</v>
      </c>
      <c r="J2789" t="s">
        <v>14503</v>
      </c>
      <c r="O2789">
        <v>2291838</v>
      </c>
      <c r="P2789">
        <v>1</v>
      </c>
      <c r="Q2789">
        <v>0</v>
      </c>
      <c r="R2789" t="s">
        <v>14504</v>
      </c>
      <c r="S2789">
        <v>94</v>
      </c>
    </row>
    <row r="2790" spans="1:19" x14ac:dyDescent="0.25">
      <c r="A2790">
        <v>45135330</v>
      </c>
      <c r="B2790" t="s">
        <v>14505</v>
      </c>
      <c r="C2790" s="1" t="s">
        <v>14506</v>
      </c>
      <c r="D2790">
        <v>46944254</v>
      </c>
      <c r="E2790">
        <v>2</v>
      </c>
      <c r="F2790">
        <v>4</v>
      </c>
      <c r="H2790" t="s">
        <v>14507</v>
      </c>
      <c r="I2790">
        <v>2</v>
      </c>
      <c r="J2790" t="s">
        <v>14508</v>
      </c>
      <c r="O2790">
        <v>8317208</v>
      </c>
      <c r="P2790">
        <v>1</v>
      </c>
      <c r="Q2790">
        <v>2</v>
      </c>
      <c r="R2790" t="s">
        <v>14509</v>
      </c>
      <c r="S2790">
        <v>610</v>
      </c>
    </row>
    <row r="2791" spans="1:19" x14ac:dyDescent="0.25">
      <c r="A2791">
        <v>32275156</v>
      </c>
      <c r="B2791" t="s">
        <v>14510</v>
      </c>
      <c r="C2791" s="1" t="s">
        <v>14511</v>
      </c>
      <c r="D2791">
        <v>32275322</v>
      </c>
      <c r="E2791">
        <v>3</v>
      </c>
      <c r="F2791">
        <v>2</v>
      </c>
      <c r="H2791" t="s">
        <v>14512</v>
      </c>
      <c r="J2791" t="s">
        <v>14513</v>
      </c>
      <c r="K2791" t="s">
        <v>14514</v>
      </c>
      <c r="M2791">
        <v>418066</v>
      </c>
      <c r="O2791">
        <v>5185111</v>
      </c>
      <c r="P2791">
        <v>1</v>
      </c>
      <c r="Q2791">
        <v>0</v>
      </c>
      <c r="R2791" t="s">
        <v>13018</v>
      </c>
      <c r="S2791">
        <v>84</v>
      </c>
    </row>
    <row r="2792" spans="1:19" x14ac:dyDescent="0.25">
      <c r="A2792">
        <v>38117503</v>
      </c>
      <c r="B2792" t="s">
        <v>14515</v>
      </c>
      <c r="C2792" s="1" t="s">
        <v>14516</v>
      </c>
      <c r="E2792">
        <v>1</v>
      </c>
      <c r="F2792">
        <v>0</v>
      </c>
      <c r="H2792" t="s">
        <v>14517</v>
      </c>
      <c r="J2792" t="s">
        <v>14518</v>
      </c>
      <c r="K2792" t="s">
        <v>14519</v>
      </c>
      <c r="M2792">
        <v>1891026</v>
      </c>
      <c r="O2792">
        <v>4590839</v>
      </c>
      <c r="P2792">
        <v>1</v>
      </c>
      <c r="Q2792">
        <v>0</v>
      </c>
      <c r="R2792" t="s">
        <v>14520</v>
      </c>
      <c r="S2792">
        <v>211</v>
      </c>
    </row>
    <row r="2793" spans="1:19" x14ac:dyDescent="0.25">
      <c r="A2793">
        <v>17105618</v>
      </c>
      <c r="B2793" t="s">
        <v>14521</v>
      </c>
      <c r="C2793" s="1" t="s">
        <v>14522</v>
      </c>
      <c r="D2793">
        <v>17105658</v>
      </c>
      <c r="E2793">
        <v>4</v>
      </c>
      <c r="F2793">
        <v>1</v>
      </c>
      <c r="H2793" t="s">
        <v>14523</v>
      </c>
      <c r="I2793">
        <v>3</v>
      </c>
      <c r="J2793" t="s">
        <v>14524</v>
      </c>
      <c r="K2793" t="s">
        <v>14524</v>
      </c>
      <c r="M2793">
        <v>485561</v>
      </c>
      <c r="O2793">
        <v>1658099</v>
      </c>
      <c r="P2793">
        <v>1</v>
      </c>
      <c r="Q2793">
        <v>24</v>
      </c>
      <c r="R2793" t="s">
        <v>14525</v>
      </c>
      <c r="S2793">
        <v>2054</v>
      </c>
    </row>
    <row r="2794" spans="1:19" x14ac:dyDescent="0.25">
      <c r="A2794">
        <v>40833281</v>
      </c>
      <c r="B2794" t="s">
        <v>14526</v>
      </c>
      <c r="C2794" s="1" t="s">
        <v>14527</v>
      </c>
      <c r="D2794">
        <v>40837677</v>
      </c>
      <c r="E2794">
        <v>1</v>
      </c>
      <c r="F2794">
        <v>0</v>
      </c>
      <c r="H2794" t="s">
        <v>14528</v>
      </c>
      <c r="J2794" t="s">
        <v>14529</v>
      </c>
      <c r="O2794">
        <v>73673</v>
      </c>
      <c r="P2794">
        <v>1</v>
      </c>
      <c r="Q2794">
        <v>3</v>
      </c>
      <c r="R2794" t="s">
        <v>14530</v>
      </c>
      <c r="S2794">
        <v>139</v>
      </c>
    </row>
    <row r="2795" spans="1:19" x14ac:dyDescent="0.25">
      <c r="A2795">
        <v>25354667</v>
      </c>
      <c r="B2795" t="s">
        <v>14531</v>
      </c>
      <c r="C2795" t="s">
        <v>14532</v>
      </c>
      <c r="D2795">
        <v>25533583</v>
      </c>
      <c r="E2795">
        <v>1</v>
      </c>
      <c r="F2795">
        <v>1</v>
      </c>
      <c r="H2795" t="s">
        <v>14533</v>
      </c>
      <c r="J2795" t="s">
        <v>14534</v>
      </c>
      <c r="O2795">
        <v>1835351</v>
      </c>
      <c r="P2795">
        <v>1</v>
      </c>
      <c r="Q2795">
        <v>2</v>
      </c>
      <c r="R2795" t="s">
        <v>14535</v>
      </c>
      <c r="S2795">
        <v>452</v>
      </c>
    </row>
    <row r="2796" spans="1:19" x14ac:dyDescent="0.25">
      <c r="A2796">
        <v>14530357</v>
      </c>
      <c r="B2796" t="s">
        <v>14536</v>
      </c>
      <c r="C2796" s="1" t="s">
        <v>14537</v>
      </c>
      <c r="D2796">
        <v>14530382</v>
      </c>
      <c r="E2796">
        <v>1</v>
      </c>
      <c r="F2796">
        <v>2</v>
      </c>
      <c r="H2796" t="s">
        <v>14538</v>
      </c>
      <c r="J2796" t="s">
        <v>14539</v>
      </c>
      <c r="K2796" t="s">
        <v>14539</v>
      </c>
      <c r="M2796">
        <v>1176000</v>
      </c>
      <c r="O2796">
        <v>2012389</v>
      </c>
      <c r="P2796">
        <v>1</v>
      </c>
      <c r="Q2796">
        <v>3</v>
      </c>
      <c r="R2796" t="s">
        <v>14540</v>
      </c>
      <c r="S2796">
        <v>113</v>
      </c>
    </row>
    <row r="2797" spans="1:19" x14ac:dyDescent="0.25">
      <c r="A2797">
        <v>45287705</v>
      </c>
      <c r="B2797" t="s">
        <v>14541</v>
      </c>
      <c r="C2797" s="1" t="s">
        <v>14542</v>
      </c>
      <c r="E2797">
        <v>2</v>
      </c>
      <c r="F2797">
        <v>4</v>
      </c>
      <c r="H2797" t="s">
        <v>14543</v>
      </c>
      <c r="J2797" t="s">
        <v>14544</v>
      </c>
      <c r="K2797" t="s">
        <v>14545</v>
      </c>
      <c r="M2797">
        <v>8250476</v>
      </c>
      <c r="O2797">
        <v>8250476</v>
      </c>
      <c r="P2797">
        <v>1</v>
      </c>
      <c r="Q2797">
        <v>1</v>
      </c>
      <c r="R2797" t="s">
        <v>4668</v>
      </c>
      <c r="S2797">
        <v>55</v>
      </c>
    </row>
    <row r="2798" spans="1:19" x14ac:dyDescent="0.25">
      <c r="A2798">
        <v>50419810</v>
      </c>
      <c r="B2798" t="s">
        <v>14546</v>
      </c>
      <c r="C2798" s="1" t="s">
        <v>14547</v>
      </c>
      <c r="E2798">
        <v>0</v>
      </c>
      <c r="F2798">
        <v>3</v>
      </c>
      <c r="H2798" t="s">
        <v>14548</v>
      </c>
      <c r="J2798" t="s">
        <v>14548</v>
      </c>
      <c r="O2798">
        <v>2256954</v>
      </c>
      <c r="P2798">
        <v>1</v>
      </c>
      <c r="Q2798">
        <v>0</v>
      </c>
      <c r="R2798" t="s">
        <v>125</v>
      </c>
      <c r="S2798">
        <v>105</v>
      </c>
    </row>
    <row r="2799" spans="1:19" x14ac:dyDescent="0.25">
      <c r="A2799">
        <v>50093220</v>
      </c>
      <c r="B2799" t="s">
        <v>14549</v>
      </c>
      <c r="C2799" s="1" t="s">
        <v>14550</v>
      </c>
      <c r="D2799">
        <v>50093246</v>
      </c>
      <c r="E2799">
        <v>1</v>
      </c>
      <c r="F2799">
        <v>1</v>
      </c>
      <c r="H2799" t="s">
        <v>14551</v>
      </c>
      <c r="J2799" t="s">
        <v>14552</v>
      </c>
      <c r="K2799" t="s">
        <v>14553</v>
      </c>
      <c r="M2799">
        <v>119527</v>
      </c>
      <c r="O2799">
        <v>9464367</v>
      </c>
      <c r="P2799">
        <v>1</v>
      </c>
      <c r="Q2799">
        <v>1</v>
      </c>
      <c r="R2799" t="s">
        <v>14554</v>
      </c>
      <c r="S2799">
        <v>36</v>
      </c>
    </row>
    <row r="2800" spans="1:19" x14ac:dyDescent="0.25">
      <c r="A2800">
        <v>34821474</v>
      </c>
      <c r="B2800" t="s">
        <v>14555</v>
      </c>
      <c r="C2800" s="1" t="s">
        <v>14556</v>
      </c>
      <c r="D2800">
        <v>34824422</v>
      </c>
      <c r="E2800">
        <v>2</v>
      </c>
      <c r="F2800">
        <v>0</v>
      </c>
      <c r="H2800" t="s">
        <v>14557</v>
      </c>
      <c r="J2800" t="s">
        <v>14558</v>
      </c>
      <c r="O2800">
        <v>3094925</v>
      </c>
      <c r="P2800">
        <v>1</v>
      </c>
      <c r="Q2800">
        <v>1</v>
      </c>
      <c r="R2800" t="s">
        <v>14559</v>
      </c>
      <c r="S2800">
        <v>30</v>
      </c>
    </row>
    <row r="2801" spans="1:19" x14ac:dyDescent="0.25">
      <c r="A2801">
        <v>50682765</v>
      </c>
      <c r="B2801" t="s">
        <v>14560</v>
      </c>
      <c r="C2801" s="1" t="s">
        <v>14561</v>
      </c>
      <c r="E2801">
        <v>0</v>
      </c>
      <c r="F2801">
        <v>2</v>
      </c>
      <c r="H2801" t="s">
        <v>14562</v>
      </c>
      <c r="J2801" t="s">
        <v>14563</v>
      </c>
      <c r="O2801">
        <v>223675</v>
      </c>
      <c r="P2801">
        <v>1</v>
      </c>
      <c r="Q2801">
        <v>0</v>
      </c>
      <c r="R2801" t="s">
        <v>14564</v>
      </c>
      <c r="S2801">
        <v>31</v>
      </c>
    </row>
    <row r="2802" spans="1:19" x14ac:dyDescent="0.25">
      <c r="A2802">
        <v>49812198</v>
      </c>
      <c r="B2802" t="s">
        <v>14565</v>
      </c>
      <c r="C2802" s="1" t="s">
        <v>14566</v>
      </c>
      <c r="E2802">
        <v>0</v>
      </c>
      <c r="F2802">
        <v>3</v>
      </c>
      <c r="H2802" t="s">
        <v>14567</v>
      </c>
      <c r="I2802">
        <v>0</v>
      </c>
      <c r="J2802" t="s">
        <v>14568</v>
      </c>
      <c r="K2802" t="s">
        <v>14568</v>
      </c>
      <c r="M2802">
        <v>3762757</v>
      </c>
      <c r="N2802" t="s">
        <v>14569</v>
      </c>
      <c r="P2802">
        <v>1</v>
      </c>
      <c r="Q2802">
        <v>0</v>
      </c>
      <c r="R2802" t="s">
        <v>989</v>
      </c>
      <c r="S2802">
        <v>32</v>
      </c>
    </row>
    <row r="2803" spans="1:19" x14ac:dyDescent="0.25">
      <c r="A2803">
        <v>13504476</v>
      </c>
      <c r="B2803" t="s">
        <v>14570</v>
      </c>
      <c r="C2803" s="1" t="s">
        <v>14571</v>
      </c>
      <c r="D2803">
        <v>13674708</v>
      </c>
      <c r="E2803">
        <v>3</v>
      </c>
      <c r="F2803">
        <v>0</v>
      </c>
      <c r="H2803" t="s">
        <v>14572</v>
      </c>
      <c r="I2803">
        <v>1</v>
      </c>
      <c r="J2803" t="s">
        <v>14573</v>
      </c>
      <c r="O2803">
        <v>294089</v>
      </c>
      <c r="P2803">
        <v>1</v>
      </c>
      <c r="Q2803">
        <v>0</v>
      </c>
      <c r="R2803" t="s">
        <v>14574</v>
      </c>
      <c r="S2803">
        <v>198</v>
      </c>
    </row>
    <row r="2804" spans="1:19" x14ac:dyDescent="0.25">
      <c r="A2804">
        <v>30505792</v>
      </c>
      <c r="B2804" t="s">
        <v>14575</v>
      </c>
      <c r="C2804" s="1" t="s">
        <v>14576</v>
      </c>
      <c r="E2804">
        <v>2</v>
      </c>
      <c r="F2804">
        <v>2</v>
      </c>
      <c r="H2804" t="s">
        <v>14577</v>
      </c>
      <c r="J2804" t="s">
        <v>14578</v>
      </c>
      <c r="O2804">
        <v>1828352</v>
      </c>
      <c r="P2804">
        <v>1</v>
      </c>
      <c r="Q2804">
        <v>1</v>
      </c>
      <c r="R2804" t="s">
        <v>14579</v>
      </c>
      <c r="S2804">
        <v>130</v>
      </c>
    </row>
    <row r="2805" spans="1:19" x14ac:dyDescent="0.25">
      <c r="A2805">
        <v>45234937</v>
      </c>
      <c r="B2805" t="s">
        <v>14580</v>
      </c>
      <c r="C2805" s="1" t="s">
        <v>14581</v>
      </c>
      <c r="E2805">
        <v>0</v>
      </c>
      <c r="F2805">
        <v>5</v>
      </c>
      <c r="H2805" t="s">
        <v>14582</v>
      </c>
      <c r="J2805" t="s">
        <v>14583</v>
      </c>
      <c r="K2805" t="s">
        <v>14583</v>
      </c>
      <c r="M2805">
        <v>4940826</v>
      </c>
      <c r="O2805">
        <v>4940826</v>
      </c>
      <c r="P2805">
        <v>1</v>
      </c>
      <c r="Q2805">
        <v>2</v>
      </c>
      <c r="R2805" t="s">
        <v>14584</v>
      </c>
      <c r="S2805">
        <v>425</v>
      </c>
    </row>
    <row r="2806" spans="1:19" x14ac:dyDescent="0.25">
      <c r="A2806">
        <v>15898557</v>
      </c>
      <c r="B2806" t="s">
        <v>14585</v>
      </c>
      <c r="C2806" s="1" t="s">
        <v>14586</v>
      </c>
      <c r="D2806">
        <v>15899908</v>
      </c>
      <c r="E2806">
        <v>1</v>
      </c>
      <c r="F2806">
        <v>3</v>
      </c>
      <c r="H2806" t="s">
        <v>14587</v>
      </c>
      <c r="J2806" t="s">
        <v>14588</v>
      </c>
      <c r="K2806" t="s">
        <v>14589</v>
      </c>
      <c r="M2806">
        <v>2261004</v>
      </c>
      <c r="O2806">
        <v>2261004</v>
      </c>
      <c r="P2806">
        <v>1</v>
      </c>
      <c r="Q2806">
        <v>0</v>
      </c>
      <c r="R2806" t="s">
        <v>14590</v>
      </c>
      <c r="S2806">
        <v>1137</v>
      </c>
    </row>
    <row r="2807" spans="1:19" x14ac:dyDescent="0.25">
      <c r="A2807">
        <v>48500333</v>
      </c>
      <c r="B2807" t="s">
        <v>14591</v>
      </c>
      <c r="C2807" s="1" t="s">
        <v>14592</v>
      </c>
      <c r="E2807">
        <v>0</v>
      </c>
      <c r="F2807">
        <v>0</v>
      </c>
      <c r="H2807" t="s">
        <v>14593</v>
      </c>
      <c r="J2807" t="s">
        <v>14593</v>
      </c>
      <c r="O2807">
        <v>9192693</v>
      </c>
      <c r="P2807">
        <v>1</v>
      </c>
      <c r="Q2807">
        <v>0</v>
      </c>
      <c r="R2807" t="s">
        <v>14594</v>
      </c>
      <c r="S2807">
        <v>35</v>
      </c>
    </row>
    <row r="2808" spans="1:19" x14ac:dyDescent="0.25">
      <c r="A2808">
        <v>24201137</v>
      </c>
      <c r="B2808" t="s">
        <v>14595</v>
      </c>
      <c r="C2808" s="1" t="s">
        <v>14596</v>
      </c>
      <c r="E2808">
        <v>0</v>
      </c>
      <c r="F2808">
        <v>0</v>
      </c>
      <c r="H2808" t="s">
        <v>14597</v>
      </c>
      <c r="J2808" t="s">
        <v>14598</v>
      </c>
      <c r="K2808" t="s">
        <v>14599</v>
      </c>
      <c r="M2808">
        <v>3733474</v>
      </c>
      <c r="O2808">
        <v>3733474</v>
      </c>
      <c r="P2808">
        <v>1</v>
      </c>
      <c r="Q2808">
        <v>2</v>
      </c>
      <c r="R2808" t="s">
        <v>14600</v>
      </c>
      <c r="S2808">
        <v>172</v>
      </c>
    </row>
    <row r="2809" spans="1:19" x14ac:dyDescent="0.25">
      <c r="A2809">
        <v>17489969</v>
      </c>
      <c r="B2809" t="s">
        <v>14601</v>
      </c>
      <c r="C2809" s="1" t="s">
        <v>14602</v>
      </c>
      <c r="D2809">
        <v>17490511</v>
      </c>
      <c r="E2809">
        <v>1</v>
      </c>
      <c r="F2809">
        <v>0</v>
      </c>
      <c r="H2809" t="s">
        <v>14603</v>
      </c>
      <c r="J2809" t="s">
        <v>14604</v>
      </c>
      <c r="K2809" t="s">
        <v>14605</v>
      </c>
      <c r="M2809">
        <v>-1</v>
      </c>
      <c r="O2809">
        <v>1521042</v>
      </c>
      <c r="P2809">
        <v>1</v>
      </c>
      <c r="Q2809">
        <v>0</v>
      </c>
      <c r="R2809" t="s">
        <v>14606</v>
      </c>
      <c r="S2809">
        <v>394</v>
      </c>
    </row>
    <row r="2810" spans="1:19" x14ac:dyDescent="0.25">
      <c r="A2810">
        <v>24395904</v>
      </c>
      <c r="B2810" t="s">
        <v>14607</v>
      </c>
      <c r="C2810" s="1" t="s">
        <v>14608</v>
      </c>
      <c r="E2810">
        <v>0</v>
      </c>
      <c r="F2810">
        <v>2</v>
      </c>
      <c r="H2810" t="s">
        <v>14609</v>
      </c>
      <c r="J2810" t="s">
        <v>14609</v>
      </c>
      <c r="O2810">
        <v>3089100</v>
      </c>
      <c r="P2810">
        <v>1</v>
      </c>
      <c r="Q2810">
        <v>0</v>
      </c>
      <c r="R2810" t="s">
        <v>14610</v>
      </c>
      <c r="S2810">
        <v>88</v>
      </c>
    </row>
    <row r="2811" spans="1:19" x14ac:dyDescent="0.25">
      <c r="A2811">
        <v>50025861</v>
      </c>
      <c r="B2811" t="s">
        <v>14611</v>
      </c>
      <c r="C2811" s="1" t="s">
        <v>14612</v>
      </c>
      <c r="E2811">
        <v>0</v>
      </c>
      <c r="F2811">
        <v>4</v>
      </c>
      <c r="H2811" t="s">
        <v>14613</v>
      </c>
      <c r="J2811" t="s">
        <v>14614</v>
      </c>
      <c r="K2811" t="s">
        <v>14614</v>
      </c>
      <c r="M2811">
        <v>1331451</v>
      </c>
      <c r="O2811">
        <v>2711606</v>
      </c>
      <c r="P2811">
        <v>1</v>
      </c>
      <c r="Q2811">
        <v>0</v>
      </c>
      <c r="R2811" t="s">
        <v>6108</v>
      </c>
      <c r="S2811">
        <v>43</v>
      </c>
    </row>
    <row r="2812" spans="1:19" x14ac:dyDescent="0.25">
      <c r="A2812">
        <v>28997074</v>
      </c>
      <c r="B2812" t="s">
        <v>14615</v>
      </c>
      <c r="C2812" s="1" t="s">
        <v>14616</v>
      </c>
      <c r="D2812">
        <v>29102660</v>
      </c>
      <c r="E2812">
        <v>1</v>
      </c>
      <c r="F2812">
        <v>0</v>
      </c>
      <c r="H2812" t="s">
        <v>14617</v>
      </c>
      <c r="J2812" t="s">
        <v>14618</v>
      </c>
      <c r="O2812">
        <v>660742</v>
      </c>
      <c r="P2812">
        <v>1</v>
      </c>
      <c r="Q2812">
        <v>1</v>
      </c>
      <c r="R2812" t="s">
        <v>14619</v>
      </c>
      <c r="S2812">
        <v>3816</v>
      </c>
    </row>
    <row r="2813" spans="1:19" x14ac:dyDescent="0.25">
      <c r="A2813">
        <v>10268464</v>
      </c>
      <c r="B2813" t="s">
        <v>14620</v>
      </c>
      <c r="C2813" s="1" t="s">
        <v>14621</v>
      </c>
      <c r="D2813">
        <v>10268493</v>
      </c>
      <c r="E2813">
        <v>3</v>
      </c>
      <c r="F2813">
        <v>3</v>
      </c>
      <c r="H2813" t="s">
        <v>14622</v>
      </c>
      <c r="J2813" t="s">
        <v>14623</v>
      </c>
      <c r="O2813">
        <v>1334552</v>
      </c>
      <c r="P2813">
        <v>1</v>
      </c>
      <c r="Q2813">
        <v>3</v>
      </c>
      <c r="R2813" t="s">
        <v>14624</v>
      </c>
      <c r="S2813">
        <v>31748</v>
      </c>
    </row>
    <row r="2814" spans="1:19" x14ac:dyDescent="0.25">
      <c r="A2814">
        <v>3190990</v>
      </c>
      <c r="B2814" t="s">
        <v>14625</v>
      </c>
      <c r="C2814" s="1" t="s">
        <v>14626</v>
      </c>
      <c r="D2814">
        <v>3191063</v>
      </c>
      <c r="E2814">
        <v>2</v>
      </c>
      <c r="F2814">
        <v>0</v>
      </c>
      <c r="H2814" t="s">
        <v>14627</v>
      </c>
      <c r="I2814">
        <v>1</v>
      </c>
      <c r="J2814" t="s">
        <v>14628</v>
      </c>
      <c r="K2814" t="s">
        <v>14628</v>
      </c>
      <c r="M2814">
        <v>698</v>
      </c>
      <c r="O2814">
        <v>698</v>
      </c>
      <c r="P2814">
        <v>1</v>
      </c>
      <c r="Q2814">
        <v>2</v>
      </c>
      <c r="R2814" t="s">
        <v>14629</v>
      </c>
      <c r="S2814">
        <v>533</v>
      </c>
    </row>
    <row r="2815" spans="1:19" x14ac:dyDescent="0.25">
      <c r="A2815">
        <v>20968501</v>
      </c>
      <c r="B2815" t="s">
        <v>14630</v>
      </c>
      <c r="C2815" s="1" t="s">
        <v>14631</v>
      </c>
      <c r="D2815">
        <v>20968600</v>
      </c>
      <c r="E2815">
        <v>1</v>
      </c>
      <c r="F2815">
        <v>0</v>
      </c>
      <c r="H2815" t="s">
        <v>14632</v>
      </c>
      <c r="J2815" t="s">
        <v>14633</v>
      </c>
      <c r="O2815">
        <v>2621389</v>
      </c>
      <c r="P2815">
        <v>1</v>
      </c>
      <c r="Q2815">
        <v>1</v>
      </c>
      <c r="R2815" t="s">
        <v>14634</v>
      </c>
      <c r="S2815">
        <v>1056</v>
      </c>
    </row>
    <row r="2816" spans="1:19" x14ac:dyDescent="0.25">
      <c r="A2816">
        <v>42584368</v>
      </c>
      <c r="B2816" t="s">
        <v>14635</v>
      </c>
      <c r="C2816" s="1" t="s">
        <v>14636</v>
      </c>
      <c r="D2816">
        <v>42584607</v>
      </c>
      <c r="E2816">
        <v>3</v>
      </c>
      <c r="F2816">
        <v>2</v>
      </c>
      <c r="H2816" t="s">
        <v>14637</v>
      </c>
      <c r="I2816">
        <v>4</v>
      </c>
      <c r="J2816" t="s">
        <v>14638</v>
      </c>
      <c r="K2816" t="s">
        <v>14639</v>
      </c>
      <c r="M2816">
        <v>155423</v>
      </c>
      <c r="O2816">
        <v>525872</v>
      </c>
      <c r="P2816">
        <v>1</v>
      </c>
      <c r="Q2816">
        <v>19</v>
      </c>
      <c r="R2816" t="s">
        <v>14640</v>
      </c>
      <c r="S2816">
        <v>4574</v>
      </c>
    </row>
    <row r="2817" spans="1:19" x14ac:dyDescent="0.25">
      <c r="A2817">
        <v>10706466</v>
      </c>
      <c r="B2817" t="s">
        <v>14641</v>
      </c>
      <c r="C2817" t="s">
        <v>14642</v>
      </c>
      <c r="D2817">
        <v>10706725</v>
      </c>
      <c r="E2817">
        <v>2</v>
      </c>
      <c r="F2817">
        <v>3</v>
      </c>
      <c r="H2817" t="s">
        <v>14643</v>
      </c>
      <c r="I2817">
        <v>17</v>
      </c>
      <c r="J2817" t="s">
        <v>14644</v>
      </c>
      <c r="K2817" t="s">
        <v>14644</v>
      </c>
      <c r="M2817">
        <v>785541</v>
      </c>
      <c r="O2817">
        <v>1018562</v>
      </c>
      <c r="P2817">
        <v>1</v>
      </c>
      <c r="Q2817">
        <v>47</v>
      </c>
      <c r="R2817" t="s">
        <v>14645</v>
      </c>
      <c r="S2817">
        <v>14705</v>
      </c>
    </row>
    <row r="2818" spans="1:19" x14ac:dyDescent="0.25">
      <c r="A2818">
        <v>9919715</v>
      </c>
      <c r="B2818" t="s">
        <v>14646</v>
      </c>
      <c r="C2818" s="1" t="s">
        <v>14647</v>
      </c>
      <c r="D2818">
        <v>9919782</v>
      </c>
      <c r="E2818">
        <v>3</v>
      </c>
      <c r="F2818">
        <v>0</v>
      </c>
      <c r="H2818" t="s">
        <v>14648</v>
      </c>
      <c r="J2818" t="s">
        <v>14649</v>
      </c>
      <c r="K2818" t="s">
        <v>14650</v>
      </c>
      <c r="M2818">
        <v>-1</v>
      </c>
      <c r="O2818">
        <v>691053</v>
      </c>
      <c r="P2818">
        <v>1</v>
      </c>
      <c r="Q2818">
        <v>0</v>
      </c>
      <c r="R2818" t="s">
        <v>14651</v>
      </c>
      <c r="S2818">
        <v>4442</v>
      </c>
    </row>
    <row r="2819" spans="1:19" x14ac:dyDescent="0.25">
      <c r="A2819">
        <v>53042321</v>
      </c>
      <c r="B2819" t="s">
        <v>14652</v>
      </c>
      <c r="C2819" s="1" t="s">
        <v>14653</v>
      </c>
      <c r="E2819">
        <v>0</v>
      </c>
      <c r="F2819">
        <v>0</v>
      </c>
      <c r="H2819" t="s">
        <v>14654</v>
      </c>
      <c r="J2819" t="s">
        <v>14654</v>
      </c>
      <c r="O2819">
        <v>4943855</v>
      </c>
      <c r="P2819">
        <v>1</v>
      </c>
      <c r="Q2819">
        <v>0</v>
      </c>
      <c r="R2819" t="s">
        <v>14655</v>
      </c>
      <c r="S2819">
        <v>13</v>
      </c>
    </row>
    <row r="2820" spans="1:19" x14ac:dyDescent="0.25">
      <c r="A2820">
        <v>28137398</v>
      </c>
      <c r="B2820" t="s">
        <v>14656</v>
      </c>
      <c r="C2820" s="1" t="s">
        <v>14657</v>
      </c>
      <c r="E2820">
        <v>1</v>
      </c>
      <c r="F2820">
        <v>6</v>
      </c>
      <c r="H2820" t="s">
        <v>14658</v>
      </c>
      <c r="J2820" t="s">
        <v>14659</v>
      </c>
      <c r="K2820" t="s">
        <v>14659</v>
      </c>
      <c r="M2820">
        <v>282601</v>
      </c>
      <c r="O2820">
        <v>4492100</v>
      </c>
      <c r="P2820">
        <v>1</v>
      </c>
      <c r="Q2820">
        <v>-2</v>
      </c>
      <c r="R2820" t="s">
        <v>819</v>
      </c>
      <c r="S2820">
        <v>41</v>
      </c>
    </row>
    <row r="2821" spans="1:19" x14ac:dyDescent="0.25">
      <c r="A2821">
        <v>48170210</v>
      </c>
      <c r="B2821" t="s">
        <v>14660</v>
      </c>
      <c r="C2821" s="1" t="s">
        <v>14661</v>
      </c>
      <c r="D2821">
        <v>48170612</v>
      </c>
      <c r="E2821">
        <v>1</v>
      </c>
      <c r="F2821">
        <v>2</v>
      </c>
      <c r="H2821" t="s">
        <v>14662</v>
      </c>
      <c r="I2821">
        <v>0</v>
      </c>
      <c r="J2821" t="s">
        <v>14663</v>
      </c>
      <c r="O2821">
        <v>9088085</v>
      </c>
      <c r="P2821">
        <v>1</v>
      </c>
      <c r="Q2821">
        <v>2</v>
      </c>
      <c r="R2821" t="s">
        <v>14664</v>
      </c>
      <c r="S2821">
        <v>149</v>
      </c>
    </row>
    <row r="2822" spans="1:19" x14ac:dyDescent="0.25">
      <c r="A2822">
        <v>34320272</v>
      </c>
      <c r="B2822" t="s">
        <v>14665</v>
      </c>
      <c r="C2822" s="1" t="s">
        <v>14666</v>
      </c>
      <c r="E2822">
        <v>1</v>
      </c>
      <c r="F2822">
        <v>2</v>
      </c>
      <c r="H2822" t="s">
        <v>14667</v>
      </c>
      <c r="J2822" t="s">
        <v>14668</v>
      </c>
      <c r="K2822" t="s">
        <v>14669</v>
      </c>
      <c r="M2822">
        <v>2106563</v>
      </c>
      <c r="O2822">
        <v>5152892</v>
      </c>
      <c r="P2822">
        <v>1</v>
      </c>
      <c r="Q2822">
        <v>0</v>
      </c>
      <c r="R2822" t="s">
        <v>1333</v>
      </c>
      <c r="S2822">
        <v>89</v>
      </c>
    </row>
    <row r="2823" spans="1:19" x14ac:dyDescent="0.25">
      <c r="A2823">
        <v>18516315</v>
      </c>
      <c r="B2823" t="s">
        <v>14670</v>
      </c>
      <c r="C2823" s="1" t="s">
        <v>14671</v>
      </c>
      <c r="D2823">
        <v>18526974</v>
      </c>
      <c r="E2823">
        <v>4</v>
      </c>
      <c r="F2823">
        <v>4</v>
      </c>
      <c r="H2823" t="s">
        <v>14672</v>
      </c>
      <c r="I2823">
        <v>2</v>
      </c>
      <c r="J2823" t="s">
        <v>14673</v>
      </c>
      <c r="O2823">
        <v>681022</v>
      </c>
      <c r="P2823">
        <v>1</v>
      </c>
      <c r="Q2823">
        <v>4</v>
      </c>
      <c r="R2823" t="s">
        <v>14674</v>
      </c>
      <c r="S2823">
        <v>2055</v>
      </c>
    </row>
    <row r="2824" spans="1:19" x14ac:dyDescent="0.25">
      <c r="A2824">
        <v>2016711</v>
      </c>
      <c r="B2824" t="s">
        <v>14675</v>
      </c>
      <c r="C2824" s="1" t="s">
        <v>14676</v>
      </c>
      <c r="E2824">
        <v>2</v>
      </c>
      <c r="F2824">
        <v>0</v>
      </c>
      <c r="H2824" t="s">
        <v>14677</v>
      </c>
      <c r="J2824" t="s">
        <v>14678</v>
      </c>
      <c r="K2824" t="s">
        <v>14679</v>
      </c>
      <c r="M2824">
        <v>70604</v>
      </c>
      <c r="O2824">
        <v>107434</v>
      </c>
      <c r="P2824">
        <v>1</v>
      </c>
      <c r="Q2824">
        <v>1</v>
      </c>
      <c r="R2824" t="s">
        <v>14680</v>
      </c>
      <c r="S2824">
        <v>535</v>
      </c>
    </row>
    <row r="2825" spans="1:19" x14ac:dyDescent="0.25">
      <c r="A2825">
        <v>34664382</v>
      </c>
      <c r="B2825" t="s">
        <v>14681</v>
      </c>
      <c r="C2825" s="1" t="s">
        <v>14682</v>
      </c>
      <c r="E2825">
        <v>4</v>
      </c>
      <c r="F2825">
        <v>9</v>
      </c>
      <c r="H2825" t="s">
        <v>14683</v>
      </c>
      <c r="I2825">
        <v>0</v>
      </c>
      <c r="J2825" t="s">
        <v>14684</v>
      </c>
      <c r="K2825" t="s">
        <v>14685</v>
      </c>
      <c r="M2825">
        <v>2535434</v>
      </c>
      <c r="O2825">
        <v>2535434</v>
      </c>
      <c r="P2825">
        <v>1</v>
      </c>
      <c r="Q2825">
        <v>4</v>
      </c>
      <c r="R2825" t="s">
        <v>14686</v>
      </c>
      <c r="S2825">
        <v>274</v>
      </c>
    </row>
    <row r="2826" spans="1:19" x14ac:dyDescent="0.25">
      <c r="A2826">
        <v>40008307</v>
      </c>
      <c r="B2826" t="s">
        <v>14687</v>
      </c>
      <c r="C2826" s="1" t="s">
        <v>14688</v>
      </c>
      <c r="E2826">
        <v>1</v>
      </c>
      <c r="F2826">
        <v>0</v>
      </c>
      <c r="H2826" t="s">
        <v>14689</v>
      </c>
      <c r="J2826" t="s">
        <v>14690</v>
      </c>
      <c r="O2826">
        <v>1829329</v>
      </c>
      <c r="P2826">
        <v>1</v>
      </c>
      <c r="Q2826">
        <v>2</v>
      </c>
      <c r="R2826" t="s">
        <v>14691</v>
      </c>
      <c r="S2826">
        <v>108</v>
      </c>
    </row>
    <row r="2827" spans="1:19" x14ac:dyDescent="0.25">
      <c r="A2827">
        <v>14832144</v>
      </c>
      <c r="B2827" t="s">
        <v>14692</v>
      </c>
      <c r="C2827" s="1" t="s">
        <v>14693</v>
      </c>
      <c r="D2827">
        <v>14832229</v>
      </c>
      <c r="E2827">
        <v>3</v>
      </c>
      <c r="F2827">
        <v>1</v>
      </c>
      <c r="H2827" t="s">
        <v>14694</v>
      </c>
      <c r="I2827">
        <v>1</v>
      </c>
      <c r="J2827" t="s">
        <v>14695</v>
      </c>
      <c r="K2827" t="s">
        <v>14695</v>
      </c>
      <c r="M2827">
        <v>1531541</v>
      </c>
      <c r="O2827">
        <v>1531541</v>
      </c>
      <c r="P2827">
        <v>1</v>
      </c>
      <c r="Q2827">
        <v>1</v>
      </c>
      <c r="R2827" t="s">
        <v>14696</v>
      </c>
      <c r="S2827">
        <v>6413</v>
      </c>
    </row>
    <row r="2828" spans="1:19" x14ac:dyDescent="0.25">
      <c r="A2828">
        <v>43157481</v>
      </c>
      <c r="B2828" t="s">
        <v>14697</v>
      </c>
      <c r="C2828" s="1" t="s">
        <v>14698</v>
      </c>
      <c r="D2828">
        <v>43157538</v>
      </c>
      <c r="E2828">
        <v>2</v>
      </c>
      <c r="F2828">
        <v>0</v>
      </c>
      <c r="H2828" t="s">
        <v>14699</v>
      </c>
      <c r="J2828" t="s">
        <v>14700</v>
      </c>
      <c r="O2828">
        <v>4751396</v>
      </c>
      <c r="P2828">
        <v>1</v>
      </c>
      <c r="Q2828">
        <v>1</v>
      </c>
      <c r="R2828" t="s">
        <v>14701</v>
      </c>
      <c r="S2828">
        <v>3228</v>
      </c>
    </row>
    <row r="2829" spans="1:19" x14ac:dyDescent="0.25">
      <c r="A2829">
        <v>32945441</v>
      </c>
      <c r="B2829" t="s">
        <v>14702</v>
      </c>
      <c r="C2829" s="1" t="s">
        <v>14703</v>
      </c>
      <c r="E2829">
        <v>2</v>
      </c>
      <c r="F2829">
        <v>1</v>
      </c>
      <c r="H2829" t="s">
        <v>14704</v>
      </c>
      <c r="J2829" t="s">
        <v>14705</v>
      </c>
      <c r="K2829" t="s">
        <v>14706</v>
      </c>
      <c r="M2829">
        <v>873145</v>
      </c>
      <c r="N2829" t="s">
        <v>14707</v>
      </c>
      <c r="P2829">
        <v>1</v>
      </c>
      <c r="Q2829">
        <v>1</v>
      </c>
      <c r="R2829" t="s">
        <v>4668</v>
      </c>
      <c r="S2829">
        <v>55</v>
      </c>
    </row>
    <row r="2830" spans="1:19" x14ac:dyDescent="0.25">
      <c r="A2830">
        <v>47543650</v>
      </c>
      <c r="B2830" t="s">
        <v>14708</v>
      </c>
      <c r="C2830" s="1" t="s">
        <v>14709</v>
      </c>
      <c r="E2830">
        <v>0</v>
      </c>
      <c r="F2830">
        <v>3</v>
      </c>
      <c r="H2830" t="s">
        <v>14710</v>
      </c>
      <c r="J2830" t="s">
        <v>14711</v>
      </c>
      <c r="K2830" t="s">
        <v>14711</v>
      </c>
      <c r="M2830">
        <v>3366706</v>
      </c>
      <c r="O2830">
        <v>3366706</v>
      </c>
      <c r="P2830">
        <v>1</v>
      </c>
      <c r="Q2830">
        <v>0</v>
      </c>
      <c r="R2830" t="s">
        <v>14712</v>
      </c>
      <c r="S2830">
        <v>33</v>
      </c>
    </row>
    <row r="2831" spans="1:19" x14ac:dyDescent="0.25">
      <c r="A2831">
        <v>23360394</v>
      </c>
      <c r="B2831" t="s">
        <v>14713</v>
      </c>
      <c r="C2831" s="1" t="s">
        <v>14714</v>
      </c>
      <c r="D2831">
        <v>24430316</v>
      </c>
      <c r="E2831">
        <v>3</v>
      </c>
      <c r="F2831">
        <v>1</v>
      </c>
      <c r="H2831" t="s">
        <v>14715</v>
      </c>
      <c r="I2831">
        <v>1</v>
      </c>
      <c r="J2831" t="s">
        <v>14716</v>
      </c>
      <c r="K2831" t="s">
        <v>14717</v>
      </c>
      <c r="M2831">
        <v>3304471</v>
      </c>
      <c r="O2831">
        <v>3304471</v>
      </c>
      <c r="P2831">
        <v>1</v>
      </c>
      <c r="Q2831">
        <v>0</v>
      </c>
      <c r="R2831" t="s">
        <v>14718</v>
      </c>
      <c r="S2831">
        <v>1503</v>
      </c>
    </row>
    <row r="2832" spans="1:19" x14ac:dyDescent="0.25">
      <c r="A2832">
        <v>52277899</v>
      </c>
      <c r="B2832" t="s">
        <v>14719</v>
      </c>
      <c r="C2832" s="1" t="s">
        <v>14720</v>
      </c>
      <c r="D2832">
        <v>52277947</v>
      </c>
      <c r="E2832">
        <v>1</v>
      </c>
      <c r="F2832">
        <v>0</v>
      </c>
      <c r="H2832" t="s">
        <v>14721</v>
      </c>
      <c r="I2832">
        <v>1</v>
      </c>
      <c r="J2832" t="s">
        <v>14722</v>
      </c>
      <c r="O2832">
        <v>4150652</v>
      </c>
      <c r="P2832">
        <v>1</v>
      </c>
      <c r="Q2832">
        <v>2</v>
      </c>
      <c r="R2832" t="s">
        <v>14723</v>
      </c>
      <c r="S2832">
        <v>36</v>
      </c>
    </row>
    <row r="2833" spans="1:19" x14ac:dyDescent="0.25">
      <c r="A2833">
        <v>3989435</v>
      </c>
      <c r="B2833" t="s">
        <v>14724</v>
      </c>
      <c r="C2833" s="1" t="s">
        <v>14725</v>
      </c>
      <c r="D2833">
        <v>3989864</v>
      </c>
      <c r="E2833">
        <v>1</v>
      </c>
      <c r="F2833">
        <v>0</v>
      </c>
      <c r="H2833" t="s">
        <v>14726</v>
      </c>
      <c r="I2833">
        <v>2</v>
      </c>
      <c r="J2833" t="s">
        <v>14727</v>
      </c>
      <c r="K2833" t="s">
        <v>14727</v>
      </c>
      <c r="M2833">
        <v>912</v>
      </c>
      <c r="O2833">
        <v>912</v>
      </c>
      <c r="P2833">
        <v>1</v>
      </c>
      <c r="Q2833">
        <v>2</v>
      </c>
      <c r="R2833" t="s">
        <v>14728</v>
      </c>
      <c r="S2833">
        <v>943</v>
      </c>
    </row>
    <row r="2834" spans="1:19" x14ac:dyDescent="0.25">
      <c r="A2834">
        <v>8207281</v>
      </c>
      <c r="B2834" t="s">
        <v>14729</v>
      </c>
      <c r="C2834" s="1" t="s">
        <v>14730</v>
      </c>
      <c r="D2834">
        <v>8207392</v>
      </c>
      <c r="E2834">
        <v>5</v>
      </c>
      <c r="F2834">
        <v>1</v>
      </c>
      <c r="H2834" t="s">
        <v>14731</v>
      </c>
      <c r="J2834" t="s">
        <v>14732</v>
      </c>
      <c r="K2834" t="s">
        <v>14732</v>
      </c>
      <c r="M2834">
        <v>366377</v>
      </c>
      <c r="O2834">
        <v>440093</v>
      </c>
      <c r="P2834">
        <v>1</v>
      </c>
      <c r="Q2834">
        <v>3</v>
      </c>
      <c r="R2834" t="s">
        <v>14733</v>
      </c>
      <c r="S2834">
        <v>1256</v>
      </c>
    </row>
    <row r="2835" spans="1:19" x14ac:dyDescent="0.25">
      <c r="A2835">
        <v>43844064</v>
      </c>
      <c r="B2835" t="s">
        <v>14734</v>
      </c>
      <c r="C2835" s="1" t="s">
        <v>14735</v>
      </c>
      <c r="E2835">
        <v>1</v>
      </c>
      <c r="F2835">
        <v>0</v>
      </c>
      <c r="H2835" t="s">
        <v>14736</v>
      </c>
      <c r="J2835" t="s">
        <v>14737</v>
      </c>
      <c r="O2835">
        <v>7979722</v>
      </c>
      <c r="P2835">
        <v>1</v>
      </c>
      <c r="Q2835">
        <v>0</v>
      </c>
      <c r="R2835" t="s">
        <v>14738</v>
      </c>
      <c r="S2835">
        <v>438</v>
      </c>
    </row>
    <row r="2836" spans="1:19" x14ac:dyDescent="0.25">
      <c r="A2836">
        <v>25008886</v>
      </c>
      <c r="B2836" t="s">
        <v>14739</v>
      </c>
      <c r="C2836" s="1" t="s">
        <v>14740</v>
      </c>
      <c r="E2836">
        <v>1</v>
      </c>
      <c r="F2836">
        <v>0</v>
      </c>
      <c r="H2836" t="s">
        <v>14741</v>
      </c>
      <c r="J2836" t="s">
        <v>14742</v>
      </c>
      <c r="O2836">
        <v>3886488</v>
      </c>
      <c r="P2836">
        <v>1</v>
      </c>
      <c r="Q2836">
        <v>0</v>
      </c>
      <c r="R2836" t="s">
        <v>14743</v>
      </c>
      <c r="S2836">
        <v>31</v>
      </c>
    </row>
    <row r="2837" spans="1:19" x14ac:dyDescent="0.25">
      <c r="A2837">
        <v>26671582</v>
      </c>
      <c r="B2837" t="s">
        <v>14744</v>
      </c>
      <c r="C2837" s="1" t="s">
        <v>14745</v>
      </c>
      <c r="D2837">
        <v>26673763</v>
      </c>
      <c r="E2837">
        <v>1</v>
      </c>
      <c r="F2837">
        <v>2</v>
      </c>
      <c r="H2837" t="s">
        <v>14746</v>
      </c>
      <c r="J2837" t="s">
        <v>14747</v>
      </c>
      <c r="K2837" t="s">
        <v>14748</v>
      </c>
      <c r="M2837">
        <v>1534593</v>
      </c>
      <c r="O2837">
        <v>1534593</v>
      </c>
      <c r="P2837">
        <v>1</v>
      </c>
      <c r="Q2837">
        <v>0</v>
      </c>
      <c r="R2837" t="s">
        <v>5353</v>
      </c>
      <c r="S2837">
        <v>192</v>
      </c>
    </row>
    <row r="2838" spans="1:19" x14ac:dyDescent="0.25">
      <c r="A2838">
        <v>34296149</v>
      </c>
      <c r="B2838" t="s">
        <v>14749</v>
      </c>
      <c r="C2838" s="1" t="s">
        <v>14750</v>
      </c>
      <c r="D2838">
        <v>34296596</v>
      </c>
      <c r="E2838">
        <v>3</v>
      </c>
      <c r="F2838">
        <v>5</v>
      </c>
      <c r="H2838" t="s">
        <v>14751</v>
      </c>
      <c r="I2838">
        <v>6</v>
      </c>
      <c r="J2838" t="s">
        <v>14752</v>
      </c>
      <c r="K2838" t="s">
        <v>14753</v>
      </c>
      <c r="M2838">
        <v>4186931</v>
      </c>
      <c r="O2838">
        <v>4718283</v>
      </c>
      <c r="P2838">
        <v>1</v>
      </c>
      <c r="Q2838">
        <v>7</v>
      </c>
      <c r="R2838" t="s">
        <v>14754</v>
      </c>
      <c r="S2838">
        <v>44573</v>
      </c>
    </row>
    <row r="2839" spans="1:19" x14ac:dyDescent="0.25">
      <c r="A2839">
        <v>37803284</v>
      </c>
      <c r="B2839" t="s">
        <v>14755</v>
      </c>
      <c r="C2839" s="1" t="s">
        <v>14756</v>
      </c>
      <c r="E2839">
        <v>2</v>
      </c>
      <c r="F2839">
        <v>0</v>
      </c>
      <c r="H2839" t="s">
        <v>14757</v>
      </c>
      <c r="J2839" t="s">
        <v>14758</v>
      </c>
      <c r="O2839">
        <v>2728020</v>
      </c>
      <c r="P2839">
        <v>1</v>
      </c>
      <c r="Q2839">
        <v>0</v>
      </c>
      <c r="R2839" t="s">
        <v>14759</v>
      </c>
      <c r="S2839">
        <v>397</v>
      </c>
    </row>
    <row r="2840" spans="1:19" x14ac:dyDescent="0.25">
      <c r="A2840">
        <v>16206629</v>
      </c>
      <c r="B2840" t="s">
        <v>14760</v>
      </c>
      <c r="C2840" s="1" t="s">
        <v>14761</v>
      </c>
      <c r="D2840">
        <v>16206651</v>
      </c>
      <c r="E2840">
        <v>5</v>
      </c>
      <c r="F2840">
        <v>0</v>
      </c>
      <c r="H2840" t="s">
        <v>14762</v>
      </c>
      <c r="I2840">
        <v>6</v>
      </c>
      <c r="J2840" t="s">
        <v>14763</v>
      </c>
      <c r="K2840" t="s">
        <v>14764</v>
      </c>
      <c r="M2840">
        <v>1331488</v>
      </c>
      <c r="O2840">
        <v>2293691</v>
      </c>
      <c r="P2840">
        <v>1</v>
      </c>
      <c r="Q2840">
        <v>6</v>
      </c>
      <c r="R2840" t="s">
        <v>14765</v>
      </c>
      <c r="S2840">
        <v>13467</v>
      </c>
    </row>
    <row r="2841" spans="1:19" x14ac:dyDescent="0.25">
      <c r="A2841">
        <v>46591324</v>
      </c>
      <c r="B2841" t="s">
        <v>14766</v>
      </c>
      <c r="C2841" s="1" t="s">
        <v>14767</v>
      </c>
      <c r="D2841">
        <v>46591395</v>
      </c>
      <c r="E2841">
        <v>1</v>
      </c>
      <c r="F2841">
        <v>0</v>
      </c>
      <c r="H2841" t="s">
        <v>14768</v>
      </c>
      <c r="J2841" t="s">
        <v>14769</v>
      </c>
      <c r="K2841" t="s">
        <v>14769</v>
      </c>
      <c r="M2841">
        <v>8404453</v>
      </c>
      <c r="O2841">
        <v>8727852</v>
      </c>
      <c r="P2841">
        <v>1</v>
      </c>
      <c r="Q2841">
        <v>0</v>
      </c>
      <c r="R2841" t="s">
        <v>14770</v>
      </c>
      <c r="S2841">
        <v>23</v>
      </c>
    </row>
    <row r="2842" spans="1:19" x14ac:dyDescent="0.25">
      <c r="A2842">
        <v>44280746</v>
      </c>
      <c r="B2842" t="s">
        <v>14771</v>
      </c>
      <c r="C2842" t="s">
        <v>14772</v>
      </c>
      <c r="E2842">
        <v>2</v>
      </c>
      <c r="F2842">
        <v>1</v>
      </c>
      <c r="H2842" t="s">
        <v>14773</v>
      </c>
      <c r="J2842" t="s">
        <v>14774</v>
      </c>
      <c r="O2842">
        <v>7965989</v>
      </c>
      <c r="P2842">
        <v>1</v>
      </c>
      <c r="Q2842">
        <v>0</v>
      </c>
      <c r="R2842" t="s">
        <v>14775</v>
      </c>
      <c r="S2842">
        <v>30</v>
      </c>
    </row>
    <row r="2843" spans="1:19" x14ac:dyDescent="0.25">
      <c r="A2843">
        <v>40693566</v>
      </c>
      <c r="B2843" t="s">
        <v>14776</v>
      </c>
      <c r="C2843" s="1" t="s">
        <v>14777</v>
      </c>
      <c r="E2843">
        <v>1</v>
      </c>
      <c r="F2843">
        <v>0</v>
      </c>
      <c r="H2843" t="s">
        <v>14778</v>
      </c>
      <c r="J2843" t="s">
        <v>14779</v>
      </c>
      <c r="O2843">
        <v>2528907</v>
      </c>
      <c r="P2843">
        <v>1</v>
      </c>
      <c r="Q2843">
        <v>4</v>
      </c>
      <c r="R2843" t="s">
        <v>14780</v>
      </c>
      <c r="S2843">
        <v>123</v>
      </c>
    </row>
    <row r="2844" spans="1:19" x14ac:dyDescent="0.25">
      <c r="A2844">
        <v>2602130</v>
      </c>
      <c r="B2844" t="s">
        <v>14781</v>
      </c>
      <c r="C2844" s="1" t="s">
        <v>14782</v>
      </c>
      <c r="D2844">
        <v>2602163</v>
      </c>
      <c r="E2844">
        <v>5</v>
      </c>
      <c r="F2844">
        <v>2</v>
      </c>
      <c r="H2844" t="s">
        <v>14783</v>
      </c>
      <c r="J2844" t="s">
        <v>14784</v>
      </c>
      <c r="K2844" t="s">
        <v>14785</v>
      </c>
      <c r="M2844">
        <v>608639</v>
      </c>
      <c r="O2844">
        <v>46011</v>
      </c>
      <c r="P2844">
        <v>1</v>
      </c>
      <c r="Q2844">
        <v>1</v>
      </c>
      <c r="R2844" t="s">
        <v>14786</v>
      </c>
      <c r="S2844">
        <v>16406</v>
      </c>
    </row>
    <row r="2845" spans="1:19" x14ac:dyDescent="0.25">
      <c r="A2845">
        <v>15111692</v>
      </c>
      <c r="B2845" t="s">
        <v>14787</v>
      </c>
      <c r="C2845" s="1" t="s">
        <v>14788</v>
      </c>
      <c r="D2845">
        <v>15111886</v>
      </c>
      <c r="E2845">
        <v>1</v>
      </c>
      <c r="F2845">
        <v>2</v>
      </c>
      <c r="H2845" t="s">
        <v>14789</v>
      </c>
      <c r="J2845" t="s">
        <v>14790</v>
      </c>
      <c r="K2845" t="s">
        <v>14791</v>
      </c>
      <c r="M2845">
        <v>2108300</v>
      </c>
      <c r="O2845">
        <v>2108300</v>
      </c>
      <c r="P2845">
        <v>1</v>
      </c>
      <c r="Q2845">
        <v>0</v>
      </c>
      <c r="R2845" t="s">
        <v>14792</v>
      </c>
      <c r="S2845">
        <v>788</v>
      </c>
    </row>
    <row r="2846" spans="1:19" x14ac:dyDescent="0.25">
      <c r="A2846">
        <v>53025945</v>
      </c>
      <c r="B2846" t="s">
        <v>14793</v>
      </c>
      <c r="C2846" s="1" t="s">
        <v>14794</v>
      </c>
      <c r="E2846">
        <v>0</v>
      </c>
      <c r="F2846">
        <v>0</v>
      </c>
      <c r="H2846" t="s">
        <v>14795</v>
      </c>
      <c r="I2846">
        <v>1</v>
      </c>
      <c r="J2846" t="s">
        <v>14796</v>
      </c>
      <c r="K2846" t="s">
        <v>14796</v>
      </c>
      <c r="M2846">
        <v>6241184</v>
      </c>
      <c r="O2846">
        <v>3655555</v>
      </c>
      <c r="P2846">
        <v>1</v>
      </c>
      <c r="Q2846">
        <v>0</v>
      </c>
      <c r="R2846" t="s">
        <v>14797</v>
      </c>
      <c r="S2846">
        <v>13</v>
      </c>
    </row>
    <row r="2847" spans="1:19" x14ac:dyDescent="0.25">
      <c r="A2847">
        <v>12286917</v>
      </c>
      <c r="B2847" t="s">
        <v>14798</v>
      </c>
      <c r="C2847" s="1" t="s">
        <v>14799</v>
      </c>
      <c r="D2847">
        <v>12294383</v>
      </c>
      <c r="E2847">
        <v>1</v>
      </c>
      <c r="F2847">
        <v>6</v>
      </c>
      <c r="H2847" t="s">
        <v>14800</v>
      </c>
      <c r="J2847" t="s">
        <v>14801</v>
      </c>
      <c r="O2847">
        <v>713826</v>
      </c>
      <c r="P2847">
        <v>1</v>
      </c>
      <c r="Q2847">
        <v>2</v>
      </c>
      <c r="R2847" t="s">
        <v>14802</v>
      </c>
      <c r="S2847">
        <v>3968</v>
      </c>
    </row>
    <row r="2848" spans="1:19" x14ac:dyDescent="0.25">
      <c r="A2848">
        <v>7419527</v>
      </c>
      <c r="B2848" t="s">
        <v>14803</v>
      </c>
      <c r="C2848" s="1" t="s">
        <v>14804</v>
      </c>
      <c r="E2848">
        <v>1</v>
      </c>
      <c r="F2848">
        <v>2</v>
      </c>
      <c r="H2848" t="s">
        <v>14805</v>
      </c>
      <c r="I2848">
        <v>0</v>
      </c>
      <c r="J2848" t="s">
        <v>14806</v>
      </c>
      <c r="O2848">
        <v>945053</v>
      </c>
      <c r="P2848">
        <v>1</v>
      </c>
      <c r="Q2848">
        <v>1</v>
      </c>
      <c r="R2848" t="s">
        <v>14807</v>
      </c>
      <c r="S2848">
        <v>70</v>
      </c>
    </row>
    <row r="2849" spans="1:19" x14ac:dyDescent="0.25">
      <c r="A2849">
        <v>50802566</v>
      </c>
      <c r="B2849" t="s">
        <v>14808</v>
      </c>
      <c r="C2849" s="1" t="s">
        <v>14809</v>
      </c>
      <c r="E2849">
        <v>0</v>
      </c>
      <c r="F2849">
        <v>0</v>
      </c>
      <c r="H2849" t="s">
        <v>14810</v>
      </c>
      <c r="J2849" t="s">
        <v>14810</v>
      </c>
      <c r="O2849">
        <v>3726610</v>
      </c>
      <c r="P2849">
        <v>1</v>
      </c>
      <c r="Q2849">
        <v>0</v>
      </c>
      <c r="R2849" t="s">
        <v>14811</v>
      </c>
      <c r="S2849">
        <v>53</v>
      </c>
    </row>
    <row r="2850" spans="1:19" x14ac:dyDescent="0.25">
      <c r="A2850">
        <v>34767918</v>
      </c>
      <c r="B2850" t="s">
        <v>14812</v>
      </c>
      <c r="C2850" s="1" t="s">
        <v>14813</v>
      </c>
      <c r="E2850">
        <v>1</v>
      </c>
      <c r="F2850">
        <v>6</v>
      </c>
      <c r="H2850" t="s">
        <v>14814</v>
      </c>
      <c r="J2850" t="s">
        <v>14815</v>
      </c>
      <c r="O2850">
        <v>3452657</v>
      </c>
      <c r="P2850">
        <v>1</v>
      </c>
      <c r="Q2850">
        <v>1</v>
      </c>
      <c r="R2850" t="s">
        <v>14816</v>
      </c>
      <c r="S2850">
        <v>1487</v>
      </c>
    </row>
    <row r="2851" spans="1:19" x14ac:dyDescent="0.25">
      <c r="A2851">
        <v>51019726</v>
      </c>
      <c r="B2851" t="s">
        <v>14817</v>
      </c>
      <c r="C2851" s="1" t="s">
        <v>14818</v>
      </c>
      <c r="D2851">
        <v>51020636</v>
      </c>
      <c r="E2851">
        <v>1</v>
      </c>
      <c r="F2851">
        <v>1</v>
      </c>
      <c r="H2851" t="s">
        <v>14819</v>
      </c>
      <c r="J2851" t="s">
        <v>14820</v>
      </c>
      <c r="K2851" t="s">
        <v>14820</v>
      </c>
      <c r="M2851">
        <v>1753960</v>
      </c>
      <c r="O2851">
        <v>9901309</v>
      </c>
      <c r="P2851">
        <v>1</v>
      </c>
      <c r="Q2851">
        <v>0</v>
      </c>
      <c r="R2851" t="s">
        <v>14821</v>
      </c>
      <c r="S2851">
        <v>71</v>
      </c>
    </row>
    <row r="2852" spans="1:19" x14ac:dyDescent="0.25">
      <c r="A2852">
        <v>5143656</v>
      </c>
      <c r="B2852" t="s">
        <v>14822</v>
      </c>
      <c r="C2852" s="1" t="s">
        <v>14823</v>
      </c>
      <c r="D2852">
        <v>5143737</v>
      </c>
      <c r="E2852">
        <v>1</v>
      </c>
      <c r="F2852">
        <v>0</v>
      </c>
      <c r="H2852" t="s">
        <v>14824</v>
      </c>
      <c r="J2852" t="s">
        <v>14825</v>
      </c>
      <c r="O2852">
        <v>84539</v>
      </c>
      <c r="P2852">
        <v>1</v>
      </c>
      <c r="Q2852">
        <v>0</v>
      </c>
      <c r="R2852" t="s">
        <v>14826</v>
      </c>
      <c r="S2852">
        <v>777</v>
      </c>
    </row>
    <row r="2853" spans="1:19" x14ac:dyDescent="0.25">
      <c r="A2853">
        <v>9984439</v>
      </c>
      <c r="B2853" t="s">
        <v>14827</v>
      </c>
      <c r="C2853" s="1" t="s">
        <v>14828</v>
      </c>
      <c r="D2853">
        <v>9986242</v>
      </c>
      <c r="E2853">
        <v>1</v>
      </c>
      <c r="F2853">
        <v>0</v>
      </c>
      <c r="H2853" t="s">
        <v>14829</v>
      </c>
      <c r="I2853">
        <v>1</v>
      </c>
      <c r="J2853" t="s">
        <v>14830</v>
      </c>
      <c r="O2853">
        <v>128571</v>
      </c>
      <c r="P2853">
        <v>1</v>
      </c>
      <c r="Q2853">
        <v>4</v>
      </c>
      <c r="R2853" t="s">
        <v>14831</v>
      </c>
      <c r="S2853">
        <v>1639</v>
      </c>
    </row>
    <row r="2854" spans="1:19" x14ac:dyDescent="0.25">
      <c r="A2854">
        <v>4526900</v>
      </c>
      <c r="B2854" t="s">
        <v>14832</v>
      </c>
      <c r="C2854" s="1" t="s">
        <v>14833</v>
      </c>
      <c r="D2854">
        <v>4526919</v>
      </c>
      <c r="E2854">
        <v>3</v>
      </c>
      <c r="F2854">
        <v>2</v>
      </c>
      <c r="H2854" t="s">
        <v>14834</v>
      </c>
      <c r="I2854">
        <v>3</v>
      </c>
      <c r="J2854" t="s">
        <v>14835</v>
      </c>
      <c r="O2854">
        <v>202313</v>
      </c>
      <c r="P2854">
        <v>1</v>
      </c>
      <c r="Q2854">
        <v>1</v>
      </c>
      <c r="R2854" t="s">
        <v>14836</v>
      </c>
      <c r="S2854">
        <v>725</v>
      </c>
    </row>
    <row r="2855" spans="1:19" x14ac:dyDescent="0.25">
      <c r="A2855">
        <v>16310323</v>
      </c>
      <c r="B2855" t="s">
        <v>14837</v>
      </c>
      <c r="C2855" s="1" t="s">
        <v>14838</v>
      </c>
      <c r="E2855">
        <v>0</v>
      </c>
      <c r="F2855">
        <v>1</v>
      </c>
      <c r="H2855" t="s">
        <v>14839</v>
      </c>
      <c r="J2855" t="s">
        <v>14839</v>
      </c>
      <c r="O2855">
        <v>2210969</v>
      </c>
      <c r="P2855">
        <v>1</v>
      </c>
      <c r="Q2855">
        <v>1</v>
      </c>
      <c r="R2855" t="s">
        <v>14840</v>
      </c>
      <c r="S2855">
        <v>683</v>
      </c>
    </row>
    <row r="2856" spans="1:19" x14ac:dyDescent="0.25">
      <c r="A2856">
        <v>20751245</v>
      </c>
      <c r="B2856" t="s">
        <v>14841</v>
      </c>
      <c r="C2856" s="1" t="s">
        <v>14842</v>
      </c>
      <c r="E2856">
        <v>0</v>
      </c>
      <c r="F2856">
        <v>6</v>
      </c>
      <c r="H2856" t="s">
        <v>14843</v>
      </c>
      <c r="J2856" t="s">
        <v>14843</v>
      </c>
      <c r="O2856">
        <v>3000529</v>
      </c>
      <c r="P2856">
        <v>1</v>
      </c>
      <c r="Q2856">
        <v>0</v>
      </c>
      <c r="R2856" t="s">
        <v>14844</v>
      </c>
      <c r="S2856">
        <v>72</v>
      </c>
    </row>
    <row r="2857" spans="1:19" x14ac:dyDescent="0.25">
      <c r="A2857">
        <v>22886207</v>
      </c>
      <c r="B2857" t="s">
        <v>14845</v>
      </c>
      <c r="C2857" s="1" t="s">
        <v>14846</v>
      </c>
      <c r="E2857">
        <v>0</v>
      </c>
      <c r="F2857">
        <v>4</v>
      </c>
      <c r="H2857" t="s">
        <v>14847</v>
      </c>
      <c r="J2857" t="s">
        <v>14848</v>
      </c>
      <c r="K2857" t="s">
        <v>14848</v>
      </c>
      <c r="M2857">
        <v>472495</v>
      </c>
      <c r="O2857">
        <v>2840063</v>
      </c>
      <c r="P2857">
        <v>1</v>
      </c>
      <c r="Q2857">
        <v>0</v>
      </c>
      <c r="R2857" t="s">
        <v>14849</v>
      </c>
      <c r="S2857">
        <v>23</v>
      </c>
    </row>
    <row r="2858" spans="1:19" x14ac:dyDescent="0.25">
      <c r="A2858">
        <v>16393792</v>
      </c>
      <c r="B2858" t="s">
        <v>14850</v>
      </c>
      <c r="C2858" s="1" t="s">
        <v>14851</v>
      </c>
      <c r="E2858">
        <v>2</v>
      </c>
      <c r="F2858">
        <v>0</v>
      </c>
      <c r="H2858" t="s">
        <v>14852</v>
      </c>
      <c r="J2858" t="s">
        <v>14853</v>
      </c>
      <c r="K2858" t="s">
        <v>14854</v>
      </c>
      <c r="M2858">
        <v>1568380</v>
      </c>
      <c r="O2858">
        <v>1568380</v>
      </c>
      <c r="P2858">
        <v>1</v>
      </c>
      <c r="Q2858">
        <v>1</v>
      </c>
      <c r="R2858" t="s">
        <v>14855</v>
      </c>
      <c r="S2858">
        <v>513</v>
      </c>
    </row>
    <row r="2859" spans="1:19" x14ac:dyDescent="0.25">
      <c r="A2859">
        <v>32721918</v>
      </c>
      <c r="B2859" t="s">
        <v>14856</v>
      </c>
      <c r="C2859" s="1" t="s">
        <v>14857</v>
      </c>
      <c r="D2859">
        <v>32722926</v>
      </c>
      <c r="E2859">
        <v>1</v>
      </c>
      <c r="F2859">
        <v>1</v>
      </c>
      <c r="H2859" t="s">
        <v>14858</v>
      </c>
      <c r="J2859" t="s">
        <v>14859</v>
      </c>
      <c r="O2859">
        <v>3989705</v>
      </c>
      <c r="P2859">
        <v>1</v>
      </c>
      <c r="Q2859">
        <v>1</v>
      </c>
      <c r="R2859" t="s">
        <v>14860</v>
      </c>
      <c r="S2859">
        <v>253</v>
      </c>
    </row>
    <row r="2860" spans="1:19" x14ac:dyDescent="0.25">
      <c r="A2860">
        <v>47279766</v>
      </c>
      <c r="B2860" t="s">
        <v>14861</v>
      </c>
      <c r="C2860" s="1" t="s">
        <v>14862</v>
      </c>
      <c r="E2860">
        <v>0</v>
      </c>
      <c r="F2860">
        <v>3</v>
      </c>
      <c r="H2860" t="s">
        <v>14863</v>
      </c>
      <c r="I2860">
        <v>0</v>
      </c>
      <c r="J2860" t="s">
        <v>14863</v>
      </c>
      <c r="O2860">
        <v>5525899</v>
      </c>
      <c r="P2860">
        <v>1</v>
      </c>
      <c r="Q2860">
        <v>0</v>
      </c>
      <c r="R2860" t="s">
        <v>14864</v>
      </c>
      <c r="S2860">
        <v>83</v>
      </c>
    </row>
    <row r="2861" spans="1:19" x14ac:dyDescent="0.25">
      <c r="A2861">
        <v>6380691</v>
      </c>
      <c r="B2861" t="s">
        <v>14865</v>
      </c>
      <c r="C2861" s="1" t="s">
        <v>14866</v>
      </c>
      <c r="D2861">
        <v>6380866</v>
      </c>
      <c r="E2861">
        <v>3</v>
      </c>
      <c r="F2861">
        <v>2</v>
      </c>
      <c r="H2861" t="s">
        <v>14867</v>
      </c>
      <c r="J2861" t="s">
        <v>14868</v>
      </c>
      <c r="K2861" t="s">
        <v>14869</v>
      </c>
      <c r="M2861">
        <v>618948</v>
      </c>
      <c r="O2861">
        <v>618948</v>
      </c>
      <c r="P2861">
        <v>1</v>
      </c>
      <c r="Q2861">
        <v>1</v>
      </c>
      <c r="R2861" t="s">
        <v>14870</v>
      </c>
      <c r="S2861">
        <v>5818</v>
      </c>
    </row>
    <row r="2862" spans="1:19" x14ac:dyDescent="0.25">
      <c r="A2862">
        <v>53408351</v>
      </c>
      <c r="B2862" t="s">
        <v>14871</v>
      </c>
      <c r="C2862" s="1" t="s">
        <v>14872</v>
      </c>
      <c r="D2862">
        <v>53411328</v>
      </c>
      <c r="E2862">
        <v>1</v>
      </c>
      <c r="F2862">
        <v>5</v>
      </c>
      <c r="H2862" t="s">
        <v>14873</v>
      </c>
      <c r="J2862" t="s">
        <v>14874</v>
      </c>
      <c r="K2862" t="s">
        <v>14875</v>
      </c>
      <c r="M2862">
        <v>3712591</v>
      </c>
      <c r="O2862">
        <v>3712591</v>
      </c>
      <c r="P2862">
        <v>1</v>
      </c>
      <c r="Q2862">
        <v>0</v>
      </c>
      <c r="R2862" t="s">
        <v>14876</v>
      </c>
      <c r="S2862">
        <v>35</v>
      </c>
    </row>
    <row r="2863" spans="1:19" x14ac:dyDescent="0.25">
      <c r="A2863">
        <v>19670655</v>
      </c>
      <c r="B2863" t="s">
        <v>14877</v>
      </c>
      <c r="C2863" s="1" t="s">
        <v>14878</v>
      </c>
      <c r="D2863">
        <v>19670679</v>
      </c>
      <c r="E2863">
        <v>1</v>
      </c>
      <c r="F2863">
        <v>0</v>
      </c>
      <c r="H2863" t="s">
        <v>14879</v>
      </c>
      <c r="J2863" t="s">
        <v>14880</v>
      </c>
      <c r="O2863">
        <v>619177</v>
      </c>
      <c r="P2863">
        <v>1</v>
      </c>
      <c r="Q2863">
        <v>0</v>
      </c>
      <c r="R2863" t="s">
        <v>14881</v>
      </c>
      <c r="S2863">
        <v>662</v>
      </c>
    </row>
    <row r="2864" spans="1:19" x14ac:dyDescent="0.25">
      <c r="A2864">
        <v>45253692</v>
      </c>
      <c r="B2864" t="s">
        <v>14882</v>
      </c>
      <c r="C2864" s="1" t="s">
        <v>14883</v>
      </c>
      <c r="E2864">
        <v>1</v>
      </c>
      <c r="F2864">
        <v>0</v>
      </c>
      <c r="H2864" t="s">
        <v>14884</v>
      </c>
      <c r="J2864" t="s">
        <v>14885</v>
      </c>
      <c r="K2864" t="s">
        <v>14885</v>
      </c>
      <c r="M2864">
        <v>6404723</v>
      </c>
      <c r="O2864">
        <v>6404723</v>
      </c>
      <c r="P2864">
        <v>1</v>
      </c>
      <c r="Q2864">
        <v>0</v>
      </c>
      <c r="R2864" t="s">
        <v>14886</v>
      </c>
      <c r="S2864">
        <v>304</v>
      </c>
    </row>
    <row r="2865" spans="1:19" x14ac:dyDescent="0.25">
      <c r="A2865">
        <v>18371046</v>
      </c>
      <c r="B2865" t="s">
        <v>14887</v>
      </c>
      <c r="C2865" s="1" t="s">
        <v>14888</v>
      </c>
      <c r="D2865">
        <v>18371191</v>
      </c>
      <c r="E2865">
        <v>1</v>
      </c>
      <c r="F2865">
        <v>1</v>
      </c>
      <c r="H2865" t="s">
        <v>14889</v>
      </c>
      <c r="J2865" t="s">
        <v>14890</v>
      </c>
      <c r="O2865">
        <v>964162</v>
      </c>
      <c r="P2865">
        <v>1</v>
      </c>
      <c r="Q2865">
        <v>0</v>
      </c>
      <c r="R2865" t="s">
        <v>14891</v>
      </c>
      <c r="S2865">
        <v>10109</v>
      </c>
    </row>
    <row r="2866" spans="1:19" x14ac:dyDescent="0.25">
      <c r="A2866">
        <v>6163999</v>
      </c>
      <c r="B2866" t="s">
        <v>14892</v>
      </c>
      <c r="C2866" s="1" t="s">
        <v>14893</v>
      </c>
      <c r="D2866">
        <v>6164038</v>
      </c>
      <c r="E2866">
        <v>2</v>
      </c>
      <c r="F2866">
        <v>0</v>
      </c>
      <c r="H2866" t="s">
        <v>14894</v>
      </c>
      <c r="I2866">
        <v>1</v>
      </c>
      <c r="J2866" t="s">
        <v>14895</v>
      </c>
      <c r="O2866">
        <v>651174</v>
      </c>
      <c r="P2866">
        <v>1</v>
      </c>
      <c r="Q2866">
        <v>2</v>
      </c>
      <c r="R2866" t="s">
        <v>14896</v>
      </c>
      <c r="S2866">
        <v>1993</v>
      </c>
    </row>
    <row r="2867" spans="1:19" x14ac:dyDescent="0.25">
      <c r="A2867">
        <v>37783632</v>
      </c>
      <c r="B2867" t="s">
        <v>14897</v>
      </c>
      <c r="C2867" s="1" t="s">
        <v>14898</v>
      </c>
      <c r="E2867">
        <v>3</v>
      </c>
      <c r="F2867">
        <v>0</v>
      </c>
      <c r="H2867" t="s">
        <v>14899</v>
      </c>
      <c r="J2867" t="s">
        <v>14900</v>
      </c>
      <c r="O2867">
        <v>1996979</v>
      </c>
      <c r="P2867">
        <v>1</v>
      </c>
      <c r="Q2867">
        <v>2</v>
      </c>
      <c r="R2867" t="s">
        <v>14901</v>
      </c>
      <c r="S2867">
        <v>6370</v>
      </c>
    </row>
    <row r="2868" spans="1:19" x14ac:dyDescent="0.25">
      <c r="A2868">
        <v>19308894</v>
      </c>
      <c r="B2868" t="s">
        <v>14902</v>
      </c>
      <c r="C2868" s="1" t="s">
        <v>14903</v>
      </c>
      <c r="D2868">
        <v>19333876</v>
      </c>
      <c r="E2868">
        <v>2</v>
      </c>
      <c r="F2868">
        <v>6</v>
      </c>
      <c r="H2868" t="s">
        <v>14904</v>
      </c>
      <c r="I2868">
        <v>1</v>
      </c>
      <c r="J2868" t="s">
        <v>14905</v>
      </c>
      <c r="K2868" t="s">
        <v>14906</v>
      </c>
      <c r="M2868">
        <v>390897</v>
      </c>
      <c r="O2868">
        <v>1950171</v>
      </c>
      <c r="P2868">
        <v>1</v>
      </c>
      <c r="Q2868">
        <v>2</v>
      </c>
      <c r="R2868" t="s">
        <v>14907</v>
      </c>
      <c r="S2868">
        <v>555</v>
      </c>
    </row>
    <row r="2869" spans="1:19" x14ac:dyDescent="0.25">
      <c r="A2869">
        <v>30235821</v>
      </c>
      <c r="B2869" t="s">
        <v>14908</v>
      </c>
      <c r="C2869" s="1" t="s">
        <v>14909</v>
      </c>
      <c r="D2869">
        <v>30237845</v>
      </c>
      <c r="E2869">
        <v>1</v>
      </c>
      <c r="F2869">
        <v>0</v>
      </c>
      <c r="H2869" t="s">
        <v>14910</v>
      </c>
      <c r="J2869" t="s">
        <v>14911</v>
      </c>
      <c r="K2869" t="s">
        <v>14911</v>
      </c>
      <c r="M2869">
        <v>2579685</v>
      </c>
      <c r="O2869">
        <v>2579685</v>
      </c>
      <c r="P2869">
        <v>1</v>
      </c>
      <c r="Q2869">
        <v>2</v>
      </c>
      <c r="R2869" t="s">
        <v>14912</v>
      </c>
      <c r="S2869">
        <v>720</v>
      </c>
    </row>
    <row r="2870" spans="1:19" x14ac:dyDescent="0.25">
      <c r="A2870">
        <v>22269065</v>
      </c>
      <c r="B2870" t="s">
        <v>14913</v>
      </c>
      <c r="C2870" s="1" t="s">
        <v>14914</v>
      </c>
      <c r="E2870">
        <v>1</v>
      </c>
      <c r="F2870">
        <v>10</v>
      </c>
      <c r="H2870" t="s">
        <v>14915</v>
      </c>
      <c r="I2870">
        <v>1</v>
      </c>
      <c r="J2870" t="s">
        <v>14916</v>
      </c>
      <c r="O2870">
        <v>3395981</v>
      </c>
      <c r="P2870">
        <v>1</v>
      </c>
      <c r="Q2870">
        <v>1</v>
      </c>
      <c r="R2870" t="s">
        <v>14917</v>
      </c>
      <c r="S2870">
        <v>245</v>
      </c>
    </row>
    <row r="2871" spans="1:19" x14ac:dyDescent="0.25">
      <c r="A2871">
        <v>22521042</v>
      </c>
      <c r="B2871" t="s">
        <v>14918</v>
      </c>
      <c r="C2871" s="1" t="s">
        <v>14919</v>
      </c>
      <c r="D2871">
        <v>22521077</v>
      </c>
      <c r="E2871">
        <v>1</v>
      </c>
      <c r="F2871">
        <v>0</v>
      </c>
      <c r="H2871" t="s">
        <v>14920</v>
      </c>
      <c r="J2871" t="s">
        <v>14921</v>
      </c>
      <c r="O2871">
        <v>3226709</v>
      </c>
      <c r="P2871">
        <v>1</v>
      </c>
      <c r="Q2871">
        <v>0</v>
      </c>
      <c r="R2871" t="s">
        <v>14922</v>
      </c>
      <c r="S2871">
        <v>151</v>
      </c>
    </row>
    <row r="2872" spans="1:19" x14ac:dyDescent="0.25">
      <c r="A2872">
        <v>43861523</v>
      </c>
      <c r="B2872" t="s">
        <v>14923</v>
      </c>
      <c r="C2872" s="1" t="s">
        <v>14924</v>
      </c>
      <c r="E2872">
        <v>1</v>
      </c>
      <c r="F2872">
        <v>5</v>
      </c>
      <c r="H2872" t="s">
        <v>14925</v>
      </c>
      <c r="J2872" t="s">
        <v>14926</v>
      </c>
      <c r="K2872" t="s">
        <v>14927</v>
      </c>
      <c r="M2872">
        <v>7984102</v>
      </c>
      <c r="O2872">
        <v>7984102</v>
      </c>
      <c r="P2872">
        <v>1</v>
      </c>
      <c r="Q2872">
        <v>1</v>
      </c>
      <c r="R2872" t="s">
        <v>14928</v>
      </c>
      <c r="S2872">
        <v>45</v>
      </c>
    </row>
    <row r="2873" spans="1:19" x14ac:dyDescent="0.25">
      <c r="A2873">
        <v>25040226</v>
      </c>
      <c r="B2873" t="s">
        <v>14929</v>
      </c>
      <c r="C2873" s="1" t="s">
        <v>14930</v>
      </c>
      <c r="E2873">
        <v>0</v>
      </c>
      <c r="F2873">
        <v>0</v>
      </c>
      <c r="H2873" t="s">
        <v>14931</v>
      </c>
      <c r="I2873">
        <v>0</v>
      </c>
      <c r="J2873" t="s">
        <v>14932</v>
      </c>
      <c r="K2873" t="s">
        <v>14932</v>
      </c>
      <c r="M2873">
        <v>284758</v>
      </c>
      <c r="O2873">
        <v>284758</v>
      </c>
      <c r="P2873">
        <v>1</v>
      </c>
      <c r="Q2873">
        <v>1</v>
      </c>
      <c r="R2873" t="s">
        <v>14933</v>
      </c>
      <c r="S2873">
        <v>733</v>
      </c>
    </row>
    <row r="2874" spans="1:19" x14ac:dyDescent="0.25">
      <c r="A2874">
        <v>1328768</v>
      </c>
      <c r="B2874" t="s">
        <v>14934</v>
      </c>
      <c r="C2874" s="1" t="s">
        <v>14935</v>
      </c>
      <c r="E2874">
        <v>1</v>
      </c>
      <c r="F2874">
        <v>0</v>
      </c>
      <c r="H2874" t="s">
        <v>14936</v>
      </c>
      <c r="I2874">
        <v>1</v>
      </c>
      <c r="J2874" t="s">
        <v>14937</v>
      </c>
      <c r="P2874">
        <v>1</v>
      </c>
      <c r="Q2874">
        <v>2</v>
      </c>
      <c r="R2874" t="s">
        <v>14938</v>
      </c>
      <c r="S2874">
        <v>3917</v>
      </c>
    </row>
    <row r="2875" spans="1:19" x14ac:dyDescent="0.25">
      <c r="A2875">
        <v>6825497</v>
      </c>
      <c r="B2875" t="s">
        <v>14939</v>
      </c>
      <c r="C2875" s="1" t="s">
        <v>14940</v>
      </c>
      <c r="E2875">
        <v>0</v>
      </c>
      <c r="F2875">
        <v>2</v>
      </c>
      <c r="H2875" t="s">
        <v>14941</v>
      </c>
      <c r="J2875" t="s">
        <v>14941</v>
      </c>
      <c r="O2875">
        <v>862777</v>
      </c>
      <c r="P2875">
        <v>1</v>
      </c>
      <c r="Q2875">
        <v>1</v>
      </c>
      <c r="R2875" t="s">
        <v>14942</v>
      </c>
      <c r="S2875">
        <v>678</v>
      </c>
    </row>
    <row r="2876" spans="1:19" x14ac:dyDescent="0.25">
      <c r="A2876">
        <v>43057965</v>
      </c>
      <c r="B2876" t="s">
        <v>14943</v>
      </c>
      <c r="C2876" s="1" t="s">
        <v>14944</v>
      </c>
      <c r="E2876">
        <v>1</v>
      </c>
      <c r="F2876">
        <v>1</v>
      </c>
      <c r="H2876" t="s">
        <v>14945</v>
      </c>
      <c r="I2876">
        <v>1</v>
      </c>
      <c r="J2876" t="s">
        <v>14946</v>
      </c>
      <c r="K2876" t="s">
        <v>14947</v>
      </c>
      <c r="M2876">
        <v>1226963</v>
      </c>
      <c r="O2876">
        <v>5152814</v>
      </c>
      <c r="P2876">
        <v>1</v>
      </c>
      <c r="Q2876">
        <v>1</v>
      </c>
      <c r="R2876" t="s">
        <v>2886</v>
      </c>
      <c r="S2876">
        <v>51</v>
      </c>
    </row>
    <row r="2877" spans="1:19" x14ac:dyDescent="0.25">
      <c r="A2877">
        <v>52841811</v>
      </c>
      <c r="B2877" t="s">
        <v>14948</v>
      </c>
      <c r="C2877" s="1" t="s">
        <v>14949</v>
      </c>
      <c r="E2877">
        <v>1</v>
      </c>
      <c r="F2877">
        <v>4</v>
      </c>
      <c r="H2877" t="s">
        <v>14950</v>
      </c>
      <c r="J2877" t="s">
        <v>14951</v>
      </c>
      <c r="O2877">
        <v>10507632</v>
      </c>
      <c r="P2877">
        <v>1</v>
      </c>
      <c r="Q2877">
        <v>0</v>
      </c>
      <c r="R2877" t="s">
        <v>9673</v>
      </c>
      <c r="S2877">
        <v>18</v>
      </c>
    </row>
    <row r="2878" spans="1:19" x14ac:dyDescent="0.25">
      <c r="A2878">
        <v>31288825</v>
      </c>
      <c r="B2878" t="s">
        <v>14952</v>
      </c>
      <c r="C2878" s="1" t="s">
        <v>14953</v>
      </c>
      <c r="E2878">
        <v>0</v>
      </c>
      <c r="F2878">
        <v>4</v>
      </c>
      <c r="H2878" t="s">
        <v>14954</v>
      </c>
      <c r="J2878" t="s">
        <v>14954</v>
      </c>
      <c r="O2878">
        <v>4783157</v>
      </c>
      <c r="P2878">
        <v>1</v>
      </c>
      <c r="Q2878">
        <v>0</v>
      </c>
      <c r="R2878" t="s">
        <v>574</v>
      </c>
      <c r="S2878">
        <v>734</v>
      </c>
    </row>
    <row r="2879" spans="1:19" x14ac:dyDescent="0.25">
      <c r="A2879">
        <v>2679561</v>
      </c>
      <c r="B2879" t="s">
        <v>14955</v>
      </c>
      <c r="C2879" s="1" t="s">
        <v>14956</v>
      </c>
      <c r="D2879">
        <v>2679689</v>
      </c>
      <c r="E2879">
        <v>1</v>
      </c>
      <c r="F2879">
        <v>1</v>
      </c>
      <c r="H2879" t="s">
        <v>14957</v>
      </c>
      <c r="J2879" t="s">
        <v>14958</v>
      </c>
      <c r="K2879" t="s">
        <v>14958</v>
      </c>
      <c r="M2879">
        <v>295909</v>
      </c>
      <c r="O2879">
        <v>295909</v>
      </c>
      <c r="P2879">
        <v>1</v>
      </c>
      <c r="Q2879">
        <v>1</v>
      </c>
      <c r="R2879" t="s">
        <v>14959</v>
      </c>
      <c r="S2879">
        <v>1079</v>
      </c>
    </row>
    <row r="2880" spans="1:19" x14ac:dyDescent="0.25">
      <c r="A2880">
        <v>39291537</v>
      </c>
      <c r="B2880" t="s">
        <v>14960</v>
      </c>
      <c r="C2880" s="1" t="s">
        <v>14961</v>
      </c>
      <c r="E2880">
        <v>0</v>
      </c>
      <c r="F2880">
        <v>6</v>
      </c>
      <c r="H2880" t="s">
        <v>14962</v>
      </c>
      <c r="J2880" t="s">
        <v>14963</v>
      </c>
      <c r="K2880" t="s">
        <v>14964</v>
      </c>
      <c r="M2880">
        <v>567902</v>
      </c>
      <c r="O2880">
        <v>4491482</v>
      </c>
      <c r="P2880">
        <v>1</v>
      </c>
      <c r="Q2880">
        <v>1</v>
      </c>
      <c r="R2880" t="s">
        <v>14965</v>
      </c>
      <c r="S2880">
        <v>116</v>
      </c>
    </row>
    <row r="2881" spans="1:19" x14ac:dyDescent="0.25">
      <c r="A2881">
        <v>39284732</v>
      </c>
      <c r="B2881" t="s">
        <v>14966</v>
      </c>
      <c r="C2881" s="1" t="s">
        <v>14967</v>
      </c>
      <c r="D2881">
        <v>39284760</v>
      </c>
      <c r="E2881">
        <v>1</v>
      </c>
      <c r="F2881">
        <v>5</v>
      </c>
      <c r="H2881" t="s">
        <v>14968</v>
      </c>
      <c r="J2881" t="s">
        <v>14969</v>
      </c>
      <c r="O2881">
        <v>6720430</v>
      </c>
      <c r="P2881">
        <v>1</v>
      </c>
      <c r="Q2881">
        <v>0</v>
      </c>
      <c r="R2881" t="s">
        <v>413</v>
      </c>
      <c r="S2881">
        <v>206</v>
      </c>
    </row>
    <row r="2882" spans="1:19" x14ac:dyDescent="0.25">
      <c r="A2882">
        <v>20367132</v>
      </c>
      <c r="B2882" t="s">
        <v>14970</v>
      </c>
      <c r="C2882" t="s">
        <v>14971</v>
      </c>
      <c r="E2882">
        <v>1</v>
      </c>
      <c r="F2882">
        <v>1</v>
      </c>
      <c r="H2882" t="s">
        <v>14972</v>
      </c>
      <c r="J2882" t="s">
        <v>14973</v>
      </c>
      <c r="O2882">
        <v>3039976</v>
      </c>
      <c r="P2882">
        <v>1</v>
      </c>
      <c r="Q2882">
        <v>2</v>
      </c>
      <c r="R2882" t="s">
        <v>14974</v>
      </c>
      <c r="S2882">
        <v>139</v>
      </c>
    </row>
    <row r="2883" spans="1:19" x14ac:dyDescent="0.25">
      <c r="A2883">
        <v>39652705</v>
      </c>
      <c r="B2883" t="s">
        <v>14975</v>
      </c>
      <c r="C2883" s="1" t="s">
        <v>14976</v>
      </c>
      <c r="E2883">
        <v>0</v>
      </c>
      <c r="F2883">
        <v>0</v>
      </c>
      <c r="H2883" t="s">
        <v>14977</v>
      </c>
      <c r="I2883">
        <v>1</v>
      </c>
      <c r="J2883" t="s">
        <v>14977</v>
      </c>
      <c r="O2883">
        <v>6669342</v>
      </c>
      <c r="P2883">
        <v>1</v>
      </c>
      <c r="Q2883">
        <v>1</v>
      </c>
      <c r="R2883" t="s">
        <v>14978</v>
      </c>
      <c r="S2883">
        <v>220</v>
      </c>
    </row>
    <row r="2884" spans="1:19" x14ac:dyDescent="0.25">
      <c r="A2884">
        <v>14011125</v>
      </c>
      <c r="B2884" t="s">
        <v>14979</v>
      </c>
      <c r="C2884" s="1" t="s">
        <v>14980</v>
      </c>
      <c r="E2884">
        <v>2</v>
      </c>
      <c r="F2884">
        <v>2</v>
      </c>
      <c r="H2884" t="s">
        <v>14981</v>
      </c>
      <c r="I2884">
        <v>1</v>
      </c>
      <c r="J2884" t="s">
        <v>14982</v>
      </c>
      <c r="O2884">
        <v>702275</v>
      </c>
      <c r="P2884">
        <v>1</v>
      </c>
      <c r="Q2884">
        <v>1</v>
      </c>
      <c r="R2884" t="s">
        <v>14983</v>
      </c>
      <c r="S2884">
        <v>2551</v>
      </c>
    </row>
    <row r="2885" spans="1:19" x14ac:dyDescent="0.25">
      <c r="A2885">
        <v>44207726</v>
      </c>
      <c r="B2885" t="s">
        <v>14984</v>
      </c>
      <c r="C2885" s="1" t="s">
        <v>14985</v>
      </c>
      <c r="E2885">
        <v>2</v>
      </c>
      <c r="F2885">
        <v>0</v>
      </c>
      <c r="H2885" t="s">
        <v>14986</v>
      </c>
      <c r="J2885" t="s">
        <v>14987</v>
      </c>
      <c r="O2885">
        <v>3375695</v>
      </c>
      <c r="P2885">
        <v>1</v>
      </c>
      <c r="Q2885">
        <v>1</v>
      </c>
      <c r="R2885" t="s">
        <v>3104</v>
      </c>
      <c r="S2885">
        <v>74</v>
      </c>
    </row>
    <row r="2886" spans="1:19" x14ac:dyDescent="0.25">
      <c r="A2886">
        <v>31427571</v>
      </c>
      <c r="B2886" t="s">
        <v>14988</v>
      </c>
      <c r="C2886" s="1" t="s">
        <v>14989</v>
      </c>
      <c r="D2886">
        <v>31427899</v>
      </c>
      <c r="E2886">
        <v>2</v>
      </c>
      <c r="F2886">
        <v>4</v>
      </c>
      <c r="H2886" t="s">
        <v>14990</v>
      </c>
      <c r="J2886" t="s">
        <v>14991</v>
      </c>
      <c r="K2886" t="s">
        <v>14992</v>
      </c>
      <c r="M2886">
        <v>63658</v>
      </c>
      <c r="O2886">
        <v>63658</v>
      </c>
      <c r="P2886">
        <v>1</v>
      </c>
      <c r="Q2886">
        <v>2</v>
      </c>
      <c r="R2886" t="s">
        <v>14993</v>
      </c>
      <c r="S2886">
        <v>55</v>
      </c>
    </row>
    <row r="2887" spans="1:19" x14ac:dyDescent="0.25">
      <c r="A2887">
        <v>34757293</v>
      </c>
      <c r="B2887" t="s">
        <v>14994</v>
      </c>
      <c r="C2887" s="1" t="s">
        <v>14995</v>
      </c>
      <c r="E2887">
        <v>1</v>
      </c>
      <c r="F2887">
        <v>0</v>
      </c>
      <c r="H2887" t="s">
        <v>14996</v>
      </c>
      <c r="I2887">
        <v>1</v>
      </c>
      <c r="J2887" t="s">
        <v>14997</v>
      </c>
      <c r="K2887" t="s">
        <v>14998</v>
      </c>
      <c r="M2887">
        <v>5677198</v>
      </c>
      <c r="O2887">
        <v>5677198</v>
      </c>
      <c r="P2887">
        <v>1</v>
      </c>
      <c r="Q2887">
        <v>1</v>
      </c>
      <c r="R2887" t="s">
        <v>14999</v>
      </c>
      <c r="S2887">
        <v>532</v>
      </c>
    </row>
    <row r="2888" spans="1:19" x14ac:dyDescent="0.25">
      <c r="A2888">
        <v>31063216</v>
      </c>
      <c r="B2888" t="s">
        <v>15000</v>
      </c>
      <c r="C2888" s="1" t="s">
        <v>15001</v>
      </c>
      <c r="D2888">
        <v>31064113</v>
      </c>
      <c r="E2888">
        <v>3</v>
      </c>
      <c r="F2888">
        <v>0</v>
      </c>
      <c r="H2888" t="s">
        <v>15002</v>
      </c>
      <c r="I2888">
        <v>1</v>
      </c>
      <c r="J2888" t="s">
        <v>15003</v>
      </c>
      <c r="O2888">
        <v>4934997</v>
      </c>
      <c r="P2888">
        <v>1</v>
      </c>
      <c r="Q2888">
        <v>1</v>
      </c>
      <c r="R2888" t="s">
        <v>15004</v>
      </c>
      <c r="S2888">
        <v>18570</v>
      </c>
    </row>
    <row r="2889" spans="1:19" x14ac:dyDescent="0.25">
      <c r="A2889">
        <v>30846067</v>
      </c>
      <c r="B2889" t="s">
        <v>15005</v>
      </c>
      <c r="C2889" s="1" t="s">
        <v>15006</v>
      </c>
      <c r="D2889">
        <v>30847211</v>
      </c>
      <c r="E2889">
        <v>1</v>
      </c>
      <c r="F2889">
        <v>2</v>
      </c>
      <c r="H2889" t="s">
        <v>15007</v>
      </c>
      <c r="J2889" t="s">
        <v>15008</v>
      </c>
      <c r="K2889" t="s">
        <v>15009</v>
      </c>
      <c r="M2889">
        <v>138033</v>
      </c>
      <c r="O2889">
        <v>138033</v>
      </c>
      <c r="P2889">
        <v>1</v>
      </c>
      <c r="Q2889">
        <v>0</v>
      </c>
      <c r="R2889" t="s">
        <v>15010</v>
      </c>
      <c r="S2889">
        <v>99</v>
      </c>
    </row>
    <row r="2890" spans="1:19" x14ac:dyDescent="0.25">
      <c r="A2890">
        <v>1154511</v>
      </c>
      <c r="B2890" t="s">
        <v>15011</v>
      </c>
      <c r="C2890" s="1" t="s">
        <v>15012</v>
      </c>
      <c r="D2890">
        <v>1154539</v>
      </c>
      <c r="E2890">
        <v>3</v>
      </c>
      <c r="F2890">
        <v>0</v>
      </c>
      <c r="H2890" t="s">
        <v>15013</v>
      </c>
      <c r="J2890" t="s">
        <v>15014</v>
      </c>
      <c r="O2890">
        <v>1754229</v>
      </c>
      <c r="P2890">
        <v>1</v>
      </c>
      <c r="Q2890">
        <v>0</v>
      </c>
      <c r="R2890" t="s">
        <v>11552</v>
      </c>
      <c r="S2890">
        <v>386</v>
      </c>
    </row>
    <row r="2891" spans="1:19" x14ac:dyDescent="0.25">
      <c r="A2891">
        <v>24623048</v>
      </c>
      <c r="B2891" t="s">
        <v>15015</v>
      </c>
      <c r="C2891" s="1" t="s">
        <v>15016</v>
      </c>
      <c r="D2891">
        <v>24626959</v>
      </c>
      <c r="E2891">
        <v>2</v>
      </c>
      <c r="F2891">
        <v>0</v>
      </c>
      <c r="H2891" t="s">
        <v>15017</v>
      </c>
      <c r="J2891" t="s">
        <v>15018</v>
      </c>
      <c r="O2891">
        <v>1529007</v>
      </c>
      <c r="P2891">
        <v>1</v>
      </c>
      <c r="Q2891">
        <v>1</v>
      </c>
      <c r="R2891" t="s">
        <v>15019</v>
      </c>
      <c r="S2891">
        <v>76</v>
      </c>
    </row>
    <row r="2892" spans="1:19" x14ac:dyDescent="0.25">
      <c r="A2892">
        <v>17130500</v>
      </c>
      <c r="B2892" t="s">
        <v>15020</v>
      </c>
      <c r="C2892" s="1" t="s">
        <v>15021</v>
      </c>
      <c r="D2892">
        <v>17130634</v>
      </c>
      <c r="E2892">
        <v>1</v>
      </c>
      <c r="F2892">
        <v>0</v>
      </c>
      <c r="H2892" t="s">
        <v>15022</v>
      </c>
      <c r="J2892" t="s">
        <v>15023</v>
      </c>
      <c r="K2892" t="s">
        <v>15023</v>
      </c>
      <c r="M2892">
        <v>962146</v>
      </c>
      <c r="O2892">
        <v>962146</v>
      </c>
      <c r="P2892">
        <v>1</v>
      </c>
      <c r="Q2892">
        <v>0</v>
      </c>
      <c r="R2892" t="s">
        <v>15024</v>
      </c>
      <c r="S2892">
        <v>319</v>
      </c>
    </row>
    <row r="2893" spans="1:19" x14ac:dyDescent="0.25">
      <c r="A2893">
        <v>47227394</v>
      </c>
      <c r="B2893" t="s">
        <v>15025</v>
      </c>
      <c r="C2893" s="1" t="s">
        <v>15026</v>
      </c>
      <c r="E2893">
        <v>1</v>
      </c>
      <c r="F2893">
        <v>13</v>
      </c>
      <c r="H2893" t="s">
        <v>15027</v>
      </c>
      <c r="J2893" t="s">
        <v>15028</v>
      </c>
      <c r="K2893" t="s">
        <v>15029</v>
      </c>
      <c r="M2893">
        <v>6017365</v>
      </c>
      <c r="O2893">
        <v>6017365</v>
      </c>
      <c r="P2893">
        <v>1</v>
      </c>
      <c r="Q2893">
        <v>0</v>
      </c>
      <c r="R2893" t="s">
        <v>15030</v>
      </c>
      <c r="S2893">
        <v>138</v>
      </c>
    </row>
    <row r="2894" spans="1:19" x14ac:dyDescent="0.25">
      <c r="A2894">
        <v>27321523</v>
      </c>
      <c r="B2894" t="s">
        <v>15031</v>
      </c>
      <c r="C2894" s="1" t="s">
        <v>15032</v>
      </c>
      <c r="E2894">
        <v>2</v>
      </c>
      <c r="F2894">
        <v>0</v>
      </c>
      <c r="H2894" t="s">
        <v>15033</v>
      </c>
      <c r="I2894">
        <v>1</v>
      </c>
      <c r="J2894" t="s">
        <v>15034</v>
      </c>
      <c r="O2894">
        <v>1901272</v>
      </c>
      <c r="P2894">
        <v>1</v>
      </c>
      <c r="Q2894">
        <v>1</v>
      </c>
      <c r="R2894" t="s">
        <v>15035</v>
      </c>
      <c r="S2894">
        <v>2834</v>
      </c>
    </row>
    <row r="2895" spans="1:19" x14ac:dyDescent="0.25">
      <c r="A2895">
        <v>46724247</v>
      </c>
      <c r="B2895" t="s">
        <v>15036</v>
      </c>
      <c r="C2895" s="1" t="s">
        <v>15037</v>
      </c>
      <c r="E2895">
        <v>1</v>
      </c>
      <c r="F2895">
        <v>5</v>
      </c>
      <c r="H2895" t="s">
        <v>15038</v>
      </c>
      <c r="J2895" t="s">
        <v>15039</v>
      </c>
      <c r="O2895">
        <v>1638417</v>
      </c>
      <c r="P2895">
        <v>1</v>
      </c>
      <c r="Q2895">
        <v>0</v>
      </c>
      <c r="R2895" t="s">
        <v>15040</v>
      </c>
      <c r="S2895">
        <v>72</v>
      </c>
    </row>
    <row r="2896" spans="1:19" x14ac:dyDescent="0.25">
      <c r="A2896">
        <v>34032690</v>
      </c>
      <c r="B2896" t="s">
        <v>15041</v>
      </c>
      <c r="C2896" s="1" t="s">
        <v>15042</v>
      </c>
      <c r="E2896">
        <v>0</v>
      </c>
      <c r="F2896">
        <v>4</v>
      </c>
      <c r="H2896" t="s">
        <v>15043</v>
      </c>
      <c r="J2896" t="s">
        <v>15044</v>
      </c>
      <c r="K2896" t="s">
        <v>15044</v>
      </c>
      <c r="M2896">
        <v>157882</v>
      </c>
      <c r="O2896">
        <v>5628007</v>
      </c>
      <c r="P2896">
        <v>1</v>
      </c>
      <c r="Q2896">
        <v>0</v>
      </c>
      <c r="R2896" t="s">
        <v>12962</v>
      </c>
      <c r="S2896">
        <v>77</v>
      </c>
    </row>
    <row r="2897" spans="1:19" x14ac:dyDescent="0.25">
      <c r="A2897">
        <v>36227114</v>
      </c>
      <c r="B2897" t="s">
        <v>15045</v>
      </c>
      <c r="C2897" s="1" t="s">
        <v>15046</v>
      </c>
      <c r="D2897">
        <v>36227357</v>
      </c>
      <c r="E2897">
        <v>1</v>
      </c>
      <c r="F2897">
        <v>3</v>
      </c>
      <c r="H2897" t="s">
        <v>15047</v>
      </c>
      <c r="I2897">
        <v>1</v>
      </c>
      <c r="J2897" t="s">
        <v>15048</v>
      </c>
      <c r="O2897">
        <v>6115463</v>
      </c>
      <c r="P2897">
        <v>1</v>
      </c>
      <c r="Q2897">
        <v>0</v>
      </c>
      <c r="R2897" t="s">
        <v>15049</v>
      </c>
      <c r="S2897">
        <v>51</v>
      </c>
    </row>
    <row r="2898" spans="1:19" x14ac:dyDescent="0.25">
      <c r="A2898">
        <v>4659258</v>
      </c>
      <c r="B2898" t="s">
        <v>15050</v>
      </c>
      <c r="C2898" t="s">
        <v>15051</v>
      </c>
      <c r="E2898">
        <v>1</v>
      </c>
      <c r="F2898">
        <v>0</v>
      </c>
      <c r="H2898" t="s">
        <v>15052</v>
      </c>
      <c r="J2898" t="s">
        <v>15053</v>
      </c>
      <c r="O2898">
        <v>138606</v>
      </c>
      <c r="P2898">
        <v>1</v>
      </c>
      <c r="Q2898">
        <v>0</v>
      </c>
      <c r="R2898" t="s">
        <v>15054</v>
      </c>
      <c r="S2898">
        <v>484</v>
      </c>
    </row>
    <row r="2899" spans="1:19" x14ac:dyDescent="0.25">
      <c r="A2899">
        <v>47100616</v>
      </c>
      <c r="B2899" t="s">
        <v>15055</v>
      </c>
      <c r="C2899" s="1" t="s">
        <v>15056</v>
      </c>
      <c r="D2899">
        <v>47101175</v>
      </c>
      <c r="E2899">
        <v>1</v>
      </c>
      <c r="F2899">
        <v>8</v>
      </c>
      <c r="H2899" t="s">
        <v>15057</v>
      </c>
      <c r="J2899" t="s">
        <v>15058</v>
      </c>
      <c r="K2899" t="s">
        <v>15059</v>
      </c>
      <c r="M2899">
        <v>4014798</v>
      </c>
      <c r="O2899">
        <v>4014798</v>
      </c>
      <c r="P2899">
        <v>1</v>
      </c>
      <c r="Q2899">
        <v>-1</v>
      </c>
      <c r="R2899" t="s">
        <v>15060</v>
      </c>
      <c r="S2899">
        <v>132</v>
      </c>
    </row>
    <row r="2900" spans="1:19" x14ac:dyDescent="0.25">
      <c r="A2900">
        <v>10886374</v>
      </c>
      <c r="B2900" t="s">
        <v>15061</v>
      </c>
      <c r="C2900" s="1" t="s">
        <v>15062</v>
      </c>
      <c r="D2900">
        <v>10886540</v>
      </c>
      <c r="E2900">
        <v>1</v>
      </c>
      <c r="F2900">
        <v>0</v>
      </c>
      <c r="H2900" t="s">
        <v>15063</v>
      </c>
      <c r="J2900" t="s">
        <v>15064</v>
      </c>
      <c r="K2900" t="s">
        <v>15064</v>
      </c>
      <c r="M2900">
        <v>106224</v>
      </c>
      <c r="O2900">
        <v>1121737</v>
      </c>
      <c r="P2900">
        <v>1</v>
      </c>
      <c r="Q2900">
        <v>0</v>
      </c>
      <c r="R2900" t="s">
        <v>15065</v>
      </c>
      <c r="S2900">
        <v>123</v>
      </c>
    </row>
    <row r="2901" spans="1:19" x14ac:dyDescent="0.25">
      <c r="A2901">
        <v>21757151</v>
      </c>
      <c r="B2901" t="s">
        <v>15066</v>
      </c>
      <c r="C2901" s="1" t="s">
        <v>15067</v>
      </c>
      <c r="D2901">
        <v>21757962</v>
      </c>
      <c r="E2901">
        <v>1</v>
      </c>
      <c r="F2901">
        <v>2</v>
      </c>
      <c r="H2901" t="s">
        <v>15068</v>
      </c>
      <c r="J2901" t="s">
        <v>15069</v>
      </c>
      <c r="K2901" t="s">
        <v>15069</v>
      </c>
      <c r="M2901">
        <v>1226963</v>
      </c>
      <c r="O2901">
        <v>1791184</v>
      </c>
      <c r="P2901">
        <v>1</v>
      </c>
      <c r="Q2901">
        <v>0</v>
      </c>
      <c r="R2901" t="s">
        <v>15070</v>
      </c>
      <c r="S2901">
        <v>70</v>
      </c>
    </row>
    <row r="2902" spans="1:19" x14ac:dyDescent="0.25">
      <c r="A2902">
        <v>39712133</v>
      </c>
      <c r="B2902" t="s">
        <v>15071</v>
      </c>
      <c r="C2902" t="s">
        <v>15072</v>
      </c>
      <c r="E2902">
        <v>1</v>
      </c>
      <c r="F2902">
        <v>1</v>
      </c>
      <c r="H2902" t="s">
        <v>15073</v>
      </c>
      <c r="J2902" t="s">
        <v>15074</v>
      </c>
      <c r="O2902">
        <v>6884476</v>
      </c>
      <c r="P2902">
        <v>1</v>
      </c>
      <c r="Q2902">
        <v>-1</v>
      </c>
      <c r="R2902" t="s">
        <v>7310</v>
      </c>
      <c r="S2902">
        <v>641</v>
      </c>
    </row>
    <row r="2903" spans="1:19" x14ac:dyDescent="0.25">
      <c r="A2903">
        <v>4924379</v>
      </c>
      <c r="B2903" t="s">
        <v>15075</v>
      </c>
      <c r="C2903" s="1" t="s">
        <v>15076</v>
      </c>
      <c r="D2903">
        <v>4924517</v>
      </c>
      <c r="E2903">
        <v>3</v>
      </c>
      <c r="F2903">
        <v>2</v>
      </c>
      <c r="H2903" t="s">
        <v>15077</v>
      </c>
      <c r="J2903" t="s">
        <v>15078</v>
      </c>
      <c r="K2903" t="s">
        <v>15079</v>
      </c>
      <c r="M2903">
        <v>476945</v>
      </c>
      <c r="O2903">
        <v>537794</v>
      </c>
      <c r="P2903">
        <v>1</v>
      </c>
      <c r="Q2903">
        <v>1</v>
      </c>
      <c r="R2903" t="s">
        <v>15080</v>
      </c>
      <c r="S2903">
        <v>3741</v>
      </c>
    </row>
    <row r="2904" spans="1:19" x14ac:dyDescent="0.25">
      <c r="A2904">
        <v>28313998</v>
      </c>
      <c r="B2904" t="s">
        <v>15081</v>
      </c>
      <c r="C2904" s="1" t="s">
        <v>15082</v>
      </c>
      <c r="D2904">
        <v>28315304</v>
      </c>
      <c r="E2904">
        <v>1</v>
      </c>
      <c r="F2904">
        <v>0</v>
      </c>
      <c r="H2904" t="s">
        <v>15083</v>
      </c>
      <c r="I2904">
        <v>0</v>
      </c>
      <c r="J2904" t="s">
        <v>15084</v>
      </c>
      <c r="O2904">
        <v>905283</v>
      </c>
      <c r="P2904">
        <v>1</v>
      </c>
      <c r="Q2904">
        <v>2</v>
      </c>
      <c r="R2904" t="s">
        <v>15085</v>
      </c>
      <c r="S2904">
        <v>761</v>
      </c>
    </row>
    <row r="2905" spans="1:19" x14ac:dyDescent="0.25">
      <c r="A2905">
        <v>12877639</v>
      </c>
      <c r="B2905" t="s">
        <v>15086</v>
      </c>
      <c r="C2905" s="1" t="s">
        <v>15087</v>
      </c>
      <c r="E2905">
        <v>1</v>
      </c>
      <c r="F2905">
        <v>2</v>
      </c>
      <c r="H2905" t="s">
        <v>15088</v>
      </c>
      <c r="J2905" t="s">
        <v>15089</v>
      </c>
      <c r="O2905">
        <v>1174400</v>
      </c>
      <c r="P2905">
        <v>1</v>
      </c>
      <c r="Q2905">
        <v>1</v>
      </c>
      <c r="R2905" t="s">
        <v>15090</v>
      </c>
      <c r="S2905">
        <v>466</v>
      </c>
    </row>
    <row r="2906" spans="1:19" x14ac:dyDescent="0.25">
      <c r="A2906">
        <v>2011403</v>
      </c>
      <c r="B2906" t="s">
        <v>15091</v>
      </c>
      <c r="C2906" s="1" t="s">
        <v>15092</v>
      </c>
      <c r="D2906">
        <v>2062144</v>
      </c>
      <c r="E2906">
        <v>3</v>
      </c>
      <c r="F2906">
        <v>4</v>
      </c>
      <c r="H2906" t="s">
        <v>15093</v>
      </c>
      <c r="I2906">
        <v>1</v>
      </c>
      <c r="J2906" t="s">
        <v>15094</v>
      </c>
      <c r="K2906" t="s">
        <v>15095</v>
      </c>
      <c r="M2906">
        <v>135946</v>
      </c>
      <c r="O2906">
        <v>135946</v>
      </c>
      <c r="P2906">
        <v>1</v>
      </c>
      <c r="Q2906">
        <v>12</v>
      </c>
      <c r="R2906" t="s">
        <v>15096</v>
      </c>
      <c r="S2906">
        <v>14514</v>
      </c>
    </row>
    <row r="2907" spans="1:19" x14ac:dyDescent="0.25">
      <c r="A2907">
        <v>11514827</v>
      </c>
      <c r="B2907" t="s">
        <v>15097</v>
      </c>
      <c r="C2907" s="1" t="s">
        <v>15098</v>
      </c>
      <c r="D2907">
        <v>11519234</v>
      </c>
      <c r="E2907">
        <v>1</v>
      </c>
      <c r="F2907">
        <v>0</v>
      </c>
      <c r="H2907" t="s">
        <v>15099</v>
      </c>
      <c r="J2907" t="s">
        <v>15100</v>
      </c>
      <c r="K2907" t="s">
        <v>15101</v>
      </c>
      <c r="M2907">
        <v>918414</v>
      </c>
      <c r="O2907">
        <v>1185242</v>
      </c>
      <c r="P2907">
        <v>1</v>
      </c>
      <c r="Q2907">
        <v>1</v>
      </c>
      <c r="R2907" t="s">
        <v>15102</v>
      </c>
      <c r="S2907">
        <v>1441</v>
      </c>
    </row>
    <row r="2908" spans="1:19" x14ac:dyDescent="0.25">
      <c r="A2908">
        <v>882338</v>
      </c>
      <c r="B2908" t="s">
        <v>15103</v>
      </c>
      <c r="C2908" s="1" t="s">
        <v>15104</v>
      </c>
      <c r="D2908">
        <v>884152</v>
      </c>
      <c r="E2908">
        <v>3</v>
      </c>
      <c r="F2908">
        <v>0</v>
      </c>
      <c r="H2908" t="s">
        <v>15105</v>
      </c>
      <c r="J2908" t="s">
        <v>15106</v>
      </c>
      <c r="K2908" t="s">
        <v>15107</v>
      </c>
      <c r="M2908">
        <v>21234</v>
      </c>
      <c r="O2908">
        <v>59015</v>
      </c>
      <c r="P2908">
        <v>1</v>
      </c>
      <c r="Q2908">
        <v>2</v>
      </c>
      <c r="R2908" t="s">
        <v>15108</v>
      </c>
      <c r="S2908">
        <v>9701</v>
      </c>
    </row>
    <row r="2909" spans="1:19" x14ac:dyDescent="0.25">
      <c r="A2909">
        <v>17899240</v>
      </c>
      <c r="B2909" t="s">
        <v>15109</v>
      </c>
      <c r="C2909" s="1" t="s">
        <v>15110</v>
      </c>
      <c r="E2909">
        <v>2</v>
      </c>
      <c r="F2909">
        <v>9</v>
      </c>
      <c r="H2909" t="s">
        <v>15111</v>
      </c>
      <c r="J2909" t="s">
        <v>15112</v>
      </c>
      <c r="K2909" t="s">
        <v>15112</v>
      </c>
      <c r="M2909">
        <v>2308195</v>
      </c>
      <c r="O2909">
        <v>2308195</v>
      </c>
      <c r="P2909">
        <v>1</v>
      </c>
      <c r="Q2909">
        <v>0</v>
      </c>
      <c r="R2909" t="s">
        <v>15113</v>
      </c>
      <c r="S2909">
        <v>1218</v>
      </c>
    </row>
    <row r="2910" spans="1:19" x14ac:dyDescent="0.25">
      <c r="A2910">
        <v>16062923</v>
      </c>
      <c r="B2910" t="s">
        <v>15114</v>
      </c>
      <c r="C2910" s="1" t="s">
        <v>15115</v>
      </c>
      <c r="D2910">
        <v>16064418</v>
      </c>
      <c r="E2910">
        <v>3</v>
      </c>
      <c r="F2910">
        <v>0</v>
      </c>
      <c r="H2910" t="s">
        <v>15116</v>
      </c>
      <c r="I2910">
        <v>6</v>
      </c>
      <c r="J2910" t="s">
        <v>15117</v>
      </c>
      <c r="K2910" t="s">
        <v>15117</v>
      </c>
      <c r="M2910">
        <v>2911458</v>
      </c>
      <c r="O2910">
        <v>1737185</v>
      </c>
      <c r="P2910">
        <v>1</v>
      </c>
      <c r="Q2910">
        <v>16</v>
      </c>
      <c r="R2910" t="s">
        <v>15118</v>
      </c>
      <c r="S2910">
        <v>18462</v>
      </c>
    </row>
    <row r="2911" spans="1:19" x14ac:dyDescent="0.25">
      <c r="A2911">
        <v>10214164</v>
      </c>
      <c r="B2911" t="s">
        <v>15119</v>
      </c>
      <c r="C2911" s="1" t="s">
        <v>15120</v>
      </c>
      <c r="E2911">
        <v>1</v>
      </c>
      <c r="F2911">
        <v>3</v>
      </c>
      <c r="H2911" t="s">
        <v>15121</v>
      </c>
      <c r="J2911" t="s">
        <v>15122</v>
      </c>
      <c r="K2911" t="s">
        <v>15123</v>
      </c>
      <c r="M2911">
        <v>-1</v>
      </c>
      <c r="O2911">
        <v>1183323</v>
      </c>
      <c r="P2911">
        <v>1</v>
      </c>
      <c r="Q2911">
        <v>0</v>
      </c>
      <c r="R2911" t="s">
        <v>15124</v>
      </c>
      <c r="S2911">
        <v>76</v>
      </c>
    </row>
    <row r="2912" spans="1:19" x14ac:dyDescent="0.25">
      <c r="A2912">
        <v>1467005</v>
      </c>
      <c r="B2912" t="s">
        <v>15125</v>
      </c>
      <c r="C2912" s="1" t="s">
        <v>15126</v>
      </c>
      <c r="E2912">
        <v>3</v>
      </c>
      <c r="F2912">
        <v>3</v>
      </c>
      <c r="H2912" t="s">
        <v>15127</v>
      </c>
      <c r="I2912">
        <v>5</v>
      </c>
      <c r="J2912" t="s">
        <v>15128</v>
      </c>
      <c r="K2912" t="s">
        <v>15128</v>
      </c>
      <c r="M2912">
        <v>4660481</v>
      </c>
      <c r="O2912">
        <v>154742</v>
      </c>
      <c r="P2912">
        <v>1</v>
      </c>
      <c r="Q2912">
        <v>8</v>
      </c>
      <c r="R2912" t="s">
        <v>15129</v>
      </c>
      <c r="S2912">
        <v>31250</v>
      </c>
    </row>
    <row r="2913" spans="1:19" x14ac:dyDescent="0.25">
      <c r="A2913">
        <v>20767903</v>
      </c>
      <c r="B2913" t="s">
        <v>15130</v>
      </c>
      <c r="C2913" s="1" t="s">
        <v>15131</v>
      </c>
      <c r="E2913">
        <v>1</v>
      </c>
      <c r="F2913">
        <v>0</v>
      </c>
      <c r="H2913" t="s">
        <v>15132</v>
      </c>
      <c r="J2913" t="s">
        <v>15133</v>
      </c>
      <c r="O2913">
        <v>1942539</v>
      </c>
      <c r="P2913">
        <v>1</v>
      </c>
      <c r="Q2913">
        <v>1</v>
      </c>
      <c r="R2913" t="s">
        <v>15134</v>
      </c>
      <c r="S2913">
        <v>172</v>
      </c>
    </row>
    <row r="2914" spans="1:19" x14ac:dyDescent="0.25">
      <c r="A2914">
        <v>18453423</v>
      </c>
      <c r="B2914" t="s">
        <v>15135</v>
      </c>
      <c r="C2914" s="1" t="s">
        <v>15136</v>
      </c>
      <c r="D2914">
        <v>18454078</v>
      </c>
      <c r="E2914">
        <v>3</v>
      </c>
      <c r="F2914">
        <v>0</v>
      </c>
      <c r="H2914" t="s">
        <v>15137</v>
      </c>
      <c r="I2914">
        <v>0</v>
      </c>
      <c r="J2914" t="s">
        <v>15138</v>
      </c>
      <c r="K2914" t="s">
        <v>15138</v>
      </c>
      <c r="M2914">
        <v>1695163</v>
      </c>
      <c r="O2914">
        <v>149080</v>
      </c>
      <c r="P2914">
        <v>1</v>
      </c>
      <c r="Q2914">
        <v>0</v>
      </c>
      <c r="R2914" t="s">
        <v>15139</v>
      </c>
      <c r="S2914">
        <v>2013</v>
      </c>
    </row>
    <row r="2915" spans="1:19" x14ac:dyDescent="0.25">
      <c r="A2915">
        <v>20842736</v>
      </c>
      <c r="B2915" t="s">
        <v>15140</v>
      </c>
      <c r="C2915" s="1" t="s">
        <v>15141</v>
      </c>
      <c r="D2915">
        <v>20844685</v>
      </c>
      <c r="E2915">
        <v>1</v>
      </c>
      <c r="F2915">
        <v>0</v>
      </c>
      <c r="H2915" t="s">
        <v>15142</v>
      </c>
      <c r="J2915" t="s">
        <v>15143</v>
      </c>
      <c r="O2915">
        <v>187511</v>
      </c>
      <c r="P2915">
        <v>1</v>
      </c>
      <c r="Q2915">
        <v>3</v>
      </c>
      <c r="R2915" t="s">
        <v>7275</v>
      </c>
      <c r="S2915">
        <v>400</v>
      </c>
    </row>
    <row r="2916" spans="1:19" x14ac:dyDescent="0.25">
      <c r="A2916">
        <v>45894273</v>
      </c>
      <c r="B2916" t="s">
        <v>15144</v>
      </c>
      <c r="C2916" s="1" t="s">
        <v>15145</v>
      </c>
      <c r="D2916">
        <v>45894379</v>
      </c>
      <c r="E2916">
        <v>1</v>
      </c>
      <c r="F2916">
        <v>7</v>
      </c>
      <c r="H2916" t="s">
        <v>15146</v>
      </c>
      <c r="I2916">
        <v>0</v>
      </c>
      <c r="J2916" t="s">
        <v>15147</v>
      </c>
      <c r="K2916" t="s">
        <v>15148</v>
      </c>
      <c r="M2916">
        <v>1863229</v>
      </c>
      <c r="O2916">
        <v>8520092</v>
      </c>
      <c r="P2916">
        <v>1</v>
      </c>
      <c r="Q2916">
        <v>0</v>
      </c>
      <c r="R2916" t="s">
        <v>15149</v>
      </c>
      <c r="S2916">
        <v>219</v>
      </c>
    </row>
    <row r="2917" spans="1:19" x14ac:dyDescent="0.25">
      <c r="A2917">
        <v>46038232</v>
      </c>
      <c r="B2917" t="s">
        <v>15150</v>
      </c>
      <c r="C2917" s="1" t="s">
        <v>15151</v>
      </c>
      <c r="D2917">
        <v>46039037</v>
      </c>
      <c r="E2917">
        <v>1</v>
      </c>
      <c r="F2917">
        <v>7</v>
      </c>
      <c r="H2917" t="s">
        <v>15152</v>
      </c>
      <c r="I2917">
        <v>1</v>
      </c>
      <c r="J2917" t="s">
        <v>15153</v>
      </c>
      <c r="K2917" t="s">
        <v>15154</v>
      </c>
      <c r="M2917">
        <v>5201420</v>
      </c>
      <c r="O2917">
        <v>5201420</v>
      </c>
      <c r="P2917">
        <v>1</v>
      </c>
      <c r="Q2917">
        <v>1</v>
      </c>
      <c r="R2917" t="s">
        <v>15155</v>
      </c>
      <c r="S2917">
        <v>198</v>
      </c>
    </row>
    <row r="2918" spans="1:19" x14ac:dyDescent="0.25">
      <c r="A2918">
        <v>4258481</v>
      </c>
      <c r="B2918" t="s">
        <v>15156</v>
      </c>
      <c r="C2918" t="s">
        <v>15157</v>
      </c>
      <c r="E2918">
        <v>2</v>
      </c>
      <c r="F2918">
        <v>1</v>
      </c>
      <c r="H2918" t="s">
        <v>15158</v>
      </c>
      <c r="I2918">
        <v>1</v>
      </c>
      <c r="J2918" t="s">
        <v>15159</v>
      </c>
      <c r="N2918" t="s">
        <v>15160</v>
      </c>
      <c r="P2918">
        <v>1</v>
      </c>
      <c r="Q2918">
        <v>3</v>
      </c>
      <c r="R2918" t="s">
        <v>15161</v>
      </c>
      <c r="S2918">
        <v>1023</v>
      </c>
    </row>
    <row r="2919" spans="1:19" x14ac:dyDescent="0.25">
      <c r="A2919">
        <v>17697124</v>
      </c>
      <c r="B2919" t="s">
        <v>15162</v>
      </c>
      <c r="C2919" s="1" t="s">
        <v>15163</v>
      </c>
      <c r="D2919">
        <v>17697224</v>
      </c>
      <c r="E2919">
        <v>1</v>
      </c>
      <c r="F2919">
        <v>1</v>
      </c>
      <c r="H2919" t="s">
        <v>15164</v>
      </c>
      <c r="J2919" t="s">
        <v>15165</v>
      </c>
      <c r="O2919">
        <v>1001712</v>
      </c>
      <c r="P2919">
        <v>1</v>
      </c>
      <c r="Q2919">
        <v>1</v>
      </c>
      <c r="R2919" t="s">
        <v>15166</v>
      </c>
      <c r="S2919">
        <v>134</v>
      </c>
    </row>
    <row r="2920" spans="1:19" x14ac:dyDescent="0.25">
      <c r="A2920">
        <v>7482469</v>
      </c>
      <c r="B2920" t="s">
        <v>15167</v>
      </c>
      <c r="C2920" s="1" t="s">
        <v>15168</v>
      </c>
      <c r="D2920">
        <v>7574621</v>
      </c>
      <c r="E2920">
        <v>4</v>
      </c>
      <c r="F2920">
        <v>6</v>
      </c>
      <c r="H2920" t="s">
        <v>15169</v>
      </c>
      <c r="I2920">
        <v>2</v>
      </c>
      <c r="J2920" t="s">
        <v>15170</v>
      </c>
      <c r="K2920" t="s">
        <v>15171</v>
      </c>
      <c r="M2920">
        <v>3978</v>
      </c>
      <c r="O2920">
        <v>3978</v>
      </c>
      <c r="P2920">
        <v>1</v>
      </c>
      <c r="Q2920">
        <v>9</v>
      </c>
      <c r="R2920" t="s">
        <v>15172</v>
      </c>
      <c r="S2920">
        <v>4981</v>
      </c>
    </row>
    <row r="2921" spans="1:19" x14ac:dyDescent="0.25">
      <c r="A2921">
        <v>40989338</v>
      </c>
      <c r="B2921" t="s">
        <v>15173</v>
      </c>
      <c r="C2921" s="1" t="s">
        <v>15174</v>
      </c>
      <c r="D2921">
        <v>40992336</v>
      </c>
      <c r="E2921">
        <v>1</v>
      </c>
      <c r="F2921">
        <v>12</v>
      </c>
      <c r="H2921" t="s">
        <v>15175</v>
      </c>
      <c r="J2921" t="s">
        <v>15176</v>
      </c>
      <c r="K2921" t="s">
        <v>15177</v>
      </c>
      <c r="M2921">
        <v>5899276</v>
      </c>
      <c r="O2921">
        <v>5899276</v>
      </c>
      <c r="P2921">
        <v>1</v>
      </c>
      <c r="Q2921">
        <v>0</v>
      </c>
      <c r="R2921" t="s">
        <v>15178</v>
      </c>
      <c r="S2921">
        <v>110</v>
      </c>
    </row>
    <row r="2922" spans="1:19" x14ac:dyDescent="0.25">
      <c r="A2922">
        <v>33676912</v>
      </c>
      <c r="B2922" t="s">
        <v>15179</v>
      </c>
      <c r="C2922" s="1" t="s">
        <v>15180</v>
      </c>
      <c r="E2922">
        <v>1</v>
      </c>
      <c r="F2922">
        <v>0</v>
      </c>
      <c r="H2922" t="s">
        <v>15181</v>
      </c>
      <c r="J2922" t="s">
        <v>15181</v>
      </c>
      <c r="O2922">
        <v>3057939</v>
      </c>
      <c r="P2922">
        <v>1</v>
      </c>
      <c r="Q2922">
        <v>0</v>
      </c>
      <c r="R2922" t="s">
        <v>15182</v>
      </c>
      <c r="S2922">
        <v>54</v>
      </c>
    </row>
    <row r="2923" spans="1:19" x14ac:dyDescent="0.25">
      <c r="A2923">
        <v>51052967</v>
      </c>
      <c r="B2923" t="s">
        <v>15183</v>
      </c>
      <c r="C2923" s="1" t="s">
        <v>15184</v>
      </c>
      <c r="E2923">
        <v>2</v>
      </c>
      <c r="F2923">
        <v>0</v>
      </c>
      <c r="H2923" t="s">
        <v>15185</v>
      </c>
      <c r="J2923" t="s">
        <v>15186</v>
      </c>
      <c r="K2923" t="s">
        <v>15187</v>
      </c>
      <c r="M2923">
        <v>3106216</v>
      </c>
      <c r="O2923">
        <v>3106216</v>
      </c>
      <c r="P2923">
        <v>1</v>
      </c>
      <c r="Q2923">
        <v>1</v>
      </c>
      <c r="R2923" t="s">
        <v>1359</v>
      </c>
      <c r="S2923">
        <v>28</v>
      </c>
    </row>
    <row r="2924" spans="1:19" x14ac:dyDescent="0.25">
      <c r="A2924">
        <v>2860411</v>
      </c>
      <c r="B2924" t="s">
        <v>15188</v>
      </c>
      <c r="C2924" s="1" t="s">
        <v>15189</v>
      </c>
      <c r="E2924">
        <v>0</v>
      </c>
      <c r="F2924">
        <v>2</v>
      </c>
      <c r="H2924" t="s">
        <v>15190</v>
      </c>
      <c r="J2924" t="s">
        <v>15191</v>
      </c>
      <c r="K2924" t="s">
        <v>15192</v>
      </c>
      <c r="M2924">
        <v>-1</v>
      </c>
      <c r="O2924">
        <v>210072</v>
      </c>
      <c r="P2924">
        <v>1</v>
      </c>
      <c r="Q2924">
        <v>2</v>
      </c>
      <c r="R2924" t="s">
        <v>15193</v>
      </c>
      <c r="S2924">
        <v>473</v>
      </c>
    </row>
    <row r="2925" spans="1:19" x14ac:dyDescent="0.25">
      <c r="A2925">
        <v>28546872</v>
      </c>
      <c r="B2925" t="s">
        <v>15194</v>
      </c>
      <c r="C2925" s="1" t="s">
        <v>15195</v>
      </c>
      <c r="E2925">
        <v>3</v>
      </c>
      <c r="F2925">
        <v>2</v>
      </c>
      <c r="H2925" t="s">
        <v>15196</v>
      </c>
      <c r="J2925" t="s">
        <v>15197</v>
      </c>
      <c r="K2925" t="s">
        <v>15198</v>
      </c>
      <c r="M2925">
        <v>1654265</v>
      </c>
      <c r="O2925">
        <v>3995194</v>
      </c>
      <c r="P2925">
        <v>1</v>
      </c>
      <c r="Q2925">
        <v>2</v>
      </c>
      <c r="R2925" t="s">
        <v>15199</v>
      </c>
      <c r="S2925">
        <v>4484</v>
      </c>
    </row>
    <row r="2926" spans="1:19" x14ac:dyDescent="0.25">
      <c r="A2926">
        <v>49523377</v>
      </c>
      <c r="B2926" t="s">
        <v>15200</v>
      </c>
      <c r="C2926" s="1" t="s">
        <v>15201</v>
      </c>
      <c r="E2926">
        <v>1</v>
      </c>
      <c r="F2926">
        <v>0</v>
      </c>
      <c r="H2926" t="s">
        <v>15202</v>
      </c>
      <c r="J2926" t="s">
        <v>15203</v>
      </c>
      <c r="K2926" t="s">
        <v>15203</v>
      </c>
      <c r="M2926">
        <v>2430134</v>
      </c>
      <c r="O2926">
        <v>2430134</v>
      </c>
      <c r="P2926">
        <v>1</v>
      </c>
      <c r="Q2926">
        <v>1</v>
      </c>
      <c r="R2926" t="s">
        <v>15204</v>
      </c>
      <c r="S2926">
        <v>83</v>
      </c>
    </row>
    <row r="2927" spans="1:19" x14ac:dyDescent="0.25">
      <c r="A2927">
        <v>18442086</v>
      </c>
      <c r="B2927" t="s">
        <v>15205</v>
      </c>
      <c r="C2927" s="1" t="s">
        <v>15206</v>
      </c>
      <c r="D2927">
        <v>18442148</v>
      </c>
      <c r="E2927">
        <v>2</v>
      </c>
      <c r="F2927">
        <v>2</v>
      </c>
      <c r="H2927" t="s">
        <v>15207</v>
      </c>
      <c r="J2927" t="s">
        <v>15208</v>
      </c>
      <c r="K2927" t="s">
        <v>15208</v>
      </c>
      <c r="M2927">
        <v>422353</v>
      </c>
      <c r="O2927">
        <v>1948292</v>
      </c>
      <c r="P2927">
        <v>1</v>
      </c>
      <c r="Q2927">
        <v>0</v>
      </c>
      <c r="R2927" t="s">
        <v>15209</v>
      </c>
      <c r="S2927">
        <v>68</v>
      </c>
    </row>
    <row r="2928" spans="1:19" x14ac:dyDescent="0.25">
      <c r="A2928">
        <v>29949540</v>
      </c>
      <c r="B2928" t="s">
        <v>15210</v>
      </c>
      <c r="C2928" s="1" t="s">
        <v>15211</v>
      </c>
      <c r="D2928">
        <v>29950115</v>
      </c>
      <c r="E2928">
        <v>1</v>
      </c>
      <c r="F2928">
        <v>0</v>
      </c>
      <c r="H2928" t="s">
        <v>15212</v>
      </c>
      <c r="J2928" t="s">
        <v>15213</v>
      </c>
      <c r="K2928" t="s">
        <v>15214</v>
      </c>
      <c r="M2928">
        <v>3953525</v>
      </c>
      <c r="O2928">
        <v>3953525</v>
      </c>
      <c r="P2928">
        <v>1</v>
      </c>
      <c r="Q2928">
        <v>-1</v>
      </c>
      <c r="R2928" t="s">
        <v>15215</v>
      </c>
      <c r="S2928">
        <v>63</v>
      </c>
    </row>
    <row r="2929" spans="1:19" x14ac:dyDescent="0.25">
      <c r="A2929">
        <v>14976855</v>
      </c>
      <c r="B2929" t="s">
        <v>15216</v>
      </c>
      <c r="C2929" s="1" t="s">
        <v>15217</v>
      </c>
      <c r="D2929">
        <v>15016497</v>
      </c>
      <c r="E2929">
        <v>1</v>
      </c>
      <c r="F2929">
        <v>0</v>
      </c>
      <c r="H2929" t="s">
        <v>15218</v>
      </c>
      <c r="J2929" t="s">
        <v>15219</v>
      </c>
      <c r="O2929">
        <v>1048872</v>
      </c>
      <c r="P2929">
        <v>1</v>
      </c>
      <c r="Q2929">
        <v>0</v>
      </c>
      <c r="R2929" t="s">
        <v>2771</v>
      </c>
      <c r="S2929">
        <v>2609</v>
      </c>
    </row>
    <row r="2930" spans="1:19" x14ac:dyDescent="0.25">
      <c r="A2930">
        <v>11537479</v>
      </c>
      <c r="B2930" t="s">
        <v>15220</v>
      </c>
      <c r="C2930" s="1" t="s">
        <v>15221</v>
      </c>
      <c r="E2930">
        <v>1</v>
      </c>
      <c r="F2930">
        <v>0</v>
      </c>
      <c r="H2930" t="s">
        <v>15222</v>
      </c>
      <c r="J2930" t="s">
        <v>15223</v>
      </c>
      <c r="K2930" t="s">
        <v>15224</v>
      </c>
      <c r="M2930">
        <v>543920</v>
      </c>
      <c r="O2930">
        <v>543920</v>
      </c>
      <c r="P2930">
        <v>1</v>
      </c>
      <c r="Q2930">
        <v>0</v>
      </c>
      <c r="R2930" t="s">
        <v>15225</v>
      </c>
      <c r="S2930">
        <v>1761</v>
      </c>
    </row>
    <row r="2931" spans="1:19" x14ac:dyDescent="0.25">
      <c r="A2931">
        <v>51980735</v>
      </c>
      <c r="B2931" t="s">
        <v>15226</v>
      </c>
      <c r="C2931" t="s">
        <v>15227</v>
      </c>
      <c r="E2931">
        <v>1</v>
      </c>
      <c r="F2931">
        <v>1</v>
      </c>
      <c r="H2931" t="s">
        <v>15228</v>
      </c>
      <c r="J2931" t="s">
        <v>15229</v>
      </c>
      <c r="O2931">
        <v>10263448</v>
      </c>
      <c r="P2931">
        <v>1</v>
      </c>
      <c r="Q2931">
        <v>1</v>
      </c>
      <c r="R2931" t="s">
        <v>15230</v>
      </c>
      <c r="S2931">
        <v>41</v>
      </c>
    </row>
    <row r="2932" spans="1:19" x14ac:dyDescent="0.25">
      <c r="A2932">
        <v>51836733</v>
      </c>
      <c r="B2932" t="s">
        <v>15231</v>
      </c>
      <c r="C2932" s="1" t="s">
        <v>15232</v>
      </c>
      <c r="E2932">
        <v>0</v>
      </c>
      <c r="F2932">
        <v>2</v>
      </c>
      <c r="H2932" t="s">
        <v>15233</v>
      </c>
      <c r="J2932" t="s">
        <v>15234</v>
      </c>
      <c r="K2932" t="s">
        <v>15235</v>
      </c>
      <c r="M2932">
        <v>6393518</v>
      </c>
      <c r="O2932">
        <v>6393518</v>
      </c>
      <c r="P2932">
        <v>1</v>
      </c>
      <c r="Q2932">
        <v>0</v>
      </c>
      <c r="R2932" t="s">
        <v>15236</v>
      </c>
      <c r="S2932">
        <v>120</v>
      </c>
    </row>
    <row r="2933" spans="1:19" x14ac:dyDescent="0.25">
      <c r="A2933">
        <v>19304917</v>
      </c>
      <c r="B2933" t="s">
        <v>15237</v>
      </c>
      <c r="C2933" s="1" t="s">
        <v>15238</v>
      </c>
      <c r="E2933">
        <v>2</v>
      </c>
      <c r="F2933">
        <v>5</v>
      </c>
      <c r="H2933" t="s">
        <v>15239</v>
      </c>
      <c r="I2933">
        <v>1</v>
      </c>
      <c r="J2933" t="s">
        <v>15240</v>
      </c>
      <c r="K2933" t="s">
        <v>15240</v>
      </c>
      <c r="M2933">
        <v>1486261</v>
      </c>
      <c r="O2933">
        <v>1486261</v>
      </c>
      <c r="P2933">
        <v>1</v>
      </c>
      <c r="Q2933">
        <v>0</v>
      </c>
      <c r="R2933" t="s">
        <v>15241</v>
      </c>
      <c r="S2933">
        <v>94</v>
      </c>
    </row>
    <row r="2934" spans="1:19" x14ac:dyDescent="0.25">
      <c r="A2934">
        <v>10789219</v>
      </c>
      <c r="B2934" t="s">
        <v>15242</v>
      </c>
      <c r="C2934" s="1" t="s">
        <v>15243</v>
      </c>
      <c r="D2934">
        <v>10789321</v>
      </c>
      <c r="E2934">
        <v>4</v>
      </c>
      <c r="F2934">
        <v>0</v>
      </c>
      <c r="H2934" t="s">
        <v>15244</v>
      </c>
      <c r="I2934">
        <v>7</v>
      </c>
      <c r="J2934" t="s">
        <v>15245</v>
      </c>
      <c r="K2934" t="s">
        <v>15246</v>
      </c>
      <c r="M2934">
        <v>889604</v>
      </c>
      <c r="O2934">
        <v>889604</v>
      </c>
      <c r="P2934">
        <v>1</v>
      </c>
      <c r="Q2934">
        <v>13</v>
      </c>
      <c r="R2934" t="s">
        <v>229</v>
      </c>
      <c r="S2934">
        <v>22477</v>
      </c>
    </row>
    <row r="2935" spans="1:19" x14ac:dyDescent="0.25">
      <c r="A2935">
        <v>4219341</v>
      </c>
      <c r="B2935" t="s">
        <v>15247</v>
      </c>
      <c r="C2935" s="1" t="s">
        <v>15248</v>
      </c>
      <c r="D2935">
        <v>4219372</v>
      </c>
      <c r="E2935">
        <v>2</v>
      </c>
      <c r="F2935">
        <v>5</v>
      </c>
      <c r="H2935" t="s">
        <v>15249</v>
      </c>
      <c r="I2935">
        <v>1</v>
      </c>
      <c r="J2935" t="s">
        <v>15250</v>
      </c>
      <c r="K2935" t="s">
        <v>15250</v>
      </c>
      <c r="L2935" t="s">
        <v>15251</v>
      </c>
      <c r="N2935" t="s">
        <v>15251</v>
      </c>
      <c r="P2935">
        <v>1</v>
      </c>
      <c r="Q2935">
        <v>4</v>
      </c>
      <c r="R2935" t="s">
        <v>351</v>
      </c>
      <c r="S2935">
        <v>61117</v>
      </c>
    </row>
    <row r="2936" spans="1:19" x14ac:dyDescent="0.25">
      <c r="A2936">
        <v>23547811</v>
      </c>
      <c r="B2936" t="s">
        <v>15252</v>
      </c>
      <c r="C2936" s="1" t="s">
        <v>15253</v>
      </c>
      <c r="E2936">
        <v>0</v>
      </c>
      <c r="F2936">
        <v>2</v>
      </c>
      <c r="H2936" t="s">
        <v>15254</v>
      </c>
      <c r="J2936" t="s">
        <v>15254</v>
      </c>
      <c r="O2936">
        <v>2452667</v>
      </c>
      <c r="P2936">
        <v>1</v>
      </c>
      <c r="Q2936">
        <v>0</v>
      </c>
      <c r="R2936" t="s">
        <v>15255</v>
      </c>
      <c r="S2936">
        <v>27</v>
      </c>
    </row>
    <row r="2937" spans="1:19" x14ac:dyDescent="0.25">
      <c r="A2937">
        <v>24060291</v>
      </c>
      <c r="B2937" t="s">
        <v>15256</v>
      </c>
      <c r="C2937" s="1" t="s">
        <v>15257</v>
      </c>
      <c r="E2937">
        <v>1</v>
      </c>
      <c r="F2937">
        <v>1</v>
      </c>
      <c r="H2937" t="s">
        <v>15258</v>
      </c>
      <c r="J2937" t="s">
        <v>15259</v>
      </c>
      <c r="K2937" t="s">
        <v>15259</v>
      </c>
      <c r="M2937">
        <v>4639281</v>
      </c>
      <c r="O2937">
        <v>3711121</v>
      </c>
      <c r="P2937">
        <v>1</v>
      </c>
      <c r="Q2937">
        <v>0</v>
      </c>
      <c r="R2937" t="s">
        <v>15260</v>
      </c>
      <c r="S2937">
        <v>845</v>
      </c>
    </row>
    <row r="2938" spans="1:19" x14ac:dyDescent="0.25">
      <c r="A2938">
        <v>43256370</v>
      </c>
      <c r="B2938" t="s">
        <v>15261</v>
      </c>
      <c r="C2938" s="1" t="s">
        <v>15262</v>
      </c>
      <c r="E2938">
        <v>1</v>
      </c>
      <c r="F2938">
        <v>2</v>
      </c>
      <c r="H2938" t="s">
        <v>15263</v>
      </c>
      <c r="I2938">
        <v>2</v>
      </c>
      <c r="J2938" t="s">
        <v>15264</v>
      </c>
      <c r="O2938">
        <v>6771390</v>
      </c>
      <c r="P2938">
        <v>1</v>
      </c>
      <c r="Q2938">
        <v>0</v>
      </c>
      <c r="R2938" t="s">
        <v>15265</v>
      </c>
      <c r="S2938">
        <v>122</v>
      </c>
    </row>
    <row r="2939" spans="1:19" x14ac:dyDescent="0.25">
      <c r="A2939">
        <v>37028920</v>
      </c>
      <c r="B2939" t="s">
        <v>15266</v>
      </c>
      <c r="C2939" s="1" t="s">
        <v>15267</v>
      </c>
      <c r="E2939">
        <v>1</v>
      </c>
      <c r="F2939">
        <v>3</v>
      </c>
      <c r="H2939" t="s">
        <v>15268</v>
      </c>
      <c r="I2939">
        <v>1</v>
      </c>
      <c r="J2939" t="s">
        <v>15269</v>
      </c>
      <c r="O2939">
        <v>5681801</v>
      </c>
      <c r="P2939">
        <v>1</v>
      </c>
      <c r="Q2939">
        <v>3</v>
      </c>
      <c r="R2939" t="s">
        <v>15270</v>
      </c>
      <c r="S2939">
        <v>118</v>
      </c>
    </row>
    <row r="2940" spans="1:19" x14ac:dyDescent="0.25">
      <c r="A2940">
        <v>33883348</v>
      </c>
      <c r="B2940" t="s">
        <v>15271</v>
      </c>
      <c r="C2940" s="1" t="s">
        <v>15272</v>
      </c>
      <c r="E2940">
        <v>0</v>
      </c>
      <c r="F2940">
        <v>11</v>
      </c>
      <c r="H2940" t="s">
        <v>15273</v>
      </c>
      <c r="I2940">
        <v>1</v>
      </c>
      <c r="J2940" t="s">
        <v>15273</v>
      </c>
      <c r="O2940">
        <v>5521699</v>
      </c>
      <c r="P2940">
        <v>1</v>
      </c>
      <c r="Q2940">
        <v>0</v>
      </c>
      <c r="R2940" t="s">
        <v>15274</v>
      </c>
      <c r="S2940">
        <v>30</v>
      </c>
    </row>
    <row r="2941" spans="1:19" x14ac:dyDescent="0.25">
      <c r="A2941">
        <v>50870664</v>
      </c>
      <c r="B2941" t="s">
        <v>15275</v>
      </c>
      <c r="C2941" s="1" t="s">
        <v>15276</v>
      </c>
      <c r="D2941">
        <v>50871248</v>
      </c>
      <c r="E2941">
        <v>1</v>
      </c>
      <c r="F2941">
        <v>3</v>
      </c>
      <c r="H2941" t="s">
        <v>15277</v>
      </c>
      <c r="J2941" t="s">
        <v>15278</v>
      </c>
      <c r="K2941" t="s">
        <v>15279</v>
      </c>
      <c r="M2941">
        <v>7510657</v>
      </c>
      <c r="O2941">
        <v>7510657</v>
      </c>
      <c r="P2941">
        <v>1</v>
      </c>
      <c r="Q2941">
        <v>0</v>
      </c>
      <c r="R2941" t="s">
        <v>15280</v>
      </c>
      <c r="S2941">
        <v>58</v>
      </c>
    </row>
    <row r="2942" spans="1:19" x14ac:dyDescent="0.25">
      <c r="A2942">
        <v>31203810</v>
      </c>
      <c r="B2942" t="s">
        <v>15281</v>
      </c>
      <c r="C2942" s="1" t="s">
        <v>15282</v>
      </c>
      <c r="D2942">
        <v>31203929</v>
      </c>
      <c r="E2942">
        <v>2</v>
      </c>
      <c r="F2942">
        <v>3</v>
      </c>
      <c r="H2942" t="s">
        <v>15283</v>
      </c>
      <c r="J2942" t="s">
        <v>15284</v>
      </c>
      <c r="O2942">
        <v>3664020</v>
      </c>
      <c r="P2942">
        <v>1</v>
      </c>
      <c r="Q2942">
        <v>1</v>
      </c>
      <c r="R2942" t="s">
        <v>13018</v>
      </c>
      <c r="S2942">
        <v>130</v>
      </c>
    </row>
    <row r="2943" spans="1:19" x14ac:dyDescent="0.25">
      <c r="A2943">
        <v>32733443</v>
      </c>
      <c r="B2943" t="s">
        <v>15285</v>
      </c>
      <c r="C2943" s="1" t="s">
        <v>15286</v>
      </c>
      <c r="D2943">
        <v>32735321</v>
      </c>
      <c r="E2943">
        <v>2</v>
      </c>
      <c r="F2943">
        <v>1</v>
      </c>
      <c r="H2943" t="s">
        <v>15287</v>
      </c>
      <c r="J2943" t="s">
        <v>15288</v>
      </c>
      <c r="K2943" t="s">
        <v>15289</v>
      </c>
      <c r="M2943">
        <v>726802</v>
      </c>
      <c r="O2943">
        <v>726802</v>
      </c>
      <c r="P2943">
        <v>1</v>
      </c>
      <c r="Q2943">
        <v>1</v>
      </c>
      <c r="R2943" t="s">
        <v>15290</v>
      </c>
      <c r="S2943">
        <v>51</v>
      </c>
    </row>
    <row r="2944" spans="1:19" x14ac:dyDescent="0.25">
      <c r="A2944">
        <v>53569480</v>
      </c>
      <c r="B2944" t="s">
        <v>15291</v>
      </c>
      <c r="C2944" s="1" t="s">
        <v>15292</v>
      </c>
      <c r="E2944">
        <v>0</v>
      </c>
      <c r="F2944">
        <v>0</v>
      </c>
      <c r="H2944" t="s">
        <v>15293</v>
      </c>
      <c r="J2944" t="s">
        <v>15294</v>
      </c>
      <c r="K2944" t="s">
        <v>15294</v>
      </c>
      <c r="M2944">
        <v>13302</v>
      </c>
      <c r="O2944">
        <v>10691541</v>
      </c>
      <c r="P2944">
        <v>1</v>
      </c>
      <c r="Q2944">
        <v>1</v>
      </c>
      <c r="R2944" t="s">
        <v>15295</v>
      </c>
      <c r="S2944">
        <v>12</v>
      </c>
    </row>
    <row r="2945" spans="1:19" x14ac:dyDescent="0.25">
      <c r="A2945">
        <v>15992951</v>
      </c>
      <c r="B2945" t="s">
        <v>15296</v>
      </c>
      <c r="C2945" s="1" t="s">
        <v>15297</v>
      </c>
      <c r="D2945">
        <v>16134517</v>
      </c>
      <c r="E2945">
        <v>1</v>
      </c>
      <c r="F2945">
        <v>0</v>
      </c>
      <c r="H2945" t="s">
        <v>15298</v>
      </c>
      <c r="J2945" t="s">
        <v>15299</v>
      </c>
      <c r="O2945">
        <v>1430655</v>
      </c>
      <c r="P2945">
        <v>1</v>
      </c>
      <c r="Q2945">
        <v>1</v>
      </c>
      <c r="R2945" t="s">
        <v>15300</v>
      </c>
      <c r="S2945">
        <v>356</v>
      </c>
    </row>
    <row r="2946" spans="1:19" x14ac:dyDescent="0.25">
      <c r="A2946">
        <v>11773169</v>
      </c>
      <c r="B2946" t="s">
        <v>15301</v>
      </c>
      <c r="C2946" s="1" t="s">
        <v>15302</v>
      </c>
      <c r="D2946">
        <v>11842113</v>
      </c>
      <c r="E2946">
        <v>2</v>
      </c>
      <c r="F2946">
        <v>0</v>
      </c>
      <c r="H2946" t="s">
        <v>15303</v>
      </c>
      <c r="I2946">
        <v>0</v>
      </c>
      <c r="J2946" t="s">
        <v>15304</v>
      </c>
      <c r="O2946">
        <v>1256346</v>
      </c>
      <c r="P2946">
        <v>1</v>
      </c>
      <c r="Q2946">
        <v>0</v>
      </c>
      <c r="R2946" t="s">
        <v>15305</v>
      </c>
      <c r="S2946">
        <v>3362</v>
      </c>
    </row>
    <row r="2947" spans="1:19" x14ac:dyDescent="0.25">
      <c r="A2947">
        <v>44713383</v>
      </c>
      <c r="B2947" t="s">
        <v>15306</v>
      </c>
      <c r="C2947" s="1" t="s">
        <v>15307</v>
      </c>
      <c r="E2947">
        <v>1</v>
      </c>
      <c r="F2947">
        <v>3</v>
      </c>
      <c r="H2947" t="s">
        <v>15308</v>
      </c>
      <c r="J2947" t="s">
        <v>15309</v>
      </c>
      <c r="K2947" t="s">
        <v>15310</v>
      </c>
      <c r="M2947">
        <v>1331451</v>
      </c>
      <c r="O2947">
        <v>6638110</v>
      </c>
      <c r="P2947">
        <v>1</v>
      </c>
      <c r="Q2947">
        <v>0</v>
      </c>
      <c r="R2947" t="s">
        <v>15311</v>
      </c>
      <c r="S2947">
        <v>68</v>
      </c>
    </row>
    <row r="2948" spans="1:19" x14ac:dyDescent="0.25">
      <c r="A2948">
        <v>32583742</v>
      </c>
      <c r="B2948" t="s">
        <v>15312</v>
      </c>
      <c r="C2948" s="1" t="s">
        <v>15313</v>
      </c>
      <c r="E2948">
        <v>2</v>
      </c>
      <c r="F2948">
        <v>0</v>
      </c>
      <c r="H2948" t="s">
        <v>15314</v>
      </c>
      <c r="I2948">
        <v>1</v>
      </c>
      <c r="J2948" t="s">
        <v>15315</v>
      </c>
      <c r="K2948" t="s">
        <v>15316</v>
      </c>
      <c r="M2948">
        <v>2563503</v>
      </c>
      <c r="O2948">
        <v>2563503</v>
      </c>
      <c r="P2948">
        <v>1</v>
      </c>
      <c r="Q2948">
        <v>0</v>
      </c>
      <c r="R2948" t="s">
        <v>15317</v>
      </c>
      <c r="S2948">
        <v>929</v>
      </c>
    </row>
    <row r="2949" spans="1:19" x14ac:dyDescent="0.25">
      <c r="A2949">
        <v>23440198</v>
      </c>
      <c r="B2949" t="s">
        <v>15318</v>
      </c>
      <c r="C2949" s="1" t="s">
        <v>15319</v>
      </c>
      <c r="D2949">
        <v>23440584</v>
      </c>
      <c r="E2949">
        <v>1</v>
      </c>
      <c r="F2949">
        <v>0</v>
      </c>
      <c r="H2949" t="s">
        <v>15320</v>
      </c>
      <c r="J2949" t="s">
        <v>15321</v>
      </c>
      <c r="O2949">
        <v>2289410</v>
      </c>
      <c r="P2949">
        <v>1</v>
      </c>
      <c r="Q2949">
        <v>1</v>
      </c>
      <c r="R2949" t="s">
        <v>15322</v>
      </c>
      <c r="S2949">
        <v>2697</v>
      </c>
    </row>
    <row r="2950" spans="1:19" x14ac:dyDescent="0.25">
      <c r="A2950">
        <v>41843235</v>
      </c>
      <c r="B2950" t="s">
        <v>15323</v>
      </c>
      <c r="C2950" s="1" t="s">
        <v>15324</v>
      </c>
      <c r="D2950">
        <v>41844925</v>
      </c>
      <c r="E2950">
        <v>1</v>
      </c>
      <c r="F2950">
        <v>3</v>
      </c>
      <c r="H2950" t="s">
        <v>15325</v>
      </c>
      <c r="I2950">
        <v>1</v>
      </c>
      <c r="J2950" t="s">
        <v>15326</v>
      </c>
      <c r="N2950" t="s">
        <v>15327</v>
      </c>
      <c r="P2950">
        <v>1</v>
      </c>
      <c r="Q2950">
        <v>5</v>
      </c>
      <c r="R2950" t="s">
        <v>15328</v>
      </c>
      <c r="S2950">
        <v>4821</v>
      </c>
    </row>
    <row r="2951" spans="1:19" x14ac:dyDescent="0.25">
      <c r="A2951">
        <v>21700003</v>
      </c>
      <c r="B2951" t="s">
        <v>15329</v>
      </c>
      <c r="C2951" s="1" t="s">
        <v>15330</v>
      </c>
      <c r="E2951">
        <v>1</v>
      </c>
      <c r="F2951">
        <v>1</v>
      </c>
      <c r="H2951" t="s">
        <v>15331</v>
      </c>
      <c r="J2951" t="s">
        <v>15332</v>
      </c>
      <c r="K2951" t="s">
        <v>15333</v>
      </c>
      <c r="M2951">
        <v>1587046</v>
      </c>
      <c r="O2951">
        <v>3168178</v>
      </c>
      <c r="P2951">
        <v>1</v>
      </c>
      <c r="Q2951">
        <v>0</v>
      </c>
      <c r="R2951" t="s">
        <v>351</v>
      </c>
      <c r="S2951">
        <v>55</v>
      </c>
    </row>
    <row r="2952" spans="1:19" x14ac:dyDescent="0.25">
      <c r="A2952">
        <v>23395539</v>
      </c>
      <c r="B2952" t="s">
        <v>15334</v>
      </c>
      <c r="C2952" s="1" t="s">
        <v>15335</v>
      </c>
      <c r="D2952">
        <v>23395920</v>
      </c>
      <c r="E2952">
        <v>1</v>
      </c>
      <c r="F2952">
        <v>1</v>
      </c>
      <c r="H2952" t="s">
        <v>15336</v>
      </c>
      <c r="J2952" t="s">
        <v>15337</v>
      </c>
      <c r="K2952" t="s">
        <v>15338</v>
      </c>
      <c r="M2952">
        <v>3345589</v>
      </c>
      <c r="O2952">
        <v>3345589</v>
      </c>
      <c r="P2952">
        <v>1</v>
      </c>
      <c r="Q2952">
        <v>0</v>
      </c>
      <c r="R2952" t="s">
        <v>15339</v>
      </c>
      <c r="S2952">
        <v>170</v>
      </c>
    </row>
    <row r="2953" spans="1:19" x14ac:dyDescent="0.25">
      <c r="A2953">
        <v>8213787</v>
      </c>
      <c r="B2953" t="s">
        <v>15340</v>
      </c>
      <c r="C2953" s="1" t="s">
        <v>15341</v>
      </c>
      <c r="D2953">
        <v>8213864</v>
      </c>
      <c r="E2953">
        <v>4</v>
      </c>
      <c r="F2953">
        <v>9</v>
      </c>
      <c r="H2953" t="s">
        <v>15342</v>
      </c>
      <c r="I2953">
        <v>1</v>
      </c>
      <c r="J2953" t="s">
        <v>15343</v>
      </c>
      <c r="K2953" t="s">
        <v>15343</v>
      </c>
      <c r="M2953">
        <v>173934</v>
      </c>
      <c r="O2953">
        <v>173934</v>
      </c>
      <c r="P2953">
        <v>1</v>
      </c>
      <c r="Q2953">
        <v>4</v>
      </c>
      <c r="R2953" t="s">
        <v>15344</v>
      </c>
      <c r="S2953">
        <v>253</v>
      </c>
    </row>
    <row r="2954" spans="1:19" x14ac:dyDescent="0.25">
      <c r="A2954">
        <v>37946476</v>
      </c>
      <c r="B2954" t="s">
        <v>15345</v>
      </c>
      <c r="C2954" s="1" t="s">
        <v>15346</v>
      </c>
      <c r="D2954">
        <v>37947008</v>
      </c>
      <c r="E2954">
        <v>1</v>
      </c>
      <c r="F2954">
        <v>2</v>
      </c>
      <c r="H2954" t="s">
        <v>15347</v>
      </c>
      <c r="J2954" t="s">
        <v>15348</v>
      </c>
      <c r="K2954" t="s">
        <v>15349</v>
      </c>
      <c r="M2954">
        <v>-1</v>
      </c>
      <c r="O2954">
        <v>3733940</v>
      </c>
      <c r="P2954">
        <v>1</v>
      </c>
      <c r="Q2954">
        <v>1</v>
      </c>
      <c r="R2954" t="s">
        <v>15350</v>
      </c>
      <c r="S2954">
        <v>526</v>
      </c>
    </row>
    <row r="2955" spans="1:19" x14ac:dyDescent="0.25">
      <c r="A2955">
        <v>9050917</v>
      </c>
      <c r="B2955" t="s">
        <v>15351</v>
      </c>
      <c r="C2955" s="1" t="s">
        <v>15352</v>
      </c>
      <c r="D2955">
        <v>9050961</v>
      </c>
      <c r="E2955">
        <v>2</v>
      </c>
      <c r="F2955">
        <v>0</v>
      </c>
      <c r="H2955" t="s">
        <v>15353</v>
      </c>
      <c r="I2955">
        <v>1</v>
      </c>
      <c r="J2955" t="s">
        <v>15354</v>
      </c>
      <c r="K2955" t="s">
        <v>15355</v>
      </c>
      <c r="M2955">
        <v>746010</v>
      </c>
      <c r="O2955">
        <v>1027305</v>
      </c>
      <c r="P2955">
        <v>1</v>
      </c>
      <c r="Q2955">
        <v>3</v>
      </c>
      <c r="R2955" t="s">
        <v>15356</v>
      </c>
      <c r="S2955">
        <v>1912</v>
      </c>
    </row>
    <row r="2956" spans="1:19" x14ac:dyDescent="0.25">
      <c r="A2956">
        <v>17854407</v>
      </c>
      <c r="B2956" t="s">
        <v>15357</v>
      </c>
      <c r="C2956" s="1" t="s">
        <v>15358</v>
      </c>
      <c r="D2956">
        <v>17854456</v>
      </c>
      <c r="E2956">
        <v>3</v>
      </c>
      <c r="F2956">
        <v>7</v>
      </c>
      <c r="H2956" t="s">
        <v>15359</v>
      </c>
      <c r="I2956">
        <v>33</v>
      </c>
      <c r="J2956" t="s">
        <v>15360</v>
      </c>
      <c r="K2956" t="s">
        <v>15361</v>
      </c>
      <c r="M2956">
        <v>1381108</v>
      </c>
      <c r="O2956">
        <v>1097451</v>
      </c>
      <c r="P2956">
        <v>1</v>
      </c>
      <c r="Q2956">
        <v>82</v>
      </c>
      <c r="R2956" t="s">
        <v>5380</v>
      </c>
      <c r="S2956">
        <v>11146</v>
      </c>
    </row>
    <row r="2957" spans="1:19" x14ac:dyDescent="0.25">
      <c r="A2957">
        <v>7308523</v>
      </c>
      <c r="B2957" t="s">
        <v>15362</v>
      </c>
      <c r="C2957" s="1" t="s">
        <v>15363</v>
      </c>
      <c r="D2957">
        <v>7309356</v>
      </c>
      <c r="E2957">
        <v>1</v>
      </c>
      <c r="F2957">
        <v>2</v>
      </c>
      <c r="H2957" t="s">
        <v>15364</v>
      </c>
      <c r="J2957" t="s">
        <v>15365</v>
      </c>
      <c r="K2957" t="s">
        <v>15365</v>
      </c>
      <c r="M2957">
        <v>578411</v>
      </c>
      <c r="O2957">
        <v>602257</v>
      </c>
      <c r="P2957">
        <v>1</v>
      </c>
      <c r="Q2957">
        <v>1</v>
      </c>
      <c r="R2957" t="s">
        <v>15366</v>
      </c>
      <c r="S2957">
        <v>876</v>
      </c>
    </row>
    <row r="2958" spans="1:19" x14ac:dyDescent="0.25">
      <c r="A2958">
        <v>26761672</v>
      </c>
      <c r="B2958" t="s">
        <v>15367</v>
      </c>
      <c r="C2958" s="1" t="s">
        <v>15368</v>
      </c>
      <c r="E2958">
        <v>1</v>
      </c>
      <c r="F2958">
        <v>0</v>
      </c>
      <c r="H2958" t="s">
        <v>15369</v>
      </c>
      <c r="J2958" t="s">
        <v>15370</v>
      </c>
      <c r="O2958">
        <v>1372020</v>
      </c>
      <c r="P2958">
        <v>1</v>
      </c>
      <c r="Q2958">
        <v>1</v>
      </c>
      <c r="R2958" t="s">
        <v>15371</v>
      </c>
      <c r="S2958">
        <v>931</v>
      </c>
    </row>
    <row r="2959" spans="1:19" x14ac:dyDescent="0.25">
      <c r="A2959">
        <v>177076</v>
      </c>
      <c r="B2959" t="s">
        <v>15372</v>
      </c>
      <c r="C2959" s="1" t="s">
        <v>15373</v>
      </c>
      <c r="D2959">
        <v>299386</v>
      </c>
      <c r="E2959">
        <v>2</v>
      </c>
      <c r="F2959">
        <v>1</v>
      </c>
      <c r="H2959" t="s">
        <v>15374</v>
      </c>
      <c r="J2959" t="s">
        <v>15375</v>
      </c>
      <c r="K2959" t="s">
        <v>15376</v>
      </c>
      <c r="L2959" t="s">
        <v>15377</v>
      </c>
      <c r="M2959">
        <v>2424</v>
      </c>
      <c r="N2959" t="s">
        <v>15377</v>
      </c>
      <c r="O2959">
        <v>2424</v>
      </c>
      <c r="P2959">
        <v>1</v>
      </c>
      <c r="Q2959">
        <v>1</v>
      </c>
      <c r="R2959" t="s">
        <v>15378</v>
      </c>
      <c r="S2959">
        <v>8016</v>
      </c>
    </row>
    <row r="2960" spans="1:19" x14ac:dyDescent="0.25">
      <c r="A2960">
        <v>13358966</v>
      </c>
      <c r="B2960" t="s">
        <v>15379</v>
      </c>
      <c r="C2960" s="1" t="s">
        <v>15380</v>
      </c>
      <c r="E2960">
        <v>1</v>
      </c>
      <c r="F2960">
        <v>0</v>
      </c>
      <c r="H2960" t="s">
        <v>15381</v>
      </c>
      <c r="I2960">
        <v>1</v>
      </c>
      <c r="J2960" t="s">
        <v>15382</v>
      </c>
      <c r="K2960" t="s">
        <v>15382</v>
      </c>
      <c r="M2960">
        <v>1000551</v>
      </c>
      <c r="O2960">
        <v>770950</v>
      </c>
      <c r="P2960">
        <v>1</v>
      </c>
      <c r="Q2960">
        <v>1</v>
      </c>
      <c r="R2960" t="s">
        <v>15383</v>
      </c>
      <c r="S2960">
        <v>59</v>
      </c>
    </row>
    <row r="2961" spans="1:19" x14ac:dyDescent="0.25">
      <c r="A2961">
        <v>42133551</v>
      </c>
      <c r="B2961" t="s">
        <v>15384</v>
      </c>
      <c r="C2961" s="1" t="s">
        <v>15385</v>
      </c>
      <c r="D2961">
        <v>42133939</v>
      </c>
      <c r="E2961">
        <v>2</v>
      </c>
      <c r="F2961">
        <v>0</v>
      </c>
      <c r="H2961" t="s">
        <v>15386</v>
      </c>
      <c r="J2961" t="s">
        <v>15387</v>
      </c>
      <c r="O2961">
        <v>5944843</v>
      </c>
      <c r="P2961">
        <v>1</v>
      </c>
      <c r="Q2961">
        <v>0</v>
      </c>
      <c r="R2961" t="s">
        <v>15388</v>
      </c>
      <c r="S2961">
        <v>370</v>
      </c>
    </row>
    <row r="2962" spans="1:19" x14ac:dyDescent="0.25">
      <c r="A2962">
        <v>43480298</v>
      </c>
      <c r="B2962" t="s">
        <v>15389</v>
      </c>
      <c r="C2962" s="1" t="s">
        <v>15390</v>
      </c>
      <c r="D2962">
        <v>43481036</v>
      </c>
      <c r="E2962">
        <v>1</v>
      </c>
      <c r="F2962">
        <v>1</v>
      </c>
      <c r="H2962" t="s">
        <v>15391</v>
      </c>
      <c r="J2962" t="s">
        <v>15392</v>
      </c>
      <c r="K2962" t="s">
        <v>15392</v>
      </c>
      <c r="M2962">
        <v>7885867</v>
      </c>
      <c r="O2962">
        <v>7885867</v>
      </c>
      <c r="P2962">
        <v>1</v>
      </c>
      <c r="Q2962">
        <v>1</v>
      </c>
      <c r="R2962" t="s">
        <v>15393</v>
      </c>
      <c r="S2962">
        <v>1720</v>
      </c>
    </row>
    <row r="2963" spans="1:19" x14ac:dyDescent="0.25">
      <c r="A2963">
        <v>50065437</v>
      </c>
      <c r="B2963" t="s">
        <v>15394</v>
      </c>
      <c r="C2963" s="1" t="s">
        <v>15395</v>
      </c>
      <c r="E2963">
        <v>0</v>
      </c>
      <c r="F2963">
        <v>5</v>
      </c>
      <c r="H2963" t="s">
        <v>15396</v>
      </c>
      <c r="J2963" t="s">
        <v>15397</v>
      </c>
      <c r="K2963" t="s">
        <v>15397</v>
      </c>
      <c r="M2963">
        <v>7083401</v>
      </c>
      <c r="O2963">
        <v>8291521</v>
      </c>
      <c r="P2963">
        <v>1</v>
      </c>
      <c r="Q2963">
        <v>0</v>
      </c>
      <c r="R2963" t="s">
        <v>15398</v>
      </c>
      <c r="S2963">
        <v>57</v>
      </c>
    </row>
    <row r="2964" spans="1:19" x14ac:dyDescent="0.25">
      <c r="A2964">
        <v>20870563</v>
      </c>
      <c r="B2964" t="s">
        <v>15399</v>
      </c>
      <c r="C2964" s="1" t="s">
        <v>15400</v>
      </c>
      <c r="E2964">
        <v>1</v>
      </c>
      <c r="F2964">
        <v>0</v>
      </c>
      <c r="H2964" t="s">
        <v>15401</v>
      </c>
      <c r="J2964" t="s">
        <v>15402</v>
      </c>
      <c r="O2964">
        <v>2069715</v>
      </c>
      <c r="P2964">
        <v>1</v>
      </c>
      <c r="Q2964">
        <v>0</v>
      </c>
      <c r="R2964" t="s">
        <v>15403</v>
      </c>
      <c r="S2964">
        <v>101</v>
      </c>
    </row>
    <row r="2965" spans="1:19" x14ac:dyDescent="0.25">
      <c r="A2965">
        <v>27721097</v>
      </c>
      <c r="B2965" t="s">
        <v>15404</v>
      </c>
      <c r="C2965" s="1" t="s">
        <v>15405</v>
      </c>
      <c r="D2965">
        <v>27722296</v>
      </c>
      <c r="E2965">
        <v>1</v>
      </c>
      <c r="F2965">
        <v>2</v>
      </c>
      <c r="H2965" t="s">
        <v>15406</v>
      </c>
      <c r="J2965" t="s">
        <v>15407</v>
      </c>
      <c r="O2965">
        <v>4341737</v>
      </c>
      <c r="P2965">
        <v>1</v>
      </c>
      <c r="Q2965">
        <v>1</v>
      </c>
      <c r="R2965" t="s">
        <v>15408</v>
      </c>
      <c r="S2965">
        <v>507</v>
      </c>
    </row>
    <row r="2966" spans="1:19" x14ac:dyDescent="0.25">
      <c r="A2966">
        <v>26731151</v>
      </c>
      <c r="B2966" t="s">
        <v>15409</v>
      </c>
      <c r="C2966" s="1" t="s">
        <v>15410</v>
      </c>
      <c r="E2966">
        <v>0</v>
      </c>
      <c r="F2966">
        <v>6</v>
      </c>
      <c r="H2966" t="s">
        <v>15411</v>
      </c>
      <c r="I2966">
        <v>1</v>
      </c>
      <c r="J2966" t="s">
        <v>15412</v>
      </c>
      <c r="K2966" t="s">
        <v>15412</v>
      </c>
      <c r="M2966">
        <v>4370109</v>
      </c>
      <c r="O2966">
        <v>1819906</v>
      </c>
      <c r="P2966">
        <v>1</v>
      </c>
      <c r="Q2966">
        <v>0</v>
      </c>
      <c r="R2966" t="s">
        <v>15413</v>
      </c>
      <c r="S2966">
        <v>334</v>
      </c>
    </row>
    <row r="2967" spans="1:19" x14ac:dyDescent="0.25">
      <c r="A2967">
        <v>37059454</v>
      </c>
      <c r="B2967" t="s">
        <v>15414</v>
      </c>
      <c r="C2967" s="1" t="s">
        <v>15415</v>
      </c>
      <c r="D2967">
        <v>37059522</v>
      </c>
      <c r="E2967">
        <v>1</v>
      </c>
      <c r="F2967">
        <v>0</v>
      </c>
      <c r="H2967" t="s">
        <v>15416</v>
      </c>
      <c r="J2967" t="s">
        <v>15417</v>
      </c>
      <c r="N2967" t="s">
        <v>15418</v>
      </c>
      <c r="P2967">
        <v>1</v>
      </c>
      <c r="Q2967">
        <v>0</v>
      </c>
      <c r="R2967" t="s">
        <v>15419</v>
      </c>
      <c r="S2967">
        <v>83</v>
      </c>
    </row>
    <row r="2968" spans="1:19" x14ac:dyDescent="0.25">
      <c r="A2968">
        <v>51756401</v>
      </c>
      <c r="B2968" t="s">
        <v>15420</v>
      </c>
      <c r="C2968" s="1" t="s">
        <v>15421</v>
      </c>
      <c r="E2968">
        <v>0</v>
      </c>
      <c r="F2968">
        <v>6</v>
      </c>
      <c r="H2968" t="s">
        <v>15422</v>
      </c>
      <c r="I2968">
        <v>1</v>
      </c>
      <c r="J2968" t="s">
        <v>15423</v>
      </c>
      <c r="K2968" t="s">
        <v>15423</v>
      </c>
      <c r="M2968">
        <v>2725901</v>
      </c>
      <c r="O2968">
        <v>2725901</v>
      </c>
      <c r="P2968">
        <v>1</v>
      </c>
      <c r="Q2968">
        <v>1</v>
      </c>
      <c r="R2968" t="s">
        <v>15424</v>
      </c>
      <c r="S2968">
        <v>28</v>
      </c>
    </row>
    <row r="2969" spans="1:19" x14ac:dyDescent="0.25">
      <c r="A2969">
        <v>9739498</v>
      </c>
      <c r="B2969" t="s">
        <v>15425</v>
      </c>
      <c r="C2969" s="1" t="s">
        <v>15426</v>
      </c>
      <c r="E2969">
        <v>9</v>
      </c>
      <c r="F2969">
        <v>9</v>
      </c>
      <c r="H2969" t="s">
        <v>15427</v>
      </c>
      <c r="I2969">
        <v>54</v>
      </c>
      <c r="J2969" t="s">
        <v>15428</v>
      </c>
      <c r="K2969" t="s">
        <v>15428</v>
      </c>
      <c r="M2969">
        <v>4720935</v>
      </c>
      <c r="O2969">
        <v>1067989</v>
      </c>
      <c r="P2969">
        <v>1</v>
      </c>
      <c r="Q2969">
        <v>89</v>
      </c>
      <c r="R2969" t="s">
        <v>15429</v>
      </c>
      <c r="S2969">
        <v>78451</v>
      </c>
    </row>
    <row r="2970" spans="1:19" x14ac:dyDescent="0.25">
      <c r="A2970">
        <v>6684638</v>
      </c>
      <c r="B2970" t="s">
        <v>15430</v>
      </c>
      <c r="C2970" s="1" t="s">
        <v>15431</v>
      </c>
      <c r="D2970">
        <v>6684706</v>
      </c>
      <c r="E2970">
        <v>1</v>
      </c>
      <c r="F2970">
        <v>0</v>
      </c>
      <c r="H2970" t="s">
        <v>15432</v>
      </c>
      <c r="J2970" t="s">
        <v>15433</v>
      </c>
      <c r="O2970">
        <v>202570</v>
      </c>
      <c r="P2970">
        <v>1</v>
      </c>
      <c r="Q2970">
        <v>1</v>
      </c>
      <c r="R2970" t="s">
        <v>15434</v>
      </c>
      <c r="S2970">
        <v>787</v>
      </c>
    </row>
    <row r="2971" spans="1:19" x14ac:dyDescent="0.25">
      <c r="A2971">
        <v>9295873</v>
      </c>
      <c r="B2971" t="s">
        <v>15435</v>
      </c>
      <c r="C2971" s="1" t="s">
        <v>15436</v>
      </c>
      <c r="D2971">
        <v>9295995</v>
      </c>
      <c r="E2971">
        <v>2</v>
      </c>
      <c r="F2971">
        <v>0</v>
      </c>
      <c r="H2971" t="s">
        <v>15437</v>
      </c>
      <c r="J2971" t="s">
        <v>15438</v>
      </c>
      <c r="K2971" t="s">
        <v>15438</v>
      </c>
      <c r="M2971">
        <v>4370109</v>
      </c>
      <c r="O2971">
        <v>372490</v>
      </c>
      <c r="P2971">
        <v>1</v>
      </c>
      <c r="Q2971">
        <v>2</v>
      </c>
      <c r="R2971" t="s">
        <v>15439</v>
      </c>
      <c r="S2971">
        <v>132</v>
      </c>
    </row>
    <row r="2972" spans="1:19" x14ac:dyDescent="0.25">
      <c r="A2972">
        <v>12672677</v>
      </c>
      <c r="B2972" t="s">
        <v>15440</v>
      </c>
      <c r="C2972" s="1" t="s">
        <v>15441</v>
      </c>
      <c r="D2972">
        <v>12672787</v>
      </c>
      <c r="E2972">
        <v>2</v>
      </c>
      <c r="F2972">
        <v>1</v>
      </c>
      <c r="H2972" t="s">
        <v>15442</v>
      </c>
      <c r="J2972" t="s">
        <v>15443</v>
      </c>
      <c r="K2972" t="s">
        <v>15443</v>
      </c>
      <c r="M2972">
        <v>1280410</v>
      </c>
      <c r="O2972">
        <v>1249558</v>
      </c>
      <c r="P2972">
        <v>1</v>
      </c>
      <c r="Q2972">
        <v>1</v>
      </c>
      <c r="R2972" t="s">
        <v>15444</v>
      </c>
      <c r="S2972">
        <v>4925</v>
      </c>
    </row>
    <row r="2973" spans="1:19" x14ac:dyDescent="0.25">
      <c r="A2973">
        <v>37104674</v>
      </c>
      <c r="B2973" t="s">
        <v>15445</v>
      </c>
      <c r="C2973" s="1" t="s">
        <v>15446</v>
      </c>
      <c r="E2973">
        <v>1</v>
      </c>
      <c r="F2973">
        <v>1</v>
      </c>
      <c r="H2973" t="s">
        <v>15447</v>
      </c>
      <c r="J2973" t="s">
        <v>15448</v>
      </c>
      <c r="K2973" t="s">
        <v>15449</v>
      </c>
      <c r="M2973">
        <v>3893414</v>
      </c>
      <c r="O2973">
        <v>3893414</v>
      </c>
      <c r="P2973">
        <v>1</v>
      </c>
      <c r="Q2973">
        <v>0</v>
      </c>
      <c r="R2973" t="s">
        <v>15450</v>
      </c>
      <c r="S2973">
        <v>159</v>
      </c>
    </row>
    <row r="2974" spans="1:19" x14ac:dyDescent="0.25">
      <c r="A2974">
        <v>38218389</v>
      </c>
      <c r="B2974" t="s">
        <v>15451</v>
      </c>
      <c r="C2974" s="1" t="s">
        <v>15452</v>
      </c>
      <c r="D2974">
        <v>38220312</v>
      </c>
      <c r="E2974">
        <v>1</v>
      </c>
      <c r="F2974">
        <v>0</v>
      </c>
      <c r="H2974" t="s">
        <v>15453</v>
      </c>
      <c r="J2974" t="s">
        <v>15454</v>
      </c>
      <c r="O2974">
        <v>5414507</v>
      </c>
      <c r="P2974">
        <v>1</v>
      </c>
      <c r="Q2974">
        <v>1</v>
      </c>
      <c r="R2974" t="s">
        <v>15455</v>
      </c>
      <c r="S2974">
        <v>272</v>
      </c>
    </row>
    <row r="2975" spans="1:19" x14ac:dyDescent="0.25">
      <c r="A2975">
        <v>13975380</v>
      </c>
      <c r="B2975" t="s">
        <v>15456</v>
      </c>
      <c r="C2975" s="1" t="s">
        <v>15457</v>
      </c>
      <c r="D2975">
        <v>13976868</v>
      </c>
      <c r="E2975">
        <v>1</v>
      </c>
      <c r="F2975">
        <v>0</v>
      </c>
      <c r="H2975" t="s">
        <v>15458</v>
      </c>
      <c r="J2975" t="s">
        <v>15459</v>
      </c>
      <c r="K2975" t="s">
        <v>15460</v>
      </c>
      <c r="M2975">
        <v>1906451</v>
      </c>
      <c r="O2975">
        <v>1906451</v>
      </c>
      <c r="P2975">
        <v>1</v>
      </c>
      <c r="Q2975">
        <v>0</v>
      </c>
      <c r="R2975" t="s">
        <v>15461</v>
      </c>
      <c r="S2975">
        <v>69</v>
      </c>
    </row>
    <row r="2976" spans="1:19" x14ac:dyDescent="0.25">
      <c r="A2976">
        <v>28457952</v>
      </c>
      <c r="B2976" t="s">
        <v>15462</v>
      </c>
      <c r="C2976" s="1" t="s">
        <v>15463</v>
      </c>
      <c r="E2976">
        <v>0</v>
      </c>
      <c r="F2976">
        <v>13</v>
      </c>
      <c r="H2976" t="s">
        <v>15464</v>
      </c>
      <c r="I2976">
        <v>2</v>
      </c>
      <c r="J2976" t="s">
        <v>15464</v>
      </c>
      <c r="O2976">
        <v>2328259</v>
      </c>
      <c r="P2976">
        <v>1</v>
      </c>
      <c r="Q2976">
        <v>4</v>
      </c>
      <c r="R2976" t="s">
        <v>15465</v>
      </c>
      <c r="S2976">
        <v>1589</v>
      </c>
    </row>
    <row r="2977" spans="1:19" x14ac:dyDescent="0.25">
      <c r="A2977">
        <v>30527160</v>
      </c>
      <c r="B2977" t="s">
        <v>15466</v>
      </c>
      <c r="C2977" s="1" t="s">
        <v>15467</v>
      </c>
      <c r="D2977">
        <v>30527366</v>
      </c>
      <c r="E2977">
        <v>1</v>
      </c>
      <c r="F2977">
        <v>0</v>
      </c>
      <c r="H2977" t="s">
        <v>15468</v>
      </c>
      <c r="J2977" t="s">
        <v>15469</v>
      </c>
      <c r="O2977">
        <v>1418720</v>
      </c>
      <c r="P2977">
        <v>1</v>
      </c>
      <c r="Q2977">
        <v>0</v>
      </c>
      <c r="R2977" t="s">
        <v>2122</v>
      </c>
      <c r="S2977">
        <v>22</v>
      </c>
    </row>
    <row r="2978" spans="1:19" x14ac:dyDescent="0.25">
      <c r="A2978">
        <v>13245842</v>
      </c>
      <c r="B2978" t="s">
        <v>15470</v>
      </c>
      <c r="C2978" s="1" t="s">
        <v>15471</v>
      </c>
      <c r="D2978">
        <v>13245905</v>
      </c>
      <c r="E2978">
        <v>2</v>
      </c>
      <c r="F2978">
        <v>1</v>
      </c>
      <c r="H2978" t="s">
        <v>15472</v>
      </c>
      <c r="I2978">
        <v>3</v>
      </c>
      <c r="J2978" t="s">
        <v>15473</v>
      </c>
      <c r="O2978">
        <v>1338352</v>
      </c>
      <c r="P2978">
        <v>1</v>
      </c>
      <c r="Q2978">
        <v>3</v>
      </c>
      <c r="R2978" t="s">
        <v>15474</v>
      </c>
      <c r="S2978">
        <v>3547</v>
      </c>
    </row>
    <row r="2979" spans="1:19" x14ac:dyDescent="0.25">
      <c r="A2979">
        <v>40521766</v>
      </c>
      <c r="B2979" t="s">
        <v>15475</v>
      </c>
      <c r="C2979" s="1" t="s">
        <v>15476</v>
      </c>
      <c r="E2979">
        <v>0</v>
      </c>
      <c r="F2979">
        <v>2</v>
      </c>
      <c r="H2979" t="s">
        <v>15477</v>
      </c>
      <c r="J2979" t="s">
        <v>15478</v>
      </c>
      <c r="K2979" t="s">
        <v>15478</v>
      </c>
      <c r="M2979">
        <v>4985733</v>
      </c>
      <c r="O2979">
        <v>7136184</v>
      </c>
      <c r="P2979">
        <v>1</v>
      </c>
      <c r="Q2979">
        <v>0</v>
      </c>
      <c r="R2979" t="s">
        <v>15479</v>
      </c>
      <c r="S2979">
        <v>27</v>
      </c>
    </row>
    <row r="2980" spans="1:19" x14ac:dyDescent="0.25">
      <c r="A2980">
        <v>49179434</v>
      </c>
      <c r="B2980" t="s">
        <v>15480</v>
      </c>
      <c r="C2980" s="1" t="s">
        <v>15481</v>
      </c>
      <c r="E2980">
        <v>0</v>
      </c>
      <c r="F2980">
        <v>3</v>
      </c>
      <c r="H2980" t="s">
        <v>15482</v>
      </c>
      <c r="J2980" t="s">
        <v>15482</v>
      </c>
      <c r="O2980">
        <v>1228739</v>
      </c>
      <c r="P2980">
        <v>1</v>
      </c>
      <c r="Q2980">
        <v>0</v>
      </c>
      <c r="R2980" t="s">
        <v>15483</v>
      </c>
      <c r="S2980">
        <v>81</v>
      </c>
    </row>
    <row r="2981" spans="1:19" x14ac:dyDescent="0.25">
      <c r="A2981">
        <v>50964924</v>
      </c>
      <c r="B2981" t="s">
        <v>15484</v>
      </c>
      <c r="C2981" s="1" t="s">
        <v>15485</v>
      </c>
      <c r="E2981">
        <v>1</v>
      </c>
      <c r="F2981">
        <v>0</v>
      </c>
      <c r="H2981" t="s">
        <v>15486</v>
      </c>
      <c r="J2981" t="s">
        <v>15487</v>
      </c>
      <c r="K2981" t="s">
        <v>15488</v>
      </c>
      <c r="M2981">
        <v>2531629</v>
      </c>
      <c r="O2981">
        <v>9972113</v>
      </c>
      <c r="P2981">
        <v>1</v>
      </c>
      <c r="Q2981">
        <v>0</v>
      </c>
      <c r="R2981" t="s">
        <v>15489</v>
      </c>
      <c r="S2981">
        <v>65</v>
      </c>
    </row>
    <row r="2982" spans="1:19" x14ac:dyDescent="0.25">
      <c r="A2982">
        <v>18977554</v>
      </c>
      <c r="B2982" t="s">
        <v>15490</v>
      </c>
      <c r="C2982" s="1" t="s">
        <v>15491</v>
      </c>
      <c r="D2982">
        <v>19006968</v>
      </c>
      <c r="E2982">
        <v>2</v>
      </c>
      <c r="F2982">
        <v>2</v>
      </c>
      <c r="H2982" t="s">
        <v>15492</v>
      </c>
      <c r="J2982" t="s">
        <v>15493</v>
      </c>
      <c r="O2982">
        <v>2713712</v>
      </c>
      <c r="P2982">
        <v>1</v>
      </c>
      <c r="Q2982">
        <v>0</v>
      </c>
      <c r="R2982" t="s">
        <v>15494</v>
      </c>
      <c r="S2982">
        <v>5363</v>
      </c>
    </row>
    <row r="2983" spans="1:19" x14ac:dyDescent="0.25">
      <c r="A2983">
        <v>10234848</v>
      </c>
      <c r="B2983" t="s">
        <v>15495</v>
      </c>
      <c r="C2983" s="1" t="s">
        <v>15496</v>
      </c>
      <c r="D2983">
        <v>10235862</v>
      </c>
      <c r="E2983">
        <v>1</v>
      </c>
      <c r="F2983">
        <v>4</v>
      </c>
      <c r="H2983" t="s">
        <v>15497</v>
      </c>
      <c r="J2983" t="s">
        <v>15498</v>
      </c>
      <c r="K2983" t="s">
        <v>15499</v>
      </c>
      <c r="M2983">
        <v>714968</v>
      </c>
      <c r="O2983">
        <v>1249399</v>
      </c>
      <c r="P2983">
        <v>1</v>
      </c>
      <c r="Q2983">
        <v>2</v>
      </c>
      <c r="R2983" t="s">
        <v>15500</v>
      </c>
      <c r="S2983">
        <v>717</v>
      </c>
    </row>
    <row r="2984" spans="1:19" x14ac:dyDescent="0.25">
      <c r="A2984">
        <v>33552283</v>
      </c>
      <c r="B2984" t="s">
        <v>15501</v>
      </c>
      <c r="C2984" s="1" t="s">
        <v>15502</v>
      </c>
      <c r="E2984">
        <v>0</v>
      </c>
      <c r="F2984">
        <v>2</v>
      </c>
      <c r="H2984" t="s">
        <v>15503</v>
      </c>
      <c r="J2984" t="s">
        <v>15503</v>
      </c>
      <c r="O2984">
        <v>2100791</v>
      </c>
      <c r="P2984">
        <v>1</v>
      </c>
      <c r="Q2984">
        <v>0</v>
      </c>
      <c r="R2984" t="s">
        <v>15504</v>
      </c>
      <c r="S2984">
        <v>20</v>
      </c>
    </row>
    <row r="2985" spans="1:19" x14ac:dyDescent="0.25">
      <c r="A2985">
        <v>29072909</v>
      </c>
      <c r="B2985" t="s">
        <v>15505</v>
      </c>
      <c r="C2985" s="1" t="s">
        <v>15506</v>
      </c>
      <c r="D2985">
        <v>29081461</v>
      </c>
      <c r="E2985">
        <v>1</v>
      </c>
      <c r="F2985">
        <v>0</v>
      </c>
      <c r="H2985" t="s">
        <v>15507</v>
      </c>
      <c r="J2985" t="s">
        <v>15508</v>
      </c>
      <c r="K2985" t="s">
        <v>15509</v>
      </c>
      <c r="M2985">
        <v>3489230</v>
      </c>
      <c r="O2985">
        <v>4510195</v>
      </c>
      <c r="P2985">
        <v>1</v>
      </c>
      <c r="Q2985">
        <v>0</v>
      </c>
      <c r="R2985" t="s">
        <v>15510</v>
      </c>
      <c r="S2985">
        <v>51</v>
      </c>
    </row>
    <row r="2986" spans="1:19" x14ac:dyDescent="0.25">
      <c r="A2986">
        <v>17913315</v>
      </c>
      <c r="B2986" t="s">
        <v>15511</v>
      </c>
      <c r="C2986" s="1" t="s">
        <v>15512</v>
      </c>
      <c r="E2986">
        <v>1</v>
      </c>
      <c r="F2986">
        <v>4</v>
      </c>
      <c r="H2986" t="s">
        <v>15513</v>
      </c>
      <c r="J2986" t="s">
        <v>15514</v>
      </c>
      <c r="O2986">
        <v>305287</v>
      </c>
      <c r="P2986">
        <v>1</v>
      </c>
      <c r="Q2986">
        <v>0</v>
      </c>
      <c r="R2986" t="s">
        <v>15515</v>
      </c>
      <c r="S2986">
        <v>255</v>
      </c>
    </row>
    <row r="2987" spans="1:19" x14ac:dyDescent="0.25">
      <c r="A2987">
        <v>36263302</v>
      </c>
      <c r="B2987" t="s">
        <v>15516</v>
      </c>
      <c r="C2987" s="1" t="s">
        <v>15517</v>
      </c>
      <c r="E2987">
        <v>0</v>
      </c>
      <c r="F2987">
        <v>5</v>
      </c>
      <c r="H2987" t="s">
        <v>15518</v>
      </c>
      <c r="J2987" t="s">
        <v>15519</v>
      </c>
      <c r="K2987" t="s">
        <v>15519</v>
      </c>
      <c r="M2987">
        <v>2833510</v>
      </c>
      <c r="O2987">
        <v>4925086</v>
      </c>
      <c r="P2987">
        <v>1</v>
      </c>
      <c r="Q2987">
        <v>0</v>
      </c>
      <c r="R2987" t="s">
        <v>15520</v>
      </c>
      <c r="S2987">
        <v>54</v>
      </c>
    </row>
    <row r="2988" spans="1:19" x14ac:dyDescent="0.25">
      <c r="A2988">
        <v>52689755</v>
      </c>
      <c r="B2988" t="s">
        <v>15521</v>
      </c>
      <c r="C2988" s="1" t="s">
        <v>15522</v>
      </c>
      <c r="D2988">
        <v>52690728</v>
      </c>
      <c r="E2988">
        <v>1</v>
      </c>
      <c r="F2988">
        <v>0</v>
      </c>
      <c r="H2988" t="s">
        <v>15523</v>
      </c>
      <c r="J2988" t="s">
        <v>15524</v>
      </c>
      <c r="O2988">
        <v>10337367</v>
      </c>
      <c r="P2988">
        <v>1</v>
      </c>
      <c r="Q2988">
        <v>0</v>
      </c>
      <c r="R2988" t="s">
        <v>15525</v>
      </c>
      <c r="S2988">
        <v>14</v>
      </c>
    </row>
    <row r="2989" spans="1:19" x14ac:dyDescent="0.25">
      <c r="A2989">
        <v>5751522</v>
      </c>
      <c r="B2989" t="s">
        <v>15526</v>
      </c>
      <c r="C2989" s="1" t="s">
        <v>15527</v>
      </c>
      <c r="D2989">
        <v>5751540</v>
      </c>
      <c r="E2989">
        <v>2</v>
      </c>
      <c r="F2989">
        <v>0</v>
      </c>
      <c r="H2989" t="s">
        <v>15528</v>
      </c>
      <c r="J2989" t="s">
        <v>15529</v>
      </c>
      <c r="K2989" t="s">
        <v>15530</v>
      </c>
      <c r="M2989">
        <v>500959</v>
      </c>
      <c r="O2989">
        <v>500959</v>
      </c>
      <c r="P2989">
        <v>1</v>
      </c>
      <c r="Q2989">
        <v>1</v>
      </c>
      <c r="R2989" t="s">
        <v>15531</v>
      </c>
      <c r="S2989">
        <v>529</v>
      </c>
    </row>
    <row r="2990" spans="1:19" x14ac:dyDescent="0.25">
      <c r="A2990">
        <v>20417425</v>
      </c>
      <c r="B2990" t="s">
        <v>15532</v>
      </c>
      <c r="C2990" s="1" t="s">
        <v>15533</v>
      </c>
      <c r="D2990">
        <v>20417463</v>
      </c>
      <c r="E2990">
        <v>1</v>
      </c>
      <c r="F2990">
        <v>6</v>
      </c>
      <c r="H2990" t="s">
        <v>15534</v>
      </c>
      <c r="J2990" t="s">
        <v>15535</v>
      </c>
      <c r="K2990" t="s">
        <v>15535</v>
      </c>
      <c r="M2990">
        <v>2992030</v>
      </c>
      <c r="O2990">
        <v>2992030</v>
      </c>
      <c r="P2990">
        <v>1</v>
      </c>
      <c r="Q2990">
        <v>0</v>
      </c>
      <c r="R2990" t="s">
        <v>15536</v>
      </c>
      <c r="S2990">
        <v>487</v>
      </c>
    </row>
    <row r="2991" spans="1:19" x14ac:dyDescent="0.25">
      <c r="A2991">
        <v>42470652</v>
      </c>
      <c r="B2991" t="s">
        <v>15537</v>
      </c>
      <c r="C2991" s="1" t="s">
        <v>15538</v>
      </c>
      <c r="D2991">
        <v>42477175</v>
      </c>
      <c r="E2991">
        <v>2</v>
      </c>
      <c r="F2991">
        <v>2</v>
      </c>
      <c r="H2991" t="s">
        <v>15539</v>
      </c>
      <c r="J2991" t="s">
        <v>15540</v>
      </c>
      <c r="O2991">
        <v>7433290</v>
      </c>
      <c r="P2991">
        <v>1</v>
      </c>
      <c r="Q2991">
        <v>0</v>
      </c>
      <c r="R2991" t="s">
        <v>871</v>
      </c>
      <c r="S2991">
        <v>31</v>
      </c>
    </row>
    <row r="2992" spans="1:19" x14ac:dyDescent="0.25">
      <c r="A2992">
        <v>5715528</v>
      </c>
      <c r="B2992" t="s">
        <v>15541</v>
      </c>
      <c r="C2992" t="s">
        <v>15542</v>
      </c>
      <c r="D2992">
        <v>5715589</v>
      </c>
      <c r="E2992">
        <v>5</v>
      </c>
      <c r="F2992">
        <v>4</v>
      </c>
      <c r="H2992" t="s">
        <v>15543</v>
      </c>
      <c r="J2992" t="s">
        <v>15544</v>
      </c>
      <c r="N2992" t="s">
        <v>15545</v>
      </c>
      <c r="P2992">
        <v>1</v>
      </c>
      <c r="Q2992">
        <v>1</v>
      </c>
      <c r="R2992" t="s">
        <v>15546</v>
      </c>
      <c r="S2992">
        <v>4096</v>
      </c>
    </row>
    <row r="2993" spans="1:19" x14ac:dyDescent="0.25">
      <c r="A2993">
        <v>49897208</v>
      </c>
      <c r="B2993" t="s">
        <v>15547</v>
      </c>
      <c r="C2993" s="1" t="s">
        <v>15548</v>
      </c>
      <c r="D2993">
        <v>49901658</v>
      </c>
      <c r="E2993">
        <v>2</v>
      </c>
      <c r="F2993">
        <v>2</v>
      </c>
      <c r="H2993" t="s">
        <v>15549</v>
      </c>
      <c r="J2993" t="s">
        <v>15550</v>
      </c>
      <c r="K2993" t="s">
        <v>15550</v>
      </c>
      <c r="M2993">
        <v>1611459</v>
      </c>
      <c r="O2993">
        <v>7167739</v>
      </c>
      <c r="P2993">
        <v>1</v>
      </c>
      <c r="Q2993">
        <v>0</v>
      </c>
      <c r="R2993" t="s">
        <v>15551</v>
      </c>
      <c r="S2993">
        <v>167</v>
      </c>
    </row>
    <row r="2994" spans="1:19" x14ac:dyDescent="0.25">
      <c r="A2994">
        <v>43766822</v>
      </c>
      <c r="B2994" t="s">
        <v>15552</v>
      </c>
      <c r="C2994" s="1" t="s">
        <v>15553</v>
      </c>
      <c r="D2994">
        <v>43767103</v>
      </c>
      <c r="E2994">
        <v>1</v>
      </c>
      <c r="F2994">
        <v>2</v>
      </c>
      <c r="H2994" t="s">
        <v>15554</v>
      </c>
      <c r="J2994" t="s">
        <v>15555</v>
      </c>
      <c r="O2994">
        <v>7958960</v>
      </c>
      <c r="P2994">
        <v>1</v>
      </c>
      <c r="Q2994">
        <v>0</v>
      </c>
      <c r="R2994" t="s">
        <v>14886</v>
      </c>
      <c r="S2994">
        <v>121</v>
      </c>
    </row>
    <row r="2995" spans="1:19" x14ac:dyDescent="0.25">
      <c r="A2995">
        <v>26860005</v>
      </c>
      <c r="B2995" t="s">
        <v>15556</v>
      </c>
      <c r="C2995" s="1" t="s">
        <v>15557</v>
      </c>
      <c r="E2995">
        <v>0</v>
      </c>
      <c r="F2995">
        <v>0</v>
      </c>
      <c r="H2995" t="s">
        <v>15558</v>
      </c>
      <c r="J2995" t="s">
        <v>15558</v>
      </c>
      <c r="O2995">
        <v>2427393</v>
      </c>
      <c r="P2995">
        <v>1</v>
      </c>
      <c r="Q2995">
        <v>1</v>
      </c>
      <c r="R2995" t="s">
        <v>15559</v>
      </c>
      <c r="S2995">
        <v>60</v>
      </c>
    </row>
    <row r="2996" spans="1:19" x14ac:dyDescent="0.25">
      <c r="A2996">
        <v>29603328</v>
      </c>
      <c r="B2996" t="s">
        <v>15560</v>
      </c>
      <c r="C2996" s="1" t="s">
        <v>15561</v>
      </c>
      <c r="E2996">
        <v>0</v>
      </c>
      <c r="F2996">
        <v>9</v>
      </c>
      <c r="H2996" t="s">
        <v>15562</v>
      </c>
      <c r="I2996">
        <v>1</v>
      </c>
      <c r="J2996" t="s">
        <v>15563</v>
      </c>
      <c r="K2996" t="s">
        <v>15563</v>
      </c>
      <c r="M2996">
        <v>1656824</v>
      </c>
      <c r="O2996">
        <v>1656824</v>
      </c>
      <c r="P2996">
        <v>1</v>
      </c>
      <c r="Q2996">
        <v>0</v>
      </c>
      <c r="R2996" t="s">
        <v>15564</v>
      </c>
      <c r="S2996">
        <v>307</v>
      </c>
    </row>
    <row r="2997" spans="1:19" x14ac:dyDescent="0.25">
      <c r="A2997">
        <v>15065025</v>
      </c>
      <c r="B2997" t="s">
        <v>15565</v>
      </c>
      <c r="C2997" t="s">
        <v>15566</v>
      </c>
      <c r="D2997">
        <v>15065140</v>
      </c>
      <c r="E2997">
        <v>2</v>
      </c>
      <c r="F2997">
        <v>1</v>
      </c>
      <c r="H2997" t="s">
        <v>15567</v>
      </c>
      <c r="J2997" t="s">
        <v>15568</v>
      </c>
      <c r="O2997">
        <v>2053530</v>
      </c>
      <c r="P2997">
        <v>1</v>
      </c>
      <c r="Q2997">
        <v>2</v>
      </c>
      <c r="R2997" t="s">
        <v>15569</v>
      </c>
      <c r="S2997">
        <v>3269</v>
      </c>
    </row>
    <row r="2998" spans="1:19" x14ac:dyDescent="0.25">
      <c r="A2998">
        <v>39541603</v>
      </c>
      <c r="B2998" t="s">
        <v>15570</v>
      </c>
      <c r="C2998" s="1" t="s">
        <v>15571</v>
      </c>
      <c r="D2998">
        <v>39628949</v>
      </c>
      <c r="E2998">
        <v>2</v>
      </c>
      <c r="F2998">
        <v>0</v>
      </c>
      <c r="H2998" t="s">
        <v>15572</v>
      </c>
      <c r="I2998">
        <v>1</v>
      </c>
      <c r="J2998" t="s">
        <v>15573</v>
      </c>
      <c r="O2998">
        <v>490239</v>
      </c>
      <c r="P2998">
        <v>1</v>
      </c>
      <c r="Q2998">
        <v>5</v>
      </c>
      <c r="R2998" t="s">
        <v>15574</v>
      </c>
      <c r="S2998">
        <v>1058</v>
      </c>
    </row>
    <row r="2999" spans="1:19" x14ac:dyDescent="0.25">
      <c r="A2999">
        <v>6374802</v>
      </c>
      <c r="B2999" t="s">
        <v>15575</v>
      </c>
      <c r="C2999" s="1" t="s">
        <v>15576</v>
      </c>
      <c r="E2999">
        <v>1</v>
      </c>
      <c r="F2999">
        <v>0</v>
      </c>
      <c r="H2999" t="s">
        <v>15577</v>
      </c>
      <c r="J2999" t="s">
        <v>15578</v>
      </c>
      <c r="K2999" t="s">
        <v>15578</v>
      </c>
      <c r="M2999">
        <v>104267</v>
      </c>
      <c r="O2999">
        <v>672186</v>
      </c>
      <c r="P2999">
        <v>1</v>
      </c>
      <c r="Q2999">
        <v>0</v>
      </c>
      <c r="R2999" t="s">
        <v>15579</v>
      </c>
      <c r="S2999">
        <v>94</v>
      </c>
    </row>
    <row r="3000" spans="1:19" x14ac:dyDescent="0.25">
      <c r="A3000">
        <v>10913680</v>
      </c>
      <c r="B3000" t="s">
        <v>15580</v>
      </c>
      <c r="C3000" s="1" t="s">
        <v>15581</v>
      </c>
      <c r="D3000">
        <v>11047776</v>
      </c>
      <c r="E3000">
        <v>3</v>
      </c>
      <c r="F3000">
        <v>0</v>
      </c>
      <c r="H3000" t="s">
        <v>15582</v>
      </c>
      <c r="J3000" t="s">
        <v>15583</v>
      </c>
      <c r="O3000">
        <v>385563</v>
      </c>
      <c r="P3000">
        <v>1</v>
      </c>
      <c r="Q3000">
        <v>2</v>
      </c>
      <c r="R3000" t="s">
        <v>15584</v>
      </c>
      <c r="S3000">
        <v>363</v>
      </c>
    </row>
    <row r="3001" spans="1:19" x14ac:dyDescent="0.25">
      <c r="A3001">
        <v>39291360</v>
      </c>
      <c r="B3001" t="s">
        <v>15585</v>
      </c>
      <c r="C3001" s="1" t="s">
        <v>15586</v>
      </c>
      <c r="D3001">
        <v>39295607</v>
      </c>
      <c r="E3001">
        <v>5</v>
      </c>
      <c r="F3001">
        <v>0</v>
      </c>
      <c r="H3001" t="s">
        <v>15587</v>
      </c>
      <c r="J3001" t="s">
        <v>15588</v>
      </c>
      <c r="K3001" t="s">
        <v>15588</v>
      </c>
      <c r="M3001">
        <v>338745</v>
      </c>
      <c r="O3001">
        <v>338745</v>
      </c>
      <c r="P3001">
        <v>1</v>
      </c>
      <c r="Q3001">
        <v>3</v>
      </c>
      <c r="R3001" t="s">
        <v>15589</v>
      </c>
      <c r="S3001">
        <v>1767</v>
      </c>
    </row>
    <row r="3002" spans="1:19" x14ac:dyDescent="0.25">
      <c r="A3002">
        <v>33618020</v>
      </c>
      <c r="B3002" t="s">
        <v>15590</v>
      </c>
      <c r="C3002" s="1" t="s">
        <v>15591</v>
      </c>
      <c r="E3002">
        <v>1</v>
      </c>
      <c r="F3002">
        <v>0</v>
      </c>
      <c r="H3002" t="s">
        <v>15592</v>
      </c>
      <c r="J3002" t="s">
        <v>15593</v>
      </c>
      <c r="K3002" t="s">
        <v>15593</v>
      </c>
      <c r="M3002">
        <v>472495</v>
      </c>
      <c r="O3002">
        <v>748343</v>
      </c>
      <c r="P3002">
        <v>1</v>
      </c>
      <c r="Q3002">
        <v>1</v>
      </c>
      <c r="R3002" t="s">
        <v>15594</v>
      </c>
      <c r="S3002">
        <v>291</v>
      </c>
    </row>
    <row r="3003" spans="1:19" x14ac:dyDescent="0.25">
      <c r="A3003">
        <v>2011557</v>
      </c>
      <c r="B3003" t="s">
        <v>15595</v>
      </c>
      <c r="C3003" s="1" t="s">
        <v>15596</v>
      </c>
      <c r="D3003">
        <v>2011577</v>
      </c>
      <c r="E3003">
        <v>2</v>
      </c>
      <c r="F3003">
        <v>3</v>
      </c>
      <c r="H3003" t="s">
        <v>15597</v>
      </c>
      <c r="J3003" t="s">
        <v>15598</v>
      </c>
      <c r="O3003">
        <v>198729</v>
      </c>
      <c r="P3003">
        <v>1</v>
      </c>
      <c r="Q3003">
        <v>1</v>
      </c>
      <c r="R3003" t="s">
        <v>2494</v>
      </c>
      <c r="S3003">
        <v>323</v>
      </c>
    </row>
    <row r="3004" spans="1:19" x14ac:dyDescent="0.25">
      <c r="A3004">
        <v>12998699</v>
      </c>
      <c r="B3004" t="s">
        <v>15599</v>
      </c>
      <c r="C3004" t="s">
        <v>15600</v>
      </c>
      <c r="E3004">
        <v>0</v>
      </c>
      <c r="F3004">
        <v>4</v>
      </c>
      <c r="H3004" t="s">
        <v>15601</v>
      </c>
      <c r="J3004" t="s">
        <v>15602</v>
      </c>
      <c r="K3004" t="s">
        <v>15602</v>
      </c>
      <c r="M3004">
        <v>295770</v>
      </c>
      <c r="O3004">
        <v>1763170</v>
      </c>
      <c r="P3004">
        <v>1</v>
      </c>
      <c r="Q3004">
        <v>1</v>
      </c>
      <c r="R3004" t="s">
        <v>15603</v>
      </c>
      <c r="S3004">
        <v>164</v>
      </c>
    </row>
    <row r="3005" spans="1:19" x14ac:dyDescent="0.25">
      <c r="A3005">
        <v>25643117</v>
      </c>
      <c r="B3005" t="s">
        <v>15604</v>
      </c>
      <c r="C3005" s="1" t="s">
        <v>15605</v>
      </c>
      <c r="D3005">
        <v>25643699</v>
      </c>
      <c r="E3005">
        <v>2</v>
      </c>
      <c r="F3005">
        <v>3</v>
      </c>
      <c r="H3005" t="s">
        <v>15606</v>
      </c>
      <c r="I3005">
        <v>0</v>
      </c>
      <c r="J3005" t="s">
        <v>15607</v>
      </c>
      <c r="O3005">
        <v>3967303</v>
      </c>
      <c r="P3005">
        <v>1</v>
      </c>
      <c r="Q3005">
        <v>0</v>
      </c>
      <c r="R3005" t="s">
        <v>15608</v>
      </c>
      <c r="S3005">
        <v>168</v>
      </c>
    </row>
    <row r="3006" spans="1:19" x14ac:dyDescent="0.25">
      <c r="A3006">
        <v>44427135</v>
      </c>
      <c r="B3006" t="s">
        <v>15609</v>
      </c>
      <c r="C3006" s="1" t="s">
        <v>15610</v>
      </c>
      <c r="D3006">
        <v>44427436</v>
      </c>
      <c r="E3006">
        <v>5</v>
      </c>
      <c r="F3006">
        <v>2</v>
      </c>
      <c r="H3006" t="s">
        <v>15611</v>
      </c>
      <c r="J3006" t="s">
        <v>15612</v>
      </c>
      <c r="K3006" t="s">
        <v>15613</v>
      </c>
      <c r="M3006">
        <v>7810510</v>
      </c>
      <c r="O3006">
        <v>7810510</v>
      </c>
      <c r="P3006">
        <v>1</v>
      </c>
      <c r="Q3006">
        <v>0</v>
      </c>
      <c r="R3006" t="s">
        <v>15614</v>
      </c>
      <c r="S3006">
        <v>256</v>
      </c>
    </row>
    <row r="3007" spans="1:19" x14ac:dyDescent="0.25">
      <c r="A3007">
        <v>47768725</v>
      </c>
      <c r="B3007" t="s">
        <v>15615</v>
      </c>
      <c r="C3007" s="1" t="s">
        <v>15616</v>
      </c>
      <c r="E3007">
        <v>2</v>
      </c>
      <c r="F3007">
        <v>4</v>
      </c>
      <c r="H3007" t="s">
        <v>15617</v>
      </c>
      <c r="J3007" t="s">
        <v>15618</v>
      </c>
      <c r="O3007">
        <v>7935417</v>
      </c>
      <c r="P3007">
        <v>1</v>
      </c>
      <c r="Q3007">
        <v>0</v>
      </c>
      <c r="R3007" t="s">
        <v>15619</v>
      </c>
      <c r="S3007">
        <v>542</v>
      </c>
    </row>
    <row r="3008" spans="1:19" x14ac:dyDescent="0.25">
      <c r="A3008">
        <v>10725114</v>
      </c>
      <c r="B3008" t="s">
        <v>15620</v>
      </c>
      <c r="C3008" s="1" t="s">
        <v>15621</v>
      </c>
      <c r="D3008">
        <v>10725158</v>
      </c>
      <c r="E3008">
        <v>1</v>
      </c>
      <c r="F3008">
        <v>0</v>
      </c>
      <c r="H3008" t="s">
        <v>15622</v>
      </c>
      <c r="J3008" t="s">
        <v>15623</v>
      </c>
      <c r="K3008" t="s">
        <v>15623</v>
      </c>
      <c r="M3008">
        <v>1349442</v>
      </c>
      <c r="O3008">
        <v>1349442</v>
      </c>
      <c r="P3008">
        <v>1</v>
      </c>
      <c r="Q3008">
        <v>-1</v>
      </c>
      <c r="R3008" t="s">
        <v>748</v>
      </c>
      <c r="S3008">
        <v>130</v>
      </c>
    </row>
    <row r="3009" spans="1:19" x14ac:dyDescent="0.25">
      <c r="A3009">
        <v>49493147</v>
      </c>
      <c r="B3009" t="s">
        <v>15624</v>
      </c>
      <c r="C3009" s="1" t="s">
        <v>15625</v>
      </c>
      <c r="D3009">
        <v>51636635</v>
      </c>
      <c r="E3009">
        <v>1</v>
      </c>
      <c r="F3009">
        <v>0</v>
      </c>
      <c r="H3009" t="s">
        <v>15626</v>
      </c>
      <c r="J3009" t="s">
        <v>15627</v>
      </c>
      <c r="K3009" t="s">
        <v>15627</v>
      </c>
      <c r="M3009">
        <v>4891738</v>
      </c>
      <c r="O3009">
        <v>3036416</v>
      </c>
      <c r="P3009">
        <v>1</v>
      </c>
      <c r="Q3009">
        <v>1</v>
      </c>
      <c r="R3009" t="s">
        <v>15628</v>
      </c>
      <c r="S3009">
        <v>147</v>
      </c>
    </row>
    <row r="3010" spans="1:19" x14ac:dyDescent="0.25">
      <c r="A3010">
        <v>10824409</v>
      </c>
      <c r="B3010" t="s">
        <v>15629</v>
      </c>
      <c r="C3010" t="s">
        <v>15630</v>
      </c>
      <c r="D3010">
        <v>10824456</v>
      </c>
      <c r="E3010">
        <v>2</v>
      </c>
      <c r="F3010">
        <v>0</v>
      </c>
      <c r="H3010" t="s">
        <v>15631</v>
      </c>
      <c r="J3010" t="s">
        <v>15632</v>
      </c>
      <c r="O3010">
        <v>1042389</v>
      </c>
      <c r="P3010">
        <v>1</v>
      </c>
      <c r="Q3010">
        <v>1</v>
      </c>
      <c r="R3010" t="s">
        <v>759</v>
      </c>
      <c r="S3010">
        <v>350</v>
      </c>
    </row>
    <row r="3011" spans="1:19" x14ac:dyDescent="0.25">
      <c r="A3011">
        <v>38256232</v>
      </c>
      <c r="B3011" t="s">
        <v>15633</v>
      </c>
      <c r="C3011" s="1" t="s">
        <v>15634</v>
      </c>
      <c r="D3011">
        <v>38257280</v>
      </c>
      <c r="E3011">
        <v>1</v>
      </c>
      <c r="F3011">
        <v>0</v>
      </c>
      <c r="H3011" t="s">
        <v>15635</v>
      </c>
      <c r="J3011" t="s">
        <v>15636</v>
      </c>
      <c r="O3011">
        <v>4109539</v>
      </c>
      <c r="P3011">
        <v>1</v>
      </c>
      <c r="Q3011">
        <v>0</v>
      </c>
      <c r="R3011" t="s">
        <v>15637</v>
      </c>
      <c r="S3011">
        <v>113</v>
      </c>
    </row>
    <row r="3012" spans="1:19" x14ac:dyDescent="0.25">
      <c r="A3012">
        <v>10098085</v>
      </c>
      <c r="B3012" t="s">
        <v>15638</v>
      </c>
      <c r="C3012" s="1" t="s">
        <v>15639</v>
      </c>
      <c r="E3012">
        <v>1</v>
      </c>
      <c r="F3012">
        <v>0</v>
      </c>
      <c r="H3012" t="s">
        <v>15640</v>
      </c>
      <c r="I3012">
        <v>1</v>
      </c>
      <c r="J3012" t="s">
        <v>15641</v>
      </c>
      <c r="O3012">
        <v>594763</v>
      </c>
      <c r="P3012">
        <v>1</v>
      </c>
      <c r="Q3012">
        <v>1</v>
      </c>
      <c r="R3012" t="s">
        <v>579</v>
      </c>
      <c r="S3012">
        <v>77</v>
      </c>
    </row>
    <row r="3013" spans="1:19" x14ac:dyDescent="0.25">
      <c r="A3013">
        <v>41645632</v>
      </c>
      <c r="B3013" t="s">
        <v>15642</v>
      </c>
      <c r="C3013" s="1" t="s">
        <v>15643</v>
      </c>
      <c r="D3013">
        <v>41645685</v>
      </c>
      <c r="E3013">
        <v>1</v>
      </c>
      <c r="F3013">
        <v>0</v>
      </c>
      <c r="H3013" t="s">
        <v>15644</v>
      </c>
      <c r="J3013" t="s">
        <v>15645</v>
      </c>
      <c r="O3013">
        <v>1253298</v>
      </c>
      <c r="P3013">
        <v>1</v>
      </c>
      <c r="Q3013">
        <v>2</v>
      </c>
      <c r="R3013" t="s">
        <v>15646</v>
      </c>
      <c r="S3013">
        <v>307</v>
      </c>
    </row>
    <row r="3014" spans="1:19" x14ac:dyDescent="0.25">
      <c r="A3014">
        <v>30897250</v>
      </c>
      <c r="B3014" t="s">
        <v>15647</v>
      </c>
      <c r="C3014" s="1" t="s">
        <v>15648</v>
      </c>
      <c r="D3014">
        <v>30897274</v>
      </c>
      <c r="E3014">
        <v>2</v>
      </c>
      <c r="F3014">
        <v>0</v>
      </c>
      <c r="H3014" t="s">
        <v>15649</v>
      </c>
      <c r="J3014" t="s">
        <v>15650</v>
      </c>
      <c r="K3014" t="s">
        <v>15651</v>
      </c>
      <c r="M3014">
        <v>100297</v>
      </c>
      <c r="O3014">
        <v>5020432</v>
      </c>
      <c r="P3014">
        <v>1</v>
      </c>
      <c r="Q3014">
        <v>0</v>
      </c>
      <c r="R3014" t="s">
        <v>15652</v>
      </c>
      <c r="S3014">
        <v>68</v>
      </c>
    </row>
    <row r="3015" spans="1:19" x14ac:dyDescent="0.25">
      <c r="A3015">
        <v>42757811</v>
      </c>
      <c r="B3015" t="s">
        <v>15653</v>
      </c>
      <c r="C3015" s="1" t="s">
        <v>15654</v>
      </c>
      <c r="E3015">
        <v>1</v>
      </c>
      <c r="F3015">
        <v>0</v>
      </c>
      <c r="H3015" t="s">
        <v>15655</v>
      </c>
      <c r="J3015" t="s">
        <v>15656</v>
      </c>
      <c r="O3015">
        <v>7245909</v>
      </c>
      <c r="P3015">
        <v>1</v>
      </c>
      <c r="Q3015">
        <v>0</v>
      </c>
      <c r="R3015" t="s">
        <v>15657</v>
      </c>
      <c r="S3015">
        <v>108</v>
      </c>
    </row>
    <row r="3016" spans="1:19" x14ac:dyDescent="0.25">
      <c r="A3016">
        <v>6951483</v>
      </c>
      <c r="B3016" t="s">
        <v>15658</v>
      </c>
      <c r="C3016" s="1" t="s">
        <v>15659</v>
      </c>
      <c r="D3016">
        <v>10787532</v>
      </c>
      <c r="E3016">
        <v>1</v>
      </c>
      <c r="F3016">
        <v>0</v>
      </c>
      <c r="H3016" t="s">
        <v>15660</v>
      </c>
      <c r="J3016" t="s">
        <v>15661</v>
      </c>
      <c r="K3016" t="s">
        <v>15662</v>
      </c>
      <c r="M3016">
        <v>-1</v>
      </c>
      <c r="O3016">
        <v>297353</v>
      </c>
      <c r="P3016">
        <v>1</v>
      </c>
      <c r="Q3016">
        <v>0</v>
      </c>
      <c r="R3016" t="s">
        <v>15663</v>
      </c>
      <c r="S3016">
        <v>1013</v>
      </c>
    </row>
    <row r="3017" spans="1:19" x14ac:dyDescent="0.25">
      <c r="A3017">
        <v>33759430</v>
      </c>
      <c r="B3017" t="s">
        <v>15664</v>
      </c>
      <c r="C3017" s="1" t="s">
        <v>15665</v>
      </c>
      <c r="E3017">
        <v>0</v>
      </c>
      <c r="F3017">
        <v>4</v>
      </c>
      <c r="H3017" t="s">
        <v>15666</v>
      </c>
      <c r="J3017" t="s">
        <v>15667</v>
      </c>
      <c r="K3017" t="s">
        <v>15667</v>
      </c>
      <c r="M3017">
        <v>5552357</v>
      </c>
      <c r="O3017">
        <v>5552357</v>
      </c>
      <c r="P3017">
        <v>1</v>
      </c>
      <c r="Q3017">
        <v>0</v>
      </c>
      <c r="R3017" t="s">
        <v>15668</v>
      </c>
      <c r="S3017">
        <v>282</v>
      </c>
    </row>
    <row r="3018" spans="1:19" x14ac:dyDescent="0.25">
      <c r="A3018">
        <v>37296022</v>
      </c>
      <c r="B3018" t="s">
        <v>15669</v>
      </c>
      <c r="C3018" s="1" t="s">
        <v>15670</v>
      </c>
      <c r="E3018">
        <v>1</v>
      </c>
      <c r="F3018">
        <v>0</v>
      </c>
      <c r="H3018" t="s">
        <v>15671</v>
      </c>
      <c r="J3018" t="s">
        <v>15672</v>
      </c>
      <c r="K3018" t="s">
        <v>15673</v>
      </c>
      <c r="M3018">
        <v>5065092</v>
      </c>
      <c r="O3018">
        <v>1260928</v>
      </c>
      <c r="P3018">
        <v>1</v>
      </c>
      <c r="Q3018">
        <v>0</v>
      </c>
      <c r="R3018" t="s">
        <v>15674</v>
      </c>
      <c r="S3018">
        <v>279</v>
      </c>
    </row>
    <row r="3019" spans="1:19" x14ac:dyDescent="0.25">
      <c r="A3019">
        <v>1740911</v>
      </c>
      <c r="B3019" t="s">
        <v>15675</v>
      </c>
      <c r="C3019" s="1" t="s">
        <v>15676</v>
      </c>
      <c r="D3019">
        <v>1741047</v>
      </c>
      <c r="E3019">
        <v>3</v>
      </c>
      <c r="F3019">
        <v>0</v>
      </c>
      <c r="H3019" t="s">
        <v>15677</v>
      </c>
      <c r="I3019">
        <v>1</v>
      </c>
      <c r="J3019" t="s">
        <v>15678</v>
      </c>
      <c r="O3019">
        <v>68003</v>
      </c>
      <c r="P3019">
        <v>1</v>
      </c>
      <c r="Q3019">
        <v>0</v>
      </c>
      <c r="R3019" t="s">
        <v>15679</v>
      </c>
      <c r="S3019">
        <v>202</v>
      </c>
    </row>
    <row r="3020" spans="1:19" x14ac:dyDescent="0.25">
      <c r="A3020">
        <v>21792545</v>
      </c>
      <c r="B3020" t="s">
        <v>15680</v>
      </c>
      <c r="C3020" s="1" t="s">
        <v>15681</v>
      </c>
      <c r="D3020">
        <v>21803694</v>
      </c>
      <c r="E3020">
        <v>2</v>
      </c>
      <c r="F3020">
        <v>1</v>
      </c>
      <c r="H3020" t="s">
        <v>15682</v>
      </c>
      <c r="J3020" t="s">
        <v>15683</v>
      </c>
      <c r="K3020" t="s">
        <v>15684</v>
      </c>
      <c r="M3020">
        <v>3312311</v>
      </c>
      <c r="O3020">
        <v>3312311</v>
      </c>
      <c r="P3020">
        <v>1</v>
      </c>
      <c r="Q3020">
        <v>1</v>
      </c>
      <c r="R3020" t="s">
        <v>15685</v>
      </c>
      <c r="S3020">
        <v>261</v>
      </c>
    </row>
    <row r="3021" spans="1:19" x14ac:dyDescent="0.25">
      <c r="A3021">
        <v>7078550</v>
      </c>
      <c r="B3021" t="s">
        <v>15686</v>
      </c>
      <c r="C3021" s="1" t="s">
        <v>15687</v>
      </c>
      <c r="D3021">
        <v>7079198</v>
      </c>
      <c r="E3021">
        <v>1</v>
      </c>
      <c r="F3021">
        <v>0</v>
      </c>
      <c r="H3021" t="s">
        <v>15688</v>
      </c>
      <c r="J3021" t="s">
        <v>15689</v>
      </c>
      <c r="O3021">
        <v>533413</v>
      </c>
      <c r="P3021">
        <v>1</v>
      </c>
      <c r="Q3021">
        <v>0</v>
      </c>
      <c r="R3021" t="s">
        <v>15690</v>
      </c>
      <c r="S3021">
        <v>927</v>
      </c>
    </row>
    <row r="3022" spans="1:19" x14ac:dyDescent="0.25">
      <c r="A3022">
        <v>12423697</v>
      </c>
      <c r="B3022" t="s">
        <v>15691</v>
      </c>
      <c r="C3022" s="1" t="s">
        <v>15692</v>
      </c>
      <c r="E3022">
        <v>1</v>
      </c>
      <c r="F3022">
        <v>0</v>
      </c>
      <c r="H3022" t="s">
        <v>15693</v>
      </c>
      <c r="J3022" t="s">
        <v>15694</v>
      </c>
      <c r="K3022" t="s">
        <v>15695</v>
      </c>
      <c r="M3022">
        <v>1452289</v>
      </c>
      <c r="O3022">
        <v>1671213</v>
      </c>
      <c r="P3022">
        <v>1</v>
      </c>
      <c r="Q3022">
        <v>0</v>
      </c>
      <c r="R3022" t="s">
        <v>15696</v>
      </c>
      <c r="S3022">
        <v>438</v>
      </c>
    </row>
    <row r="3023" spans="1:19" x14ac:dyDescent="0.25">
      <c r="A3023">
        <v>48367668</v>
      </c>
      <c r="B3023" t="s">
        <v>15697</v>
      </c>
      <c r="C3023" s="1" t="s">
        <v>15698</v>
      </c>
      <c r="E3023">
        <v>1</v>
      </c>
      <c r="F3023">
        <v>6</v>
      </c>
      <c r="H3023" t="s">
        <v>15699</v>
      </c>
      <c r="J3023" t="s">
        <v>15700</v>
      </c>
      <c r="O3023">
        <v>1170686</v>
      </c>
      <c r="P3023">
        <v>1</v>
      </c>
      <c r="Q3023">
        <v>0</v>
      </c>
      <c r="R3023" t="s">
        <v>15701</v>
      </c>
      <c r="S3023">
        <v>370</v>
      </c>
    </row>
    <row r="3024" spans="1:19" x14ac:dyDescent="0.25">
      <c r="A3024">
        <v>41261567</v>
      </c>
      <c r="B3024" t="s">
        <v>15702</v>
      </c>
      <c r="C3024" s="1" t="s">
        <v>15703</v>
      </c>
      <c r="D3024">
        <v>41261652</v>
      </c>
      <c r="E3024">
        <v>2</v>
      </c>
      <c r="F3024">
        <v>1</v>
      </c>
      <c r="H3024" t="s">
        <v>15704</v>
      </c>
      <c r="J3024" t="s">
        <v>15705</v>
      </c>
      <c r="K3024" t="s">
        <v>15705</v>
      </c>
      <c r="M3024">
        <v>3832970</v>
      </c>
      <c r="O3024">
        <v>1602677</v>
      </c>
      <c r="P3024">
        <v>1</v>
      </c>
      <c r="Q3024">
        <v>1</v>
      </c>
      <c r="R3024" t="s">
        <v>15706</v>
      </c>
      <c r="S3024">
        <v>5267</v>
      </c>
    </row>
    <row r="3025" spans="1:19" x14ac:dyDescent="0.25">
      <c r="A3025">
        <v>25415649</v>
      </c>
      <c r="B3025" t="s">
        <v>15707</v>
      </c>
      <c r="C3025" s="1" t="s">
        <v>15708</v>
      </c>
      <c r="D3025">
        <v>25415685</v>
      </c>
      <c r="E3025">
        <v>1</v>
      </c>
      <c r="F3025">
        <v>1</v>
      </c>
      <c r="H3025" t="s">
        <v>15709</v>
      </c>
      <c r="J3025" t="s">
        <v>15710</v>
      </c>
      <c r="K3025" t="s">
        <v>15710</v>
      </c>
      <c r="M3025">
        <v>1013719</v>
      </c>
      <c r="O3025">
        <v>2759427</v>
      </c>
      <c r="P3025">
        <v>1</v>
      </c>
      <c r="Q3025">
        <v>0</v>
      </c>
      <c r="R3025" t="s">
        <v>759</v>
      </c>
      <c r="S3025">
        <v>361</v>
      </c>
    </row>
    <row r="3026" spans="1:19" x14ac:dyDescent="0.25">
      <c r="A3026">
        <v>52289850</v>
      </c>
      <c r="B3026" t="s">
        <v>15711</v>
      </c>
      <c r="C3026" s="1" t="s">
        <v>15712</v>
      </c>
      <c r="E3026">
        <v>1</v>
      </c>
      <c r="F3026">
        <v>0</v>
      </c>
      <c r="H3026" t="s">
        <v>15713</v>
      </c>
      <c r="J3026" t="s">
        <v>15714</v>
      </c>
      <c r="K3026" t="s">
        <v>15715</v>
      </c>
      <c r="M3026">
        <v>2069976</v>
      </c>
      <c r="O3026">
        <v>2069976</v>
      </c>
      <c r="P3026">
        <v>1</v>
      </c>
      <c r="Q3026">
        <v>2</v>
      </c>
      <c r="R3026" t="s">
        <v>15716</v>
      </c>
      <c r="S3026">
        <v>47</v>
      </c>
    </row>
    <row r="3027" spans="1:19" x14ac:dyDescent="0.25">
      <c r="A3027">
        <v>28600997</v>
      </c>
      <c r="B3027" t="s">
        <v>15717</v>
      </c>
      <c r="C3027" s="1" t="s">
        <v>15718</v>
      </c>
      <c r="D3027">
        <v>28745443</v>
      </c>
      <c r="E3027">
        <v>1</v>
      </c>
      <c r="F3027">
        <v>4</v>
      </c>
      <c r="H3027" t="s">
        <v>15719</v>
      </c>
      <c r="I3027">
        <v>0</v>
      </c>
      <c r="J3027" t="s">
        <v>15720</v>
      </c>
      <c r="K3027" t="s">
        <v>15721</v>
      </c>
      <c r="M3027">
        <v>139985</v>
      </c>
      <c r="O3027">
        <v>3584797</v>
      </c>
      <c r="P3027">
        <v>1</v>
      </c>
      <c r="Q3027">
        <v>0</v>
      </c>
      <c r="R3027" t="s">
        <v>15722</v>
      </c>
      <c r="S3027">
        <v>113</v>
      </c>
    </row>
    <row r="3028" spans="1:19" x14ac:dyDescent="0.25">
      <c r="A3028">
        <v>8357121</v>
      </c>
      <c r="B3028" t="s">
        <v>15723</v>
      </c>
      <c r="C3028" s="1" t="s">
        <v>15724</v>
      </c>
      <c r="D3028">
        <v>8357541</v>
      </c>
      <c r="E3028">
        <v>2</v>
      </c>
      <c r="F3028">
        <v>0</v>
      </c>
      <c r="H3028" t="s">
        <v>15725</v>
      </c>
      <c r="J3028" t="s">
        <v>15726</v>
      </c>
      <c r="K3028" t="s">
        <v>15726</v>
      </c>
      <c r="M3028">
        <v>1033581</v>
      </c>
      <c r="N3028" t="s">
        <v>15727</v>
      </c>
      <c r="P3028">
        <v>1</v>
      </c>
      <c r="Q3028">
        <v>1</v>
      </c>
      <c r="R3028" t="s">
        <v>15728</v>
      </c>
      <c r="S3028">
        <v>2249</v>
      </c>
    </row>
    <row r="3029" spans="1:19" x14ac:dyDescent="0.25">
      <c r="A3029">
        <v>25619916</v>
      </c>
      <c r="B3029" t="s">
        <v>15729</v>
      </c>
      <c r="C3029" s="1" t="s">
        <v>15730</v>
      </c>
      <c r="D3029">
        <v>25622446</v>
      </c>
      <c r="E3029">
        <v>1</v>
      </c>
      <c r="F3029">
        <v>6</v>
      </c>
      <c r="H3029" t="s">
        <v>15731</v>
      </c>
      <c r="J3029" t="s">
        <v>15732</v>
      </c>
      <c r="K3029" t="s">
        <v>15733</v>
      </c>
      <c r="M3029">
        <v>543875</v>
      </c>
      <c r="O3029">
        <v>3149059</v>
      </c>
      <c r="P3029">
        <v>1</v>
      </c>
      <c r="Q3029">
        <v>0</v>
      </c>
      <c r="R3029" t="s">
        <v>15734</v>
      </c>
      <c r="S3029">
        <v>278</v>
      </c>
    </row>
    <row r="3030" spans="1:19" x14ac:dyDescent="0.25">
      <c r="A3030">
        <v>30187364</v>
      </c>
      <c r="B3030" t="s">
        <v>15735</v>
      </c>
      <c r="C3030" s="1" t="s">
        <v>15736</v>
      </c>
      <c r="E3030">
        <v>0</v>
      </c>
      <c r="F3030">
        <v>3</v>
      </c>
      <c r="H3030" t="s">
        <v>15737</v>
      </c>
      <c r="J3030" t="s">
        <v>15738</v>
      </c>
      <c r="K3030" t="s">
        <v>15738</v>
      </c>
      <c r="M3030">
        <v>4141176</v>
      </c>
      <c r="O3030">
        <v>4141176</v>
      </c>
      <c r="P3030">
        <v>1</v>
      </c>
      <c r="Q3030">
        <v>0</v>
      </c>
      <c r="R3030" t="s">
        <v>15739</v>
      </c>
      <c r="S3030">
        <v>461</v>
      </c>
    </row>
    <row r="3031" spans="1:19" x14ac:dyDescent="0.25">
      <c r="A3031">
        <v>10424480</v>
      </c>
      <c r="B3031" t="s">
        <v>15740</v>
      </c>
      <c r="C3031" s="1" t="s">
        <v>15741</v>
      </c>
      <c r="D3031">
        <v>10424502</v>
      </c>
      <c r="E3031">
        <v>1</v>
      </c>
      <c r="F3031">
        <v>0</v>
      </c>
      <c r="H3031" t="s">
        <v>15742</v>
      </c>
      <c r="J3031" t="s">
        <v>15743</v>
      </c>
      <c r="K3031" t="s">
        <v>15743</v>
      </c>
      <c r="M3031">
        <v>732016</v>
      </c>
      <c r="O3031">
        <v>1364874</v>
      </c>
      <c r="P3031">
        <v>1</v>
      </c>
      <c r="Q3031">
        <v>0</v>
      </c>
      <c r="R3031" t="s">
        <v>15744</v>
      </c>
      <c r="S3031">
        <v>572</v>
      </c>
    </row>
    <row r="3032" spans="1:19" x14ac:dyDescent="0.25">
      <c r="A3032">
        <v>38796719</v>
      </c>
      <c r="B3032" t="s">
        <v>15745</v>
      </c>
      <c r="C3032" s="1" t="s">
        <v>15746</v>
      </c>
      <c r="E3032">
        <v>1</v>
      </c>
      <c r="F3032">
        <v>4</v>
      </c>
      <c r="H3032" t="s">
        <v>15747</v>
      </c>
      <c r="J3032" t="s">
        <v>15748</v>
      </c>
      <c r="K3032" t="s">
        <v>15748</v>
      </c>
      <c r="M3032">
        <v>4195803</v>
      </c>
      <c r="O3032">
        <v>4195803</v>
      </c>
      <c r="P3032">
        <v>1</v>
      </c>
      <c r="Q3032">
        <v>0</v>
      </c>
      <c r="R3032" t="s">
        <v>15749</v>
      </c>
      <c r="S3032">
        <v>1063</v>
      </c>
    </row>
    <row r="3033" spans="1:19" x14ac:dyDescent="0.25">
      <c r="A3033">
        <v>40194761</v>
      </c>
      <c r="B3033" t="s">
        <v>15750</v>
      </c>
      <c r="C3033" s="1" t="s">
        <v>15751</v>
      </c>
      <c r="D3033">
        <v>40194820</v>
      </c>
      <c r="E3033">
        <v>2</v>
      </c>
      <c r="F3033">
        <v>0</v>
      </c>
      <c r="H3033" t="s">
        <v>15752</v>
      </c>
      <c r="J3033" t="s">
        <v>15753</v>
      </c>
      <c r="O3033">
        <v>1181942</v>
      </c>
      <c r="P3033">
        <v>1</v>
      </c>
      <c r="Q3033">
        <v>0</v>
      </c>
      <c r="R3033" t="s">
        <v>15754</v>
      </c>
      <c r="S3033">
        <v>63</v>
      </c>
    </row>
    <row r="3034" spans="1:19" x14ac:dyDescent="0.25">
      <c r="A3034">
        <v>8103174</v>
      </c>
      <c r="B3034" t="s">
        <v>15755</v>
      </c>
      <c r="C3034" t="s">
        <v>15756</v>
      </c>
      <c r="D3034">
        <v>8103227</v>
      </c>
      <c r="E3034">
        <v>1</v>
      </c>
      <c r="F3034">
        <v>0</v>
      </c>
      <c r="H3034" t="s">
        <v>15757</v>
      </c>
      <c r="J3034" t="s">
        <v>15758</v>
      </c>
      <c r="K3034" t="s">
        <v>15759</v>
      </c>
      <c r="M3034">
        <v>454780</v>
      </c>
      <c r="O3034">
        <v>454780</v>
      </c>
      <c r="P3034">
        <v>1</v>
      </c>
      <c r="Q3034">
        <v>0</v>
      </c>
      <c r="R3034" t="s">
        <v>15760</v>
      </c>
      <c r="S3034">
        <v>161</v>
      </c>
    </row>
    <row r="3035" spans="1:19" x14ac:dyDescent="0.25">
      <c r="A3035">
        <v>15781822</v>
      </c>
      <c r="B3035" t="s">
        <v>15761</v>
      </c>
      <c r="C3035" s="1" t="s">
        <v>15762</v>
      </c>
      <c r="E3035">
        <v>5</v>
      </c>
      <c r="F3035">
        <v>3</v>
      </c>
      <c r="H3035" t="s">
        <v>15763</v>
      </c>
      <c r="J3035" t="s">
        <v>15764</v>
      </c>
      <c r="K3035" t="s">
        <v>15765</v>
      </c>
      <c r="M3035">
        <v>-1</v>
      </c>
      <c r="O3035">
        <v>2122164</v>
      </c>
      <c r="P3035">
        <v>1</v>
      </c>
      <c r="Q3035">
        <v>1</v>
      </c>
      <c r="R3035" t="s">
        <v>15766</v>
      </c>
      <c r="S3035">
        <v>6158</v>
      </c>
    </row>
    <row r="3036" spans="1:19" x14ac:dyDescent="0.25">
      <c r="A3036">
        <v>6660037</v>
      </c>
      <c r="B3036" t="s">
        <v>15767</v>
      </c>
      <c r="C3036" s="1" t="s">
        <v>15768</v>
      </c>
      <c r="E3036">
        <v>2</v>
      </c>
      <c r="F3036">
        <v>0</v>
      </c>
      <c r="H3036" t="s">
        <v>15769</v>
      </c>
      <c r="J3036" t="s">
        <v>15770</v>
      </c>
      <c r="O3036">
        <v>840121</v>
      </c>
      <c r="P3036">
        <v>1</v>
      </c>
      <c r="Q3036">
        <v>3</v>
      </c>
      <c r="R3036" t="s">
        <v>15771</v>
      </c>
      <c r="S3036">
        <v>583</v>
      </c>
    </row>
    <row r="3037" spans="1:19" x14ac:dyDescent="0.25">
      <c r="A3037">
        <v>30336589</v>
      </c>
      <c r="B3037" t="s">
        <v>15772</v>
      </c>
      <c r="C3037" s="1" t="s">
        <v>15773</v>
      </c>
      <c r="E3037">
        <v>1</v>
      </c>
      <c r="F3037">
        <v>1</v>
      </c>
      <c r="H3037" t="s">
        <v>15774</v>
      </c>
      <c r="J3037" t="s">
        <v>15775</v>
      </c>
      <c r="K3037" t="s">
        <v>15776</v>
      </c>
      <c r="M3037">
        <v>4918054</v>
      </c>
      <c r="O3037">
        <v>4918054</v>
      </c>
      <c r="P3037">
        <v>1</v>
      </c>
      <c r="Q3037">
        <v>0</v>
      </c>
      <c r="R3037" t="s">
        <v>15777</v>
      </c>
      <c r="S3037">
        <v>120</v>
      </c>
    </row>
    <row r="3038" spans="1:19" x14ac:dyDescent="0.25">
      <c r="A3038">
        <v>19827096</v>
      </c>
      <c r="B3038" t="s">
        <v>15778</v>
      </c>
      <c r="C3038" s="1" t="s">
        <v>15779</v>
      </c>
      <c r="D3038">
        <v>19921134</v>
      </c>
      <c r="E3038">
        <v>2</v>
      </c>
      <c r="F3038">
        <v>4</v>
      </c>
      <c r="H3038" t="s">
        <v>15780</v>
      </c>
      <c r="J3038" t="s">
        <v>15781</v>
      </c>
      <c r="K3038" t="s">
        <v>15782</v>
      </c>
      <c r="M3038">
        <v>1613983</v>
      </c>
      <c r="O3038">
        <v>1613983</v>
      </c>
      <c r="P3038">
        <v>1</v>
      </c>
      <c r="Q3038">
        <v>2</v>
      </c>
      <c r="R3038" t="s">
        <v>15783</v>
      </c>
      <c r="S3038">
        <v>635</v>
      </c>
    </row>
    <row r="3039" spans="1:19" x14ac:dyDescent="0.25">
      <c r="A3039">
        <v>28096252</v>
      </c>
      <c r="B3039" t="s">
        <v>15784</v>
      </c>
      <c r="C3039" s="1" t="s">
        <v>15785</v>
      </c>
      <c r="D3039">
        <v>28096571</v>
      </c>
      <c r="E3039">
        <v>1</v>
      </c>
      <c r="F3039">
        <v>0</v>
      </c>
      <c r="H3039" t="s">
        <v>15786</v>
      </c>
      <c r="J3039" t="s">
        <v>15787</v>
      </c>
      <c r="O3039">
        <v>4261888</v>
      </c>
      <c r="P3039">
        <v>1</v>
      </c>
      <c r="Q3039">
        <v>0</v>
      </c>
      <c r="R3039" t="s">
        <v>1359</v>
      </c>
      <c r="S3039">
        <v>25</v>
      </c>
    </row>
    <row r="3040" spans="1:19" x14ac:dyDescent="0.25">
      <c r="A3040">
        <v>1062111</v>
      </c>
      <c r="B3040" t="s">
        <v>15788</v>
      </c>
      <c r="C3040" s="1" t="s">
        <v>15789</v>
      </c>
      <c r="E3040">
        <v>2</v>
      </c>
      <c r="F3040">
        <v>0</v>
      </c>
      <c r="H3040" t="s">
        <v>15790</v>
      </c>
      <c r="I3040">
        <v>0</v>
      </c>
      <c r="J3040" t="s">
        <v>15791</v>
      </c>
      <c r="N3040" t="s">
        <v>15792</v>
      </c>
      <c r="P3040">
        <v>1</v>
      </c>
      <c r="Q3040">
        <v>3</v>
      </c>
      <c r="R3040" t="s">
        <v>15793</v>
      </c>
      <c r="S3040">
        <v>852</v>
      </c>
    </row>
    <row r="3041" spans="1:19" x14ac:dyDescent="0.25">
      <c r="A3041">
        <v>35997493</v>
      </c>
      <c r="B3041" t="s">
        <v>15794</v>
      </c>
      <c r="C3041" s="1" t="s">
        <v>15795</v>
      </c>
      <c r="E3041">
        <v>1</v>
      </c>
      <c r="F3041">
        <v>5</v>
      </c>
      <c r="H3041" t="s">
        <v>15796</v>
      </c>
      <c r="J3041" t="s">
        <v>15797</v>
      </c>
      <c r="K3041" t="s">
        <v>15798</v>
      </c>
      <c r="M3041">
        <v>2590063</v>
      </c>
      <c r="O3041">
        <v>2590063</v>
      </c>
      <c r="P3041">
        <v>1</v>
      </c>
      <c r="Q3041">
        <v>1</v>
      </c>
      <c r="R3041" t="s">
        <v>300</v>
      </c>
      <c r="S3041">
        <v>299</v>
      </c>
    </row>
    <row r="3042" spans="1:19" x14ac:dyDescent="0.25">
      <c r="A3042">
        <v>37032319</v>
      </c>
      <c r="B3042" t="s">
        <v>15799</v>
      </c>
      <c r="C3042" s="1" t="s">
        <v>15800</v>
      </c>
      <c r="E3042">
        <v>1</v>
      </c>
      <c r="F3042">
        <v>1</v>
      </c>
      <c r="H3042" t="s">
        <v>15801</v>
      </c>
      <c r="J3042" t="s">
        <v>15802</v>
      </c>
      <c r="O3042">
        <v>4004863</v>
      </c>
      <c r="P3042">
        <v>1</v>
      </c>
      <c r="Q3042">
        <v>-1</v>
      </c>
      <c r="R3042" t="s">
        <v>15803</v>
      </c>
      <c r="S3042">
        <v>129</v>
      </c>
    </row>
    <row r="3043" spans="1:19" x14ac:dyDescent="0.25">
      <c r="A3043">
        <v>13907123</v>
      </c>
      <c r="B3043" t="s">
        <v>15804</v>
      </c>
      <c r="C3043" s="1" t="s">
        <v>15805</v>
      </c>
      <c r="E3043">
        <v>1</v>
      </c>
      <c r="F3043">
        <v>2</v>
      </c>
      <c r="H3043" t="s">
        <v>15806</v>
      </c>
      <c r="J3043" t="s">
        <v>15807</v>
      </c>
      <c r="K3043" t="s">
        <v>15808</v>
      </c>
      <c r="M3043">
        <v>1268895</v>
      </c>
      <c r="O3043">
        <v>1908734</v>
      </c>
      <c r="P3043">
        <v>1</v>
      </c>
      <c r="Q3043">
        <v>0</v>
      </c>
      <c r="R3043" t="s">
        <v>15809</v>
      </c>
      <c r="S3043">
        <v>1226</v>
      </c>
    </row>
    <row r="3044" spans="1:19" x14ac:dyDescent="0.25">
      <c r="A3044">
        <v>17048707</v>
      </c>
      <c r="B3044" t="s">
        <v>15810</v>
      </c>
      <c r="C3044" s="1" t="s">
        <v>15811</v>
      </c>
      <c r="D3044">
        <v>17049874</v>
      </c>
      <c r="E3044">
        <v>1</v>
      </c>
      <c r="F3044">
        <v>3</v>
      </c>
      <c r="H3044" t="s">
        <v>15812</v>
      </c>
      <c r="I3044">
        <v>0</v>
      </c>
      <c r="J3044" t="s">
        <v>15813</v>
      </c>
      <c r="K3044" t="s">
        <v>15814</v>
      </c>
      <c r="M3044">
        <v>2287470</v>
      </c>
      <c r="O3044">
        <v>2474970</v>
      </c>
      <c r="P3044">
        <v>1</v>
      </c>
      <c r="Q3044">
        <v>0</v>
      </c>
      <c r="R3044" t="s">
        <v>15815</v>
      </c>
      <c r="S3044">
        <v>436</v>
      </c>
    </row>
    <row r="3045" spans="1:19" x14ac:dyDescent="0.25">
      <c r="A3045">
        <v>48461553</v>
      </c>
      <c r="B3045" t="s">
        <v>15816</v>
      </c>
      <c r="C3045" s="1" t="s">
        <v>15817</v>
      </c>
      <c r="D3045">
        <v>48461849</v>
      </c>
      <c r="E3045">
        <v>1</v>
      </c>
      <c r="F3045">
        <v>0</v>
      </c>
      <c r="H3045" t="s">
        <v>15818</v>
      </c>
      <c r="J3045" t="s">
        <v>15819</v>
      </c>
      <c r="K3045" t="s">
        <v>15820</v>
      </c>
      <c r="M3045">
        <v>1415724</v>
      </c>
      <c r="O3045">
        <v>1931813</v>
      </c>
      <c r="P3045">
        <v>1</v>
      </c>
      <c r="Q3045">
        <v>0</v>
      </c>
      <c r="R3045" t="s">
        <v>9846</v>
      </c>
      <c r="S3045">
        <v>186</v>
      </c>
    </row>
    <row r="3046" spans="1:19" x14ac:dyDescent="0.25">
      <c r="A3046">
        <v>10658476</v>
      </c>
      <c r="B3046" t="s">
        <v>15821</v>
      </c>
      <c r="C3046" s="1" t="s">
        <v>15822</v>
      </c>
      <c r="E3046">
        <v>1</v>
      </c>
      <c r="F3046">
        <v>0</v>
      </c>
      <c r="H3046" t="s">
        <v>15823</v>
      </c>
      <c r="J3046" t="s">
        <v>15824</v>
      </c>
      <c r="O3046">
        <v>1151133</v>
      </c>
      <c r="P3046">
        <v>1</v>
      </c>
      <c r="Q3046">
        <v>0</v>
      </c>
      <c r="R3046" t="s">
        <v>15825</v>
      </c>
      <c r="S3046">
        <v>1606</v>
      </c>
    </row>
    <row r="3047" spans="1:19" x14ac:dyDescent="0.25">
      <c r="A3047">
        <v>21445941</v>
      </c>
      <c r="B3047" t="s">
        <v>15826</v>
      </c>
      <c r="C3047" s="1" t="s">
        <v>15827</v>
      </c>
      <c r="D3047">
        <v>21446085</v>
      </c>
      <c r="E3047">
        <v>2</v>
      </c>
      <c r="F3047">
        <v>1</v>
      </c>
      <c r="H3047" t="s">
        <v>15828</v>
      </c>
      <c r="J3047" t="s">
        <v>15829</v>
      </c>
      <c r="K3047" t="s">
        <v>15829</v>
      </c>
      <c r="M3047">
        <v>321731</v>
      </c>
      <c r="O3047">
        <v>2690711</v>
      </c>
      <c r="P3047">
        <v>1</v>
      </c>
      <c r="Q3047">
        <v>0</v>
      </c>
      <c r="R3047" t="s">
        <v>15830</v>
      </c>
      <c r="S3047">
        <v>159</v>
      </c>
    </row>
    <row r="3048" spans="1:19" x14ac:dyDescent="0.25">
      <c r="A3048">
        <v>27211751</v>
      </c>
      <c r="B3048" t="s">
        <v>15831</v>
      </c>
      <c r="C3048" s="1" t="s">
        <v>15832</v>
      </c>
      <c r="D3048">
        <v>27211775</v>
      </c>
      <c r="E3048">
        <v>1</v>
      </c>
      <c r="F3048">
        <v>5</v>
      </c>
      <c r="H3048" t="s">
        <v>15833</v>
      </c>
      <c r="J3048" t="s">
        <v>15834</v>
      </c>
      <c r="N3048" t="s">
        <v>15835</v>
      </c>
      <c r="P3048">
        <v>1</v>
      </c>
      <c r="Q3048">
        <v>0</v>
      </c>
      <c r="R3048" t="s">
        <v>15836</v>
      </c>
      <c r="S3048">
        <v>43</v>
      </c>
    </row>
    <row r="3049" spans="1:19" x14ac:dyDescent="0.25">
      <c r="A3049">
        <v>50867484</v>
      </c>
      <c r="B3049" t="s">
        <v>15837</v>
      </c>
      <c r="C3049" s="1" t="s">
        <v>15838</v>
      </c>
      <c r="E3049">
        <v>1</v>
      </c>
      <c r="F3049">
        <v>5</v>
      </c>
      <c r="H3049" t="s">
        <v>15839</v>
      </c>
      <c r="J3049" t="s">
        <v>15840</v>
      </c>
      <c r="K3049" t="s">
        <v>15841</v>
      </c>
      <c r="M3049">
        <v>3642696</v>
      </c>
      <c r="O3049">
        <v>3642696</v>
      </c>
      <c r="P3049">
        <v>1</v>
      </c>
      <c r="Q3049">
        <v>0</v>
      </c>
      <c r="R3049" t="s">
        <v>15842</v>
      </c>
      <c r="S3049">
        <v>42</v>
      </c>
    </row>
    <row r="3050" spans="1:19" x14ac:dyDescent="0.25">
      <c r="A3050">
        <v>1970945</v>
      </c>
      <c r="B3050" t="s">
        <v>15843</v>
      </c>
      <c r="C3050" s="1" t="s">
        <v>15844</v>
      </c>
      <c r="D3050">
        <v>1970988</v>
      </c>
      <c r="E3050">
        <v>2</v>
      </c>
      <c r="F3050">
        <v>0</v>
      </c>
      <c r="H3050" t="s">
        <v>15845</v>
      </c>
      <c r="I3050">
        <v>4</v>
      </c>
      <c r="J3050" t="s">
        <v>15846</v>
      </c>
      <c r="O3050">
        <v>221023</v>
      </c>
      <c r="P3050">
        <v>1</v>
      </c>
      <c r="Q3050">
        <v>1</v>
      </c>
      <c r="R3050" t="s">
        <v>15847</v>
      </c>
      <c r="S3050">
        <v>1230</v>
      </c>
    </row>
    <row r="3051" spans="1:19" x14ac:dyDescent="0.25">
      <c r="A3051">
        <v>51617705</v>
      </c>
      <c r="B3051" t="s">
        <v>15848</v>
      </c>
      <c r="C3051" s="1" t="s">
        <v>15849</v>
      </c>
      <c r="E3051">
        <v>1</v>
      </c>
      <c r="F3051">
        <v>7</v>
      </c>
      <c r="H3051" t="s">
        <v>15850</v>
      </c>
      <c r="J3051" t="s">
        <v>15851</v>
      </c>
      <c r="K3051" t="s">
        <v>15851</v>
      </c>
      <c r="M3051">
        <v>2260259</v>
      </c>
      <c r="O3051">
        <v>2260259</v>
      </c>
      <c r="P3051">
        <v>1</v>
      </c>
      <c r="Q3051">
        <v>0</v>
      </c>
      <c r="R3051" t="s">
        <v>15852</v>
      </c>
      <c r="S3051">
        <v>54</v>
      </c>
    </row>
    <row r="3052" spans="1:19" x14ac:dyDescent="0.25">
      <c r="A3052">
        <v>50004277</v>
      </c>
      <c r="B3052" t="s">
        <v>15853</v>
      </c>
      <c r="C3052" s="1" t="s">
        <v>15854</v>
      </c>
      <c r="D3052">
        <v>50004376</v>
      </c>
      <c r="E3052">
        <v>2</v>
      </c>
      <c r="F3052">
        <v>6</v>
      </c>
      <c r="H3052" t="s">
        <v>15855</v>
      </c>
      <c r="J3052" t="s">
        <v>15856</v>
      </c>
      <c r="O3052">
        <v>9107821</v>
      </c>
      <c r="P3052">
        <v>1</v>
      </c>
      <c r="Q3052">
        <v>0</v>
      </c>
      <c r="R3052" t="s">
        <v>15857</v>
      </c>
      <c r="S3052">
        <v>67</v>
      </c>
    </row>
    <row r="3053" spans="1:19" x14ac:dyDescent="0.25">
      <c r="A3053">
        <v>36021116</v>
      </c>
      <c r="B3053" t="s">
        <v>15858</v>
      </c>
      <c r="C3053" s="1" t="s">
        <v>15859</v>
      </c>
      <c r="E3053">
        <v>2</v>
      </c>
      <c r="F3053">
        <v>2</v>
      </c>
      <c r="H3053" t="s">
        <v>15860</v>
      </c>
      <c r="J3053" t="s">
        <v>15861</v>
      </c>
      <c r="K3053" t="s">
        <v>15862</v>
      </c>
      <c r="M3053">
        <v>4504041</v>
      </c>
      <c r="O3053">
        <v>4504041</v>
      </c>
      <c r="P3053">
        <v>1</v>
      </c>
      <c r="Q3053">
        <v>5</v>
      </c>
      <c r="R3053" t="s">
        <v>15863</v>
      </c>
      <c r="S3053">
        <v>229</v>
      </c>
    </row>
    <row r="3054" spans="1:19" x14ac:dyDescent="0.25">
      <c r="A3054">
        <v>965814</v>
      </c>
      <c r="B3054" t="s">
        <v>15864</v>
      </c>
      <c r="C3054" s="1" t="s">
        <v>15865</v>
      </c>
      <c r="D3054">
        <v>966755</v>
      </c>
      <c r="E3054">
        <v>1</v>
      </c>
      <c r="F3054">
        <v>0</v>
      </c>
      <c r="H3054" t="s">
        <v>15866</v>
      </c>
      <c r="J3054" t="s">
        <v>15867</v>
      </c>
      <c r="O3054">
        <v>92714</v>
      </c>
      <c r="P3054">
        <v>1</v>
      </c>
      <c r="Q3054">
        <v>0</v>
      </c>
      <c r="R3054" t="s">
        <v>15868</v>
      </c>
      <c r="S3054">
        <v>227</v>
      </c>
    </row>
    <row r="3055" spans="1:19" x14ac:dyDescent="0.25">
      <c r="A3055">
        <v>17925687</v>
      </c>
      <c r="B3055" t="s">
        <v>15869</v>
      </c>
      <c r="C3055" s="1" t="s">
        <v>15870</v>
      </c>
      <c r="E3055">
        <v>0</v>
      </c>
      <c r="F3055">
        <v>3</v>
      </c>
      <c r="H3055" t="s">
        <v>15871</v>
      </c>
      <c r="J3055" t="s">
        <v>15872</v>
      </c>
      <c r="K3055" t="s">
        <v>15872</v>
      </c>
      <c r="M3055">
        <v>2556660</v>
      </c>
      <c r="O3055">
        <v>2556660</v>
      </c>
      <c r="P3055">
        <v>1</v>
      </c>
      <c r="Q3055">
        <v>2</v>
      </c>
      <c r="R3055" t="s">
        <v>15873</v>
      </c>
      <c r="S3055">
        <v>180</v>
      </c>
    </row>
    <row r="3056" spans="1:19" x14ac:dyDescent="0.25">
      <c r="A3056">
        <v>20464951</v>
      </c>
      <c r="B3056" t="s">
        <v>15874</v>
      </c>
      <c r="C3056" t="s">
        <v>15875</v>
      </c>
      <c r="D3056">
        <v>20467423</v>
      </c>
      <c r="E3056">
        <v>1</v>
      </c>
      <c r="F3056">
        <v>0</v>
      </c>
      <c r="H3056" t="s">
        <v>15876</v>
      </c>
      <c r="I3056">
        <v>1</v>
      </c>
      <c r="J3056" t="s">
        <v>15877</v>
      </c>
      <c r="K3056" t="s">
        <v>15878</v>
      </c>
      <c r="M3056">
        <v>616094</v>
      </c>
      <c r="O3056">
        <v>1140115</v>
      </c>
      <c r="P3056">
        <v>1</v>
      </c>
      <c r="Q3056">
        <v>1</v>
      </c>
      <c r="R3056" t="s">
        <v>472</v>
      </c>
      <c r="S3056">
        <v>406</v>
      </c>
    </row>
    <row r="3057" spans="1:19" x14ac:dyDescent="0.25">
      <c r="A3057">
        <v>32294251</v>
      </c>
      <c r="B3057" t="s">
        <v>15879</v>
      </c>
      <c r="C3057" s="1" t="s">
        <v>15880</v>
      </c>
      <c r="D3057">
        <v>32294478</v>
      </c>
      <c r="E3057">
        <v>1</v>
      </c>
      <c r="F3057">
        <v>0</v>
      </c>
      <c r="H3057" t="s">
        <v>15881</v>
      </c>
      <c r="J3057" t="s">
        <v>15882</v>
      </c>
      <c r="O3057">
        <v>5207901</v>
      </c>
      <c r="P3057">
        <v>1</v>
      </c>
      <c r="Q3057">
        <v>0</v>
      </c>
      <c r="R3057" t="s">
        <v>15883</v>
      </c>
      <c r="S3057">
        <v>692</v>
      </c>
    </row>
    <row r="3058" spans="1:19" x14ac:dyDescent="0.25">
      <c r="A3058">
        <v>36452814</v>
      </c>
      <c r="B3058" t="s">
        <v>15884</v>
      </c>
      <c r="C3058" s="1" t="s">
        <v>15885</v>
      </c>
      <c r="E3058">
        <v>0</v>
      </c>
      <c r="F3058">
        <v>4</v>
      </c>
      <c r="H3058" t="s">
        <v>15886</v>
      </c>
      <c r="J3058" t="s">
        <v>15887</v>
      </c>
      <c r="K3058" t="s">
        <v>15887</v>
      </c>
      <c r="M3058">
        <v>6950515</v>
      </c>
      <c r="O3058">
        <v>6950515</v>
      </c>
      <c r="P3058">
        <v>1</v>
      </c>
      <c r="Q3058">
        <v>0</v>
      </c>
      <c r="R3058" t="s">
        <v>15888</v>
      </c>
      <c r="S3058">
        <v>46</v>
      </c>
    </row>
    <row r="3059" spans="1:19" x14ac:dyDescent="0.25">
      <c r="A3059">
        <v>49320524</v>
      </c>
      <c r="B3059" t="s">
        <v>15889</v>
      </c>
      <c r="C3059" s="1" t="s">
        <v>15890</v>
      </c>
      <c r="E3059">
        <v>0</v>
      </c>
      <c r="F3059">
        <v>5</v>
      </c>
      <c r="H3059" t="s">
        <v>15891</v>
      </c>
      <c r="J3059" t="s">
        <v>15892</v>
      </c>
      <c r="K3059" t="s">
        <v>15892</v>
      </c>
      <c r="M3059">
        <v>4248328</v>
      </c>
      <c r="O3059">
        <v>9093228</v>
      </c>
      <c r="P3059">
        <v>1</v>
      </c>
      <c r="Q3059">
        <v>2</v>
      </c>
      <c r="R3059" t="s">
        <v>15893</v>
      </c>
      <c r="S3059">
        <v>96</v>
      </c>
    </row>
    <row r="3060" spans="1:19" x14ac:dyDescent="0.25">
      <c r="A3060">
        <v>13805391</v>
      </c>
      <c r="B3060" t="s">
        <v>15894</v>
      </c>
      <c r="C3060" s="1" t="s">
        <v>15895</v>
      </c>
      <c r="D3060">
        <v>13805433</v>
      </c>
      <c r="E3060">
        <v>2</v>
      </c>
      <c r="F3060">
        <v>1</v>
      </c>
      <c r="H3060" t="s">
        <v>15896</v>
      </c>
      <c r="J3060" t="s">
        <v>15897</v>
      </c>
      <c r="K3060" t="s">
        <v>15898</v>
      </c>
      <c r="M3060">
        <v>1872621</v>
      </c>
      <c r="O3060">
        <v>1872621</v>
      </c>
      <c r="P3060">
        <v>1</v>
      </c>
      <c r="Q3060">
        <v>0</v>
      </c>
      <c r="R3060" t="s">
        <v>413</v>
      </c>
      <c r="S3060">
        <v>59</v>
      </c>
    </row>
    <row r="3061" spans="1:19" x14ac:dyDescent="0.25">
      <c r="A3061">
        <v>52956797</v>
      </c>
      <c r="B3061" t="s">
        <v>15899</v>
      </c>
      <c r="C3061" s="1" t="s">
        <v>15900</v>
      </c>
      <c r="E3061">
        <v>0</v>
      </c>
      <c r="F3061">
        <v>0</v>
      </c>
      <c r="H3061" t="s">
        <v>15901</v>
      </c>
      <c r="J3061" t="s">
        <v>15901</v>
      </c>
      <c r="O3061">
        <v>3781074</v>
      </c>
      <c r="P3061">
        <v>1</v>
      </c>
      <c r="Q3061">
        <v>0</v>
      </c>
      <c r="R3061" t="s">
        <v>15902</v>
      </c>
      <c r="S3061">
        <v>7</v>
      </c>
    </row>
    <row r="3062" spans="1:19" x14ac:dyDescent="0.25">
      <c r="A3062">
        <v>12374914</v>
      </c>
      <c r="B3062" t="s">
        <v>15903</v>
      </c>
      <c r="C3062" s="1" t="s">
        <v>15904</v>
      </c>
      <c r="E3062">
        <v>3</v>
      </c>
      <c r="F3062">
        <v>3</v>
      </c>
      <c r="H3062" t="s">
        <v>15905</v>
      </c>
      <c r="J3062" t="s">
        <v>15906</v>
      </c>
      <c r="K3062" t="s">
        <v>15907</v>
      </c>
      <c r="M3062">
        <v>1625472</v>
      </c>
      <c r="O3062">
        <v>1625472</v>
      </c>
      <c r="P3062">
        <v>1</v>
      </c>
      <c r="Q3062">
        <v>0</v>
      </c>
      <c r="R3062" t="s">
        <v>2494</v>
      </c>
      <c r="S3062">
        <v>2106</v>
      </c>
    </row>
    <row r="3063" spans="1:19" x14ac:dyDescent="0.25">
      <c r="A3063">
        <v>17673560</v>
      </c>
      <c r="B3063" t="s">
        <v>15908</v>
      </c>
      <c r="C3063" s="1" t="s">
        <v>15909</v>
      </c>
      <c r="E3063">
        <v>1</v>
      </c>
      <c r="F3063">
        <v>0</v>
      </c>
      <c r="H3063" t="s">
        <v>15910</v>
      </c>
      <c r="I3063">
        <v>1</v>
      </c>
      <c r="J3063" t="s">
        <v>15911</v>
      </c>
      <c r="K3063" t="s">
        <v>15912</v>
      </c>
      <c r="M3063">
        <v>876298</v>
      </c>
      <c r="O3063">
        <v>2477242</v>
      </c>
      <c r="P3063">
        <v>1</v>
      </c>
      <c r="Q3063">
        <v>1</v>
      </c>
      <c r="R3063" t="s">
        <v>15913</v>
      </c>
      <c r="S3063">
        <v>436</v>
      </c>
    </row>
    <row r="3064" spans="1:19" x14ac:dyDescent="0.25">
      <c r="A3064">
        <v>38666841</v>
      </c>
      <c r="B3064" t="s">
        <v>15914</v>
      </c>
      <c r="C3064" s="1" t="s">
        <v>15915</v>
      </c>
      <c r="D3064">
        <v>38666897</v>
      </c>
      <c r="E3064">
        <v>3</v>
      </c>
      <c r="F3064">
        <v>4</v>
      </c>
      <c r="H3064" t="s">
        <v>15916</v>
      </c>
      <c r="J3064" t="s">
        <v>15917</v>
      </c>
      <c r="O3064">
        <v>6632793</v>
      </c>
      <c r="P3064">
        <v>1</v>
      </c>
      <c r="Q3064">
        <v>-4</v>
      </c>
      <c r="R3064" t="s">
        <v>15918</v>
      </c>
      <c r="S3064">
        <v>137</v>
      </c>
    </row>
    <row r="3065" spans="1:19" x14ac:dyDescent="0.25">
      <c r="A3065">
        <v>10957273</v>
      </c>
      <c r="B3065" t="s">
        <v>15919</v>
      </c>
      <c r="C3065" t="s">
        <v>15920</v>
      </c>
      <c r="D3065">
        <v>10957279</v>
      </c>
      <c r="E3065">
        <v>1</v>
      </c>
      <c r="F3065">
        <v>3</v>
      </c>
      <c r="H3065" t="s">
        <v>15921</v>
      </c>
      <c r="J3065" t="s">
        <v>15922</v>
      </c>
      <c r="O3065">
        <v>1118919</v>
      </c>
      <c r="P3065">
        <v>1</v>
      </c>
      <c r="Q3065">
        <v>-4</v>
      </c>
      <c r="R3065" t="s">
        <v>15923</v>
      </c>
      <c r="S3065">
        <v>5246</v>
      </c>
    </row>
    <row r="3066" spans="1:19" x14ac:dyDescent="0.25">
      <c r="A3066">
        <v>23711832</v>
      </c>
      <c r="B3066" t="s">
        <v>15924</v>
      </c>
      <c r="C3066" s="1" t="s">
        <v>15925</v>
      </c>
      <c r="E3066">
        <v>2</v>
      </c>
      <c r="F3066">
        <v>1</v>
      </c>
      <c r="H3066" t="s">
        <v>15926</v>
      </c>
      <c r="I3066">
        <v>1</v>
      </c>
      <c r="J3066" t="s">
        <v>15927</v>
      </c>
      <c r="K3066" t="s">
        <v>15928</v>
      </c>
      <c r="M3066">
        <v>474679</v>
      </c>
      <c r="O3066">
        <v>474679</v>
      </c>
      <c r="P3066">
        <v>1</v>
      </c>
      <c r="Q3066">
        <v>4</v>
      </c>
      <c r="R3066" t="s">
        <v>15929</v>
      </c>
      <c r="S3066">
        <v>688</v>
      </c>
    </row>
    <row r="3067" spans="1:19" x14ac:dyDescent="0.25">
      <c r="A3067">
        <v>10874525</v>
      </c>
      <c r="B3067" t="s">
        <v>15930</v>
      </c>
      <c r="C3067" s="1" t="s">
        <v>15931</v>
      </c>
      <c r="D3067">
        <v>10874828</v>
      </c>
      <c r="E3067">
        <v>1</v>
      </c>
      <c r="F3067">
        <v>0</v>
      </c>
      <c r="H3067" t="s">
        <v>15932</v>
      </c>
      <c r="J3067" t="s">
        <v>15933</v>
      </c>
      <c r="K3067" t="s">
        <v>15934</v>
      </c>
      <c r="M3067">
        <v>992173</v>
      </c>
      <c r="O3067">
        <v>992173</v>
      </c>
      <c r="P3067">
        <v>1</v>
      </c>
      <c r="Q3067">
        <v>0</v>
      </c>
      <c r="R3067" t="s">
        <v>15935</v>
      </c>
      <c r="S3067">
        <v>154</v>
      </c>
    </row>
    <row r="3068" spans="1:19" x14ac:dyDescent="0.25">
      <c r="A3068">
        <v>40791682</v>
      </c>
      <c r="B3068" t="s">
        <v>15936</v>
      </c>
      <c r="C3068" t="s">
        <v>15937</v>
      </c>
      <c r="E3068">
        <v>1</v>
      </c>
      <c r="F3068">
        <v>0</v>
      </c>
      <c r="H3068" t="s">
        <v>15938</v>
      </c>
      <c r="J3068" t="s">
        <v>15939</v>
      </c>
      <c r="O3068">
        <v>571659</v>
      </c>
      <c r="P3068">
        <v>1</v>
      </c>
      <c r="Q3068">
        <v>4</v>
      </c>
      <c r="R3068" t="s">
        <v>15940</v>
      </c>
      <c r="S3068">
        <v>159</v>
      </c>
    </row>
    <row r="3069" spans="1:19" x14ac:dyDescent="0.25">
      <c r="A3069">
        <v>3865351</v>
      </c>
      <c r="B3069" t="s">
        <v>15941</v>
      </c>
      <c r="C3069" s="1" t="s">
        <v>15942</v>
      </c>
      <c r="D3069">
        <v>3867083</v>
      </c>
      <c r="E3069">
        <v>1</v>
      </c>
      <c r="F3069">
        <v>0</v>
      </c>
      <c r="H3069" t="s">
        <v>15943</v>
      </c>
      <c r="J3069" t="s">
        <v>15944</v>
      </c>
      <c r="K3069" t="s">
        <v>15944</v>
      </c>
      <c r="M3069">
        <v>851273</v>
      </c>
      <c r="O3069">
        <v>231177</v>
      </c>
      <c r="P3069">
        <v>1</v>
      </c>
      <c r="Q3069">
        <v>0</v>
      </c>
      <c r="R3069" t="s">
        <v>15945</v>
      </c>
      <c r="S3069">
        <v>2128</v>
      </c>
    </row>
    <row r="3070" spans="1:19" x14ac:dyDescent="0.25">
      <c r="A3070">
        <v>47087161</v>
      </c>
      <c r="B3070" t="s">
        <v>15946</v>
      </c>
      <c r="C3070" s="1" t="s">
        <v>15947</v>
      </c>
      <c r="D3070">
        <v>47087898</v>
      </c>
      <c r="E3070">
        <v>1</v>
      </c>
      <c r="F3070">
        <v>0</v>
      </c>
      <c r="H3070" t="s">
        <v>15948</v>
      </c>
      <c r="J3070" t="s">
        <v>15949</v>
      </c>
      <c r="O3070">
        <v>1061892</v>
      </c>
      <c r="P3070">
        <v>1</v>
      </c>
      <c r="Q3070">
        <v>0</v>
      </c>
      <c r="R3070" t="s">
        <v>15950</v>
      </c>
      <c r="S3070">
        <v>338</v>
      </c>
    </row>
    <row r="3071" spans="1:19" x14ac:dyDescent="0.25">
      <c r="A3071">
        <v>10432184</v>
      </c>
      <c r="B3071" t="s">
        <v>15951</v>
      </c>
      <c r="C3071" s="1" t="s">
        <v>15952</v>
      </c>
      <c r="D3071">
        <v>10432958</v>
      </c>
      <c r="E3071">
        <v>2</v>
      </c>
      <c r="F3071">
        <v>2</v>
      </c>
      <c r="H3071" t="s">
        <v>15953</v>
      </c>
      <c r="J3071" t="s">
        <v>15954</v>
      </c>
      <c r="K3071" t="s">
        <v>15955</v>
      </c>
      <c r="M3071">
        <v>-1</v>
      </c>
      <c r="O3071">
        <v>730491</v>
      </c>
      <c r="P3071">
        <v>1</v>
      </c>
      <c r="Q3071">
        <v>1</v>
      </c>
      <c r="R3071" t="s">
        <v>15956</v>
      </c>
      <c r="S3071">
        <v>1903</v>
      </c>
    </row>
    <row r="3072" spans="1:19" x14ac:dyDescent="0.25">
      <c r="A3072">
        <v>6976582</v>
      </c>
      <c r="B3072" t="s">
        <v>15957</v>
      </c>
      <c r="C3072" s="1" t="s">
        <v>15958</v>
      </c>
      <c r="D3072">
        <v>6979968</v>
      </c>
      <c r="E3072">
        <v>1</v>
      </c>
      <c r="F3072">
        <v>0</v>
      </c>
      <c r="H3072" t="s">
        <v>15959</v>
      </c>
      <c r="I3072">
        <v>3</v>
      </c>
      <c r="J3072" t="s">
        <v>15960</v>
      </c>
      <c r="K3072" t="s">
        <v>15961</v>
      </c>
      <c r="M3072">
        <v>863799</v>
      </c>
      <c r="O3072">
        <v>863799</v>
      </c>
      <c r="P3072">
        <v>1</v>
      </c>
      <c r="Q3072">
        <v>1</v>
      </c>
      <c r="R3072" t="s">
        <v>15962</v>
      </c>
      <c r="S3072">
        <v>1028</v>
      </c>
    </row>
    <row r="3073" spans="1:19" x14ac:dyDescent="0.25">
      <c r="A3073">
        <v>48160212</v>
      </c>
      <c r="B3073" t="s">
        <v>15963</v>
      </c>
      <c r="C3073" t="s">
        <v>15964</v>
      </c>
      <c r="E3073">
        <v>1</v>
      </c>
      <c r="F3073">
        <v>1</v>
      </c>
      <c r="H3073" t="s">
        <v>15965</v>
      </c>
      <c r="I3073">
        <v>1</v>
      </c>
      <c r="J3073" t="s">
        <v>15966</v>
      </c>
      <c r="O3073">
        <v>8759138</v>
      </c>
      <c r="P3073">
        <v>1</v>
      </c>
      <c r="Q3073">
        <v>0</v>
      </c>
      <c r="R3073" t="s">
        <v>4242</v>
      </c>
      <c r="S3073">
        <v>175</v>
      </c>
    </row>
    <row r="3074" spans="1:19" x14ac:dyDescent="0.25">
      <c r="A3074">
        <v>19397986</v>
      </c>
      <c r="B3074" t="s">
        <v>15967</v>
      </c>
      <c r="C3074" s="1" t="s">
        <v>15968</v>
      </c>
      <c r="D3074">
        <v>19403046</v>
      </c>
      <c r="E3074">
        <v>1</v>
      </c>
      <c r="F3074">
        <v>5</v>
      </c>
      <c r="H3074" t="s">
        <v>15969</v>
      </c>
      <c r="I3074">
        <v>9</v>
      </c>
      <c r="J3074" t="s">
        <v>15970</v>
      </c>
      <c r="K3074" t="s">
        <v>15971</v>
      </c>
      <c r="M3074">
        <v>532430</v>
      </c>
      <c r="O3074">
        <v>129475</v>
      </c>
      <c r="P3074">
        <v>1</v>
      </c>
      <c r="Q3074">
        <v>10</v>
      </c>
      <c r="R3074" t="s">
        <v>15972</v>
      </c>
      <c r="S3074">
        <v>9731</v>
      </c>
    </row>
    <row r="3075" spans="1:19" x14ac:dyDescent="0.25">
      <c r="A3075">
        <v>16445187</v>
      </c>
      <c r="B3075" t="s">
        <v>15973</v>
      </c>
      <c r="C3075" s="1" t="s">
        <v>15974</v>
      </c>
      <c r="E3075">
        <v>1</v>
      </c>
      <c r="F3075">
        <v>0</v>
      </c>
      <c r="H3075" t="s">
        <v>15975</v>
      </c>
      <c r="J3075" t="s">
        <v>15976</v>
      </c>
      <c r="K3075" t="s">
        <v>15977</v>
      </c>
      <c r="M3075">
        <v>-1</v>
      </c>
      <c r="O3075">
        <v>2133670</v>
      </c>
      <c r="P3075">
        <v>1</v>
      </c>
      <c r="Q3075">
        <v>1</v>
      </c>
      <c r="R3075" t="s">
        <v>15978</v>
      </c>
      <c r="S3075">
        <v>422</v>
      </c>
    </row>
    <row r="3076" spans="1:19" x14ac:dyDescent="0.25">
      <c r="A3076">
        <v>11304619</v>
      </c>
      <c r="B3076" t="s">
        <v>15979</v>
      </c>
      <c r="C3076" s="1" t="s">
        <v>15980</v>
      </c>
      <c r="E3076">
        <v>1</v>
      </c>
      <c r="F3076">
        <v>0</v>
      </c>
      <c r="H3076" t="s">
        <v>15981</v>
      </c>
      <c r="J3076" t="s">
        <v>15982</v>
      </c>
      <c r="O3076">
        <v>271619</v>
      </c>
      <c r="P3076">
        <v>1</v>
      </c>
      <c r="Q3076">
        <v>0</v>
      </c>
      <c r="R3076" t="s">
        <v>15983</v>
      </c>
      <c r="S3076">
        <v>1135</v>
      </c>
    </row>
    <row r="3077" spans="1:19" x14ac:dyDescent="0.25">
      <c r="A3077">
        <v>13193892</v>
      </c>
      <c r="B3077" t="s">
        <v>15984</v>
      </c>
      <c r="C3077" s="1" t="s">
        <v>15985</v>
      </c>
      <c r="D3077">
        <v>13193963</v>
      </c>
      <c r="E3077">
        <v>1</v>
      </c>
      <c r="F3077">
        <v>0</v>
      </c>
      <c r="H3077" t="s">
        <v>15986</v>
      </c>
      <c r="J3077" t="s">
        <v>15987</v>
      </c>
      <c r="O3077">
        <v>1361768</v>
      </c>
      <c r="P3077">
        <v>1</v>
      </c>
      <c r="Q3077">
        <v>0</v>
      </c>
      <c r="R3077" t="s">
        <v>15988</v>
      </c>
      <c r="S3077">
        <v>1094</v>
      </c>
    </row>
    <row r="3078" spans="1:19" x14ac:dyDescent="0.25">
      <c r="A3078">
        <v>52782718</v>
      </c>
      <c r="B3078" t="s">
        <v>15989</v>
      </c>
      <c r="C3078" s="1" t="s">
        <v>15990</v>
      </c>
      <c r="E3078">
        <v>0</v>
      </c>
      <c r="F3078">
        <v>0</v>
      </c>
      <c r="H3078" t="s">
        <v>15991</v>
      </c>
      <c r="J3078" t="s">
        <v>15991</v>
      </c>
      <c r="O3078">
        <v>1394710</v>
      </c>
      <c r="P3078">
        <v>1</v>
      </c>
      <c r="Q3078">
        <v>0</v>
      </c>
      <c r="R3078" t="s">
        <v>15992</v>
      </c>
      <c r="S3078">
        <v>24</v>
      </c>
    </row>
    <row r="3079" spans="1:19" x14ac:dyDescent="0.25">
      <c r="A3079">
        <v>26754457</v>
      </c>
      <c r="B3079" t="s">
        <v>15993</v>
      </c>
      <c r="C3079" t="s">
        <v>15994</v>
      </c>
      <c r="E3079">
        <v>0</v>
      </c>
      <c r="F3079">
        <v>2</v>
      </c>
      <c r="H3079" t="s">
        <v>15995</v>
      </c>
      <c r="J3079" t="s">
        <v>15995</v>
      </c>
      <c r="O3079">
        <v>3805693</v>
      </c>
      <c r="P3079">
        <v>1</v>
      </c>
      <c r="Q3079">
        <v>0</v>
      </c>
      <c r="R3079" t="s">
        <v>15996</v>
      </c>
      <c r="S3079">
        <v>203</v>
      </c>
    </row>
    <row r="3080" spans="1:19" x14ac:dyDescent="0.25">
      <c r="A3080">
        <v>3904033</v>
      </c>
      <c r="B3080" t="s">
        <v>15997</v>
      </c>
      <c r="C3080" s="1" t="s">
        <v>15998</v>
      </c>
      <c r="D3080">
        <v>3904043</v>
      </c>
      <c r="E3080">
        <v>3</v>
      </c>
      <c r="F3080">
        <v>1</v>
      </c>
      <c r="H3080" t="s">
        <v>15999</v>
      </c>
      <c r="J3080" t="s">
        <v>16000</v>
      </c>
      <c r="K3080" t="s">
        <v>16001</v>
      </c>
      <c r="M3080">
        <v>472006</v>
      </c>
      <c r="O3080">
        <v>472006</v>
      </c>
      <c r="P3080">
        <v>1</v>
      </c>
      <c r="Q3080">
        <v>2</v>
      </c>
      <c r="R3080" t="s">
        <v>16002</v>
      </c>
      <c r="S3080">
        <v>3937</v>
      </c>
    </row>
    <row r="3081" spans="1:19" x14ac:dyDescent="0.25">
      <c r="A3081">
        <v>51760936</v>
      </c>
      <c r="B3081" t="s">
        <v>16003</v>
      </c>
      <c r="C3081" s="1" t="s">
        <v>16004</v>
      </c>
      <c r="E3081">
        <v>0</v>
      </c>
      <c r="F3081">
        <v>0</v>
      </c>
      <c r="H3081" t="s">
        <v>16005</v>
      </c>
      <c r="J3081" t="s">
        <v>16005</v>
      </c>
      <c r="O3081">
        <v>184883</v>
      </c>
      <c r="P3081">
        <v>1</v>
      </c>
      <c r="Q3081">
        <v>0</v>
      </c>
      <c r="R3081" t="s">
        <v>16006</v>
      </c>
      <c r="S3081">
        <v>34</v>
      </c>
    </row>
    <row r="3082" spans="1:19" x14ac:dyDescent="0.25">
      <c r="A3082">
        <v>52133310</v>
      </c>
      <c r="B3082" t="s">
        <v>16007</v>
      </c>
      <c r="C3082" s="1" t="s">
        <v>16008</v>
      </c>
      <c r="E3082">
        <v>4</v>
      </c>
      <c r="F3082">
        <v>0</v>
      </c>
      <c r="H3082" t="s">
        <v>16009</v>
      </c>
      <c r="J3082" t="s">
        <v>16010</v>
      </c>
      <c r="O3082">
        <v>10265451</v>
      </c>
      <c r="P3082">
        <v>1</v>
      </c>
      <c r="Q3082">
        <v>-4</v>
      </c>
      <c r="R3082" t="s">
        <v>16011</v>
      </c>
      <c r="S3082">
        <v>42</v>
      </c>
    </row>
    <row r="3083" spans="1:19" x14ac:dyDescent="0.25">
      <c r="A3083">
        <v>52756881</v>
      </c>
      <c r="B3083" t="s">
        <v>16012</v>
      </c>
      <c r="C3083" s="1" t="s">
        <v>16013</v>
      </c>
      <c r="E3083">
        <v>1</v>
      </c>
      <c r="F3083">
        <v>5</v>
      </c>
      <c r="H3083" t="s">
        <v>16014</v>
      </c>
      <c r="J3083" t="s">
        <v>16015</v>
      </c>
      <c r="K3083" t="s">
        <v>16016</v>
      </c>
      <c r="M3083">
        <v>330315</v>
      </c>
      <c r="O3083">
        <v>5438246</v>
      </c>
      <c r="P3083">
        <v>1</v>
      </c>
      <c r="Q3083">
        <v>0</v>
      </c>
      <c r="R3083" t="s">
        <v>16017</v>
      </c>
      <c r="S3083">
        <v>39</v>
      </c>
    </row>
    <row r="3084" spans="1:19" x14ac:dyDescent="0.25">
      <c r="A3084">
        <v>48636369</v>
      </c>
      <c r="B3084" t="s">
        <v>16018</v>
      </c>
      <c r="C3084" s="1" t="s">
        <v>16019</v>
      </c>
      <c r="E3084">
        <v>0</v>
      </c>
      <c r="F3084">
        <v>0</v>
      </c>
      <c r="H3084" t="s">
        <v>16020</v>
      </c>
      <c r="J3084" t="s">
        <v>16020</v>
      </c>
      <c r="O3084">
        <v>5938682</v>
      </c>
      <c r="P3084">
        <v>1</v>
      </c>
      <c r="Q3084">
        <v>0</v>
      </c>
      <c r="R3084" t="s">
        <v>16021</v>
      </c>
      <c r="S3084">
        <v>45</v>
      </c>
    </row>
    <row r="3085" spans="1:19" x14ac:dyDescent="0.25">
      <c r="A3085">
        <v>15911158</v>
      </c>
      <c r="B3085" t="s">
        <v>16022</v>
      </c>
      <c r="C3085" s="1" t="s">
        <v>16023</v>
      </c>
      <c r="E3085">
        <v>1</v>
      </c>
      <c r="F3085">
        <v>8</v>
      </c>
      <c r="H3085" t="s">
        <v>16024</v>
      </c>
      <c r="J3085" t="s">
        <v>16025</v>
      </c>
      <c r="O3085">
        <v>1224129</v>
      </c>
      <c r="P3085">
        <v>1</v>
      </c>
      <c r="Q3085">
        <v>1</v>
      </c>
      <c r="R3085" t="s">
        <v>16026</v>
      </c>
      <c r="S3085">
        <v>237</v>
      </c>
    </row>
    <row r="3086" spans="1:19" x14ac:dyDescent="0.25">
      <c r="A3086">
        <v>35601211</v>
      </c>
      <c r="B3086" t="s">
        <v>16027</v>
      </c>
      <c r="C3086" s="1" t="s">
        <v>16028</v>
      </c>
      <c r="E3086">
        <v>0</v>
      </c>
      <c r="F3086">
        <v>4</v>
      </c>
      <c r="H3086" t="s">
        <v>16029</v>
      </c>
      <c r="J3086" t="s">
        <v>16030</v>
      </c>
      <c r="K3086" t="s">
        <v>16030</v>
      </c>
      <c r="M3086">
        <v>1083921</v>
      </c>
      <c r="O3086">
        <v>5966575</v>
      </c>
      <c r="P3086">
        <v>1</v>
      </c>
      <c r="Q3086">
        <v>0</v>
      </c>
      <c r="R3086" t="s">
        <v>16031</v>
      </c>
      <c r="S3086">
        <v>564</v>
      </c>
    </row>
    <row r="3087" spans="1:19" x14ac:dyDescent="0.25">
      <c r="A3087">
        <v>41534728</v>
      </c>
      <c r="B3087" t="s">
        <v>16032</v>
      </c>
      <c r="C3087" s="1" t="s">
        <v>16033</v>
      </c>
      <c r="E3087">
        <v>1</v>
      </c>
      <c r="F3087">
        <v>4</v>
      </c>
      <c r="H3087" t="s">
        <v>16034</v>
      </c>
      <c r="J3087" t="s">
        <v>16035</v>
      </c>
      <c r="K3087" t="s">
        <v>16036</v>
      </c>
      <c r="M3087">
        <v>1653604</v>
      </c>
      <c r="O3087">
        <v>1653604</v>
      </c>
      <c r="P3087">
        <v>1</v>
      </c>
      <c r="Q3087">
        <v>-1</v>
      </c>
      <c r="R3087" t="s">
        <v>16037</v>
      </c>
      <c r="S3087">
        <v>309</v>
      </c>
    </row>
    <row r="3088" spans="1:19" x14ac:dyDescent="0.25">
      <c r="A3088">
        <v>22276793</v>
      </c>
      <c r="B3088" t="s">
        <v>16038</v>
      </c>
      <c r="C3088" s="1" t="s">
        <v>16039</v>
      </c>
      <c r="D3088">
        <v>22276805</v>
      </c>
      <c r="E3088">
        <v>2</v>
      </c>
      <c r="F3088">
        <v>0</v>
      </c>
      <c r="H3088" t="s">
        <v>16040</v>
      </c>
      <c r="J3088" t="s">
        <v>16041</v>
      </c>
      <c r="O3088">
        <v>1763652</v>
      </c>
      <c r="P3088">
        <v>1</v>
      </c>
      <c r="Q3088">
        <v>0</v>
      </c>
      <c r="R3088" t="s">
        <v>16042</v>
      </c>
      <c r="S3088">
        <v>121</v>
      </c>
    </row>
    <row r="3089" spans="1:19" x14ac:dyDescent="0.25">
      <c r="A3089">
        <v>29299010</v>
      </c>
      <c r="B3089" t="s">
        <v>16043</v>
      </c>
      <c r="C3089" s="1" t="s">
        <v>16044</v>
      </c>
      <c r="D3089">
        <v>29302179</v>
      </c>
      <c r="E3089">
        <v>3</v>
      </c>
      <c r="F3089">
        <v>2</v>
      </c>
      <c r="H3089" t="s">
        <v>16045</v>
      </c>
      <c r="J3089" t="s">
        <v>16046</v>
      </c>
      <c r="O3089">
        <v>1906351</v>
      </c>
      <c r="P3089">
        <v>1</v>
      </c>
      <c r="Q3089">
        <v>0</v>
      </c>
      <c r="R3089" t="s">
        <v>16047</v>
      </c>
      <c r="S3089">
        <v>1451</v>
      </c>
    </row>
    <row r="3090" spans="1:19" x14ac:dyDescent="0.25">
      <c r="A3090">
        <v>25027305</v>
      </c>
      <c r="B3090" t="s">
        <v>16048</v>
      </c>
      <c r="C3090" s="1" t="s">
        <v>16049</v>
      </c>
      <c r="E3090">
        <v>1</v>
      </c>
      <c r="F3090">
        <v>5</v>
      </c>
      <c r="H3090" t="s">
        <v>16050</v>
      </c>
      <c r="I3090">
        <v>1</v>
      </c>
      <c r="J3090" t="s">
        <v>16051</v>
      </c>
      <c r="K3090" t="s">
        <v>16052</v>
      </c>
      <c r="M3090">
        <v>3038771</v>
      </c>
      <c r="O3090">
        <v>3038771</v>
      </c>
      <c r="P3090">
        <v>1</v>
      </c>
      <c r="Q3090">
        <v>3</v>
      </c>
      <c r="R3090" t="s">
        <v>16053</v>
      </c>
      <c r="S3090">
        <v>107</v>
      </c>
    </row>
    <row r="3091" spans="1:19" x14ac:dyDescent="0.25">
      <c r="A3091">
        <v>39208331</v>
      </c>
      <c r="B3091" t="s">
        <v>16054</v>
      </c>
      <c r="C3091" s="1" t="s">
        <v>16055</v>
      </c>
      <c r="E3091">
        <v>1</v>
      </c>
      <c r="F3091">
        <v>3</v>
      </c>
      <c r="H3091" t="s">
        <v>16056</v>
      </c>
      <c r="J3091" t="s">
        <v>16057</v>
      </c>
      <c r="K3091" t="s">
        <v>16058</v>
      </c>
      <c r="M3091">
        <v>1352941</v>
      </c>
      <c r="O3091">
        <v>1352941</v>
      </c>
      <c r="P3091">
        <v>1</v>
      </c>
      <c r="Q3091">
        <v>0</v>
      </c>
      <c r="R3091" t="s">
        <v>16059</v>
      </c>
      <c r="S3091">
        <v>2688</v>
      </c>
    </row>
    <row r="3092" spans="1:19" x14ac:dyDescent="0.25">
      <c r="A3092">
        <v>2035590</v>
      </c>
      <c r="B3092" t="s">
        <v>16060</v>
      </c>
      <c r="C3092" s="1" t="s">
        <v>16061</v>
      </c>
      <c r="D3092">
        <v>2035621</v>
      </c>
      <c r="E3092">
        <v>2</v>
      </c>
      <c r="F3092">
        <v>0</v>
      </c>
      <c r="H3092" t="s">
        <v>16062</v>
      </c>
      <c r="J3092" t="s">
        <v>16063</v>
      </c>
      <c r="O3092">
        <v>87719</v>
      </c>
      <c r="P3092">
        <v>1</v>
      </c>
      <c r="Q3092">
        <v>4</v>
      </c>
      <c r="R3092" t="s">
        <v>16064</v>
      </c>
      <c r="S3092">
        <v>1688</v>
      </c>
    </row>
    <row r="3093" spans="1:19" x14ac:dyDescent="0.25">
      <c r="A3093">
        <v>52595096</v>
      </c>
      <c r="B3093" t="s">
        <v>16065</v>
      </c>
      <c r="C3093" s="1" t="s">
        <v>16066</v>
      </c>
      <c r="E3093">
        <v>1</v>
      </c>
      <c r="F3093">
        <v>0</v>
      </c>
      <c r="H3093" t="s">
        <v>16067</v>
      </c>
      <c r="J3093" t="s">
        <v>16068</v>
      </c>
      <c r="K3093" t="s">
        <v>16068</v>
      </c>
      <c r="M3093">
        <v>6057787</v>
      </c>
      <c r="O3093">
        <v>10404924</v>
      </c>
      <c r="P3093">
        <v>1</v>
      </c>
      <c r="Q3093">
        <v>-1</v>
      </c>
      <c r="R3093" t="s">
        <v>16069</v>
      </c>
      <c r="S3093">
        <v>15</v>
      </c>
    </row>
    <row r="3094" spans="1:19" x14ac:dyDescent="0.25">
      <c r="A3094">
        <v>29902871</v>
      </c>
      <c r="B3094" t="s">
        <v>16070</v>
      </c>
      <c r="C3094" s="1" t="s">
        <v>16071</v>
      </c>
      <c r="D3094">
        <v>29903601</v>
      </c>
      <c r="E3094">
        <v>1</v>
      </c>
      <c r="F3094">
        <v>0</v>
      </c>
      <c r="H3094" t="s">
        <v>16072</v>
      </c>
      <c r="J3094" t="s">
        <v>16073</v>
      </c>
      <c r="O3094">
        <v>1444797</v>
      </c>
      <c r="P3094">
        <v>1</v>
      </c>
      <c r="Q3094">
        <v>0</v>
      </c>
      <c r="R3094" t="s">
        <v>16074</v>
      </c>
      <c r="S3094">
        <v>153</v>
      </c>
    </row>
    <row r="3095" spans="1:19" x14ac:dyDescent="0.25">
      <c r="A3095">
        <v>52412243</v>
      </c>
      <c r="B3095" t="s">
        <v>16075</v>
      </c>
      <c r="C3095" s="1" t="s">
        <v>16076</v>
      </c>
      <c r="E3095">
        <v>0</v>
      </c>
      <c r="F3095">
        <v>4</v>
      </c>
      <c r="H3095" t="s">
        <v>16077</v>
      </c>
      <c r="J3095" t="s">
        <v>16078</v>
      </c>
      <c r="O3095">
        <v>9593790</v>
      </c>
      <c r="P3095">
        <v>1</v>
      </c>
      <c r="Q3095">
        <v>2</v>
      </c>
      <c r="R3095" t="s">
        <v>16079</v>
      </c>
      <c r="S3095">
        <v>65</v>
      </c>
    </row>
    <row r="3096" spans="1:19" x14ac:dyDescent="0.25">
      <c r="A3096">
        <v>11559530</v>
      </c>
      <c r="B3096" t="s">
        <v>16080</v>
      </c>
      <c r="C3096" s="1" t="s">
        <v>16081</v>
      </c>
      <c r="D3096">
        <v>11559721</v>
      </c>
      <c r="E3096">
        <v>1</v>
      </c>
      <c r="F3096">
        <v>0</v>
      </c>
      <c r="H3096" t="s">
        <v>16082</v>
      </c>
      <c r="J3096" t="s">
        <v>16083</v>
      </c>
      <c r="O3096">
        <v>216021</v>
      </c>
      <c r="P3096">
        <v>1</v>
      </c>
      <c r="Q3096">
        <v>1</v>
      </c>
      <c r="R3096" t="s">
        <v>16084</v>
      </c>
      <c r="S3096">
        <v>50</v>
      </c>
    </row>
    <row r="3097" spans="1:19" x14ac:dyDescent="0.25">
      <c r="A3097">
        <v>50046587</v>
      </c>
      <c r="B3097" t="s">
        <v>16085</v>
      </c>
      <c r="C3097" s="1" t="s">
        <v>16086</v>
      </c>
      <c r="E3097">
        <v>1</v>
      </c>
      <c r="F3097">
        <v>0</v>
      </c>
      <c r="H3097" t="s">
        <v>16087</v>
      </c>
      <c r="J3097" t="s">
        <v>16088</v>
      </c>
      <c r="O3097">
        <v>5411863</v>
      </c>
      <c r="P3097">
        <v>1</v>
      </c>
      <c r="Q3097">
        <v>0</v>
      </c>
      <c r="R3097" t="s">
        <v>16089</v>
      </c>
      <c r="S3097">
        <v>53</v>
      </c>
    </row>
    <row r="3098" spans="1:19" x14ac:dyDescent="0.25">
      <c r="A3098">
        <v>32796801</v>
      </c>
      <c r="B3098" t="s">
        <v>16090</v>
      </c>
      <c r="C3098" s="1" t="s">
        <v>16091</v>
      </c>
      <c r="D3098">
        <v>32796818</v>
      </c>
      <c r="E3098">
        <v>2</v>
      </c>
      <c r="F3098">
        <v>0</v>
      </c>
      <c r="H3098" t="s">
        <v>16092</v>
      </c>
      <c r="J3098" t="s">
        <v>16093</v>
      </c>
      <c r="K3098" t="s">
        <v>16094</v>
      </c>
      <c r="M3098">
        <v>335858</v>
      </c>
      <c r="O3098">
        <v>4257073</v>
      </c>
      <c r="P3098">
        <v>1</v>
      </c>
      <c r="Q3098">
        <v>2</v>
      </c>
      <c r="R3098" t="s">
        <v>16095</v>
      </c>
      <c r="S3098">
        <v>4277</v>
      </c>
    </row>
    <row r="3099" spans="1:19" x14ac:dyDescent="0.25">
      <c r="A3099">
        <v>8523022</v>
      </c>
      <c r="B3099" t="s">
        <v>16096</v>
      </c>
      <c r="C3099" s="1" t="s">
        <v>16097</v>
      </c>
      <c r="D3099">
        <v>8523895</v>
      </c>
      <c r="E3099">
        <v>1</v>
      </c>
      <c r="F3099">
        <v>7</v>
      </c>
      <c r="H3099" t="s">
        <v>16098</v>
      </c>
      <c r="J3099" t="s">
        <v>16099</v>
      </c>
      <c r="K3099" t="s">
        <v>16100</v>
      </c>
      <c r="M3099">
        <v>880688</v>
      </c>
      <c r="O3099">
        <v>880688</v>
      </c>
      <c r="P3099">
        <v>1</v>
      </c>
      <c r="Q3099">
        <v>0</v>
      </c>
      <c r="R3099" t="s">
        <v>16101</v>
      </c>
      <c r="S3099">
        <v>554</v>
      </c>
    </row>
    <row r="3100" spans="1:19" x14ac:dyDescent="0.25">
      <c r="A3100">
        <v>15177331</v>
      </c>
      <c r="B3100" t="s">
        <v>16102</v>
      </c>
      <c r="C3100" s="1" t="s">
        <v>16103</v>
      </c>
      <c r="E3100">
        <v>1</v>
      </c>
      <c r="F3100">
        <v>1</v>
      </c>
      <c r="H3100" t="s">
        <v>16104</v>
      </c>
      <c r="J3100" t="s">
        <v>16105</v>
      </c>
      <c r="O3100">
        <v>253714</v>
      </c>
      <c r="P3100">
        <v>1</v>
      </c>
      <c r="Q3100">
        <v>0</v>
      </c>
      <c r="R3100" t="s">
        <v>16106</v>
      </c>
      <c r="S3100">
        <v>158</v>
      </c>
    </row>
    <row r="3101" spans="1:19" x14ac:dyDescent="0.25">
      <c r="A3101">
        <v>25940168</v>
      </c>
      <c r="B3101" t="s">
        <v>16107</v>
      </c>
      <c r="C3101" s="1" t="s">
        <v>16108</v>
      </c>
      <c r="D3101">
        <v>25941437</v>
      </c>
      <c r="E3101">
        <v>3</v>
      </c>
      <c r="F3101">
        <v>0</v>
      </c>
      <c r="H3101" t="s">
        <v>16109</v>
      </c>
      <c r="I3101">
        <v>1</v>
      </c>
      <c r="J3101" t="s">
        <v>16110</v>
      </c>
      <c r="K3101" t="s">
        <v>16111</v>
      </c>
      <c r="M3101">
        <v>2970916</v>
      </c>
      <c r="O3101">
        <v>2970916</v>
      </c>
      <c r="P3101">
        <v>1</v>
      </c>
      <c r="Q3101">
        <v>1</v>
      </c>
      <c r="R3101" t="s">
        <v>16112</v>
      </c>
      <c r="S3101">
        <v>842</v>
      </c>
    </row>
    <row r="3102" spans="1:19" x14ac:dyDescent="0.25">
      <c r="A3102">
        <v>18396813</v>
      </c>
      <c r="B3102" t="s">
        <v>16113</v>
      </c>
      <c r="C3102" s="1" t="s">
        <v>16114</v>
      </c>
      <c r="E3102">
        <v>4</v>
      </c>
      <c r="F3102">
        <v>8</v>
      </c>
      <c r="H3102" t="s">
        <v>16115</v>
      </c>
      <c r="J3102" t="s">
        <v>16116</v>
      </c>
      <c r="K3102" t="s">
        <v>16117</v>
      </c>
      <c r="M3102">
        <v>1097451</v>
      </c>
      <c r="O3102">
        <v>1097451</v>
      </c>
      <c r="P3102">
        <v>1</v>
      </c>
      <c r="Q3102">
        <v>3</v>
      </c>
      <c r="R3102" t="s">
        <v>16118</v>
      </c>
      <c r="S3102">
        <v>733</v>
      </c>
    </row>
    <row r="3103" spans="1:19" x14ac:dyDescent="0.25">
      <c r="A3103">
        <v>18047588</v>
      </c>
      <c r="B3103" t="s">
        <v>16119</v>
      </c>
      <c r="C3103" s="1" t="s">
        <v>16120</v>
      </c>
      <c r="E3103">
        <v>0</v>
      </c>
      <c r="F3103">
        <v>9</v>
      </c>
      <c r="H3103" t="s">
        <v>16121</v>
      </c>
      <c r="J3103" t="s">
        <v>16122</v>
      </c>
      <c r="K3103" t="s">
        <v>16122</v>
      </c>
      <c r="M3103">
        <v>2506972</v>
      </c>
      <c r="O3103">
        <v>2506972</v>
      </c>
      <c r="P3103">
        <v>1</v>
      </c>
      <c r="Q3103">
        <v>0</v>
      </c>
      <c r="R3103" t="s">
        <v>16123</v>
      </c>
      <c r="S3103">
        <v>225</v>
      </c>
    </row>
    <row r="3104" spans="1:19" x14ac:dyDescent="0.25">
      <c r="A3104">
        <v>35771449</v>
      </c>
      <c r="B3104" t="s">
        <v>16124</v>
      </c>
      <c r="C3104" s="1" t="s">
        <v>16125</v>
      </c>
      <c r="E3104">
        <v>4</v>
      </c>
      <c r="F3104">
        <v>3</v>
      </c>
      <c r="H3104" t="s">
        <v>16126</v>
      </c>
      <c r="J3104" t="s">
        <v>16127</v>
      </c>
      <c r="O3104">
        <v>1968952</v>
      </c>
      <c r="P3104">
        <v>1</v>
      </c>
      <c r="Q3104">
        <v>-2</v>
      </c>
      <c r="R3104" t="s">
        <v>16128</v>
      </c>
      <c r="S3104">
        <v>3808</v>
      </c>
    </row>
    <row r="3105" spans="1:19" x14ac:dyDescent="0.25">
      <c r="A3105">
        <v>42921364</v>
      </c>
      <c r="B3105" t="s">
        <v>16129</v>
      </c>
      <c r="C3105" s="1" t="s">
        <v>16130</v>
      </c>
      <c r="E3105">
        <v>0</v>
      </c>
      <c r="F3105">
        <v>12</v>
      </c>
      <c r="H3105" t="s">
        <v>16131</v>
      </c>
      <c r="I3105">
        <v>1</v>
      </c>
      <c r="J3105" t="s">
        <v>16131</v>
      </c>
      <c r="O3105">
        <v>3198563</v>
      </c>
      <c r="P3105">
        <v>1</v>
      </c>
      <c r="Q3105">
        <v>1</v>
      </c>
      <c r="R3105" t="s">
        <v>16132</v>
      </c>
      <c r="S3105">
        <v>132</v>
      </c>
    </row>
    <row r="3106" spans="1:19" x14ac:dyDescent="0.25">
      <c r="A3106">
        <v>34011532</v>
      </c>
      <c r="B3106" t="s">
        <v>16133</v>
      </c>
      <c r="C3106" s="1" t="s">
        <v>16134</v>
      </c>
      <c r="E3106">
        <v>1</v>
      </c>
      <c r="F3106">
        <v>0</v>
      </c>
      <c r="H3106" t="s">
        <v>16135</v>
      </c>
      <c r="J3106" t="s">
        <v>16136</v>
      </c>
      <c r="K3106" t="s">
        <v>16137</v>
      </c>
      <c r="M3106">
        <v>-1</v>
      </c>
      <c r="O3106">
        <v>3175431</v>
      </c>
      <c r="P3106">
        <v>1</v>
      </c>
      <c r="Q3106">
        <v>1</v>
      </c>
      <c r="R3106" t="s">
        <v>16138</v>
      </c>
      <c r="S3106">
        <v>201</v>
      </c>
    </row>
    <row r="3107" spans="1:19" x14ac:dyDescent="0.25">
      <c r="A3107">
        <v>30753051</v>
      </c>
      <c r="B3107" t="s">
        <v>16139</v>
      </c>
      <c r="C3107" s="1" t="s">
        <v>16140</v>
      </c>
      <c r="E3107">
        <v>1</v>
      </c>
      <c r="F3107">
        <v>5</v>
      </c>
      <c r="H3107" t="s">
        <v>16141</v>
      </c>
      <c r="J3107" t="s">
        <v>16142</v>
      </c>
      <c r="K3107" t="s">
        <v>16143</v>
      </c>
      <c r="M3107">
        <v>266143</v>
      </c>
      <c r="O3107">
        <v>4978057</v>
      </c>
      <c r="P3107">
        <v>1</v>
      </c>
      <c r="Q3107">
        <v>4</v>
      </c>
      <c r="R3107" t="s">
        <v>16144</v>
      </c>
      <c r="S3107">
        <v>6100</v>
      </c>
    </row>
    <row r="3108" spans="1:19" x14ac:dyDescent="0.25">
      <c r="A3108">
        <v>47550696</v>
      </c>
      <c r="B3108" t="s">
        <v>16145</v>
      </c>
      <c r="C3108" s="1" t="s">
        <v>16146</v>
      </c>
      <c r="E3108">
        <v>0</v>
      </c>
      <c r="F3108">
        <v>1</v>
      </c>
      <c r="H3108" t="s">
        <v>16147</v>
      </c>
      <c r="J3108" t="s">
        <v>16148</v>
      </c>
      <c r="K3108" t="s">
        <v>16148</v>
      </c>
      <c r="M3108">
        <v>4826457</v>
      </c>
      <c r="O3108">
        <v>7312483</v>
      </c>
      <c r="P3108">
        <v>1</v>
      </c>
      <c r="Q3108">
        <v>1</v>
      </c>
      <c r="R3108" t="s">
        <v>16149</v>
      </c>
      <c r="S3108">
        <v>265</v>
      </c>
    </row>
    <row r="3109" spans="1:19" x14ac:dyDescent="0.25">
      <c r="A3109">
        <v>14688154</v>
      </c>
      <c r="B3109" t="s">
        <v>16150</v>
      </c>
      <c r="C3109" s="1" t="s">
        <v>16151</v>
      </c>
      <c r="D3109">
        <v>14688316</v>
      </c>
      <c r="E3109">
        <v>5</v>
      </c>
      <c r="F3109">
        <v>6</v>
      </c>
      <c r="H3109" t="s">
        <v>16152</v>
      </c>
      <c r="J3109" t="s">
        <v>16153</v>
      </c>
      <c r="K3109" t="s">
        <v>16154</v>
      </c>
      <c r="M3109">
        <v>228152</v>
      </c>
      <c r="O3109">
        <v>1958807</v>
      </c>
      <c r="P3109">
        <v>1</v>
      </c>
      <c r="Q3109">
        <v>1</v>
      </c>
      <c r="R3109" t="s">
        <v>16155</v>
      </c>
      <c r="S3109">
        <v>1187</v>
      </c>
    </row>
    <row r="3110" spans="1:19" x14ac:dyDescent="0.25">
      <c r="A3110">
        <v>26476800</v>
      </c>
      <c r="B3110" t="s">
        <v>16156</v>
      </c>
      <c r="C3110" s="1" t="s">
        <v>16157</v>
      </c>
      <c r="D3110">
        <v>26477460</v>
      </c>
      <c r="E3110">
        <v>3</v>
      </c>
      <c r="F3110">
        <v>6</v>
      </c>
      <c r="H3110" t="s">
        <v>16158</v>
      </c>
      <c r="J3110" t="s">
        <v>16159</v>
      </c>
      <c r="K3110" t="s">
        <v>16160</v>
      </c>
      <c r="M3110">
        <v>1265036</v>
      </c>
      <c r="O3110">
        <v>2499112</v>
      </c>
      <c r="P3110">
        <v>1</v>
      </c>
      <c r="Q3110">
        <v>0</v>
      </c>
      <c r="R3110" t="s">
        <v>16161</v>
      </c>
      <c r="S3110">
        <v>128</v>
      </c>
    </row>
    <row r="3111" spans="1:19" x14ac:dyDescent="0.25">
      <c r="A3111">
        <v>21166836</v>
      </c>
      <c r="B3111" t="s">
        <v>16162</v>
      </c>
      <c r="C3111" s="1" t="s">
        <v>16163</v>
      </c>
      <c r="D3111">
        <v>21169417</v>
      </c>
      <c r="E3111">
        <v>2</v>
      </c>
      <c r="F3111">
        <v>1</v>
      </c>
      <c r="H3111" t="s">
        <v>16164</v>
      </c>
      <c r="J3111" t="s">
        <v>16165</v>
      </c>
      <c r="O3111">
        <v>3041665</v>
      </c>
      <c r="P3111">
        <v>1</v>
      </c>
      <c r="Q3111">
        <v>0</v>
      </c>
      <c r="R3111" t="s">
        <v>16166</v>
      </c>
      <c r="S3111">
        <v>76</v>
      </c>
    </row>
    <row r="3112" spans="1:19" x14ac:dyDescent="0.25">
      <c r="A3112">
        <v>1675374</v>
      </c>
      <c r="B3112" t="s">
        <v>16167</v>
      </c>
      <c r="C3112" s="1" t="s">
        <v>16168</v>
      </c>
      <c r="D3112">
        <v>1675572</v>
      </c>
      <c r="E3112">
        <v>1</v>
      </c>
      <c r="F3112">
        <v>0</v>
      </c>
      <c r="H3112" t="s">
        <v>16169</v>
      </c>
      <c r="J3112" t="s">
        <v>16170</v>
      </c>
      <c r="O3112">
        <v>23008</v>
      </c>
      <c r="P3112">
        <v>1</v>
      </c>
      <c r="Q3112">
        <v>0</v>
      </c>
      <c r="R3112" t="s">
        <v>16171</v>
      </c>
      <c r="S3112">
        <v>960</v>
      </c>
    </row>
    <row r="3113" spans="1:19" x14ac:dyDescent="0.25">
      <c r="A3113">
        <v>36419577</v>
      </c>
      <c r="B3113" t="s">
        <v>16172</v>
      </c>
      <c r="C3113" s="1" t="s">
        <v>16173</v>
      </c>
      <c r="E3113">
        <v>0</v>
      </c>
      <c r="F3113">
        <v>2</v>
      </c>
      <c r="H3113" t="s">
        <v>16174</v>
      </c>
      <c r="J3113" t="s">
        <v>16175</v>
      </c>
      <c r="K3113" t="s">
        <v>16175</v>
      </c>
      <c r="M3113">
        <v>519413</v>
      </c>
      <c r="O3113">
        <v>1760937</v>
      </c>
      <c r="P3113">
        <v>1</v>
      </c>
      <c r="Q3113">
        <v>0</v>
      </c>
      <c r="R3113" t="s">
        <v>16176</v>
      </c>
      <c r="S3113">
        <v>60</v>
      </c>
    </row>
    <row r="3114" spans="1:19" x14ac:dyDescent="0.25">
      <c r="A3114">
        <v>36139163</v>
      </c>
      <c r="B3114" t="s">
        <v>16177</v>
      </c>
      <c r="C3114" s="1" t="s">
        <v>16178</v>
      </c>
      <c r="E3114">
        <v>2</v>
      </c>
      <c r="F3114">
        <v>1</v>
      </c>
      <c r="H3114" t="s">
        <v>16179</v>
      </c>
      <c r="J3114" t="s">
        <v>16180</v>
      </c>
      <c r="K3114" t="s">
        <v>16181</v>
      </c>
      <c r="M3114">
        <v>472495</v>
      </c>
      <c r="O3114">
        <v>2977907</v>
      </c>
      <c r="P3114">
        <v>1</v>
      </c>
      <c r="Q3114">
        <v>-1</v>
      </c>
      <c r="R3114" t="s">
        <v>16182</v>
      </c>
      <c r="S3114">
        <v>132</v>
      </c>
    </row>
    <row r="3115" spans="1:19" x14ac:dyDescent="0.25">
      <c r="A3115">
        <v>5545986</v>
      </c>
      <c r="B3115" t="s">
        <v>16183</v>
      </c>
      <c r="C3115" s="1" t="s">
        <v>16184</v>
      </c>
      <c r="D3115">
        <v>5546014</v>
      </c>
      <c r="E3115">
        <v>1</v>
      </c>
      <c r="F3115">
        <v>0</v>
      </c>
      <c r="H3115" t="s">
        <v>16185</v>
      </c>
      <c r="J3115" t="s">
        <v>16186</v>
      </c>
      <c r="O3115">
        <v>125278</v>
      </c>
      <c r="P3115">
        <v>1</v>
      </c>
      <c r="Q3115">
        <v>1</v>
      </c>
      <c r="R3115" t="s">
        <v>16187</v>
      </c>
      <c r="S3115">
        <v>124</v>
      </c>
    </row>
    <row r="3116" spans="1:19" x14ac:dyDescent="0.25">
      <c r="A3116">
        <v>27899091</v>
      </c>
      <c r="B3116" t="s">
        <v>16188</v>
      </c>
      <c r="C3116" s="1" t="s">
        <v>16189</v>
      </c>
      <c r="D3116">
        <v>27899328</v>
      </c>
      <c r="E3116">
        <v>3</v>
      </c>
      <c r="F3116">
        <v>0</v>
      </c>
      <c r="H3116" t="s">
        <v>16190</v>
      </c>
      <c r="I3116">
        <v>0</v>
      </c>
      <c r="J3116" t="s">
        <v>16191</v>
      </c>
      <c r="K3116" t="s">
        <v>16191</v>
      </c>
      <c r="M3116">
        <v>2535611</v>
      </c>
      <c r="O3116">
        <v>4429170</v>
      </c>
      <c r="P3116">
        <v>1</v>
      </c>
      <c r="Q3116">
        <v>0</v>
      </c>
      <c r="R3116" t="s">
        <v>8275</v>
      </c>
      <c r="S3116">
        <v>2497</v>
      </c>
    </row>
    <row r="3117" spans="1:19" x14ac:dyDescent="0.25">
      <c r="A3117">
        <v>25793954</v>
      </c>
      <c r="B3117" t="s">
        <v>16192</v>
      </c>
      <c r="C3117" s="1" t="s">
        <v>16193</v>
      </c>
      <c r="E3117">
        <v>1</v>
      </c>
      <c r="F3117">
        <v>4</v>
      </c>
      <c r="H3117" t="s">
        <v>16194</v>
      </c>
      <c r="J3117" t="s">
        <v>16195</v>
      </c>
      <c r="K3117" t="s">
        <v>16195</v>
      </c>
      <c r="M3117">
        <v>56913</v>
      </c>
      <c r="O3117">
        <v>3516855</v>
      </c>
      <c r="P3117">
        <v>1</v>
      </c>
      <c r="Q3117">
        <v>1</v>
      </c>
      <c r="R3117" t="s">
        <v>16196</v>
      </c>
      <c r="S3117">
        <v>315</v>
      </c>
    </row>
    <row r="3118" spans="1:19" x14ac:dyDescent="0.25">
      <c r="A3118">
        <v>15581501</v>
      </c>
      <c r="B3118" t="s">
        <v>16197</v>
      </c>
      <c r="C3118" s="1" t="s">
        <v>16198</v>
      </c>
      <c r="E3118">
        <v>2</v>
      </c>
      <c r="F3118">
        <v>2</v>
      </c>
      <c r="H3118" t="s">
        <v>16199</v>
      </c>
      <c r="J3118" t="s">
        <v>16200</v>
      </c>
      <c r="K3118" t="s">
        <v>16201</v>
      </c>
      <c r="M3118">
        <v>330315</v>
      </c>
      <c r="O3118">
        <v>2201145</v>
      </c>
      <c r="P3118">
        <v>1</v>
      </c>
      <c r="Q3118">
        <v>0</v>
      </c>
      <c r="R3118" t="s">
        <v>16202</v>
      </c>
      <c r="S3118">
        <v>561</v>
      </c>
    </row>
    <row r="3119" spans="1:19" x14ac:dyDescent="0.25">
      <c r="A3119">
        <v>18885248</v>
      </c>
      <c r="B3119" t="s">
        <v>16203</v>
      </c>
      <c r="C3119" s="1" t="s">
        <v>16204</v>
      </c>
      <c r="E3119">
        <v>1</v>
      </c>
      <c r="F3119">
        <v>0</v>
      </c>
      <c r="H3119" t="s">
        <v>16205</v>
      </c>
      <c r="J3119" t="s">
        <v>16206</v>
      </c>
      <c r="K3119" t="s">
        <v>16207</v>
      </c>
      <c r="M3119">
        <v>95322</v>
      </c>
      <c r="O3119">
        <v>95322</v>
      </c>
      <c r="P3119">
        <v>1</v>
      </c>
      <c r="Q3119">
        <v>1</v>
      </c>
      <c r="R3119" t="s">
        <v>16208</v>
      </c>
      <c r="S3119">
        <v>1023</v>
      </c>
    </row>
    <row r="3120" spans="1:19" x14ac:dyDescent="0.25">
      <c r="A3120">
        <v>1740534</v>
      </c>
      <c r="B3120" t="s">
        <v>16209</v>
      </c>
      <c r="C3120" s="1" t="s">
        <v>16210</v>
      </c>
      <c r="D3120">
        <v>1740902</v>
      </c>
      <c r="E3120">
        <v>5</v>
      </c>
      <c r="F3120">
        <v>0</v>
      </c>
      <c r="H3120" t="s">
        <v>16211</v>
      </c>
      <c r="I3120">
        <v>2</v>
      </c>
      <c r="J3120" t="s">
        <v>16212</v>
      </c>
      <c r="O3120">
        <v>5542</v>
      </c>
      <c r="P3120">
        <v>1</v>
      </c>
      <c r="Q3120">
        <v>11</v>
      </c>
      <c r="R3120" t="s">
        <v>16213</v>
      </c>
      <c r="S3120">
        <v>13521</v>
      </c>
    </row>
    <row r="3121" spans="1:19" x14ac:dyDescent="0.25">
      <c r="A3121">
        <v>46831588</v>
      </c>
      <c r="B3121" t="s">
        <v>16214</v>
      </c>
      <c r="C3121" s="1" t="s">
        <v>16215</v>
      </c>
      <c r="E3121">
        <v>1</v>
      </c>
      <c r="F3121">
        <v>1</v>
      </c>
      <c r="H3121" t="s">
        <v>16216</v>
      </c>
      <c r="J3121" t="s">
        <v>16217</v>
      </c>
      <c r="K3121" t="s">
        <v>16218</v>
      </c>
      <c r="M3121">
        <v>2548147</v>
      </c>
      <c r="O3121">
        <v>6436073</v>
      </c>
      <c r="P3121">
        <v>1</v>
      </c>
      <c r="Q3121">
        <v>4</v>
      </c>
      <c r="R3121" t="s">
        <v>16219</v>
      </c>
      <c r="S3121">
        <v>106</v>
      </c>
    </row>
    <row r="3122" spans="1:19" x14ac:dyDescent="0.25">
      <c r="A3122">
        <v>25466322</v>
      </c>
      <c r="B3122" t="s">
        <v>16220</v>
      </c>
      <c r="C3122" s="1" t="s">
        <v>16221</v>
      </c>
      <c r="E3122">
        <v>1</v>
      </c>
      <c r="F3122">
        <v>0</v>
      </c>
      <c r="H3122" t="s">
        <v>16222</v>
      </c>
      <c r="J3122" t="s">
        <v>16223</v>
      </c>
      <c r="O3122">
        <v>445312</v>
      </c>
      <c r="P3122">
        <v>1</v>
      </c>
      <c r="Q3122">
        <v>0</v>
      </c>
      <c r="R3122" t="s">
        <v>16224</v>
      </c>
      <c r="S3122">
        <v>61</v>
      </c>
    </row>
    <row r="3123" spans="1:19" x14ac:dyDescent="0.25">
      <c r="A3123">
        <v>52251209</v>
      </c>
      <c r="B3123" t="s">
        <v>16225</v>
      </c>
      <c r="C3123" t="s">
        <v>16226</v>
      </c>
      <c r="E3123">
        <v>1</v>
      </c>
      <c r="F3123">
        <v>2</v>
      </c>
      <c r="H3123" t="s">
        <v>16227</v>
      </c>
      <c r="J3123" t="s">
        <v>16228</v>
      </c>
      <c r="K3123" t="s">
        <v>16228</v>
      </c>
      <c r="M3123">
        <v>149392</v>
      </c>
      <c r="O3123">
        <v>10322066</v>
      </c>
      <c r="P3123">
        <v>1</v>
      </c>
      <c r="Q3123">
        <v>-1</v>
      </c>
      <c r="R3123" t="s">
        <v>16229</v>
      </c>
      <c r="S3123">
        <v>35</v>
      </c>
    </row>
    <row r="3124" spans="1:19" x14ac:dyDescent="0.25">
      <c r="A3124">
        <v>39704504</v>
      </c>
      <c r="B3124" t="s">
        <v>16230</v>
      </c>
      <c r="C3124" s="1" t="s">
        <v>16231</v>
      </c>
      <c r="E3124">
        <v>0</v>
      </c>
      <c r="F3124">
        <v>6</v>
      </c>
      <c r="H3124" t="s">
        <v>16232</v>
      </c>
      <c r="J3124" t="s">
        <v>16232</v>
      </c>
      <c r="O3124">
        <v>6634447</v>
      </c>
      <c r="P3124">
        <v>1</v>
      </c>
      <c r="Q3124">
        <v>0</v>
      </c>
      <c r="R3124" t="s">
        <v>15836</v>
      </c>
      <c r="S3124">
        <v>81</v>
      </c>
    </row>
    <row r="3125" spans="1:19" x14ac:dyDescent="0.25">
      <c r="A3125">
        <v>36118172</v>
      </c>
      <c r="B3125" t="s">
        <v>16233</v>
      </c>
      <c r="C3125" s="1" t="s">
        <v>16234</v>
      </c>
      <c r="D3125">
        <v>36118270</v>
      </c>
      <c r="E3125">
        <v>1</v>
      </c>
      <c r="F3125">
        <v>0</v>
      </c>
      <c r="H3125" t="s">
        <v>16235</v>
      </c>
      <c r="J3125" t="s">
        <v>16236</v>
      </c>
      <c r="O3125">
        <v>4753132</v>
      </c>
      <c r="P3125">
        <v>1</v>
      </c>
      <c r="Q3125">
        <v>0</v>
      </c>
      <c r="R3125" t="s">
        <v>819</v>
      </c>
      <c r="S3125">
        <v>19</v>
      </c>
    </row>
    <row r="3126" spans="1:19" x14ac:dyDescent="0.25">
      <c r="A3126">
        <v>25600971</v>
      </c>
      <c r="B3126" t="s">
        <v>16237</v>
      </c>
      <c r="C3126" s="1" t="s">
        <v>16238</v>
      </c>
      <c r="D3126">
        <v>25601204</v>
      </c>
      <c r="E3126">
        <v>4</v>
      </c>
      <c r="F3126">
        <v>1</v>
      </c>
      <c r="H3126" t="s">
        <v>16239</v>
      </c>
      <c r="J3126" t="s">
        <v>16240</v>
      </c>
      <c r="K3126" t="s">
        <v>16240</v>
      </c>
      <c r="M3126">
        <v>1033581</v>
      </c>
      <c r="O3126">
        <v>3761297</v>
      </c>
      <c r="P3126">
        <v>1</v>
      </c>
      <c r="Q3126">
        <v>0</v>
      </c>
      <c r="R3126" t="s">
        <v>16241</v>
      </c>
      <c r="S3126">
        <v>80</v>
      </c>
    </row>
    <row r="3127" spans="1:19" x14ac:dyDescent="0.25">
      <c r="A3127">
        <v>41699637</v>
      </c>
      <c r="B3127" t="s">
        <v>16242</v>
      </c>
      <c r="C3127" s="1" t="s">
        <v>16243</v>
      </c>
      <c r="E3127">
        <v>0</v>
      </c>
      <c r="F3127">
        <v>3</v>
      </c>
      <c r="H3127" t="s">
        <v>16244</v>
      </c>
      <c r="J3127" t="s">
        <v>16244</v>
      </c>
      <c r="O3127">
        <v>7141993</v>
      </c>
      <c r="P3127">
        <v>1</v>
      </c>
      <c r="Q3127">
        <v>0</v>
      </c>
      <c r="R3127" t="s">
        <v>351</v>
      </c>
      <c r="S3127">
        <v>82</v>
      </c>
    </row>
    <row r="3128" spans="1:19" x14ac:dyDescent="0.25">
      <c r="A3128">
        <v>61520</v>
      </c>
      <c r="B3128" t="s">
        <v>16245</v>
      </c>
      <c r="C3128" t="s">
        <v>16246</v>
      </c>
      <c r="D3128">
        <v>61526</v>
      </c>
      <c r="E3128">
        <v>7</v>
      </c>
      <c r="F3128">
        <v>1</v>
      </c>
      <c r="H3128" t="s">
        <v>16247</v>
      </c>
      <c r="I3128">
        <v>2</v>
      </c>
      <c r="J3128" t="s">
        <v>16248</v>
      </c>
      <c r="K3128" t="s">
        <v>16249</v>
      </c>
      <c r="L3128" t="s">
        <v>16250</v>
      </c>
      <c r="M3128">
        <v>1600</v>
      </c>
      <c r="N3128" t="s">
        <v>16251</v>
      </c>
      <c r="O3128">
        <v>1574</v>
      </c>
      <c r="P3128">
        <v>1</v>
      </c>
      <c r="Q3128">
        <v>10</v>
      </c>
      <c r="R3128" t="s">
        <v>16252</v>
      </c>
      <c r="S3128">
        <v>3893</v>
      </c>
    </row>
    <row r="3129" spans="1:19" x14ac:dyDescent="0.25">
      <c r="A3129">
        <v>10212094</v>
      </c>
      <c r="B3129" t="s">
        <v>16253</v>
      </c>
      <c r="C3129" s="1" t="s">
        <v>16254</v>
      </c>
      <c r="D3129">
        <v>10215746</v>
      </c>
      <c r="E3129">
        <v>2</v>
      </c>
      <c r="F3129">
        <v>3</v>
      </c>
      <c r="H3129" t="s">
        <v>16255</v>
      </c>
      <c r="J3129" t="s">
        <v>16256</v>
      </c>
      <c r="O3129">
        <v>252000</v>
      </c>
      <c r="P3129">
        <v>1</v>
      </c>
      <c r="Q3129">
        <v>6</v>
      </c>
      <c r="R3129" t="s">
        <v>16257</v>
      </c>
      <c r="S3129">
        <v>399</v>
      </c>
    </row>
    <row r="3130" spans="1:19" x14ac:dyDescent="0.25">
      <c r="A3130">
        <v>22364043</v>
      </c>
      <c r="B3130" t="s">
        <v>16258</v>
      </c>
      <c r="C3130" s="1" t="s">
        <v>16259</v>
      </c>
      <c r="E3130">
        <v>1</v>
      </c>
      <c r="F3130">
        <v>0</v>
      </c>
      <c r="H3130" t="s">
        <v>16260</v>
      </c>
      <c r="J3130" t="s">
        <v>16261</v>
      </c>
      <c r="O3130">
        <v>497853</v>
      </c>
      <c r="P3130">
        <v>1</v>
      </c>
      <c r="Q3130">
        <v>1</v>
      </c>
      <c r="R3130" t="s">
        <v>16262</v>
      </c>
      <c r="S3130">
        <v>627</v>
      </c>
    </row>
    <row r="3131" spans="1:19" x14ac:dyDescent="0.25">
      <c r="A3131">
        <v>52010817</v>
      </c>
      <c r="B3131" t="s">
        <v>16263</v>
      </c>
      <c r="C3131" s="1" t="s">
        <v>16264</v>
      </c>
      <c r="E3131">
        <v>1</v>
      </c>
      <c r="F3131">
        <v>0</v>
      </c>
      <c r="H3131" t="s">
        <v>16265</v>
      </c>
      <c r="J3131" t="s">
        <v>16266</v>
      </c>
      <c r="O3131">
        <v>4386502</v>
      </c>
      <c r="P3131">
        <v>1</v>
      </c>
      <c r="Q3131">
        <v>0</v>
      </c>
      <c r="R3131" t="s">
        <v>16267</v>
      </c>
      <c r="S3131">
        <v>79</v>
      </c>
    </row>
    <row r="3132" spans="1:19" x14ac:dyDescent="0.25">
      <c r="A3132">
        <v>45355476</v>
      </c>
      <c r="B3132" t="s">
        <v>16268</v>
      </c>
      <c r="C3132" s="1" t="s">
        <v>16269</v>
      </c>
      <c r="D3132">
        <v>45355742</v>
      </c>
      <c r="E3132">
        <v>2</v>
      </c>
      <c r="F3132">
        <v>0</v>
      </c>
      <c r="H3132" t="s">
        <v>16270</v>
      </c>
      <c r="J3132" t="s">
        <v>16271</v>
      </c>
      <c r="K3132" t="s">
        <v>16271</v>
      </c>
      <c r="M3132">
        <v>4051713</v>
      </c>
      <c r="O3132">
        <v>7995285</v>
      </c>
      <c r="P3132">
        <v>1</v>
      </c>
      <c r="Q3132">
        <v>1</v>
      </c>
      <c r="R3132" t="s">
        <v>16272</v>
      </c>
      <c r="S3132">
        <v>34</v>
      </c>
    </row>
    <row r="3133" spans="1:19" x14ac:dyDescent="0.25">
      <c r="A3133">
        <v>11206867</v>
      </c>
      <c r="B3133" t="s">
        <v>16273</v>
      </c>
      <c r="C3133" s="1" t="s">
        <v>16274</v>
      </c>
      <c r="D3133">
        <v>11206958</v>
      </c>
      <c r="E3133">
        <v>2</v>
      </c>
      <c r="F3133">
        <v>1</v>
      </c>
      <c r="H3133" t="s">
        <v>16275</v>
      </c>
      <c r="J3133" t="s">
        <v>16276</v>
      </c>
      <c r="O3133">
        <v>1469049</v>
      </c>
      <c r="P3133">
        <v>1</v>
      </c>
      <c r="Q3133">
        <v>3</v>
      </c>
      <c r="R3133" t="s">
        <v>16277</v>
      </c>
      <c r="S3133">
        <v>3160</v>
      </c>
    </row>
    <row r="3134" spans="1:19" x14ac:dyDescent="0.25">
      <c r="A3134">
        <v>33318975</v>
      </c>
      <c r="B3134" t="s">
        <v>16278</v>
      </c>
      <c r="C3134" s="1" t="s">
        <v>16279</v>
      </c>
      <c r="D3134">
        <v>33331418</v>
      </c>
      <c r="E3134">
        <v>1</v>
      </c>
      <c r="F3134">
        <v>5</v>
      </c>
      <c r="H3134" t="s">
        <v>16280</v>
      </c>
      <c r="J3134" t="s">
        <v>16281</v>
      </c>
      <c r="K3134" t="s">
        <v>16282</v>
      </c>
      <c r="M3134">
        <v>4261596</v>
      </c>
      <c r="O3134">
        <v>4261596</v>
      </c>
      <c r="P3134">
        <v>1</v>
      </c>
      <c r="Q3134">
        <v>1</v>
      </c>
      <c r="R3134" t="s">
        <v>16283</v>
      </c>
      <c r="S3134">
        <v>493</v>
      </c>
    </row>
    <row r="3135" spans="1:19" x14ac:dyDescent="0.25">
      <c r="A3135">
        <v>44812166</v>
      </c>
      <c r="B3135" t="s">
        <v>16284</v>
      </c>
      <c r="C3135" s="1" t="s">
        <v>16285</v>
      </c>
      <c r="D3135">
        <v>44851728</v>
      </c>
      <c r="E3135">
        <v>1</v>
      </c>
      <c r="F3135">
        <v>0</v>
      </c>
      <c r="H3135" t="s">
        <v>16286</v>
      </c>
      <c r="I3135">
        <v>1</v>
      </c>
      <c r="J3135" t="s">
        <v>16287</v>
      </c>
      <c r="O3135">
        <v>3330347</v>
      </c>
      <c r="P3135">
        <v>1</v>
      </c>
      <c r="Q3135">
        <v>0</v>
      </c>
      <c r="R3135" t="s">
        <v>5766</v>
      </c>
      <c r="S3135">
        <v>155</v>
      </c>
    </row>
    <row r="3136" spans="1:19" x14ac:dyDescent="0.25">
      <c r="A3136">
        <v>5789814</v>
      </c>
      <c r="B3136" t="s">
        <v>16288</v>
      </c>
      <c r="C3136" s="1" t="s">
        <v>16289</v>
      </c>
      <c r="D3136">
        <v>5789863</v>
      </c>
      <c r="E3136">
        <v>2</v>
      </c>
      <c r="F3136">
        <v>0</v>
      </c>
      <c r="H3136" t="s">
        <v>16290</v>
      </c>
      <c r="I3136">
        <v>1</v>
      </c>
      <c r="J3136" t="s">
        <v>16291</v>
      </c>
      <c r="K3136" t="s">
        <v>16291</v>
      </c>
      <c r="M3136">
        <v>464257</v>
      </c>
      <c r="O3136">
        <v>475850</v>
      </c>
      <c r="P3136">
        <v>1</v>
      </c>
      <c r="Q3136">
        <v>0</v>
      </c>
      <c r="R3136" t="s">
        <v>16292</v>
      </c>
      <c r="S3136">
        <v>328</v>
      </c>
    </row>
    <row r="3137" spans="1:19" x14ac:dyDescent="0.25">
      <c r="A3137">
        <v>12362332</v>
      </c>
      <c r="B3137" t="s">
        <v>16293</v>
      </c>
      <c r="C3137" s="1" t="s">
        <v>16294</v>
      </c>
      <c r="E3137">
        <v>1</v>
      </c>
      <c r="F3137">
        <v>0</v>
      </c>
      <c r="H3137" t="s">
        <v>16295</v>
      </c>
      <c r="I3137">
        <v>0</v>
      </c>
      <c r="J3137" t="s">
        <v>16296</v>
      </c>
      <c r="K3137" t="s">
        <v>16296</v>
      </c>
      <c r="M3137">
        <v>881229</v>
      </c>
      <c r="O3137">
        <v>1501270</v>
      </c>
      <c r="P3137">
        <v>1</v>
      </c>
      <c r="Q3137">
        <v>0</v>
      </c>
      <c r="R3137" t="s">
        <v>16297</v>
      </c>
      <c r="S3137">
        <v>751</v>
      </c>
    </row>
    <row r="3138" spans="1:19" x14ac:dyDescent="0.25">
      <c r="A3138">
        <v>52489941</v>
      </c>
      <c r="B3138" t="s">
        <v>16298</v>
      </c>
      <c r="C3138" t="s">
        <v>16299</v>
      </c>
      <c r="E3138">
        <v>0</v>
      </c>
      <c r="F3138">
        <v>0</v>
      </c>
      <c r="H3138" t="s">
        <v>16300</v>
      </c>
      <c r="J3138" t="s">
        <v>16300</v>
      </c>
      <c r="O3138">
        <v>3894497</v>
      </c>
      <c r="P3138">
        <v>1</v>
      </c>
      <c r="Q3138">
        <v>0</v>
      </c>
      <c r="R3138" t="s">
        <v>16301</v>
      </c>
      <c r="S3138">
        <v>11</v>
      </c>
    </row>
    <row r="3139" spans="1:19" x14ac:dyDescent="0.25">
      <c r="A3139">
        <v>37107927</v>
      </c>
      <c r="B3139" t="s">
        <v>16302</v>
      </c>
      <c r="C3139" s="1" t="s">
        <v>16303</v>
      </c>
      <c r="E3139">
        <v>1</v>
      </c>
      <c r="F3139">
        <v>0</v>
      </c>
      <c r="H3139" t="s">
        <v>16304</v>
      </c>
      <c r="J3139" t="s">
        <v>16305</v>
      </c>
      <c r="K3139" t="s">
        <v>16306</v>
      </c>
      <c r="M3139">
        <v>1897010</v>
      </c>
      <c r="O3139">
        <v>6308598</v>
      </c>
      <c r="P3139">
        <v>1</v>
      </c>
      <c r="Q3139">
        <v>-1</v>
      </c>
      <c r="R3139" t="s">
        <v>16307</v>
      </c>
      <c r="S3139">
        <v>60</v>
      </c>
    </row>
    <row r="3140" spans="1:19" x14ac:dyDescent="0.25">
      <c r="A3140">
        <v>8271912</v>
      </c>
      <c r="B3140" t="s">
        <v>16308</v>
      </c>
      <c r="C3140" s="1" t="s">
        <v>16309</v>
      </c>
      <c r="D3140">
        <v>8271986</v>
      </c>
      <c r="E3140">
        <v>2</v>
      </c>
      <c r="F3140">
        <v>2</v>
      </c>
      <c r="H3140" t="s">
        <v>16310</v>
      </c>
      <c r="J3140" t="s">
        <v>16311</v>
      </c>
      <c r="O3140">
        <v>216190</v>
      </c>
      <c r="P3140">
        <v>1</v>
      </c>
      <c r="Q3140">
        <v>0</v>
      </c>
      <c r="R3140" t="s">
        <v>16312</v>
      </c>
      <c r="S3140">
        <v>547</v>
      </c>
    </row>
    <row r="3141" spans="1:19" x14ac:dyDescent="0.25">
      <c r="A3141">
        <v>45786578</v>
      </c>
      <c r="B3141" t="s">
        <v>16313</v>
      </c>
      <c r="C3141" s="1" t="s">
        <v>16314</v>
      </c>
      <c r="D3141">
        <v>45787051</v>
      </c>
      <c r="E3141">
        <v>1</v>
      </c>
      <c r="F3141">
        <v>0</v>
      </c>
      <c r="H3141" t="s">
        <v>16315</v>
      </c>
      <c r="J3141" t="s">
        <v>16316</v>
      </c>
      <c r="O3141">
        <v>9189799</v>
      </c>
      <c r="P3141">
        <v>1</v>
      </c>
      <c r="Q3141">
        <v>0</v>
      </c>
      <c r="R3141" t="s">
        <v>16317</v>
      </c>
      <c r="S3141">
        <v>55</v>
      </c>
    </row>
    <row r="3142" spans="1:19" x14ac:dyDescent="0.25">
      <c r="A3142">
        <v>28435620</v>
      </c>
      <c r="B3142" t="s">
        <v>16318</v>
      </c>
      <c r="C3142" s="1" t="s">
        <v>16319</v>
      </c>
      <c r="D3142">
        <v>28435715</v>
      </c>
      <c r="E3142">
        <v>2</v>
      </c>
      <c r="F3142">
        <v>4</v>
      </c>
      <c r="H3142" t="s">
        <v>16320</v>
      </c>
      <c r="I3142">
        <v>1</v>
      </c>
      <c r="J3142" t="s">
        <v>16321</v>
      </c>
      <c r="K3142" t="s">
        <v>16322</v>
      </c>
      <c r="M3142">
        <v>3138436</v>
      </c>
      <c r="O3142">
        <v>3138436</v>
      </c>
      <c r="P3142">
        <v>1</v>
      </c>
      <c r="Q3142">
        <v>-2</v>
      </c>
      <c r="R3142" t="s">
        <v>16323</v>
      </c>
      <c r="S3142">
        <v>3506</v>
      </c>
    </row>
    <row r="3143" spans="1:19" x14ac:dyDescent="0.25">
      <c r="A3143">
        <v>20416988</v>
      </c>
      <c r="B3143" t="s">
        <v>16324</v>
      </c>
      <c r="C3143" s="1" t="s">
        <v>16325</v>
      </c>
      <c r="E3143">
        <v>1</v>
      </c>
      <c r="F3143">
        <v>1</v>
      </c>
      <c r="H3143" t="s">
        <v>16326</v>
      </c>
      <c r="J3143" t="s">
        <v>16327</v>
      </c>
      <c r="O3143">
        <v>2968536</v>
      </c>
      <c r="P3143">
        <v>1</v>
      </c>
      <c r="Q3143">
        <v>0</v>
      </c>
      <c r="R3143" t="s">
        <v>16328</v>
      </c>
      <c r="S3143">
        <v>207</v>
      </c>
    </row>
    <row r="3144" spans="1:19" x14ac:dyDescent="0.25">
      <c r="A3144">
        <v>52148903</v>
      </c>
      <c r="B3144" t="s">
        <v>16329</v>
      </c>
      <c r="C3144" s="1" t="s">
        <v>16330</v>
      </c>
      <c r="E3144">
        <v>1</v>
      </c>
      <c r="F3144">
        <v>0</v>
      </c>
      <c r="H3144" t="s">
        <v>16331</v>
      </c>
      <c r="I3144">
        <v>1</v>
      </c>
      <c r="J3144" t="s">
        <v>16332</v>
      </c>
      <c r="O3144">
        <v>5745976</v>
      </c>
      <c r="P3144">
        <v>1</v>
      </c>
      <c r="Q3144">
        <v>1</v>
      </c>
      <c r="R3144" t="s">
        <v>16333</v>
      </c>
      <c r="S3144">
        <v>26</v>
      </c>
    </row>
    <row r="3145" spans="1:19" x14ac:dyDescent="0.25">
      <c r="A3145">
        <v>7229754</v>
      </c>
      <c r="B3145" t="s">
        <v>16334</v>
      </c>
      <c r="C3145" s="1" t="s">
        <v>16335</v>
      </c>
      <c r="E3145">
        <v>2</v>
      </c>
      <c r="F3145">
        <v>0</v>
      </c>
      <c r="H3145" t="s">
        <v>16336</v>
      </c>
      <c r="J3145" t="s">
        <v>16337</v>
      </c>
      <c r="O3145">
        <v>905527</v>
      </c>
      <c r="P3145">
        <v>1</v>
      </c>
      <c r="Q3145">
        <v>1</v>
      </c>
      <c r="R3145" t="s">
        <v>16338</v>
      </c>
      <c r="S3145">
        <v>1306</v>
      </c>
    </row>
    <row r="3146" spans="1:19" x14ac:dyDescent="0.25">
      <c r="A3146">
        <v>53467779</v>
      </c>
      <c r="B3146" t="s">
        <v>16339</v>
      </c>
      <c r="C3146" s="1" t="s">
        <v>16340</v>
      </c>
      <c r="E3146">
        <v>1</v>
      </c>
      <c r="F3146">
        <v>0</v>
      </c>
      <c r="H3146" t="s">
        <v>16341</v>
      </c>
      <c r="J3146" t="s">
        <v>16342</v>
      </c>
      <c r="K3146" t="s">
        <v>16343</v>
      </c>
      <c r="M3146">
        <v>2375243</v>
      </c>
      <c r="O3146">
        <v>2375243</v>
      </c>
      <c r="P3146">
        <v>1</v>
      </c>
      <c r="Q3146">
        <v>0</v>
      </c>
      <c r="R3146" t="s">
        <v>16344</v>
      </c>
      <c r="S3146">
        <v>24</v>
      </c>
    </row>
    <row r="3147" spans="1:19" x14ac:dyDescent="0.25">
      <c r="A3147">
        <v>16040263</v>
      </c>
      <c r="B3147" t="s">
        <v>16345</v>
      </c>
      <c r="C3147" s="1" t="s">
        <v>16346</v>
      </c>
      <c r="D3147">
        <v>16716483</v>
      </c>
      <c r="E3147">
        <v>4</v>
      </c>
      <c r="F3147">
        <v>15</v>
      </c>
      <c r="H3147" t="s">
        <v>16347</v>
      </c>
      <c r="I3147">
        <v>8</v>
      </c>
      <c r="J3147" t="s">
        <v>16348</v>
      </c>
      <c r="K3147" t="s">
        <v>16348</v>
      </c>
      <c r="M3147">
        <v>561309</v>
      </c>
      <c r="O3147">
        <v>561309</v>
      </c>
      <c r="P3147">
        <v>1</v>
      </c>
      <c r="Q3147">
        <v>81</v>
      </c>
      <c r="R3147" t="s">
        <v>16349</v>
      </c>
      <c r="S3147">
        <v>60968</v>
      </c>
    </row>
    <row r="3148" spans="1:19" x14ac:dyDescent="0.25">
      <c r="A3148">
        <v>22197346</v>
      </c>
      <c r="B3148" t="s">
        <v>16350</v>
      </c>
      <c r="C3148" s="1" t="s">
        <v>16351</v>
      </c>
      <c r="E3148">
        <v>0</v>
      </c>
      <c r="F3148">
        <v>3</v>
      </c>
      <c r="H3148" t="s">
        <v>16352</v>
      </c>
      <c r="J3148" t="s">
        <v>16353</v>
      </c>
      <c r="K3148" t="s">
        <v>16353</v>
      </c>
      <c r="M3148">
        <v>790877</v>
      </c>
      <c r="O3148">
        <v>1028028</v>
      </c>
      <c r="P3148">
        <v>1</v>
      </c>
      <c r="Q3148">
        <v>0</v>
      </c>
      <c r="R3148" t="s">
        <v>6037</v>
      </c>
      <c r="S3148">
        <v>78</v>
      </c>
    </row>
    <row r="3149" spans="1:19" x14ac:dyDescent="0.25">
      <c r="A3149">
        <v>31099605</v>
      </c>
      <c r="B3149" t="s">
        <v>16354</v>
      </c>
      <c r="C3149" s="1" t="s">
        <v>16355</v>
      </c>
      <c r="E3149">
        <v>1</v>
      </c>
      <c r="F3149">
        <v>2</v>
      </c>
      <c r="H3149" t="s">
        <v>16356</v>
      </c>
      <c r="J3149" t="s">
        <v>16357</v>
      </c>
      <c r="K3149" t="s">
        <v>16358</v>
      </c>
      <c r="M3149">
        <v>2010357</v>
      </c>
      <c r="O3149">
        <v>2010357</v>
      </c>
      <c r="P3149">
        <v>1</v>
      </c>
      <c r="Q3149">
        <v>0</v>
      </c>
      <c r="R3149" t="s">
        <v>16359</v>
      </c>
      <c r="S3149">
        <v>471</v>
      </c>
    </row>
    <row r="3150" spans="1:19" x14ac:dyDescent="0.25">
      <c r="A3150">
        <v>50978756</v>
      </c>
      <c r="B3150" t="s">
        <v>16360</v>
      </c>
      <c r="C3150" s="1" t="s">
        <v>16361</v>
      </c>
      <c r="D3150">
        <v>50980201</v>
      </c>
      <c r="E3150">
        <v>1</v>
      </c>
      <c r="F3150">
        <v>2</v>
      </c>
      <c r="H3150" t="s">
        <v>16362</v>
      </c>
      <c r="I3150">
        <v>0</v>
      </c>
      <c r="J3150" t="s">
        <v>16363</v>
      </c>
      <c r="K3150" t="s">
        <v>16364</v>
      </c>
      <c r="M3150">
        <v>2535611</v>
      </c>
      <c r="O3150">
        <v>2680978</v>
      </c>
      <c r="P3150">
        <v>1</v>
      </c>
      <c r="Q3150">
        <v>0</v>
      </c>
      <c r="R3150" t="s">
        <v>16365</v>
      </c>
      <c r="S3150">
        <v>29</v>
      </c>
    </row>
    <row r="3151" spans="1:19" x14ac:dyDescent="0.25">
      <c r="A3151">
        <v>1584807</v>
      </c>
      <c r="B3151" t="s">
        <v>16366</v>
      </c>
      <c r="C3151" s="1" t="s">
        <v>16367</v>
      </c>
      <c r="D3151">
        <v>1585563</v>
      </c>
      <c r="E3151">
        <v>2</v>
      </c>
      <c r="F3151">
        <v>0</v>
      </c>
      <c r="H3151" t="s">
        <v>16368</v>
      </c>
      <c r="J3151" t="s">
        <v>16369</v>
      </c>
      <c r="O3151">
        <v>28401</v>
      </c>
      <c r="P3151">
        <v>1</v>
      </c>
      <c r="Q3151">
        <v>2</v>
      </c>
      <c r="R3151" t="s">
        <v>16370</v>
      </c>
      <c r="S3151">
        <v>261</v>
      </c>
    </row>
    <row r="3152" spans="1:19" x14ac:dyDescent="0.25">
      <c r="A3152">
        <v>11475299</v>
      </c>
      <c r="B3152" t="s">
        <v>16371</v>
      </c>
      <c r="C3152" s="1" t="s">
        <v>16372</v>
      </c>
      <c r="D3152">
        <v>11475353</v>
      </c>
      <c r="E3152">
        <v>1</v>
      </c>
      <c r="F3152">
        <v>0</v>
      </c>
      <c r="H3152" t="s">
        <v>16373</v>
      </c>
      <c r="J3152" t="s">
        <v>16374</v>
      </c>
      <c r="O3152">
        <v>1190934</v>
      </c>
      <c r="P3152">
        <v>1</v>
      </c>
      <c r="Q3152">
        <v>1</v>
      </c>
      <c r="R3152" t="s">
        <v>16375</v>
      </c>
      <c r="S3152">
        <v>311</v>
      </c>
    </row>
    <row r="3153" spans="1:19" x14ac:dyDescent="0.25">
      <c r="A3153">
        <v>6788347</v>
      </c>
      <c r="B3153" t="s">
        <v>16376</v>
      </c>
      <c r="C3153" s="1" t="s">
        <v>16377</v>
      </c>
      <c r="D3153">
        <v>6872336</v>
      </c>
      <c r="E3153">
        <v>1</v>
      </c>
      <c r="F3153">
        <v>0</v>
      </c>
      <c r="H3153" t="s">
        <v>16378</v>
      </c>
      <c r="I3153">
        <v>1</v>
      </c>
      <c r="J3153" t="s">
        <v>16379</v>
      </c>
      <c r="K3153" t="s">
        <v>16380</v>
      </c>
      <c r="M3153">
        <v>280244</v>
      </c>
      <c r="O3153">
        <v>280244</v>
      </c>
      <c r="P3153">
        <v>1</v>
      </c>
      <c r="Q3153">
        <v>2</v>
      </c>
      <c r="R3153" t="s">
        <v>16381</v>
      </c>
      <c r="S3153">
        <v>554</v>
      </c>
    </row>
    <row r="3154" spans="1:19" x14ac:dyDescent="0.25">
      <c r="A3154">
        <v>1815955</v>
      </c>
      <c r="B3154" t="s">
        <v>16382</v>
      </c>
      <c r="C3154" s="1" t="s">
        <v>16383</v>
      </c>
      <c r="D3154">
        <v>1815966</v>
      </c>
      <c r="E3154">
        <v>4</v>
      </c>
      <c r="F3154">
        <v>3</v>
      </c>
      <c r="H3154" t="s">
        <v>16384</v>
      </c>
      <c r="I3154">
        <v>2</v>
      </c>
      <c r="J3154" t="s">
        <v>16385</v>
      </c>
      <c r="K3154" t="s">
        <v>16386</v>
      </c>
      <c r="M3154">
        <v>16828</v>
      </c>
      <c r="O3154">
        <v>66063</v>
      </c>
      <c r="P3154">
        <v>1</v>
      </c>
      <c r="Q3154">
        <v>2</v>
      </c>
      <c r="R3154" t="s">
        <v>14343</v>
      </c>
      <c r="S3154">
        <v>18869</v>
      </c>
    </row>
    <row r="3155" spans="1:19" x14ac:dyDescent="0.25">
      <c r="A3155">
        <v>5923767</v>
      </c>
      <c r="B3155" t="s">
        <v>16387</v>
      </c>
      <c r="C3155" s="1" t="s">
        <v>16388</v>
      </c>
      <c r="E3155">
        <v>18</v>
      </c>
      <c r="F3155">
        <v>2</v>
      </c>
      <c r="H3155" t="s">
        <v>16389</v>
      </c>
      <c r="I3155">
        <v>196</v>
      </c>
      <c r="J3155" t="s">
        <v>16390</v>
      </c>
      <c r="K3155" t="s">
        <v>16391</v>
      </c>
      <c r="M3155">
        <v>-1</v>
      </c>
      <c r="O3155">
        <v>686825</v>
      </c>
      <c r="P3155">
        <v>1</v>
      </c>
      <c r="Q3155">
        <v>219</v>
      </c>
      <c r="R3155" t="s">
        <v>16392</v>
      </c>
      <c r="S3155">
        <v>193917</v>
      </c>
    </row>
    <row r="3156" spans="1:19" x14ac:dyDescent="0.25">
      <c r="A3156">
        <v>33744828</v>
      </c>
      <c r="B3156" t="s">
        <v>16393</v>
      </c>
      <c r="C3156" s="1" t="s">
        <v>16394</v>
      </c>
      <c r="E3156">
        <v>2</v>
      </c>
      <c r="F3156">
        <v>2</v>
      </c>
      <c r="H3156" t="s">
        <v>16395</v>
      </c>
      <c r="J3156" t="s">
        <v>16396</v>
      </c>
      <c r="K3156" t="s">
        <v>16397</v>
      </c>
      <c r="M3156">
        <v>4839635</v>
      </c>
      <c r="O3156">
        <v>4839635</v>
      </c>
      <c r="P3156">
        <v>1</v>
      </c>
      <c r="Q3156">
        <v>0</v>
      </c>
      <c r="R3156" t="s">
        <v>16398</v>
      </c>
      <c r="S3156">
        <v>64</v>
      </c>
    </row>
    <row r="3157" spans="1:19" x14ac:dyDescent="0.25">
      <c r="A3157">
        <v>39447250</v>
      </c>
      <c r="B3157" t="s">
        <v>16399</v>
      </c>
      <c r="C3157" s="1" t="s">
        <v>16400</v>
      </c>
      <c r="D3157">
        <v>39454255</v>
      </c>
      <c r="E3157">
        <v>3</v>
      </c>
      <c r="F3157">
        <v>12</v>
      </c>
      <c r="H3157" t="s">
        <v>16401</v>
      </c>
      <c r="J3157" t="s">
        <v>16402</v>
      </c>
      <c r="K3157" t="s">
        <v>16402</v>
      </c>
      <c r="L3157" t="s">
        <v>16403</v>
      </c>
      <c r="O3157">
        <v>6613233</v>
      </c>
      <c r="P3157">
        <v>1</v>
      </c>
      <c r="Q3157">
        <v>0</v>
      </c>
      <c r="R3157" t="s">
        <v>13993</v>
      </c>
      <c r="S3157">
        <v>889</v>
      </c>
    </row>
    <row r="3158" spans="1:19" x14ac:dyDescent="0.25">
      <c r="A3158">
        <v>12879593</v>
      </c>
      <c r="B3158" t="s">
        <v>16404</v>
      </c>
      <c r="C3158" s="1" t="s">
        <v>16405</v>
      </c>
      <c r="E3158">
        <v>2</v>
      </c>
      <c r="F3158">
        <v>0</v>
      </c>
      <c r="H3158" t="s">
        <v>16406</v>
      </c>
      <c r="J3158" t="s">
        <v>16407</v>
      </c>
      <c r="K3158" t="s">
        <v>16407</v>
      </c>
      <c r="M3158">
        <v>13302</v>
      </c>
      <c r="O3158">
        <v>1711018</v>
      </c>
      <c r="P3158">
        <v>1</v>
      </c>
      <c r="Q3158">
        <v>0</v>
      </c>
      <c r="R3158" t="s">
        <v>5746</v>
      </c>
      <c r="S3158">
        <v>156</v>
      </c>
    </row>
    <row r="3159" spans="1:19" x14ac:dyDescent="0.25">
      <c r="A3159">
        <v>34289813</v>
      </c>
      <c r="B3159" t="s">
        <v>16408</v>
      </c>
      <c r="C3159" s="1" t="s">
        <v>16409</v>
      </c>
      <c r="D3159">
        <v>34321059</v>
      </c>
      <c r="E3159">
        <v>1</v>
      </c>
      <c r="F3159">
        <v>2</v>
      </c>
      <c r="H3159" t="s">
        <v>16410</v>
      </c>
      <c r="J3159" t="s">
        <v>16411</v>
      </c>
      <c r="O3159">
        <v>4411048</v>
      </c>
      <c r="P3159">
        <v>1</v>
      </c>
      <c r="Q3159">
        <v>0</v>
      </c>
      <c r="R3159" t="s">
        <v>16412</v>
      </c>
      <c r="S3159">
        <v>130</v>
      </c>
    </row>
    <row r="3160" spans="1:19" x14ac:dyDescent="0.25">
      <c r="A3160">
        <v>45493233</v>
      </c>
      <c r="B3160" t="s">
        <v>16413</v>
      </c>
      <c r="C3160" s="1" t="s">
        <v>16414</v>
      </c>
      <c r="E3160">
        <v>3</v>
      </c>
      <c r="F3160">
        <v>1</v>
      </c>
      <c r="H3160" t="s">
        <v>16415</v>
      </c>
      <c r="J3160" t="s">
        <v>16416</v>
      </c>
      <c r="K3160" t="s">
        <v>16417</v>
      </c>
      <c r="M3160">
        <v>2046817</v>
      </c>
      <c r="O3160">
        <v>2046817</v>
      </c>
      <c r="P3160">
        <v>1</v>
      </c>
      <c r="Q3160">
        <v>0</v>
      </c>
      <c r="R3160" t="s">
        <v>16418</v>
      </c>
      <c r="S3160">
        <v>33</v>
      </c>
    </row>
    <row r="3161" spans="1:19" x14ac:dyDescent="0.25">
      <c r="A3161">
        <v>27672498</v>
      </c>
      <c r="B3161" t="s">
        <v>16419</v>
      </c>
      <c r="C3161" s="1" t="s">
        <v>16420</v>
      </c>
      <c r="D3161">
        <v>27672547</v>
      </c>
      <c r="E3161">
        <v>1</v>
      </c>
      <c r="F3161">
        <v>3</v>
      </c>
      <c r="H3161" t="s">
        <v>16421</v>
      </c>
      <c r="J3161" t="s">
        <v>16422</v>
      </c>
      <c r="O3161">
        <v>2921557</v>
      </c>
      <c r="P3161">
        <v>1</v>
      </c>
      <c r="Q3161">
        <v>0</v>
      </c>
      <c r="R3161" t="s">
        <v>16423</v>
      </c>
      <c r="S3161">
        <v>48</v>
      </c>
    </row>
    <row r="3162" spans="1:19" x14ac:dyDescent="0.25">
      <c r="A3162">
        <v>7881336</v>
      </c>
      <c r="B3162" t="s">
        <v>16424</v>
      </c>
      <c r="C3162" s="1" t="s">
        <v>16425</v>
      </c>
      <c r="D3162">
        <v>7881351</v>
      </c>
      <c r="E3162">
        <v>2</v>
      </c>
      <c r="F3162">
        <v>1</v>
      </c>
      <c r="H3162" t="s">
        <v>16426</v>
      </c>
      <c r="J3162" t="s">
        <v>16427</v>
      </c>
      <c r="O3162">
        <v>997144</v>
      </c>
      <c r="P3162">
        <v>1</v>
      </c>
      <c r="Q3162">
        <v>0</v>
      </c>
      <c r="R3162" t="s">
        <v>16428</v>
      </c>
      <c r="S3162">
        <v>155</v>
      </c>
    </row>
    <row r="3163" spans="1:19" x14ac:dyDescent="0.25">
      <c r="A3163">
        <v>45361211</v>
      </c>
      <c r="B3163" t="s">
        <v>16429</v>
      </c>
      <c r="C3163" s="1" t="s">
        <v>16430</v>
      </c>
      <c r="D3163">
        <v>45446907</v>
      </c>
      <c r="E3163">
        <v>2</v>
      </c>
      <c r="F3163">
        <v>6</v>
      </c>
      <c r="H3163" t="s">
        <v>16431</v>
      </c>
      <c r="J3163" t="s">
        <v>16432</v>
      </c>
      <c r="K3163" t="s">
        <v>16433</v>
      </c>
      <c r="M3163">
        <v>3171260</v>
      </c>
      <c r="O3163">
        <v>3171260</v>
      </c>
      <c r="P3163">
        <v>1</v>
      </c>
      <c r="Q3163">
        <v>0</v>
      </c>
      <c r="R3163" t="s">
        <v>16434</v>
      </c>
      <c r="S3163">
        <v>125</v>
      </c>
    </row>
    <row r="3164" spans="1:19" x14ac:dyDescent="0.25">
      <c r="A3164">
        <v>19173616</v>
      </c>
      <c r="B3164" t="s">
        <v>16435</v>
      </c>
      <c r="C3164" t="s">
        <v>16436</v>
      </c>
      <c r="E3164">
        <v>3</v>
      </c>
      <c r="F3164">
        <v>1</v>
      </c>
      <c r="H3164" t="s">
        <v>16437</v>
      </c>
      <c r="J3164" t="s">
        <v>16438</v>
      </c>
      <c r="K3164" t="s">
        <v>16438</v>
      </c>
      <c r="M3164">
        <v>939986</v>
      </c>
      <c r="O3164">
        <v>724660</v>
      </c>
      <c r="P3164">
        <v>1</v>
      </c>
      <c r="Q3164">
        <v>0</v>
      </c>
      <c r="R3164" t="s">
        <v>213</v>
      </c>
      <c r="S3164">
        <v>106</v>
      </c>
    </row>
    <row r="3165" spans="1:19" x14ac:dyDescent="0.25">
      <c r="A3165">
        <v>39524552</v>
      </c>
      <c r="B3165" t="s">
        <v>16439</v>
      </c>
      <c r="C3165" s="1" t="s">
        <v>16440</v>
      </c>
      <c r="E3165">
        <v>1</v>
      </c>
      <c r="F3165">
        <v>0</v>
      </c>
      <c r="H3165" t="s">
        <v>16441</v>
      </c>
      <c r="I3165">
        <v>1</v>
      </c>
      <c r="J3165" t="s">
        <v>16442</v>
      </c>
      <c r="K3165" t="s">
        <v>16443</v>
      </c>
      <c r="M3165">
        <v>3162553</v>
      </c>
      <c r="O3165">
        <v>3162553</v>
      </c>
      <c r="P3165">
        <v>1</v>
      </c>
      <c r="Q3165">
        <v>0</v>
      </c>
      <c r="R3165" t="s">
        <v>16444</v>
      </c>
      <c r="S3165">
        <v>35</v>
      </c>
    </row>
    <row r="3166" spans="1:19" x14ac:dyDescent="0.25">
      <c r="A3166">
        <v>26860329</v>
      </c>
      <c r="B3166" t="s">
        <v>16445</v>
      </c>
      <c r="C3166" s="1" t="s">
        <v>16446</v>
      </c>
      <c r="D3166">
        <v>26860399</v>
      </c>
      <c r="E3166">
        <v>1</v>
      </c>
      <c r="F3166">
        <v>0</v>
      </c>
      <c r="H3166" t="s">
        <v>16447</v>
      </c>
      <c r="J3166" t="s">
        <v>16448</v>
      </c>
      <c r="O3166">
        <v>4229456</v>
      </c>
      <c r="P3166">
        <v>1</v>
      </c>
      <c r="Q3166">
        <v>1</v>
      </c>
      <c r="R3166" t="s">
        <v>16449</v>
      </c>
      <c r="S3166">
        <v>1497</v>
      </c>
    </row>
    <row r="3167" spans="1:19" x14ac:dyDescent="0.25">
      <c r="A3167">
        <v>44894254</v>
      </c>
      <c r="B3167" t="s">
        <v>16450</v>
      </c>
      <c r="C3167" s="1" t="s">
        <v>16451</v>
      </c>
      <c r="E3167">
        <v>2</v>
      </c>
      <c r="F3167">
        <v>4</v>
      </c>
      <c r="H3167" t="s">
        <v>16452</v>
      </c>
      <c r="J3167" t="s">
        <v>16453</v>
      </c>
      <c r="K3167" t="s">
        <v>16454</v>
      </c>
      <c r="M3167">
        <v>2308683</v>
      </c>
      <c r="O3167">
        <v>8250584</v>
      </c>
      <c r="P3167">
        <v>1</v>
      </c>
      <c r="Q3167">
        <v>-1</v>
      </c>
      <c r="R3167" t="s">
        <v>4668</v>
      </c>
      <c r="S3167">
        <v>587</v>
      </c>
    </row>
    <row r="3168" spans="1:19" x14ac:dyDescent="0.25">
      <c r="A3168">
        <v>33390124</v>
      </c>
      <c r="B3168" t="s">
        <v>16455</v>
      </c>
      <c r="C3168" s="1" t="s">
        <v>16456</v>
      </c>
      <c r="D3168">
        <v>33390935</v>
      </c>
      <c r="E3168">
        <v>2</v>
      </c>
      <c r="F3168">
        <v>5</v>
      </c>
      <c r="H3168" t="s">
        <v>16457</v>
      </c>
      <c r="I3168">
        <v>0</v>
      </c>
      <c r="J3168" t="s">
        <v>16458</v>
      </c>
      <c r="O3168">
        <v>2855161</v>
      </c>
      <c r="P3168">
        <v>1</v>
      </c>
      <c r="Q3168">
        <v>1</v>
      </c>
      <c r="R3168" t="s">
        <v>229</v>
      </c>
      <c r="S3168">
        <v>217</v>
      </c>
    </row>
    <row r="3169" spans="1:19" x14ac:dyDescent="0.25">
      <c r="A3169">
        <v>23984029</v>
      </c>
      <c r="B3169" t="s">
        <v>16459</v>
      </c>
      <c r="C3169" s="1" t="s">
        <v>16460</v>
      </c>
      <c r="D3169">
        <v>23984292</v>
      </c>
      <c r="E3169">
        <v>2</v>
      </c>
      <c r="F3169">
        <v>0</v>
      </c>
      <c r="H3169" t="s">
        <v>16461</v>
      </c>
      <c r="J3169" t="s">
        <v>16462</v>
      </c>
      <c r="O3169">
        <v>429558</v>
      </c>
      <c r="P3169">
        <v>1</v>
      </c>
      <c r="Q3169">
        <v>1</v>
      </c>
      <c r="R3169" t="s">
        <v>16463</v>
      </c>
      <c r="S3169">
        <v>295</v>
      </c>
    </row>
    <row r="3170" spans="1:19" x14ac:dyDescent="0.25">
      <c r="A3170">
        <v>22824553</v>
      </c>
      <c r="B3170" t="s">
        <v>16464</v>
      </c>
      <c r="C3170" s="1" t="s">
        <v>16465</v>
      </c>
      <c r="D3170">
        <v>22824594</v>
      </c>
      <c r="E3170">
        <v>1</v>
      </c>
      <c r="F3170">
        <v>3</v>
      </c>
      <c r="H3170" t="s">
        <v>16466</v>
      </c>
      <c r="J3170" t="s">
        <v>16467</v>
      </c>
      <c r="K3170" t="s">
        <v>16467</v>
      </c>
      <c r="M3170">
        <v>1755108</v>
      </c>
      <c r="O3170">
        <v>3116554</v>
      </c>
      <c r="P3170">
        <v>1</v>
      </c>
      <c r="Q3170">
        <v>0</v>
      </c>
      <c r="R3170" t="s">
        <v>16468</v>
      </c>
      <c r="S3170">
        <v>131</v>
      </c>
    </row>
    <row r="3171" spans="1:19" x14ac:dyDescent="0.25">
      <c r="A3171">
        <v>46869941</v>
      </c>
      <c r="B3171" t="s">
        <v>16469</v>
      </c>
      <c r="C3171" s="1" t="s">
        <v>16470</v>
      </c>
      <c r="E3171">
        <v>0</v>
      </c>
      <c r="F3171">
        <v>0</v>
      </c>
      <c r="H3171" t="s">
        <v>16471</v>
      </c>
      <c r="J3171" t="s">
        <v>16471</v>
      </c>
      <c r="O3171">
        <v>8164659</v>
      </c>
      <c r="P3171">
        <v>1</v>
      </c>
      <c r="Q3171">
        <v>1</v>
      </c>
      <c r="R3171" t="s">
        <v>16472</v>
      </c>
      <c r="S3171">
        <v>137</v>
      </c>
    </row>
    <row r="3172" spans="1:19" x14ac:dyDescent="0.25">
      <c r="A3172">
        <v>40144226</v>
      </c>
      <c r="B3172" t="s">
        <v>16473</v>
      </c>
      <c r="C3172" s="1" t="s">
        <v>16474</v>
      </c>
      <c r="E3172">
        <v>1</v>
      </c>
      <c r="F3172">
        <v>1</v>
      </c>
      <c r="H3172" t="s">
        <v>16475</v>
      </c>
      <c r="J3172" t="s">
        <v>16476</v>
      </c>
      <c r="K3172" t="s">
        <v>16477</v>
      </c>
      <c r="M3172">
        <v>6345027</v>
      </c>
      <c r="O3172">
        <v>6345027</v>
      </c>
      <c r="P3172">
        <v>1</v>
      </c>
      <c r="Q3172">
        <v>-1</v>
      </c>
      <c r="R3172" t="s">
        <v>16478</v>
      </c>
      <c r="S3172">
        <v>209</v>
      </c>
    </row>
    <row r="3173" spans="1:19" x14ac:dyDescent="0.25">
      <c r="A3173">
        <v>16154684</v>
      </c>
      <c r="B3173" t="s">
        <v>16479</v>
      </c>
      <c r="C3173" s="1" t="s">
        <v>16480</v>
      </c>
      <c r="D3173">
        <v>16154804</v>
      </c>
      <c r="E3173">
        <v>3</v>
      </c>
      <c r="F3173">
        <v>1</v>
      </c>
      <c r="H3173" t="s">
        <v>16481</v>
      </c>
      <c r="I3173">
        <v>5</v>
      </c>
      <c r="J3173" t="s">
        <v>16482</v>
      </c>
      <c r="O3173">
        <v>1507601</v>
      </c>
      <c r="P3173">
        <v>1</v>
      </c>
      <c r="Q3173">
        <v>9</v>
      </c>
      <c r="R3173" t="s">
        <v>16483</v>
      </c>
      <c r="S3173">
        <v>7519</v>
      </c>
    </row>
    <row r="3174" spans="1:19" x14ac:dyDescent="0.25">
      <c r="A3174">
        <v>20332898</v>
      </c>
      <c r="B3174" t="s">
        <v>16484</v>
      </c>
      <c r="C3174" t="s">
        <v>16485</v>
      </c>
      <c r="E3174">
        <v>1</v>
      </c>
      <c r="F3174">
        <v>1</v>
      </c>
      <c r="H3174" t="s">
        <v>16486</v>
      </c>
      <c r="J3174" t="s">
        <v>16487</v>
      </c>
      <c r="O3174">
        <v>2367293</v>
      </c>
      <c r="P3174">
        <v>1</v>
      </c>
      <c r="Q3174">
        <v>0</v>
      </c>
      <c r="R3174" t="s">
        <v>16488</v>
      </c>
      <c r="S3174">
        <v>1171</v>
      </c>
    </row>
    <row r="3175" spans="1:19" x14ac:dyDescent="0.25">
      <c r="A3175">
        <v>37451412</v>
      </c>
      <c r="B3175" t="s">
        <v>16489</v>
      </c>
      <c r="C3175" s="1" t="s">
        <v>16490</v>
      </c>
      <c r="D3175">
        <v>37453031</v>
      </c>
      <c r="E3175">
        <v>1</v>
      </c>
      <c r="F3175">
        <v>0</v>
      </c>
      <c r="H3175" t="s">
        <v>16491</v>
      </c>
      <c r="I3175">
        <v>1</v>
      </c>
      <c r="J3175" t="s">
        <v>16492</v>
      </c>
      <c r="O3175">
        <v>3474857</v>
      </c>
      <c r="P3175">
        <v>1</v>
      </c>
      <c r="Q3175">
        <v>-1</v>
      </c>
      <c r="R3175" t="s">
        <v>16493</v>
      </c>
      <c r="S3175">
        <v>37</v>
      </c>
    </row>
    <row r="3176" spans="1:19" x14ac:dyDescent="0.25">
      <c r="A3176">
        <v>47485620</v>
      </c>
      <c r="B3176" t="s">
        <v>16494</v>
      </c>
      <c r="C3176" s="1" t="s">
        <v>16495</v>
      </c>
      <c r="D3176">
        <v>47485731</v>
      </c>
      <c r="E3176">
        <v>2</v>
      </c>
      <c r="F3176">
        <v>9</v>
      </c>
      <c r="H3176" t="s">
        <v>16496</v>
      </c>
      <c r="J3176" t="s">
        <v>16497</v>
      </c>
      <c r="O3176">
        <v>6422591</v>
      </c>
      <c r="P3176">
        <v>1</v>
      </c>
      <c r="Q3176">
        <v>0</v>
      </c>
      <c r="R3176" t="s">
        <v>16498</v>
      </c>
      <c r="S3176">
        <v>59</v>
      </c>
    </row>
    <row r="3177" spans="1:19" x14ac:dyDescent="0.25">
      <c r="A3177">
        <v>5417784</v>
      </c>
      <c r="B3177" t="s">
        <v>16499</v>
      </c>
      <c r="C3177" s="1" t="s">
        <v>16500</v>
      </c>
      <c r="D3177">
        <v>5417896</v>
      </c>
      <c r="E3177">
        <v>4</v>
      </c>
      <c r="F3177">
        <v>0</v>
      </c>
      <c r="H3177" t="s">
        <v>16501</v>
      </c>
      <c r="J3177" t="s">
        <v>16502</v>
      </c>
      <c r="K3177" t="s">
        <v>16503</v>
      </c>
      <c r="M3177">
        <v>7412</v>
      </c>
      <c r="O3177">
        <v>457148</v>
      </c>
      <c r="P3177">
        <v>1</v>
      </c>
      <c r="Q3177">
        <v>1</v>
      </c>
      <c r="R3177" t="s">
        <v>780</v>
      </c>
      <c r="S3177">
        <v>6908</v>
      </c>
    </row>
    <row r="3178" spans="1:19" x14ac:dyDescent="0.25">
      <c r="A3178">
        <v>46261442</v>
      </c>
      <c r="B3178" t="s">
        <v>16504</v>
      </c>
      <c r="C3178" s="1" t="s">
        <v>16505</v>
      </c>
      <c r="E3178">
        <v>0</v>
      </c>
      <c r="F3178">
        <v>4</v>
      </c>
      <c r="H3178" t="s">
        <v>16506</v>
      </c>
      <c r="J3178" t="s">
        <v>16507</v>
      </c>
      <c r="K3178" t="s">
        <v>16507</v>
      </c>
      <c r="M3178">
        <v>546861</v>
      </c>
      <c r="O3178">
        <v>7780545</v>
      </c>
      <c r="P3178">
        <v>1</v>
      </c>
      <c r="Q3178">
        <v>0</v>
      </c>
      <c r="R3178" t="s">
        <v>16508</v>
      </c>
      <c r="S3178">
        <v>43</v>
      </c>
    </row>
    <row r="3179" spans="1:19" x14ac:dyDescent="0.25">
      <c r="A3179">
        <v>559282</v>
      </c>
      <c r="B3179" t="s">
        <v>16509</v>
      </c>
      <c r="C3179" s="1" t="s">
        <v>16510</v>
      </c>
      <c r="E3179">
        <v>1</v>
      </c>
      <c r="F3179">
        <v>0</v>
      </c>
      <c r="H3179" t="s">
        <v>16511</v>
      </c>
      <c r="J3179" t="s">
        <v>16512</v>
      </c>
      <c r="K3179" t="s">
        <v>16512</v>
      </c>
      <c r="M3179">
        <v>367456</v>
      </c>
      <c r="N3179" t="s">
        <v>16513</v>
      </c>
      <c r="P3179">
        <v>1</v>
      </c>
      <c r="Q3179">
        <v>1</v>
      </c>
      <c r="R3179" t="s">
        <v>16514</v>
      </c>
      <c r="S3179">
        <v>3023</v>
      </c>
    </row>
    <row r="3180" spans="1:19" x14ac:dyDescent="0.25">
      <c r="A3180">
        <v>21611524</v>
      </c>
      <c r="B3180" t="s">
        <v>16515</v>
      </c>
      <c r="C3180" s="1" t="s">
        <v>16516</v>
      </c>
      <c r="D3180">
        <v>21611686</v>
      </c>
      <c r="E3180">
        <v>2</v>
      </c>
      <c r="F3180">
        <v>2</v>
      </c>
      <c r="H3180" t="s">
        <v>16517</v>
      </c>
      <c r="J3180" t="s">
        <v>16518</v>
      </c>
      <c r="O3180">
        <v>2788177</v>
      </c>
      <c r="P3180">
        <v>1</v>
      </c>
      <c r="Q3180">
        <v>0</v>
      </c>
      <c r="R3180" t="s">
        <v>16519</v>
      </c>
      <c r="S3180">
        <v>532</v>
      </c>
    </row>
    <row r="3181" spans="1:19" x14ac:dyDescent="0.25">
      <c r="A3181">
        <v>44604038</v>
      </c>
      <c r="B3181" t="s">
        <v>16520</v>
      </c>
      <c r="C3181" s="1" t="s">
        <v>16521</v>
      </c>
      <c r="E3181">
        <v>1</v>
      </c>
      <c r="F3181">
        <v>0</v>
      </c>
      <c r="H3181" t="s">
        <v>16522</v>
      </c>
      <c r="J3181" t="s">
        <v>16523</v>
      </c>
      <c r="K3181" t="s">
        <v>16523</v>
      </c>
      <c r="M3181">
        <v>3443189</v>
      </c>
      <c r="O3181">
        <v>3443189</v>
      </c>
      <c r="P3181">
        <v>1</v>
      </c>
      <c r="Q3181">
        <v>3</v>
      </c>
      <c r="R3181" t="s">
        <v>16524</v>
      </c>
      <c r="S3181">
        <v>232</v>
      </c>
    </row>
    <row r="3182" spans="1:19" x14ac:dyDescent="0.25">
      <c r="A3182">
        <v>11937167</v>
      </c>
      <c r="B3182" t="s">
        <v>16525</v>
      </c>
      <c r="C3182" s="1" t="s">
        <v>16526</v>
      </c>
      <c r="D3182">
        <v>11947835</v>
      </c>
      <c r="E3182">
        <v>1</v>
      </c>
      <c r="F3182">
        <v>0</v>
      </c>
      <c r="H3182" t="s">
        <v>16527</v>
      </c>
      <c r="J3182" t="s">
        <v>16528</v>
      </c>
      <c r="K3182" t="s">
        <v>16529</v>
      </c>
      <c r="M3182">
        <v>1392154</v>
      </c>
      <c r="O3182">
        <v>1392154</v>
      </c>
      <c r="P3182">
        <v>1</v>
      </c>
      <c r="Q3182">
        <v>1</v>
      </c>
      <c r="R3182" t="s">
        <v>16530</v>
      </c>
      <c r="S3182">
        <v>1025</v>
      </c>
    </row>
    <row r="3183" spans="1:19" x14ac:dyDescent="0.25">
      <c r="A3183">
        <v>32887993</v>
      </c>
      <c r="B3183" t="s">
        <v>16531</v>
      </c>
      <c r="C3183" s="1" t="s">
        <v>16532</v>
      </c>
      <c r="E3183">
        <v>1</v>
      </c>
      <c r="F3183">
        <v>0</v>
      </c>
      <c r="H3183" t="s">
        <v>16533</v>
      </c>
      <c r="J3183" t="s">
        <v>16534</v>
      </c>
      <c r="K3183" t="s">
        <v>16534</v>
      </c>
      <c r="M3183">
        <v>3918907</v>
      </c>
      <c r="O3183">
        <v>3918907</v>
      </c>
      <c r="P3183">
        <v>1</v>
      </c>
      <c r="Q3183">
        <v>1</v>
      </c>
      <c r="R3183" t="s">
        <v>16535</v>
      </c>
      <c r="S3183">
        <v>128</v>
      </c>
    </row>
    <row r="3184" spans="1:19" x14ac:dyDescent="0.25">
      <c r="A3184">
        <v>43080987</v>
      </c>
      <c r="B3184" t="s">
        <v>16536</v>
      </c>
      <c r="C3184" s="1" t="s">
        <v>16537</v>
      </c>
      <c r="D3184">
        <v>43083298</v>
      </c>
      <c r="E3184">
        <v>1</v>
      </c>
      <c r="F3184">
        <v>0</v>
      </c>
      <c r="H3184" t="s">
        <v>16538</v>
      </c>
      <c r="J3184" t="s">
        <v>16539</v>
      </c>
      <c r="K3184" t="s">
        <v>16540</v>
      </c>
      <c r="M3184">
        <v>4357677</v>
      </c>
      <c r="O3184">
        <v>4357677</v>
      </c>
      <c r="P3184">
        <v>1</v>
      </c>
      <c r="Q3184">
        <v>1</v>
      </c>
      <c r="R3184" t="s">
        <v>16541</v>
      </c>
      <c r="S3184">
        <v>21</v>
      </c>
    </row>
    <row r="3185" spans="1:19" x14ac:dyDescent="0.25">
      <c r="A3185">
        <v>45670022</v>
      </c>
      <c r="B3185" t="s">
        <v>16542</v>
      </c>
      <c r="C3185" s="1" t="s">
        <v>16543</v>
      </c>
      <c r="E3185">
        <v>2</v>
      </c>
      <c r="F3185">
        <v>0</v>
      </c>
      <c r="H3185" t="s">
        <v>16544</v>
      </c>
      <c r="J3185" t="s">
        <v>16545</v>
      </c>
      <c r="O3185">
        <v>4340416</v>
      </c>
      <c r="P3185">
        <v>1</v>
      </c>
      <c r="Q3185">
        <v>-1</v>
      </c>
      <c r="R3185" t="s">
        <v>16546</v>
      </c>
      <c r="S3185">
        <v>615</v>
      </c>
    </row>
    <row r="3186" spans="1:19" x14ac:dyDescent="0.25">
      <c r="A3186">
        <v>52120985</v>
      </c>
      <c r="B3186" t="s">
        <v>16547</v>
      </c>
      <c r="C3186" s="1" t="s">
        <v>16548</v>
      </c>
      <c r="E3186">
        <v>0</v>
      </c>
      <c r="F3186">
        <v>1</v>
      </c>
      <c r="H3186" t="s">
        <v>16549</v>
      </c>
      <c r="J3186" t="s">
        <v>16549</v>
      </c>
      <c r="O3186">
        <v>10301106</v>
      </c>
      <c r="P3186">
        <v>1</v>
      </c>
      <c r="Q3186">
        <v>0</v>
      </c>
      <c r="R3186" t="s">
        <v>16550</v>
      </c>
      <c r="S3186">
        <v>135</v>
      </c>
    </row>
    <row r="3187" spans="1:19" x14ac:dyDescent="0.25">
      <c r="A3187">
        <v>20290127</v>
      </c>
      <c r="B3187" t="s">
        <v>16551</v>
      </c>
      <c r="C3187" s="1" t="s">
        <v>16552</v>
      </c>
      <c r="E3187">
        <v>1</v>
      </c>
      <c r="F3187">
        <v>2</v>
      </c>
      <c r="H3187" t="s">
        <v>16553</v>
      </c>
      <c r="J3187" t="s">
        <v>16554</v>
      </c>
      <c r="K3187" t="s">
        <v>16555</v>
      </c>
      <c r="M3187">
        <v>115145</v>
      </c>
      <c r="O3187">
        <v>2992578</v>
      </c>
      <c r="P3187">
        <v>1</v>
      </c>
      <c r="Q3187">
        <v>0</v>
      </c>
      <c r="R3187" t="s">
        <v>2754</v>
      </c>
      <c r="S3187">
        <v>151</v>
      </c>
    </row>
    <row r="3188" spans="1:19" x14ac:dyDescent="0.25">
      <c r="A3188">
        <v>21885765</v>
      </c>
      <c r="B3188" t="s">
        <v>16556</v>
      </c>
      <c r="C3188" s="1" t="s">
        <v>16557</v>
      </c>
      <c r="D3188">
        <v>21886115</v>
      </c>
      <c r="E3188">
        <v>3</v>
      </c>
      <c r="F3188">
        <v>4</v>
      </c>
      <c r="H3188" t="s">
        <v>16558</v>
      </c>
      <c r="J3188" t="s">
        <v>16559</v>
      </c>
      <c r="K3188" t="s">
        <v>16560</v>
      </c>
      <c r="M3188">
        <v>206403</v>
      </c>
      <c r="O3188">
        <v>869455</v>
      </c>
      <c r="P3188">
        <v>1</v>
      </c>
      <c r="Q3188">
        <v>6</v>
      </c>
      <c r="R3188" t="s">
        <v>16561</v>
      </c>
      <c r="S3188">
        <v>2789</v>
      </c>
    </row>
    <row r="3189" spans="1:19" x14ac:dyDescent="0.25">
      <c r="A3189">
        <v>11783408</v>
      </c>
      <c r="B3189" t="s">
        <v>16562</v>
      </c>
      <c r="C3189" s="1" t="s">
        <v>16563</v>
      </c>
      <c r="E3189">
        <v>1</v>
      </c>
      <c r="F3189">
        <v>0</v>
      </c>
      <c r="H3189" t="s">
        <v>16564</v>
      </c>
      <c r="I3189">
        <v>1</v>
      </c>
      <c r="J3189" t="s">
        <v>16565</v>
      </c>
      <c r="K3189" t="s">
        <v>16565</v>
      </c>
      <c r="M3189">
        <v>1165309</v>
      </c>
      <c r="O3189">
        <v>1165309</v>
      </c>
      <c r="P3189">
        <v>1</v>
      </c>
      <c r="Q3189">
        <v>1</v>
      </c>
      <c r="R3189" t="s">
        <v>16566</v>
      </c>
      <c r="S3189">
        <v>425</v>
      </c>
    </row>
    <row r="3190" spans="1:19" x14ac:dyDescent="0.25">
      <c r="A3190">
        <v>38662182</v>
      </c>
      <c r="B3190" t="s">
        <v>16567</v>
      </c>
      <c r="C3190" t="s">
        <v>16568</v>
      </c>
      <c r="E3190">
        <v>0</v>
      </c>
      <c r="F3190">
        <v>6</v>
      </c>
      <c r="H3190" t="s">
        <v>16569</v>
      </c>
      <c r="J3190" t="s">
        <v>16570</v>
      </c>
      <c r="K3190" t="s">
        <v>16570</v>
      </c>
      <c r="M3190">
        <v>6367685</v>
      </c>
      <c r="O3190">
        <v>6367685</v>
      </c>
      <c r="P3190">
        <v>1</v>
      </c>
      <c r="Q3190">
        <v>0</v>
      </c>
      <c r="R3190" t="s">
        <v>16571</v>
      </c>
      <c r="S3190">
        <v>198</v>
      </c>
    </row>
    <row r="3191" spans="1:19" x14ac:dyDescent="0.25">
      <c r="A3191">
        <v>8334727</v>
      </c>
      <c r="B3191" t="s">
        <v>16572</v>
      </c>
      <c r="C3191" s="1" t="s">
        <v>16573</v>
      </c>
      <c r="D3191">
        <v>8337664</v>
      </c>
      <c r="E3191">
        <v>2</v>
      </c>
      <c r="F3191">
        <v>3</v>
      </c>
      <c r="H3191" t="s">
        <v>16574</v>
      </c>
      <c r="J3191" t="s">
        <v>16575</v>
      </c>
      <c r="O3191">
        <v>707381</v>
      </c>
      <c r="P3191">
        <v>1</v>
      </c>
      <c r="Q3191">
        <v>3</v>
      </c>
      <c r="R3191" t="s">
        <v>16576</v>
      </c>
      <c r="S3191">
        <v>2603</v>
      </c>
    </row>
    <row r="3192" spans="1:19" x14ac:dyDescent="0.25">
      <c r="A3192">
        <v>45440300</v>
      </c>
      <c r="B3192" t="s">
        <v>16577</v>
      </c>
      <c r="C3192" s="1" t="s">
        <v>16578</v>
      </c>
      <c r="D3192">
        <v>45440500</v>
      </c>
      <c r="E3192">
        <v>2</v>
      </c>
      <c r="F3192">
        <v>4</v>
      </c>
      <c r="H3192" t="s">
        <v>16579</v>
      </c>
      <c r="J3192" t="s">
        <v>16580</v>
      </c>
      <c r="K3192" t="s">
        <v>16580</v>
      </c>
      <c r="M3192">
        <v>7938769</v>
      </c>
      <c r="O3192">
        <v>8331151</v>
      </c>
      <c r="P3192">
        <v>1</v>
      </c>
      <c r="Q3192">
        <v>1</v>
      </c>
      <c r="R3192" t="s">
        <v>4844</v>
      </c>
      <c r="S3192">
        <v>90</v>
      </c>
    </row>
    <row r="3193" spans="1:19" x14ac:dyDescent="0.25">
      <c r="A3193">
        <v>32237333</v>
      </c>
      <c r="B3193" t="s">
        <v>16581</v>
      </c>
      <c r="C3193" s="1" t="s">
        <v>16582</v>
      </c>
      <c r="E3193">
        <v>0</v>
      </c>
      <c r="F3193">
        <v>0</v>
      </c>
      <c r="H3193" t="s">
        <v>16583</v>
      </c>
      <c r="J3193" t="s">
        <v>16584</v>
      </c>
      <c r="K3193" t="s">
        <v>16584</v>
      </c>
      <c r="M3193">
        <v>540837</v>
      </c>
      <c r="O3193">
        <v>127091</v>
      </c>
      <c r="P3193">
        <v>1</v>
      </c>
      <c r="Q3193">
        <v>1</v>
      </c>
      <c r="R3193" t="s">
        <v>16585</v>
      </c>
      <c r="S3193">
        <v>153</v>
      </c>
    </row>
    <row r="3194" spans="1:19" x14ac:dyDescent="0.25">
      <c r="A3194">
        <v>5425458</v>
      </c>
      <c r="B3194" t="s">
        <v>16586</v>
      </c>
      <c r="C3194" s="1" t="s">
        <v>16587</v>
      </c>
      <c r="D3194">
        <v>5425713</v>
      </c>
      <c r="E3194">
        <v>1</v>
      </c>
      <c r="F3194">
        <v>0</v>
      </c>
      <c r="H3194" t="s">
        <v>16588</v>
      </c>
      <c r="I3194">
        <v>2</v>
      </c>
      <c r="J3194" t="s">
        <v>16589</v>
      </c>
      <c r="O3194">
        <v>193404</v>
      </c>
      <c r="P3194">
        <v>1</v>
      </c>
      <c r="Q3194">
        <v>3</v>
      </c>
      <c r="R3194" t="s">
        <v>16590</v>
      </c>
      <c r="S3194">
        <v>3506</v>
      </c>
    </row>
    <row r="3195" spans="1:19" x14ac:dyDescent="0.25">
      <c r="A3195">
        <v>52126405</v>
      </c>
      <c r="B3195" t="s">
        <v>16591</v>
      </c>
      <c r="C3195" s="1" t="s">
        <v>16592</v>
      </c>
      <c r="E3195">
        <v>0</v>
      </c>
      <c r="F3195">
        <v>2</v>
      </c>
      <c r="H3195" t="s">
        <v>16593</v>
      </c>
      <c r="I3195">
        <v>1</v>
      </c>
      <c r="J3195" t="s">
        <v>16594</v>
      </c>
      <c r="K3195" t="s">
        <v>16594</v>
      </c>
      <c r="M3195">
        <v>975663</v>
      </c>
      <c r="O3195">
        <v>975663</v>
      </c>
      <c r="P3195">
        <v>1</v>
      </c>
      <c r="Q3195">
        <v>0</v>
      </c>
      <c r="R3195" t="s">
        <v>16595</v>
      </c>
      <c r="S3195">
        <v>128</v>
      </c>
    </row>
    <row r="3196" spans="1:19" x14ac:dyDescent="0.25">
      <c r="A3196">
        <v>28497530</v>
      </c>
      <c r="B3196" t="s">
        <v>16596</v>
      </c>
      <c r="C3196" s="1" t="s">
        <v>16597</v>
      </c>
      <c r="E3196">
        <v>0</v>
      </c>
      <c r="F3196">
        <v>0</v>
      </c>
      <c r="H3196" t="s">
        <v>16598</v>
      </c>
      <c r="J3196" t="s">
        <v>16599</v>
      </c>
      <c r="K3196" t="s">
        <v>16600</v>
      </c>
      <c r="M3196">
        <v>4112853</v>
      </c>
      <c r="O3196">
        <v>4112853</v>
      </c>
      <c r="P3196">
        <v>1</v>
      </c>
      <c r="Q3196">
        <v>1</v>
      </c>
      <c r="R3196" t="s">
        <v>16601</v>
      </c>
      <c r="S3196">
        <v>167</v>
      </c>
    </row>
    <row r="3197" spans="1:19" x14ac:dyDescent="0.25">
      <c r="A3197">
        <v>23115501</v>
      </c>
      <c r="B3197" t="s">
        <v>16602</v>
      </c>
      <c r="C3197" s="1" t="s">
        <v>16603</v>
      </c>
      <c r="E3197">
        <v>1</v>
      </c>
      <c r="F3197">
        <v>3</v>
      </c>
      <c r="H3197" t="s">
        <v>16604</v>
      </c>
      <c r="J3197" t="s">
        <v>16605</v>
      </c>
      <c r="O3197">
        <v>3049922</v>
      </c>
      <c r="P3197">
        <v>1</v>
      </c>
      <c r="Q3197">
        <v>0</v>
      </c>
      <c r="R3197" t="s">
        <v>16606</v>
      </c>
      <c r="S3197">
        <v>968</v>
      </c>
    </row>
    <row r="3198" spans="1:19" x14ac:dyDescent="0.25">
      <c r="A3198">
        <v>20505188</v>
      </c>
      <c r="B3198" t="s">
        <v>16607</v>
      </c>
      <c r="C3198" t="s">
        <v>16608</v>
      </c>
      <c r="D3198">
        <v>20505276</v>
      </c>
      <c r="E3198">
        <v>2</v>
      </c>
      <c r="F3198">
        <v>3</v>
      </c>
      <c r="H3198" t="s">
        <v>16609</v>
      </c>
      <c r="J3198" t="s">
        <v>16610</v>
      </c>
      <c r="O3198">
        <v>941577</v>
      </c>
      <c r="P3198">
        <v>1</v>
      </c>
      <c r="Q3198">
        <v>0</v>
      </c>
      <c r="R3198" t="s">
        <v>16611</v>
      </c>
      <c r="S3198">
        <v>61</v>
      </c>
    </row>
    <row r="3199" spans="1:19" x14ac:dyDescent="0.25">
      <c r="A3199">
        <v>43669207</v>
      </c>
      <c r="B3199" t="s">
        <v>16612</v>
      </c>
      <c r="C3199" s="1" t="s">
        <v>16613</v>
      </c>
      <c r="D3199">
        <v>43683553</v>
      </c>
      <c r="E3199">
        <v>1</v>
      </c>
      <c r="F3199">
        <v>5</v>
      </c>
      <c r="H3199" t="s">
        <v>16614</v>
      </c>
      <c r="J3199" t="s">
        <v>16615</v>
      </c>
      <c r="O3199">
        <v>3862378</v>
      </c>
      <c r="P3199">
        <v>1</v>
      </c>
      <c r="Q3199">
        <v>-1</v>
      </c>
      <c r="R3199" t="s">
        <v>16616</v>
      </c>
      <c r="S3199">
        <v>780</v>
      </c>
    </row>
    <row r="3200" spans="1:19" x14ac:dyDescent="0.25">
      <c r="A3200">
        <v>52921787</v>
      </c>
      <c r="B3200" t="s">
        <v>16617</v>
      </c>
      <c r="C3200" s="1" t="s">
        <v>16618</v>
      </c>
      <c r="E3200">
        <v>0</v>
      </c>
      <c r="F3200">
        <v>0</v>
      </c>
      <c r="H3200" t="s">
        <v>16619</v>
      </c>
      <c r="J3200" t="s">
        <v>16619</v>
      </c>
      <c r="O3200">
        <v>2738807</v>
      </c>
      <c r="P3200">
        <v>1</v>
      </c>
      <c r="Q3200">
        <v>0</v>
      </c>
      <c r="R3200" t="s">
        <v>16620</v>
      </c>
      <c r="S3200">
        <v>21</v>
      </c>
    </row>
    <row r="3201" spans="1:19" x14ac:dyDescent="0.25">
      <c r="A3201">
        <v>13041575</v>
      </c>
      <c r="B3201" t="s">
        <v>16621</v>
      </c>
      <c r="C3201" s="1" t="s">
        <v>16622</v>
      </c>
      <c r="D3201">
        <v>13636214</v>
      </c>
      <c r="E3201">
        <v>2</v>
      </c>
      <c r="F3201">
        <v>1</v>
      </c>
      <c r="H3201" t="s">
        <v>16623</v>
      </c>
      <c r="J3201" t="s">
        <v>16624</v>
      </c>
      <c r="K3201" t="s">
        <v>16625</v>
      </c>
      <c r="M3201">
        <v>3043</v>
      </c>
      <c r="O3201">
        <v>1695398</v>
      </c>
      <c r="P3201">
        <v>1</v>
      </c>
      <c r="Q3201">
        <v>2</v>
      </c>
      <c r="R3201" t="s">
        <v>16626</v>
      </c>
      <c r="S3201">
        <v>1956</v>
      </c>
    </row>
    <row r="3202" spans="1:19" x14ac:dyDescent="0.25">
      <c r="A3202">
        <v>36664432</v>
      </c>
      <c r="B3202" t="s">
        <v>16627</v>
      </c>
      <c r="C3202" s="1" t="s">
        <v>16628</v>
      </c>
      <c r="D3202">
        <v>36664491</v>
      </c>
      <c r="E3202">
        <v>1</v>
      </c>
      <c r="F3202">
        <v>0</v>
      </c>
      <c r="H3202" t="s">
        <v>16629</v>
      </c>
      <c r="J3202" t="s">
        <v>16630</v>
      </c>
      <c r="K3202" t="s">
        <v>16631</v>
      </c>
      <c r="M3202">
        <v>797882</v>
      </c>
      <c r="O3202">
        <v>5733552</v>
      </c>
      <c r="P3202">
        <v>1</v>
      </c>
      <c r="Q3202">
        <v>0</v>
      </c>
      <c r="R3202" t="s">
        <v>3716</v>
      </c>
      <c r="S3202">
        <v>24</v>
      </c>
    </row>
    <row r="3203" spans="1:19" x14ac:dyDescent="0.25">
      <c r="A3203">
        <v>12720237</v>
      </c>
      <c r="B3203" t="s">
        <v>16632</v>
      </c>
      <c r="C3203" s="1" t="s">
        <v>16633</v>
      </c>
      <c r="D3203">
        <v>12723673</v>
      </c>
      <c r="E3203">
        <v>2</v>
      </c>
      <c r="F3203">
        <v>0</v>
      </c>
      <c r="H3203" t="s">
        <v>16634</v>
      </c>
      <c r="J3203" t="s">
        <v>16635</v>
      </c>
      <c r="K3203" t="s">
        <v>16636</v>
      </c>
      <c r="M3203">
        <v>874188</v>
      </c>
      <c r="O3203">
        <v>237383</v>
      </c>
      <c r="P3203">
        <v>1</v>
      </c>
      <c r="Q3203">
        <v>3</v>
      </c>
      <c r="R3203" t="s">
        <v>16637</v>
      </c>
      <c r="S3203">
        <v>1143</v>
      </c>
    </row>
    <row r="3204" spans="1:19" x14ac:dyDescent="0.25">
      <c r="A3204">
        <v>37977643</v>
      </c>
      <c r="B3204" t="s">
        <v>16638</v>
      </c>
      <c r="C3204" s="1" t="s">
        <v>16639</v>
      </c>
      <c r="E3204">
        <v>2</v>
      </c>
      <c r="F3204">
        <v>0</v>
      </c>
      <c r="H3204" t="s">
        <v>16640</v>
      </c>
      <c r="I3204">
        <v>0</v>
      </c>
      <c r="J3204" t="s">
        <v>16641</v>
      </c>
      <c r="K3204" t="s">
        <v>16642</v>
      </c>
      <c r="M3204">
        <v>260217</v>
      </c>
      <c r="O3204">
        <v>260217</v>
      </c>
      <c r="P3204">
        <v>1</v>
      </c>
      <c r="Q3204">
        <v>2</v>
      </c>
      <c r="R3204" t="s">
        <v>7678</v>
      </c>
      <c r="S3204">
        <v>2521</v>
      </c>
    </row>
    <row r="3205" spans="1:19" x14ac:dyDescent="0.25">
      <c r="A3205">
        <v>39034947</v>
      </c>
      <c r="B3205" t="s">
        <v>16643</v>
      </c>
      <c r="C3205" s="1" t="s">
        <v>16644</v>
      </c>
      <c r="D3205">
        <v>39052050</v>
      </c>
      <c r="E3205">
        <v>2</v>
      </c>
      <c r="F3205">
        <v>0</v>
      </c>
      <c r="H3205" t="s">
        <v>16645</v>
      </c>
      <c r="J3205" t="s">
        <v>16646</v>
      </c>
      <c r="K3205" t="s">
        <v>16647</v>
      </c>
      <c r="M3205">
        <v>6653184</v>
      </c>
      <c r="O3205">
        <v>6653184</v>
      </c>
      <c r="P3205">
        <v>1</v>
      </c>
      <c r="Q3205">
        <v>0</v>
      </c>
      <c r="R3205" t="s">
        <v>16648</v>
      </c>
      <c r="S3205">
        <v>433</v>
      </c>
    </row>
    <row r="3206" spans="1:19" x14ac:dyDescent="0.25">
      <c r="A3206">
        <v>35870745</v>
      </c>
      <c r="B3206" t="s">
        <v>16649</v>
      </c>
      <c r="C3206" s="1" t="s">
        <v>16650</v>
      </c>
      <c r="D3206">
        <v>35887874</v>
      </c>
      <c r="E3206">
        <v>1</v>
      </c>
      <c r="F3206">
        <v>1</v>
      </c>
      <c r="H3206" t="s">
        <v>16651</v>
      </c>
      <c r="J3206" t="s">
        <v>16652</v>
      </c>
      <c r="K3206" t="s">
        <v>16653</v>
      </c>
      <c r="M3206">
        <v>980524</v>
      </c>
      <c r="O3206">
        <v>5036294</v>
      </c>
      <c r="P3206">
        <v>1</v>
      </c>
      <c r="Q3206">
        <v>1</v>
      </c>
      <c r="R3206" t="s">
        <v>16654</v>
      </c>
      <c r="S3206">
        <v>197</v>
      </c>
    </row>
    <row r="3207" spans="1:19" x14ac:dyDescent="0.25">
      <c r="A3207">
        <v>5098172</v>
      </c>
      <c r="B3207" t="s">
        <v>16655</v>
      </c>
      <c r="C3207" s="1" t="s">
        <v>16656</v>
      </c>
      <c r="D3207">
        <v>7210229</v>
      </c>
      <c r="E3207">
        <v>1</v>
      </c>
      <c r="F3207">
        <v>0</v>
      </c>
      <c r="H3207" t="s">
        <v>16657</v>
      </c>
      <c r="J3207" t="s">
        <v>16658</v>
      </c>
      <c r="O3207">
        <v>36411</v>
      </c>
      <c r="P3207">
        <v>1</v>
      </c>
      <c r="Q3207">
        <v>0</v>
      </c>
      <c r="R3207" t="s">
        <v>16659</v>
      </c>
      <c r="S3207">
        <v>466</v>
      </c>
    </row>
    <row r="3208" spans="1:19" x14ac:dyDescent="0.25">
      <c r="A3208">
        <v>37716860</v>
      </c>
      <c r="B3208" t="s">
        <v>16660</v>
      </c>
      <c r="C3208" s="1" t="s">
        <v>16661</v>
      </c>
      <c r="E3208">
        <v>1</v>
      </c>
      <c r="F3208">
        <v>3</v>
      </c>
      <c r="H3208" t="s">
        <v>16662</v>
      </c>
      <c r="I3208">
        <v>1</v>
      </c>
      <c r="J3208" t="s">
        <v>16663</v>
      </c>
      <c r="K3208" t="s">
        <v>16663</v>
      </c>
      <c r="M3208">
        <v>4910764</v>
      </c>
      <c r="O3208">
        <v>4910764</v>
      </c>
      <c r="P3208">
        <v>1</v>
      </c>
      <c r="Q3208">
        <v>2</v>
      </c>
      <c r="R3208" t="s">
        <v>16664</v>
      </c>
      <c r="S3208">
        <v>996</v>
      </c>
    </row>
    <row r="3209" spans="1:19" x14ac:dyDescent="0.25">
      <c r="A3209">
        <v>2172415</v>
      </c>
      <c r="B3209" t="s">
        <v>16665</v>
      </c>
      <c r="C3209" s="1" t="s">
        <v>16666</v>
      </c>
      <c r="D3209">
        <v>2172436</v>
      </c>
      <c r="E3209">
        <v>3</v>
      </c>
      <c r="F3209">
        <v>3</v>
      </c>
      <c r="H3209" t="s">
        <v>16667</v>
      </c>
      <c r="I3209">
        <v>1</v>
      </c>
      <c r="J3209" t="s">
        <v>16668</v>
      </c>
      <c r="K3209" t="s">
        <v>16668</v>
      </c>
      <c r="M3209">
        <v>812149</v>
      </c>
      <c r="O3209">
        <v>262972</v>
      </c>
      <c r="P3209">
        <v>1</v>
      </c>
      <c r="Q3209">
        <v>3</v>
      </c>
      <c r="R3209" t="s">
        <v>16669</v>
      </c>
      <c r="S3209">
        <v>971</v>
      </c>
    </row>
    <row r="3210" spans="1:19" x14ac:dyDescent="0.25">
      <c r="A3210">
        <v>16237081</v>
      </c>
      <c r="B3210" t="s">
        <v>16670</v>
      </c>
      <c r="C3210" s="1" t="s">
        <v>16671</v>
      </c>
      <c r="E3210">
        <v>1</v>
      </c>
      <c r="F3210">
        <v>3</v>
      </c>
      <c r="H3210" t="s">
        <v>16672</v>
      </c>
      <c r="J3210" t="s">
        <v>16673</v>
      </c>
      <c r="O3210">
        <v>991944</v>
      </c>
      <c r="P3210">
        <v>1</v>
      </c>
      <c r="Q3210">
        <v>1</v>
      </c>
      <c r="R3210" t="s">
        <v>6500</v>
      </c>
      <c r="S3210">
        <v>465</v>
      </c>
    </row>
    <row r="3211" spans="1:19" x14ac:dyDescent="0.25">
      <c r="A3211">
        <v>36410623</v>
      </c>
      <c r="B3211" t="s">
        <v>16674</v>
      </c>
      <c r="C3211" s="1" t="s">
        <v>16675</v>
      </c>
      <c r="D3211">
        <v>36445908</v>
      </c>
      <c r="E3211">
        <v>1</v>
      </c>
      <c r="F3211">
        <v>2</v>
      </c>
      <c r="H3211" t="s">
        <v>16676</v>
      </c>
      <c r="I3211">
        <v>1</v>
      </c>
      <c r="J3211" t="s">
        <v>16677</v>
      </c>
      <c r="K3211" t="s">
        <v>16678</v>
      </c>
      <c r="M3211">
        <v>3947332</v>
      </c>
      <c r="O3211">
        <v>3947332</v>
      </c>
      <c r="P3211">
        <v>1</v>
      </c>
      <c r="Q3211">
        <v>6</v>
      </c>
      <c r="R3211" t="s">
        <v>16679</v>
      </c>
      <c r="S3211">
        <v>3572</v>
      </c>
    </row>
    <row r="3212" spans="1:19" x14ac:dyDescent="0.25">
      <c r="A3212">
        <v>27142931</v>
      </c>
      <c r="B3212" t="s">
        <v>16680</v>
      </c>
      <c r="C3212" s="1" t="s">
        <v>16681</v>
      </c>
      <c r="E3212">
        <v>1</v>
      </c>
      <c r="F3212">
        <v>1</v>
      </c>
      <c r="H3212" t="s">
        <v>16682</v>
      </c>
      <c r="J3212" t="s">
        <v>16683</v>
      </c>
      <c r="K3212" t="s">
        <v>16683</v>
      </c>
      <c r="M3212">
        <v>4294655</v>
      </c>
      <c r="O3212">
        <v>4294655</v>
      </c>
      <c r="P3212">
        <v>1</v>
      </c>
      <c r="Q3212">
        <v>2</v>
      </c>
      <c r="R3212" t="s">
        <v>16684</v>
      </c>
      <c r="S3212">
        <v>457</v>
      </c>
    </row>
    <row r="3213" spans="1:19" x14ac:dyDescent="0.25">
      <c r="A3213">
        <v>47516458</v>
      </c>
      <c r="B3213" t="s">
        <v>16685</v>
      </c>
      <c r="C3213" s="1" t="s">
        <v>16686</v>
      </c>
      <c r="E3213">
        <v>1</v>
      </c>
      <c r="F3213">
        <v>8</v>
      </c>
      <c r="H3213" t="s">
        <v>16687</v>
      </c>
      <c r="I3213">
        <v>4</v>
      </c>
      <c r="J3213" t="s">
        <v>16688</v>
      </c>
      <c r="K3213" t="s">
        <v>16689</v>
      </c>
      <c r="M3213">
        <v>852330</v>
      </c>
      <c r="O3213">
        <v>852330</v>
      </c>
      <c r="P3213">
        <v>1</v>
      </c>
      <c r="Q3213">
        <v>5</v>
      </c>
      <c r="R3213" t="s">
        <v>16690</v>
      </c>
      <c r="S3213">
        <v>186</v>
      </c>
    </row>
    <row r="3214" spans="1:19" x14ac:dyDescent="0.25">
      <c r="A3214">
        <v>48187634</v>
      </c>
      <c r="B3214" t="s">
        <v>16691</v>
      </c>
      <c r="C3214" s="1" t="s">
        <v>16692</v>
      </c>
      <c r="D3214">
        <v>48187763</v>
      </c>
      <c r="E3214">
        <v>5</v>
      </c>
      <c r="F3214">
        <v>1</v>
      </c>
      <c r="H3214" t="s">
        <v>16693</v>
      </c>
      <c r="J3214" t="s">
        <v>16694</v>
      </c>
      <c r="K3214" t="s">
        <v>16695</v>
      </c>
      <c r="M3214">
        <v>2851632</v>
      </c>
      <c r="O3214">
        <v>7021061</v>
      </c>
      <c r="P3214">
        <v>1</v>
      </c>
      <c r="Q3214">
        <v>0</v>
      </c>
      <c r="R3214" t="s">
        <v>16696</v>
      </c>
      <c r="S3214">
        <v>46</v>
      </c>
    </row>
    <row r="3215" spans="1:19" x14ac:dyDescent="0.25">
      <c r="A3215">
        <v>15045431</v>
      </c>
      <c r="B3215" t="s">
        <v>16697</v>
      </c>
      <c r="C3215" s="1" t="s">
        <v>16698</v>
      </c>
      <c r="D3215">
        <v>15045909</v>
      </c>
      <c r="E3215">
        <v>2</v>
      </c>
      <c r="F3215">
        <v>0</v>
      </c>
      <c r="H3215" t="s">
        <v>16699</v>
      </c>
      <c r="I3215">
        <v>1</v>
      </c>
      <c r="J3215" t="s">
        <v>16700</v>
      </c>
      <c r="O3215">
        <v>2037581</v>
      </c>
      <c r="P3215">
        <v>1</v>
      </c>
      <c r="Q3215">
        <v>5</v>
      </c>
      <c r="R3215" t="s">
        <v>16701</v>
      </c>
      <c r="S3215">
        <v>11578</v>
      </c>
    </row>
    <row r="3216" spans="1:19" x14ac:dyDescent="0.25">
      <c r="A3216">
        <v>7238624</v>
      </c>
      <c r="B3216" t="s">
        <v>16702</v>
      </c>
      <c r="C3216" s="1" t="s">
        <v>16703</v>
      </c>
      <c r="D3216">
        <v>7272979</v>
      </c>
      <c r="E3216">
        <v>2</v>
      </c>
      <c r="F3216">
        <v>4</v>
      </c>
      <c r="H3216" t="s">
        <v>16704</v>
      </c>
      <c r="I3216">
        <v>2</v>
      </c>
      <c r="J3216" t="s">
        <v>16705</v>
      </c>
      <c r="K3216" t="s">
        <v>16706</v>
      </c>
      <c r="L3216" t="s">
        <v>16707</v>
      </c>
      <c r="N3216" t="s">
        <v>16707</v>
      </c>
      <c r="P3216">
        <v>1</v>
      </c>
      <c r="Q3216">
        <v>7</v>
      </c>
      <c r="R3216" t="s">
        <v>16708</v>
      </c>
      <c r="S3216">
        <v>2222</v>
      </c>
    </row>
    <row r="3217" spans="1:19" x14ac:dyDescent="0.25">
      <c r="A3217">
        <v>8798806</v>
      </c>
      <c r="B3217" t="s">
        <v>16709</v>
      </c>
      <c r="C3217" s="1" t="s">
        <v>16710</v>
      </c>
      <c r="D3217">
        <v>8798840</v>
      </c>
      <c r="E3217">
        <v>1</v>
      </c>
      <c r="F3217">
        <v>2</v>
      </c>
      <c r="H3217" t="s">
        <v>16711</v>
      </c>
      <c r="J3217" t="s">
        <v>16712</v>
      </c>
      <c r="O3217">
        <v>720323</v>
      </c>
      <c r="P3217">
        <v>1</v>
      </c>
      <c r="Q3217">
        <v>0</v>
      </c>
      <c r="R3217" t="s">
        <v>16713</v>
      </c>
      <c r="S3217">
        <v>830</v>
      </c>
    </row>
    <row r="3218" spans="1:19" x14ac:dyDescent="0.25">
      <c r="A3218">
        <v>2139979</v>
      </c>
      <c r="B3218" t="s">
        <v>16714</v>
      </c>
      <c r="C3218" s="1" t="s">
        <v>16715</v>
      </c>
      <c r="D3218">
        <v>2165924</v>
      </c>
      <c r="E3218">
        <v>3</v>
      </c>
      <c r="F3218">
        <v>0</v>
      </c>
      <c r="H3218" t="s">
        <v>16716</v>
      </c>
      <c r="J3218" t="s">
        <v>16717</v>
      </c>
      <c r="K3218" t="s">
        <v>16718</v>
      </c>
      <c r="M3218">
        <v>174655</v>
      </c>
      <c r="O3218">
        <v>174655</v>
      </c>
      <c r="P3218">
        <v>1</v>
      </c>
      <c r="Q3218">
        <v>6</v>
      </c>
      <c r="R3218" t="s">
        <v>16719</v>
      </c>
      <c r="S3218">
        <v>2146</v>
      </c>
    </row>
    <row r="3219" spans="1:19" x14ac:dyDescent="0.25">
      <c r="A3219">
        <v>19479197</v>
      </c>
      <c r="B3219" t="s">
        <v>16720</v>
      </c>
      <c r="C3219" s="1" t="s">
        <v>16721</v>
      </c>
      <c r="E3219">
        <v>1</v>
      </c>
      <c r="F3219">
        <v>1</v>
      </c>
      <c r="H3219" t="s">
        <v>16722</v>
      </c>
      <c r="J3219" t="s">
        <v>16723</v>
      </c>
      <c r="O3219">
        <v>614944</v>
      </c>
      <c r="P3219">
        <v>1</v>
      </c>
      <c r="Q3219">
        <v>0</v>
      </c>
      <c r="R3219" t="s">
        <v>16724</v>
      </c>
      <c r="S3219">
        <v>52</v>
      </c>
    </row>
    <row r="3220" spans="1:19" x14ac:dyDescent="0.25">
      <c r="A3220">
        <v>4255099</v>
      </c>
      <c r="B3220" t="s">
        <v>16725</v>
      </c>
      <c r="C3220" s="1" t="s">
        <v>16726</v>
      </c>
      <c r="D3220">
        <v>4255139</v>
      </c>
      <c r="E3220">
        <v>1</v>
      </c>
      <c r="F3220">
        <v>5</v>
      </c>
      <c r="H3220" t="s">
        <v>16727</v>
      </c>
      <c r="J3220" t="s">
        <v>16728</v>
      </c>
      <c r="O3220">
        <v>481512</v>
      </c>
      <c r="P3220">
        <v>1</v>
      </c>
      <c r="Q3220">
        <v>2</v>
      </c>
      <c r="R3220" t="s">
        <v>16729</v>
      </c>
      <c r="S3220">
        <v>1622</v>
      </c>
    </row>
    <row r="3221" spans="1:19" x14ac:dyDescent="0.25">
      <c r="A3221">
        <v>5081236</v>
      </c>
      <c r="B3221" t="s">
        <v>16730</v>
      </c>
      <c r="C3221" s="1" t="s">
        <v>16731</v>
      </c>
      <c r="E3221">
        <v>3</v>
      </c>
      <c r="F3221">
        <v>3</v>
      </c>
      <c r="H3221" t="s">
        <v>16732</v>
      </c>
      <c r="J3221" t="s">
        <v>16733</v>
      </c>
      <c r="K3221" t="s">
        <v>16733</v>
      </c>
      <c r="M3221">
        <v>74314</v>
      </c>
      <c r="O3221">
        <v>154226</v>
      </c>
      <c r="P3221">
        <v>1</v>
      </c>
      <c r="Q3221">
        <v>0</v>
      </c>
      <c r="R3221" t="s">
        <v>16734</v>
      </c>
      <c r="S3221">
        <v>394</v>
      </c>
    </row>
    <row r="3222" spans="1:19" x14ac:dyDescent="0.25">
      <c r="A3222">
        <v>47643881</v>
      </c>
      <c r="B3222" t="s">
        <v>16735</v>
      </c>
      <c r="C3222" s="1" t="s">
        <v>16736</v>
      </c>
      <c r="E3222">
        <v>2</v>
      </c>
      <c r="F3222">
        <v>1</v>
      </c>
      <c r="H3222" t="s">
        <v>16737</v>
      </c>
      <c r="I3222">
        <v>2</v>
      </c>
      <c r="J3222" t="s">
        <v>16738</v>
      </c>
      <c r="O3222">
        <v>506461</v>
      </c>
      <c r="P3222">
        <v>1</v>
      </c>
      <c r="Q3222">
        <v>2</v>
      </c>
      <c r="R3222" t="s">
        <v>16739</v>
      </c>
      <c r="S3222">
        <v>183</v>
      </c>
    </row>
    <row r="3223" spans="1:19" x14ac:dyDescent="0.25">
      <c r="A3223">
        <v>16183385</v>
      </c>
      <c r="B3223" t="s">
        <v>16740</v>
      </c>
      <c r="C3223" s="1" t="s">
        <v>16741</v>
      </c>
      <c r="D3223">
        <v>16183621</v>
      </c>
      <c r="E3223">
        <v>3</v>
      </c>
      <c r="F3223">
        <v>2</v>
      </c>
      <c r="H3223" t="s">
        <v>16742</v>
      </c>
      <c r="J3223" t="s">
        <v>16743</v>
      </c>
      <c r="K3223" t="s">
        <v>16744</v>
      </c>
      <c r="M3223">
        <v>1307905</v>
      </c>
      <c r="O3223">
        <v>2271467</v>
      </c>
      <c r="P3223">
        <v>1</v>
      </c>
      <c r="Q3223">
        <v>2</v>
      </c>
      <c r="R3223" t="s">
        <v>16745</v>
      </c>
      <c r="S3223">
        <v>467</v>
      </c>
    </row>
    <row r="3224" spans="1:19" x14ac:dyDescent="0.25">
      <c r="A3224">
        <v>2395567</v>
      </c>
      <c r="B3224" t="s">
        <v>16746</v>
      </c>
      <c r="C3224" s="1" t="s">
        <v>16747</v>
      </c>
      <c r="D3224">
        <v>2395586</v>
      </c>
      <c r="E3224">
        <v>2</v>
      </c>
      <c r="F3224">
        <v>0</v>
      </c>
      <c r="H3224" t="s">
        <v>16748</v>
      </c>
      <c r="J3224" t="s">
        <v>16749</v>
      </c>
      <c r="O3224">
        <v>288112</v>
      </c>
      <c r="P3224">
        <v>1</v>
      </c>
      <c r="Q3224">
        <v>0</v>
      </c>
      <c r="R3224" t="s">
        <v>16750</v>
      </c>
      <c r="S3224">
        <v>304</v>
      </c>
    </row>
    <row r="3225" spans="1:19" x14ac:dyDescent="0.25">
      <c r="A3225">
        <v>53279164</v>
      </c>
      <c r="B3225" t="s">
        <v>16751</v>
      </c>
      <c r="C3225" s="1" t="s">
        <v>16752</v>
      </c>
      <c r="E3225">
        <v>0</v>
      </c>
      <c r="F3225">
        <v>0</v>
      </c>
      <c r="H3225" t="s">
        <v>16753</v>
      </c>
      <c r="J3225" t="s">
        <v>16753</v>
      </c>
      <c r="O3225">
        <v>2492483</v>
      </c>
      <c r="P3225">
        <v>1</v>
      </c>
      <c r="Q3225">
        <v>1</v>
      </c>
      <c r="R3225" t="s">
        <v>16754</v>
      </c>
      <c r="S3225">
        <v>44</v>
      </c>
    </row>
    <row r="3226" spans="1:19" x14ac:dyDescent="0.25">
      <c r="A3226">
        <v>22797312</v>
      </c>
      <c r="B3226" t="s">
        <v>16755</v>
      </c>
      <c r="C3226" s="1" t="s">
        <v>16756</v>
      </c>
      <c r="E3226">
        <v>2</v>
      </c>
      <c r="F3226">
        <v>0</v>
      </c>
      <c r="H3226" t="s">
        <v>16757</v>
      </c>
      <c r="I3226">
        <v>2</v>
      </c>
      <c r="J3226" t="s">
        <v>16758</v>
      </c>
      <c r="K3226" t="s">
        <v>16759</v>
      </c>
      <c r="M3226">
        <v>2813198</v>
      </c>
      <c r="O3226">
        <v>2813198</v>
      </c>
      <c r="P3226">
        <v>1</v>
      </c>
      <c r="Q3226">
        <v>1</v>
      </c>
      <c r="R3226" t="s">
        <v>16760</v>
      </c>
      <c r="S3226">
        <v>241</v>
      </c>
    </row>
    <row r="3227" spans="1:19" x14ac:dyDescent="0.25">
      <c r="A3227">
        <v>7931764</v>
      </c>
      <c r="B3227" t="s">
        <v>16761</v>
      </c>
      <c r="C3227" s="1" t="s">
        <v>16762</v>
      </c>
      <c r="D3227">
        <v>7964654</v>
      </c>
      <c r="E3227">
        <v>2</v>
      </c>
      <c r="F3227">
        <v>0</v>
      </c>
      <c r="H3227" t="s">
        <v>16763</v>
      </c>
      <c r="I3227">
        <v>2</v>
      </c>
      <c r="J3227" t="s">
        <v>16764</v>
      </c>
      <c r="O3227">
        <v>193254</v>
      </c>
      <c r="P3227">
        <v>1</v>
      </c>
      <c r="Q3227">
        <v>1</v>
      </c>
      <c r="R3227" t="s">
        <v>16765</v>
      </c>
      <c r="S3227">
        <v>1500</v>
      </c>
    </row>
    <row r="3228" spans="1:19" x14ac:dyDescent="0.25">
      <c r="A3228">
        <v>53460768</v>
      </c>
      <c r="B3228" t="s">
        <v>16766</v>
      </c>
      <c r="C3228" s="1" t="s">
        <v>16767</v>
      </c>
      <c r="E3228">
        <v>1</v>
      </c>
      <c r="F3228">
        <v>0</v>
      </c>
      <c r="H3228" t="s">
        <v>16768</v>
      </c>
      <c r="J3228" t="s">
        <v>16769</v>
      </c>
      <c r="K3228" t="s">
        <v>16770</v>
      </c>
      <c r="M3228">
        <v>3329664</v>
      </c>
      <c r="O3228">
        <v>10699807</v>
      </c>
      <c r="P3228">
        <v>1</v>
      </c>
      <c r="Q3228">
        <v>1</v>
      </c>
      <c r="R3228" t="s">
        <v>16771</v>
      </c>
      <c r="S3228">
        <v>23</v>
      </c>
    </row>
    <row r="3229" spans="1:19" x14ac:dyDescent="0.25">
      <c r="A3229">
        <v>19817398</v>
      </c>
      <c r="B3229" t="s">
        <v>16772</v>
      </c>
      <c r="C3229" s="1" t="s">
        <v>16773</v>
      </c>
      <c r="D3229">
        <v>29489966</v>
      </c>
      <c r="E3229">
        <v>4</v>
      </c>
      <c r="F3229">
        <v>0</v>
      </c>
      <c r="H3229" t="s">
        <v>16774</v>
      </c>
      <c r="J3229" t="s">
        <v>16775</v>
      </c>
      <c r="O3229">
        <v>2386700</v>
      </c>
      <c r="P3229">
        <v>1</v>
      </c>
      <c r="Q3229">
        <v>2</v>
      </c>
      <c r="R3229" t="s">
        <v>16776</v>
      </c>
      <c r="S3229">
        <v>2369</v>
      </c>
    </row>
    <row r="3230" spans="1:19" x14ac:dyDescent="0.25">
      <c r="A3230">
        <v>31543564</v>
      </c>
      <c r="B3230" t="s">
        <v>16777</v>
      </c>
      <c r="C3230" s="1" t="s">
        <v>16778</v>
      </c>
      <c r="E3230">
        <v>3</v>
      </c>
      <c r="F3230">
        <v>3</v>
      </c>
      <c r="H3230" t="s">
        <v>16779</v>
      </c>
      <c r="J3230" t="s">
        <v>16780</v>
      </c>
      <c r="O3230">
        <v>5139867</v>
      </c>
      <c r="P3230">
        <v>1</v>
      </c>
      <c r="Q3230">
        <v>3</v>
      </c>
      <c r="R3230" t="s">
        <v>4586</v>
      </c>
      <c r="S3230">
        <v>293</v>
      </c>
    </row>
    <row r="3231" spans="1:19" x14ac:dyDescent="0.25">
      <c r="A3231">
        <v>2471236</v>
      </c>
      <c r="B3231" t="s">
        <v>16781</v>
      </c>
      <c r="C3231" s="1" t="s">
        <v>16782</v>
      </c>
      <c r="D3231">
        <v>2471295</v>
      </c>
      <c r="E3231">
        <v>2</v>
      </c>
      <c r="F3231">
        <v>1</v>
      </c>
      <c r="H3231" t="s">
        <v>16783</v>
      </c>
      <c r="J3231" t="s">
        <v>16784</v>
      </c>
      <c r="O3231">
        <v>125953</v>
      </c>
      <c r="P3231">
        <v>1</v>
      </c>
      <c r="Q3231">
        <v>0</v>
      </c>
      <c r="R3231" t="s">
        <v>16785</v>
      </c>
      <c r="S3231">
        <v>2102</v>
      </c>
    </row>
    <row r="3232" spans="1:19" x14ac:dyDescent="0.25">
      <c r="A3232">
        <v>39593035</v>
      </c>
      <c r="B3232" t="s">
        <v>16786</v>
      </c>
      <c r="C3232" s="1" t="s">
        <v>16787</v>
      </c>
      <c r="E3232">
        <v>0</v>
      </c>
      <c r="F3232">
        <v>2</v>
      </c>
      <c r="H3232" t="s">
        <v>16788</v>
      </c>
      <c r="J3232" t="s">
        <v>16789</v>
      </c>
      <c r="K3232" t="s">
        <v>16789</v>
      </c>
      <c r="M3232">
        <v>4565947</v>
      </c>
      <c r="O3232">
        <v>6843008</v>
      </c>
      <c r="P3232">
        <v>1</v>
      </c>
      <c r="Q3232">
        <v>0</v>
      </c>
      <c r="R3232" t="s">
        <v>16790</v>
      </c>
      <c r="S3232">
        <v>79</v>
      </c>
    </row>
    <row r="3233" spans="1:19" x14ac:dyDescent="0.25">
      <c r="A3233">
        <v>36627321</v>
      </c>
      <c r="B3233" t="s">
        <v>16791</v>
      </c>
      <c r="C3233" s="1" t="s">
        <v>16792</v>
      </c>
      <c r="D3233">
        <v>36627363</v>
      </c>
      <c r="E3233">
        <v>2</v>
      </c>
      <c r="F3233">
        <v>0</v>
      </c>
      <c r="H3233" t="s">
        <v>16793</v>
      </c>
      <c r="J3233" t="s">
        <v>16794</v>
      </c>
      <c r="O3233">
        <v>1978617</v>
      </c>
      <c r="P3233">
        <v>1</v>
      </c>
      <c r="Q3233">
        <v>0</v>
      </c>
      <c r="R3233" t="s">
        <v>16795</v>
      </c>
      <c r="S3233">
        <v>269</v>
      </c>
    </row>
    <row r="3234" spans="1:19" x14ac:dyDescent="0.25">
      <c r="A3234">
        <v>52132450</v>
      </c>
      <c r="B3234" t="s">
        <v>16796</v>
      </c>
      <c r="C3234" s="1" t="s">
        <v>16797</v>
      </c>
      <c r="D3234">
        <v>52132527</v>
      </c>
      <c r="E3234">
        <v>1</v>
      </c>
      <c r="F3234">
        <v>1</v>
      </c>
      <c r="H3234" t="s">
        <v>16798</v>
      </c>
      <c r="J3234" t="s">
        <v>16799</v>
      </c>
      <c r="K3234" t="s">
        <v>16800</v>
      </c>
      <c r="M3234">
        <v>1071459</v>
      </c>
      <c r="O3234">
        <v>1071459</v>
      </c>
      <c r="P3234">
        <v>1</v>
      </c>
      <c r="Q3234">
        <v>1</v>
      </c>
      <c r="R3234" t="s">
        <v>16801</v>
      </c>
      <c r="S3234">
        <v>51</v>
      </c>
    </row>
    <row r="3235" spans="1:19" x14ac:dyDescent="0.25">
      <c r="A3235">
        <v>37334106</v>
      </c>
      <c r="B3235" t="s">
        <v>16802</v>
      </c>
      <c r="C3235" s="1" t="s">
        <v>16803</v>
      </c>
      <c r="E3235">
        <v>0</v>
      </c>
      <c r="F3235">
        <v>3</v>
      </c>
      <c r="H3235" t="s">
        <v>16804</v>
      </c>
      <c r="J3235" t="s">
        <v>16805</v>
      </c>
      <c r="K3235" t="s">
        <v>16805</v>
      </c>
      <c r="M3235">
        <v>7007605</v>
      </c>
      <c r="O3235">
        <v>6358122</v>
      </c>
      <c r="P3235">
        <v>1</v>
      </c>
      <c r="Q3235">
        <v>1</v>
      </c>
      <c r="R3235" t="s">
        <v>16806</v>
      </c>
      <c r="S3235">
        <v>514</v>
      </c>
    </row>
    <row r="3236" spans="1:19" x14ac:dyDescent="0.25">
      <c r="A3236">
        <v>13132046</v>
      </c>
      <c r="B3236" t="s">
        <v>16807</v>
      </c>
      <c r="C3236" s="1" t="s">
        <v>16808</v>
      </c>
      <c r="E3236">
        <v>1</v>
      </c>
      <c r="F3236">
        <v>0</v>
      </c>
      <c r="H3236" t="s">
        <v>16809</v>
      </c>
      <c r="I3236">
        <v>1</v>
      </c>
      <c r="J3236" t="s">
        <v>16810</v>
      </c>
      <c r="O3236">
        <v>748175</v>
      </c>
      <c r="P3236">
        <v>1</v>
      </c>
      <c r="Q3236">
        <v>3</v>
      </c>
      <c r="R3236" t="s">
        <v>16811</v>
      </c>
      <c r="S3236">
        <v>989</v>
      </c>
    </row>
    <row r="3237" spans="1:19" x14ac:dyDescent="0.25">
      <c r="A3237">
        <v>23145059</v>
      </c>
      <c r="B3237" t="s">
        <v>16812</v>
      </c>
      <c r="C3237" s="1" t="s">
        <v>16813</v>
      </c>
      <c r="E3237">
        <v>3</v>
      </c>
      <c r="F3237">
        <v>2</v>
      </c>
      <c r="H3237" t="s">
        <v>16814</v>
      </c>
      <c r="J3237" t="s">
        <v>16815</v>
      </c>
      <c r="K3237" t="s">
        <v>16815</v>
      </c>
      <c r="M3237">
        <v>2246344</v>
      </c>
      <c r="O3237">
        <v>3536921</v>
      </c>
      <c r="P3237">
        <v>1</v>
      </c>
      <c r="Q3237">
        <v>2</v>
      </c>
      <c r="R3237" t="s">
        <v>3303</v>
      </c>
      <c r="S3237">
        <v>5249</v>
      </c>
    </row>
    <row r="3238" spans="1:19" x14ac:dyDescent="0.25">
      <c r="A3238">
        <v>15460216</v>
      </c>
      <c r="B3238" t="s">
        <v>16816</v>
      </c>
      <c r="C3238" s="1" t="s">
        <v>16817</v>
      </c>
      <c r="E3238">
        <v>1</v>
      </c>
      <c r="F3238">
        <v>4</v>
      </c>
      <c r="H3238" t="s">
        <v>16818</v>
      </c>
      <c r="I3238">
        <v>1</v>
      </c>
      <c r="J3238" t="s">
        <v>16819</v>
      </c>
      <c r="O3238">
        <v>1263503</v>
      </c>
      <c r="P3238">
        <v>1</v>
      </c>
      <c r="Q3238">
        <v>2</v>
      </c>
      <c r="R3238" t="s">
        <v>16820</v>
      </c>
      <c r="S3238">
        <v>1355</v>
      </c>
    </row>
    <row r="3239" spans="1:19" x14ac:dyDescent="0.25">
      <c r="A3239">
        <v>386264</v>
      </c>
      <c r="B3239" t="s">
        <v>16821</v>
      </c>
      <c r="C3239" t="s">
        <v>16822</v>
      </c>
      <c r="D3239">
        <v>386271</v>
      </c>
      <c r="E3239">
        <v>13</v>
      </c>
      <c r="F3239">
        <v>3</v>
      </c>
      <c r="H3239" t="s">
        <v>16823</v>
      </c>
      <c r="I3239">
        <v>6</v>
      </c>
      <c r="J3239" t="s">
        <v>16824</v>
      </c>
      <c r="N3239" t="s">
        <v>16825</v>
      </c>
      <c r="O3239">
        <v>4093</v>
      </c>
      <c r="P3239">
        <v>1</v>
      </c>
      <c r="Q3239">
        <v>16</v>
      </c>
      <c r="R3239" t="s">
        <v>16826</v>
      </c>
      <c r="S3239">
        <v>3335</v>
      </c>
    </row>
    <row r="3240" spans="1:19" x14ac:dyDescent="0.25">
      <c r="A3240">
        <v>11138985</v>
      </c>
      <c r="B3240" t="s">
        <v>16827</v>
      </c>
      <c r="C3240" s="1" t="s">
        <v>16828</v>
      </c>
      <c r="D3240">
        <v>11139152</v>
      </c>
      <c r="E3240">
        <v>1</v>
      </c>
      <c r="F3240">
        <v>0</v>
      </c>
      <c r="H3240" t="s">
        <v>16829</v>
      </c>
      <c r="J3240" t="s">
        <v>16830</v>
      </c>
      <c r="K3240" t="s">
        <v>16830</v>
      </c>
      <c r="M3240">
        <v>1427098</v>
      </c>
      <c r="O3240">
        <v>319642</v>
      </c>
      <c r="P3240">
        <v>1</v>
      </c>
      <c r="Q3240">
        <v>0</v>
      </c>
      <c r="R3240" t="s">
        <v>16831</v>
      </c>
      <c r="S3240">
        <v>460</v>
      </c>
    </row>
    <row r="3241" spans="1:19" x14ac:dyDescent="0.25">
      <c r="A3241">
        <v>43050446</v>
      </c>
      <c r="B3241" t="s">
        <v>16832</v>
      </c>
      <c r="C3241" s="1" t="s">
        <v>16833</v>
      </c>
      <c r="E3241">
        <v>0</v>
      </c>
      <c r="F3241">
        <v>8</v>
      </c>
      <c r="H3241" t="s">
        <v>16834</v>
      </c>
      <c r="J3241" t="s">
        <v>16834</v>
      </c>
      <c r="K3241" t="s">
        <v>1083</v>
      </c>
      <c r="M3241">
        <v>-1</v>
      </c>
      <c r="O3241">
        <v>2394716</v>
      </c>
      <c r="P3241">
        <v>1</v>
      </c>
      <c r="Q3241">
        <v>0</v>
      </c>
      <c r="R3241" t="s">
        <v>1084</v>
      </c>
      <c r="S3241">
        <v>31</v>
      </c>
    </row>
    <row r="3242" spans="1:19" x14ac:dyDescent="0.25">
      <c r="A3242">
        <v>35499037</v>
      </c>
      <c r="B3242" t="s">
        <v>16835</v>
      </c>
      <c r="C3242" s="1" t="s">
        <v>16836</v>
      </c>
      <c r="E3242">
        <v>0</v>
      </c>
      <c r="F3242">
        <v>6</v>
      </c>
      <c r="H3242" t="s">
        <v>16837</v>
      </c>
      <c r="I3242">
        <v>0</v>
      </c>
      <c r="J3242" t="s">
        <v>16838</v>
      </c>
      <c r="K3242" t="s">
        <v>16838</v>
      </c>
      <c r="M3242">
        <v>1841194</v>
      </c>
      <c r="O3242">
        <v>3422154</v>
      </c>
      <c r="P3242">
        <v>1</v>
      </c>
      <c r="Q3242">
        <v>1</v>
      </c>
      <c r="R3242" t="s">
        <v>16839</v>
      </c>
      <c r="S3242">
        <v>150</v>
      </c>
    </row>
    <row r="3243" spans="1:19" x14ac:dyDescent="0.25">
      <c r="A3243">
        <v>10527986</v>
      </c>
      <c r="B3243" t="s">
        <v>16840</v>
      </c>
      <c r="C3243" s="1" t="s">
        <v>16841</v>
      </c>
      <c r="D3243">
        <v>10528020</v>
      </c>
      <c r="E3243">
        <v>2</v>
      </c>
      <c r="F3243">
        <v>2</v>
      </c>
      <c r="H3243" t="s">
        <v>16842</v>
      </c>
      <c r="J3243" t="s">
        <v>16843</v>
      </c>
      <c r="K3243" t="s">
        <v>16843</v>
      </c>
      <c r="M3243">
        <v>1033581</v>
      </c>
      <c r="O3243">
        <v>1383841</v>
      </c>
      <c r="P3243">
        <v>1</v>
      </c>
      <c r="Q3243">
        <v>1</v>
      </c>
      <c r="R3243" t="s">
        <v>16844</v>
      </c>
      <c r="S3243">
        <v>441</v>
      </c>
    </row>
    <row r="3244" spans="1:19" x14ac:dyDescent="0.25">
      <c r="A3244">
        <v>42303382</v>
      </c>
      <c r="B3244" t="s">
        <v>16845</v>
      </c>
      <c r="C3244" s="1" t="s">
        <v>16846</v>
      </c>
      <c r="E3244">
        <v>2</v>
      </c>
      <c r="F3244">
        <v>2</v>
      </c>
      <c r="H3244" t="s">
        <v>16847</v>
      </c>
      <c r="I3244">
        <v>0</v>
      </c>
      <c r="J3244" t="s">
        <v>16848</v>
      </c>
      <c r="K3244" t="s">
        <v>16849</v>
      </c>
      <c r="M3244">
        <v>7448365</v>
      </c>
      <c r="O3244">
        <v>7448365</v>
      </c>
      <c r="P3244">
        <v>1</v>
      </c>
      <c r="Q3244">
        <v>-1</v>
      </c>
      <c r="R3244" t="s">
        <v>16850</v>
      </c>
      <c r="S3244">
        <v>100</v>
      </c>
    </row>
    <row r="3245" spans="1:19" x14ac:dyDescent="0.25">
      <c r="A3245">
        <v>16883274</v>
      </c>
      <c r="B3245" t="s">
        <v>16851</v>
      </c>
      <c r="C3245" s="1" t="s">
        <v>16852</v>
      </c>
      <c r="E3245">
        <v>2</v>
      </c>
      <c r="F3245">
        <v>0</v>
      </c>
      <c r="H3245" t="s">
        <v>16853</v>
      </c>
      <c r="J3245" t="s">
        <v>16854</v>
      </c>
      <c r="O3245">
        <v>2380798</v>
      </c>
      <c r="P3245">
        <v>1</v>
      </c>
      <c r="Q3245">
        <v>0</v>
      </c>
      <c r="R3245" t="s">
        <v>16855</v>
      </c>
      <c r="S3245">
        <v>3227</v>
      </c>
    </row>
    <row r="3246" spans="1:19" x14ac:dyDescent="0.25">
      <c r="A3246">
        <v>24275539</v>
      </c>
      <c r="B3246" t="s">
        <v>16856</v>
      </c>
      <c r="C3246" s="1" t="s">
        <v>16857</v>
      </c>
      <c r="D3246">
        <v>24276154</v>
      </c>
      <c r="E3246">
        <v>1</v>
      </c>
      <c r="F3246">
        <v>0</v>
      </c>
      <c r="H3246" t="s">
        <v>16858</v>
      </c>
      <c r="J3246" t="s">
        <v>16859</v>
      </c>
      <c r="O3246">
        <v>1222384</v>
      </c>
      <c r="P3246">
        <v>1</v>
      </c>
      <c r="Q3246">
        <v>0</v>
      </c>
      <c r="R3246" t="s">
        <v>16860</v>
      </c>
      <c r="S3246">
        <v>313</v>
      </c>
    </row>
    <row r="3247" spans="1:19" x14ac:dyDescent="0.25">
      <c r="A3247">
        <v>18626616</v>
      </c>
      <c r="B3247" t="s">
        <v>16861</v>
      </c>
      <c r="C3247" s="1" t="s">
        <v>16862</v>
      </c>
      <c r="E3247">
        <v>2</v>
      </c>
      <c r="F3247">
        <v>0</v>
      </c>
      <c r="H3247" t="s">
        <v>16863</v>
      </c>
      <c r="J3247" t="s">
        <v>16864</v>
      </c>
      <c r="O3247">
        <v>1279912</v>
      </c>
      <c r="P3247">
        <v>1</v>
      </c>
      <c r="Q3247">
        <v>1</v>
      </c>
      <c r="R3247" t="s">
        <v>16865</v>
      </c>
      <c r="S3247">
        <v>1113</v>
      </c>
    </row>
    <row r="3248" spans="1:19" x14ac:dyDescent="0.25">
      <c r="A3248">
        <v>23583976</v>
      </c>
      <c r="B3248" t="s">
        <v>16866</v>
      </c>
      <c r="C3248" s="1" t="s">
        <v>16867</v>
      </c>
      <c r="E3248">
        <v>1</v>
      </c>
      <c r="F3248">
        <v>6</v>
      </c>
      <c r="H3248" t="s">
        <v>16868</v>
      </c>
      <c r="J3248" t="s">
        <v>16869</v>
      </c>
      <c r="K3248" t="s">
        <v>16869</v>
      </c>
      <c r="M3248">
        <v>933198</v>
      </c>
      <c r="O3248">
        <v>2059810</v>
      </c>
      <c r="P3248">
        <v>1</v>
      </c>
      <c r="Q3248">
        <v>-2</v>
      </c>
      <c r="R3248" t="s">
        <v>819</v>
      </c>
      <c r="S3248">
        <v>57</v>
      </c>
    </row>
    <row r="3249" spans="1:19" x14ac:dyDescent="0.25">
      <c r="A3249">
        <v>27304938</v>
      </c>
      <c r="B3249" t="s">
        <v>16870</v>
      </c>
      <c r="C3249" s="1" t="s">
        <v>16871</v>
      </c>
      <c r="D3249">
        <v>27305253</v>
      </c>
      <c r="E3249">
        <v>1</v>
      </c>
      <c r="F3249">
        <v>2</v>
      </c>
      <c r="H3249" t="s">
        <v>16872</v>
      </c>
      <c r="J3249" t="s">
        <v>16873</v>
      </c>
      <c r="K3249" t="s">
        <v>16873</v>
      </c>
      <c r="M3249">
        <v>1056563</v>
      </c>
      <c r="O3249">
        <v>1056563</v>
      </c>
      <c r="P3249">
        <v>1</v>
      </c>
      <c r="Q3249">
        <v>0</v>
      </c>
      <c r="R3249" t="s">
        <v>16874</v>
      </c>
      <c r="S3249">
        <v>354</v>
      </c>
    </row>
    <row r="3250" spans="1:19" x14ac:dyDescent="0.25">
      <c r="A3250">
        <v>14510851</v>
      </c>
      <c r="B3250" t="s">
        <v>16875</v>
      </c>
      <c r="C3250" s="1" t="s">
        <v>16876</v>
      </c>
      <c r="E3250">
        <v>0</v>
      </c>
      <c r="F3250">
        <v>4</v>
      </c>
      <c r="H3250" t="s">
        <v>16877</v>
      </c>
      <c r="J3250" t="s">
        <v>16878</v>
      </c>
      <c r="K3250" t="s">
        <v>16878</v>
      </c>
      <c r="M3250">
        <v>680441</v>
      </c>
      <c r="O3250">
        <v>680441</v>
      </c>
      <c r="P3250">
        <v>1</v>
      </c>
      <c r="Q3250">
        <v>2</v>
      </c>
      <c r="R3250" t="s">
        <v>16879</v>
      </c>
      <c r="S3250">
        <v>1165</v>
      </c>
    </row>
    <row r="3251" spans="1:19" x14ac:dyDescent="0.25">
      <c r="A3251">
        <v>7437098</v>
      </c>
      <c r="B3251" t="s">
        <v>16880</v>
      </c>
      <c r="C3251" s="1" t="s">
        <v>16881</v>
      </c>
      <c r="D3251">
        <v>7437118</v>
      </c>
      <c r="E3251">
        <v>2</v>
      </c>
      <c r="F3251">
        <v>1</v>
      </c>
      <c r="H3251" t="s">
        <v>16882</v>
      </c>
      <c r="I3251">
        <v>1</v>
      </c>
      <c r="J3251" t="s">
        <v>16883</v>
      </c>
      <c r="O3251">
        <v>926078</v>
      </c>
      <c r="P3251">
        <v>1</v>
      </c>
      <c r="Q3251">
        <v>0</v>
      </c>
      <c r="R3251" t="s">
        <v>16884</v>
      </c>
      <c r="S3251">
        <v>4133</v>
      </c>
    </row>
    <row r="3252" spans="1:19" x14ac:dyDescent="0.25">
      <c r="A3252">
        <v>37281020</v>
      </c>
      <c r="B3252" t="s">
        <v>16885</v>
      </c>
      <c r="C3252" s="1" t="s">
        <v>16886</v>
      </c>
      <c r="D3252">
        <v>37346675</v>
      </c>
      <c r="E3252">
        <v>2</v>
      </c>
      <c r="F3252">
        <v>0</v>
      </c>
      <c r="H3252" t="s">
        <v>16887</v>
      </c>
      <c r="J3252" t="s">
        <v>16888</v>
      </c>
      <c r="K3252" t="s">
        <v>16889</v>
      </c>
      <c r="M3252">
        <v>3676597</v>
      </c>
      <c r="O3252">
        <v>3676597</v>
      </c>
      <c r="P3252">
        <v>1</v>
      </c>
      <c r="Q3252">
        <v>1</v>
      </c>
      <c r="R3252" t="s">
        <v>16890</v>
      </c>
      <c r="S3252">
        <v>442</v>
      </c>
    </row>
    <row r="3253" spans="1:19" x14ac:dyDescent="0.25">
      <c r="A3253">
        <v>20970259</v>
      </c>
      <c r="B3253" t="s">
        <v>16891</v>
      </c>
      <c r="C3253" s="1" t="s">
        <v>16892</v>
      </c>
      <c r="E3253">
        <v>2</v>
      </c>
      <c r="F3253">
        <v>7</v>
      </c>
      <c r="H3253" t="s">
        <v>16893</v>
      </c>
      <c r="J3253" t="s">
        <v>16894</v>
      </c>
      <c r="K3253" t="s">
        <v>16895</v>
      </c>
      <c r="M3253">
        <v>508666</v>
      </c>
      <c r="O3253">
        <v>2911924</v>
      </c>
      <c r="P3253">
        <v>1</v>
      </c>
      <c r="Q3253">
        <v>9</v>
      </c>
      <c r="R3253" t="s">
        <v>16896</v>
      </c>
      <c r="S3253">
        <v>4676</v>
      </c>
    </row>
    <row r="3254" spans="1:19" x14ac:dyDescent="0.25">
      <c r="A3254">
        <v>41456489</v>
      </c>
      <c r="B3254" t="s">
        <v>16897</v>
      </c>
      <c r="C3254" s="1" t="s">
        <v>16898</v>
      </c>
      <c r="E3254">
        <v>3</v>
      </c>
      <c r="F3254">
        <v>11</v>
      </c>
      <c r="H3254" t="s">
        <v>16899</v>
      </c>
      <c r="J3254" t="s">
        <v>16900</v>
      </c>
      <c r="K3254" t="s">
        <v>16901</v>
      </c>
      <c r="M3254">
        <v>5218360</v>
      </c>
      <c r="O3254">
        <v>5218360</v>
      </c>
      <c r="P3254">
        <v>1</v>
      </c>
      <c r="Q3254">
        <v>0</v>
      </c>
      <c r="R3254" t="s">
        <v>16902</v>
      </c>
      <c r="S3254">
        <v>1502</v>
      </c>
    </row>
    <row r="3255" spans="1:19" x14ac:dyDescent="0.25">
      <c r="A3255">
        <v>38021180</v>
      </c>
      <c r="B3255" t="s">
        <v>16903</v>
      </c>
      <c r="C3255" t="s">
        <v>16904</v>
      </c>
      <c r="E3255">
        <v>1</v>
      </c>
      <c r="F3255">
        <v>0</v>
      </c>
      <c r="H3255" t="s">
        <v>16905</v>
      </c>
      <c r="J3255" t="s">
        <v>16906</v>
      </c>
      <c r="O3255">
        <v>1044169</v>
      </c>
      <c r="P3255">
        <v>1</v>
      </c>
      <c r="Q3255">
        <v>1</v>
      </c>
      <c r="R3255" t="s">
        <v>16907</v>
      </c>
      <c r="S3255">
        <v>321</v>
      </c>
    </row>
    <row r="3256" spans="1:19" x14ac:dyDescent="0.25">
      <c r="A3256">
        <v>36835850</v>
      </c>
      <c r="B3256" t="s">
        <v>16908</v>
      </c>
      <c r="C3256" s="1" t="s">
        <v>16909</v>
      </c>
      <c r="D3256">
        <v>36837309</v>
      </c>
      <c r="E3256">
        <v>1</v>
      </c>
      <c r="F3256">
        <v>0</v>
      </c>
      <c r="H3256" t="s">
        <v>16910</v>
      </c>
      <c r="I3256">
        <v>1</v>
      </c>
      <c r="J3256" t="s">
        <v>16911</v>
      </c>
      <c r="K3256" t="s">
        <v>16911</v>
      </c>
      <c r="M3256">
        <v>504133</v>
      </c>
      <c r="O3256">
        <v>504133</v>
      </c>
      <c r="P3256">
        <v>1</v>
      </c>
      <c r="Q3256">
        <v>0</v>
      </c>
      <c r="R3256" t="s">
        <v>16912</v>
      </c>
      <c r="S3256">
        <v>81</v>
      </c>
    </row>
    <row r="3257" spans="1:19" x14ac:dyDescent="0.25">
      <c r="A3257">
        <v>12724662</v>
      </c>
      <c r="B3257" t="s">
        <v>16913</v>
      </c>
      <c r="C3257" s="1" t="s">
        <v>16914</v>
      </c>
      <c r="D3257">
        <v>12724872</v>
      </c>
      <c r="E3257">
        <v>2</v>
      </c>
      <c r="F3257">
        <v>2</v>
      </c>
      <c r="H3257" t="s">
        <v>16915</v>
      </c>
      <c r="J3257" t="s">
        <v>16916</v>
      </c>
      <c r="O3257">
        <v>316469</v>
      </c>
      <c r="P3257">
        <v>1</v>
      </c>
      <c r="Q3257">
        <v>3</v>
      </c>
      <c r="R3257" t="s">
        <v>9748</v>
      </c>
      <c r="S3257">
        <v>4266</v>
      </c>
    </row>
    <row r="3258" spans="1:19" x14ac:dyDescent="0.25">
      <c r="A3258">
        <v>21179345</v>
      </c>
      <c r="B3258" t="s">
        <v>16917</v>
      </c>
      <c r="C3258" s="1" t="s">
        <v>16918</v>
      </c>
      <c r="D3258">
        <v>21195600</v>
      </c>
      <c r="E3258">
        <v>1</v>
      </c>
      <c r="F3258">
        <v>0</v>
      </c>
      <c r="H3258" t="s">
        <v>16919</v>
      </c>
      <c r="J3258" t="s">
        <v>16920</v>
      </c>
      <c r="O3258">
        <v>1102774</v>
      </c>
      <c r="P3258">
        <v>1</v>
      </c>
      <c r="Q3258">
        <v>0</v>
      </c>
      <c r="R3258" t="s">
        <v>16921</v>
      </c>
      <c r="S3258">
        <v>2762</v>
      </c>
    </row>
    <row r="3259" spans="1:19" x14ac:dyDescent="0.25">
      <c r="A3259">
        <v>42177508</v>
      </c>
      <c r="B3259" t="s">
        <v>16922</v>
      </c>
      <c r="C3259" s="1" t="s">
        <v>16923</v>
      </c>
      <c r="D3259">
        <v>42177633</v>
      </c>
      <c r="E3259">
        <v>2</v>
      </c>
      <c r="F3259">
        <v>0</v>
      </c>
      <c r="H3259" t="s">
        <v>16924</v>
      </c>
      <c r="I3259">
        <v>0</v>
      </c>
      <c r="J3259" t="s">
        <v>16925</v>
      </c>
      <c r="O3259">
        <v>5082865</v>
      </c>
      <c r="P3259">
        <v>1</v>
      </c>
      <c r="Q3259">
        <v>0</v>
      </c>
      <c r="R3259" t="s">
        <v>9179</v>
      </c>
      <c r="S3259">
        <v>45</v>
      </c>
    </row>
    <row r="3260" spans="1:19" x14ac:dyDescent="0.25">
      <c r="A3260">
        <v>23042479</v>
      </c>
      <c r="B3260" t="s">
        <v>16926</v>
      </c>
      <c r="C3260" s="1" t="s">
        <v>16927</v>
      </c>
      <c r="E3260">
        <v>1</v>
      </c>
      <c r="F3260">
        <v>5</v>
      </c>
      <c r="H3260" t="s">
        <v>16928</v>
      </c>
      <c r="J3260" t="s">
        <v>16929</v>
      </c>
      <c r="O3260">
        <v>34509</v>
      </c>
      <c r="P3260">
        <v>1</v>
      </c>
      <c r="Q3260">
        <v>3</v>
      </c>
      <c r="R3260" t="s">
        <v>16930</v>
      </c>
      <c r="S3260">
        <v>206</v>
      </c>
    </row>
    <row r="3261" spans="1:19" x14ac:dyDescent="0.25">
      <c r="A3261">
        <v>50954123</v>
      </c>
      <c r="B3261" t="s">
        <v>16931</v>
      </c>
      <c r="C3261" s="1" t="s">
        <v>16932</v>
      </c>
      <c r="D3261">
        <v>50954154</v>
      </c>
      <c r="E3261">
        <v>1</v>
      </c>
      <c r="F3261">
        <v>0</v>
      </c>
      <c r="H3261" t="s">
        <v>16933</v>
      </c>
      <c r="J3261" t="s">
        <v>16934</v>
      </c>
      <c r="K3261" t="s">
        <v>16934</v>
      </c>
      <c r="M3261">
        <v>7976758</v>
      </c>
      <c r="O3261">
        <v>3808276</v>
      </c>
      <c r="P3261">
        <v>1</v>
      </c>
      <c r="Q3261">
        <v>0</v>
      </c>
      <c r="R3261" t="s">
        <v>16935</v>
      </c>
      <c r="S3261">
        <v>62</v>
      </c>
    </row>
    <row r="3262" spans="1:19" x14ac:dyDescent="0.25">
      <c r="A3262">
        <v>10958233</v>
      </c>
      <c r="B3262" t="s">
        <v>16936</v>
      </c>
      <c r="C3262" s="1" t="s">
        <v>16937</v>
      </c>
      <c r="E3262">
        <v>0</v>
      </c>
      <c r="F3262">
        <v>1</v>
      </c>
      <c r="H3262" t="s">
        <v>16938</v>
      </c>
      <c r="I3262">
        <v>2</v>
      </c>
      <c r="J3262" t="s">
        <v>16939</v>
      </c>
      <c r="K3262" t="s">
        <v>16939</v>
      </c>
      <c r="M3262">
        <v>1445715</v>
      </c>
      <c r="O3262">
        <v>1445715</v>
      </c>
      <c r="P3262">
        <v>1</v>
      </c>
      <c r="Q3262">
        <v>2</v>
      </c>
      <c r="R3262" t="s">
        <v>16940</v>
      </c>
      <c r="S3262">
        <v>623</v>
      </c>
    </row>
    <row r="3263" spans="1:19" x14ac:dyDescent="0.25">
      <c r="A3263">
        <v>19950014</v>
      </c>
      <c r="B3263" t="s">
        <v>16941</v>
      </c>
      <c r="C3263" s="1" t="s">
        <v>16942</v>
      </c>
      <c r="D3263">
        <v>19950411</v>
      </c>
      <c r="E3263">
        <v>2</v>
      </c>
      <c r="F3263">
        <v>3</v>
      </c>
      <c r="H3263" t="s">
        <v>16943</v>
      </c>
      <c r="I3263">
        <v>1</v>
      </c>
      <c r="J3263" t="s">
        <v>16944</v>
      </c>
      <c r="K3263" t="s">
        <v>16945</v>
      </c>
      <c r="M3263">
        <v>1197318</v>
      </c>
      <c r="O3263">
        <v>1197318</v>
      </c>
      <c r="P3263">
        <v>1</v>
      </c>
      <c r="Q3263">
        <v>1</v>
      </c>
      <c r="R3263" t="s">
        <v>2122</v>
      </c>
      <c r="S3263">
        <v>300</v>
      </c>
    </row>
    <row r="3264" spans="1:19" x14ac:dyDescent="0.25">
      <c r="A3264">
        <v>17770365</v>
      </c>
      <c r="B3264" t="s">
        <v>16946</v>
      </c>
      <c r="C3264" s="1" t="s">
        <v>16947</v>
      </c>
      <c r="E3264">
        <v>1</v>
      </c>
      <c r="F3264">
        <v>1</v>
      </c>
      <c r="H3264" t="s">
        <v>16948</v>
      </c>
      <c r="J3264" t="s">
        <v>16949</v>
      </c>
      <c r="O3264">
        <v>1876510</v>
      </c>
      <c r="P3264">
        <v>1</v>
      </c>
      <c r="Q3264">
        <v>0</v>
      </c>
      <c r="R3264" t="s">
        <v>16950</v>
      </c>
      <c r="S3264">
        <v>1735</v>
      </c>
    </row>
    <row r="3265" spans="1:19" x14ac:dyDescent="0.25">
      <c r="A3265">
        <v>15364081</v>
      </c>
      <c r="B3265" t="s">
        <v>16951</v>
      </c>
      <c r="C3265" s="1" t="s">
        <v>16952</v>
      </c>
      <c r="D3265">
        <v>15364191</v>
      </c>
      <c r="E3265">
        <v>3</v>
      </c>
      <c r="F3265">
        <v>1</v>
      </c>
      <c r="H3265" t="s">
        <v>16953</v>
      </c>
      <c r="J3265" t="s">
        <v>16954</v>
      </c>
      <c r="O3265">
        <v>1456376</v>
      </c>
      <c r="P3265">
        <v>1</v>
      </c>
      <c r="Q3265">
        <v>6</v>
      </c>
      <c r="R3265" t="s">
        <v>16955</v>
      </c>
      <c r="S3265">
        <v>2514</v>
      </c>
    </row>
    <row r="3266" spans="1:19" x14ac:dyDescent="0.25">
      <c r="A3266">
        <v>48732336</v>
      </c>
      <c r="B3266" t="s">
        <v>16956</v>
      </c>
      <c r="C3266" s="1" t="s">
        <v>16957</v>
      </c>
      <c r="E3266">
        <v>0</v>
      </c>
      <c r="F3266">
        <v>0</v>
      </c>
      <c r="H3266" t="s">
        <v>16958</v>
      </c>
      <c r="J3266" t="s">
        <v>16958</v>
      </c>
      <c r="O3266">
        <v>9345992</v>
      </c>
      <c r="P3266">
        <v>1</v>
      </c>
      <c r="Q3266">
        <v>0</v>
      </c>
      <c r="R3266" t="s">
        <v>16959</v>
      </c>
      <c r="S3266">
        <v>61</v>
      </c>
    </row>
    <row r="3267" spans="1:19" x14ac:dyDescent="0.25">
      <c r="A3267">
        <v>13513961</v>
      </c>
      <c r="B3267" t="s">
        <v>16960</v>
      </c>
      <c r="C3267" s="1" t="s">
        <v>16961</v>
      </c>
      <c r="E3267">
        <v>2</v>
      </c>
      <c r="F3267">
        <v>3</v>
      </c>
      <c r="H3267" t="s">
        <v>16962</v>
      </c>
      <c r="J3267" t="s">
        <v>16963</v>
      </c>
      <c r="K3267" t="s">
        <v>16964</v>
      </c>
      <c r="M3267">
        <v>-1</v>
      </c>
      <c r="O3267">
        <v>696627</v>
      </c>
      <c r="P3267">
        <v>1</v>
      </c>
      <c r="Q3267">
        <v>0</v>
      </c>
      <c r="R3267" t="s">
        <v>961</v>
      </c>
      <c r="S3267">
        <v>207</v>
      </c>
    </row>
    <row r="3268" spans="1:19" x14ac:dyDescent="0.25">
      <c r="A3268">
        <v>12134210</v>
      </c>
      <c r="B3268" t="s">
        <v>16965</v>
      </c>
      <c r="C3268" s="1" t="s">
        <v>16966</v>
      </c>
      <c r="D3268">
        <v>12134367</v>
      </c>
      <c r="E3268">
        <v>1</v>
      </c>
      <c r="F3268">
        <v>2</v>
      </c>
      <c r="H3268" t="s">
        <v>16967</v>
      </c>
      <c r="J3268" t="s">
        <v>16968</v>
      </c>
      <c r="K3268" t="s">
        <v>16969</v>
      </c>
      <c r="M3268">
        <v>-1</v>
      </c>
      <c r="O3268">
        <v>725417</v>
      </c>
      <c r="P3268">
        <v>1</v>
      </c>
      <c r="Q3268">
        <v>4</v>
      </c>
      <c r="R3268" t="s">
        <v>16970</v>
      </c>
      <c r="S3268">
        <v>1559</v>
      </c>
    </row>
    <row r="3269" spans="1:19" x14ac:dyDescent="0.25">
      <c r="A3269">
        <v>48986037</v>
      </c>
      <c r="B3269" t="s">
        <v>16971</v>
      </c>
      <c r="C3269" s="1" t="s">
        <v>16972</v>
      </c>
      <c r="D3269">
        <v>48990650</v>
      </c>
      <c r="E3269">
        <v>2</v>
      </c>
      <c r="F3269">
        <v>0</v>
      </c>
      <c r="H3269" t="s">
        <v>16973</v>
      </c>
      <c r="J3269" t="s">
        <v>16974</v>
      </c>
      <c r="O3269">
        <v>8349897</v>
      </c>
      <c r="P3269">
        <v>1</v>
      </c>
      <c r="Q3269">
        <v>1</v>
      </c>
      <c r="R3269" t="s">
        <v>16975</v>
      </c>
      <c r="S3269">
        <v>66</v>
      </c>
    </row>
    <row r="3270" spans="1:19" x14ac:dyDescent="0.25">
      <c r="A3270">
        <v>38906215</v>
      </c>
      <c r="B3270" t="s">
        <v>16976</v>
      </c>
      <c r="C3270" s="1" t="s">
        <v>16977</v>
      </c>
      <c r="E3270">
        <v>1</v>
      </c>
      <c r="F3270">
        <v>4</v>
      </c>
      <c r="H3270" t="s">
        <v>16978</v>
      </c>
      <c r="J3270" t="s">
        <v>16979</v>
      </c>
      <c r="O3270">
        <v>2443105</v>
      </c>
      <c r="P3270">
        <v>1</v>
      </c>
      <c r="Q3270">
        <v>1</v>
      </c>
      <c r="R3270" t="s">
        <v>16980</v>
      </c>
      <c r="S3270">
        <v>102</v>
      </c>
    </row>
    <row r="3271" spans="1:19" x14ac:dyDescent="0.25">
      <c r="A3271">
        <v>5946146</v>
      </c>
      <c r="B3271" t="s">
        <v>16981</v>
      </c>
      <c r="C3271" s="1" t="s">
        <v>16982</v>
      </c>
      <c r="D3271">
        <v>5949328</v>
      </c>
      <c r="E3271">
        <v>1</v>
      </c>
      <c r="F3271">
        <v>0</v>
      </c>
      <c r="H3271" t="s">
        <v>16983</v>
      </c>
      <c r="J3271" t="s">
        <v>16984</v>
      </c>
      <c r="O3271">
        <v>179081</v>
      </c>
      <c r="P3271">
        <v>1</v>
      </c>
      <c r="Q3271">
        <v>1</v>
      </c>
      <c r="R3271" t="s">
        <v>16985</v>
      </c>
      <c r="S3271">
        <v>302</v>
      </c>
    </row>
    <row r="3272" spans="1:19" x14ac:dyDescent="0.25">
      <c r="A3272">
        <v>53567695</v>
      </c>
      <c r="B3272" t="s">
        <v>16986</v>
      </c>
      <c r="C3272" s="1" t="s">
        <v>16987</v>
      </c>
      <c r="E3272">
        <v>2</v>
      </c>
      <c r="F3272">
        <v>2</v>
      </c>
      <c r="H3272" t="s">
        <v>16988</v>
      </c>
      <c r="J3272" t="s">
        <v>16989</v>
      </c>
      <c r="K3272" t="s">
        <v>16989</v>
      </c>
      <c r="M3272">
        <v>5853770</v>
      </c>
      <c r="O3272">
        <v>10730363</v>
      </c>
      <c r="P3272">
        <v>1</v>
      </c>
      <c r="Q3272">
        <v>0</v>
      </c>
      <c r="R3272" t="s">
        <v>4586</v>
      </c>
      <c r="S3272">
        <v>21</v>
      </c>
    </row>
    <row r="3273" spans="1:19" x14ac:dyDescent="0.25">
      <c r="A3273">
        <v>6775703</v>
      </c>
      <c r="B3273" t="s">
        <v>16990</v>
      </c>
      <c r="C3273" s="1" t="s">
        <v>16991</v>
      </c>
      <c r="D3273">
        <v>6775857</v>
      </c>
      <c r="E3273">
        <v>5</v>
      </c>
      <c r="F3273">
        <v>2</v>
      </c>
      <c r="H3273" t="s">
        <v>16992</v>
      </c>
      <c r="I3273">
        <v>1</v>
      </c>
      <c r="J3273" t="s">
        <v>16993</v>
      </c>
      <c r="K3273" t="s">
        <v>16994</v>
      </c>
      <c r="M3273">
        <v>394322</v>
      </c>
      <c r="O3273">
        <v>334265</v>
      </c>
      <c r="P3273">
        <v>1</v>
      </c>
      <c r="Q3273">
        <v>5</v>
      </c>
      <c r="R3273" t="s">
        <v>16995</v>
      </c>
      <c r="S3273">
        <v>8424</v>
      </c>
    </row>
    <row r="3274" spans="1:19" x14ac:dyDescent="0.25">
      <c r="A3274">
        <v>46035990</v>
      </c>
      <c r="B3274" t="s">
        <v>16996</v>
      </c>
      <c r="C3274" s="1" t="s">
        <v>16997</v>
      </c>
      <c r="D3274">
        <v>46038616</v>
      </c>
      <c r="E3274">
        <v>1</v>
      </c>
      <c r="F3274">
        <v>0</v>
      </c>
      <c r="H3274" t="s">
        <v>16998</v>
      </c>
      <c r="J3274" t="s">
        <v>16999</v>
      </c>
      <c r="K3274" t="s">
        <v>17000</v>
      </c>
      <c r="M3274">
        <v>8465023</v>
      </c>
      <c r="O3274">
        <v>6012117</v>
      </c>
      <c r="P3274">
        <v>1</v>
      </c>
      <c r="Q3274">
        <v>0</v>
      </c>
      <c r="R3274" t="s">
        <v>17001</v>
      </c>
      <c r="S3274">
        <v>1472</v>
      </c>
    </row>
    <row r="3275" spans="1:19" x14ac:dyDescent="0.25">
      <c r="A3275">
        <v>17749745</v>
      </c>
      <c r="B3275" t="s">
        <v>17002</v>
      </c>
      <c r="C3275" s="1" t="s">
        <v>17003</v>
      </c>
      <c r="E3275">
        <v>1</v>
      </c>
      <c r="F3275">
        <v>0</v>
      </c>
      <c r="H3275" t="s">
        <v>17004</v>
      </c>
      <c r="J3275" t="s">
        <v>17005</v>
      </c>
      <c r="K3275" t="s">
        <v>17006</v>
      </c>
      <c r="M3275">
        <v>472792</v>
      </c>
      <c r="O3275">
        <v>58290</v>
      </c>
      <c r="P3275">
        <v>1</v>
      </c>
      <c r="Q3275">
        <v>0</v>
      </c>
      <c r="R3275" t="s">
        <v>17007</v>
      </c>
      <c r="S3275">
        <v>84</v>
      </c>
    </row>
    <row r="3276" spans="1:19" x14ac:dyDescent="0.25">
      <c r="A3276">
        <v>8068868</v>
      </c>
      <c r="B3276" t="s">
        <v>17008</v>
      </c>
      <c r="C3276" s="1" t="s">
        <v>17009</v>
      </c>
      <c r="E3276">
        <v>2</v>
      </c>
      <c r="F3276">
        <v>2</v>
      </c>
      <c r="H3276" t="s">
        <v>17010</v>
      </c>
      <c r="J3276" t="s">
        <v>17011</v>
      </c>
      <c r="K3276" t="s">
        <v>17012</v>
      </c>
      <c r="M3276">
        <v>98215</v>
      </c>
      <c r="O3276">
        <v>98215</v>
      </c>
      <c r="P3276">
        <v>1</v>
      </c>
      <c r="Q3276">
        <v>2</v>
      </c>
      <c r="R3276" t="s">
        <v>17013</v>
      </c>
      <c r="S3276">
        <v>1283</v>
      </c>
    </row>
    <row r="3277" spans="1:19" x14ac:dyDescent="0.25">
      <c r="A3277">
        <v>48727609</v>
      </c>
      <c r="B3277" t="s">
        <v>17014</v>
      </c>
      <c r="C3277" s="1" t="s">
        <v>17015</v>
      </c>
      <c r="E3277">
        <v>0</v>
      </c>
      <c r="F3277">
        <v>1</v>
      </c>
      <c r="H3277" t="s">
        <v>17016</v>
      </c>
      <c r="J3277" t="s">
        <v>17016</v>
      </c>
      <c r="O3277">
        <v>5385325</v>
      </c>
      <c r="P3277">
        <v>1</v>
      </c>
      <c r="Q3277">
        <v>0</v>
      </c>
      <c r="R3277" t="s">
        <v>229</v>
      </c>
      <c r="S3277">
        <v>117</v>
      </c>
    </row>
    <row r="3278" spans="1:19" x14ac:dyDescent="0.25">
      <c r="A3278">
        <v>49985072</v>
      </c>
      <c r="B3278" t="s">
        <v>17017</v>
      </c>
      <c r="C3278" s="1" t="s">
        <v>17018</v>
      </c>
      <c r="D3278">
        <v>49985298</v>
      </c>
      <c r="E3278">
        <v>2</v>
      </c>
      <c r="F3278">
        <v>0</v>
      </c>
      <c r="H3278" t="s">
        <v>17019</v>
      </c>
      <c r="J3278" t="s">
        <v>17020</v>
      </c>
      <c r="K3278" t="s">
        <v>17021</v>
      </c>
      <c r="M3278">
        <v>2435473</v>
      </c>
      <c r="O3278">
        <v>1338585</v>
      </c>
      <c r="P3278">
        <v>1</v>
      </c>
      <c r="Q3278">
        <v>0</v>
      </c>
      <c r="R3278" t="s">
        <v>125</v>
      </c>
      <c r="S3278">
        <v>30</v>
      </c>
    </row>
    <row r="3279" spans="1:19" x14ac:dyDescent="0.25">
      <c r="A3279">
        <v>52359041</v>
      </c>
      <c r="B3279" t="s">
        <v>17022</v>
      </c>
      <c r="C3279" s="1" t="s">
        <v>17023</v>
      </c>
      <c r="D3279">
        <v>52359183</v>
      </c>
      <c r="E3279">
        <v>1</v>
      </c>
      <c r="F3279">
        <v>2</v>
      </c>
      <c r="H3279" t="s">
        <v>17024</v>
      </c>
      <c r="J3279" t="s">
        <v>17025</v>
      </c>
      <c r="K3279" t="s">
        <v>17026</v>
      </c>
      <c r="M3279">
        <v>9916584</v>
      </c>
      <c r="O3279">
        <v>9916584</v>
      </c>
      <c r="P3279">
        <v>1</v>
      </c>
      <c r="Q3279">
        <v>0</v>
      </c>
      <c r="R3279" t="s">
        <v>819</v>
      </c>
      <c r="S3279">
        <v>27</v>
      </c>
    </row>
    <row r="3280" spans="1:19" x14ac:dyDescent="0.25">
      <c r="A3280">
        <v>15715059</v>
      </c>
      <c r="B3280" t="s">
        <v>17027</v>
      </c>
      <c r="C3280" s="1" t="s">
        <v>17028</v>
      </c>
      <c r="E3280">
        <v>2</v>
      </c>
      <c r="F3280">
        <v>1</v>
      </c>
      <c r="H3280" t="s">
        <v>17029</v>
      </c>
      <c r="J3280" t="s">
        <v>17030</v>
      </c>
      <c r="O3280">
        <v>1316642</v>
      </c>
      <c r="P3280">
        <v>1</v>
      </c>
      <c r="Q3280">
        <v>-1</v>
      </c>
      <c r="R3280" t="s">
        <v>759</v>
      </c>
      <c r="S3280">
        <v>147</v>
      </c>
    </row>
    <row r="3281" spans="1:19" x14ac:dyDescent="0.25">
      <c r="A3281">
        <v>6014509</v>
      </c>
      <c r="B3281" t="s">
        <v>17031</v>
      </c>
      <c r="C3281" s="1" t="s">
        <v>17032</v>
      </c>
      <c r="E3281">
        <v>2</v>
      </c>
      <c r="F3281">
        <v>4</v>
      </c>
      <c r="H3281" t="s">
        <v>17033</v>
      </c>
      <c r="J3281" t="s">
        <v>17034</v>
      </c>
      <c r="O3281">
        <v>697334</v>
      </c>
      <c r="P3281">
        <v>1</v>
      </c>
      <c r="Q3281">
        <v>2</v>
      </c>
      <c r="R3281" t="s">
        <v>17035</v>
      </c>
      <c r="S3281">
        <v>936</v>
      </c>
    </row>
    <row r="3282" spans="1:19" x14ac:dyDescent="0.25">
      <c r="A3282">
        <v>42487494</v>
      </c>
      <c r="B3282" t="s">
        <v>17036</v>
      </c>
      <c r="C3282" s="1" t="s">
        <v>17037</v>
      </c>
      <c r="D3282">
        <v>42487545</v>
      </c>
      <c r="E3282">
        <v>1</v>
      </c>
      <c r="F3282">
        <v>0</v>
      </c>
      <c r="H3282" t="s">
        <v>17038</v>
      </c>
      <c r="J3282" t="s">
        <v>17039</v>
      </c>
      <c r="K3282" t="s">
        <v>17040</v>
      </c>
      <c r="M3282">
        <v>5535245</v>
      </c>
      <c r="O3282">
        <v>2783678</v>
      </c>
      <c r="P3282">
        <v>1</v>
      </c>
      <c r="Q3282">
        <v>0</v>
      </c>
      <c r="R3282" t="s">
        <v>17041</v>
      </c>
      <c r="S3282">
        <v>427</v>
      </c>
    </row>
    <row r="3283" spans="1:19" x14ac:dyDescent="0.25">
      <c r="A3283">
        <v>31888772</v>
      </c>
      <c r="B3283" t="s">
        <v>17042</v>
      </c>
      <c r="C3283" s="1" t="s">
        <v>17043</v>
      </c>
      <c r="E3283">
        <v>1</v>
      </c>
      <c r="F3283">
        <v>0</v>
      </c>
      <c r="H3283" t="s">
        <v>17044</v>
      </c>
      <c r="J3283" t="s">
        <v>17045</v>
      </c>
      <c r="O3283">
        <v>4141239</v>
      </c>
      <c r="P3283">
        <v>1</v>
      </c>
      <c r="Q3283">
        <v>0</v>
      </c>
      <c r="R3283" t="s">
        <v>17046</v>
      </c>
      <c r="S3283">
        <v>74</v>
      </c>
    </row>
    <row r="3284" spans="1:19" x14ac:dyDescent="0.25">
      <c r="A3284">
        <v>16411609</v>
      </c>
      <c r="B3284" t="s">
        <v>17047</v>
      </c>
      <c r="C3284" s="1" t="s">
        <v>17048</v>
      </c>
      <c r="E3284">
        <v>2</v>
      </c>
      <c r="F3284">
        <v>0</v>
      </c>
      <c r="H3284" t="s">
        <v>17049</v>
      </c>
      <c r="I3284">
        <v>3</v>
      </c>
      <c r="J3284" t="s">
        <v>17050</v>
      </c>
      <c r="K3284" t="s">
        <v>17050</v>
      </c>
      <c r="M3284">
        <v>267702</v>
      </c>
      <c r="O3284">
        <v>1950767</v>
      </c>
      <c r="P3284">
        <v>1</v>
      </c>
      <c r="Q3284">
        <v>6</v>
      </c>
      <c r="R3284" t="s">
        <v>17051</v>
      </c>
      <c r="S3284">
        <v>27139</v>
      </c>
    </row>
    <row r="3285" spans="1:19" x14ac:dyDescent="0.25">
      <c r="A3285">
        <v>20627948</v>
      </c>
      <c r="B3285" t="s">
        <v>17052</v>
      </c>
      <c r="C3285" s="1" t="s">
        <v>17053</v>
      </c>
      <c r="E3285">
        <v>1</v>
      </c>
      <c r="F3285">
        <v>0</v>
      </c>
      <c r="H3285" t="s">
        <v>17054</v>
      </c>
      <c r="J3285" t="s">
        <v>17055</v>
      </c>
      <c r="O3285">
        <v>2909765</v>
      </c>
      <c r="P3285">
        <v>1</v>
      </c>
      <c r="Q3285">
        <v>0</v>
      </c>
      <c r="R3285" t="s">
        <v>17056</v>
      </c>
      <c r="S3285">
        <v>285</v>
      </c>
    </row>
    <row r="3286" spans="1:19" x14ac:dyDescent="0.25">
      <c r="A3286">
        <v>28349044</v>
      </c>
      <c r="B3286" t="s">
        <v>17057</v>
      </c>
      <c r="C3286" s="1" t="s">
        <v>17058</v>
      </c>
      <c r="E3286">
        <v>1</v>
      </c>
      <c r="F3286">
        <v>1</v>
      </c>
      <c r="H3286" t="s">
        <v>17059</v>
      </c>
      <c r="J3286" t="s">
        <v>17060</v>
      </c>
      <c r="O3286">
        <v>3255644</v>
      </c>
      <c r="P3286">
        <v>1</v>
      </c>
      <c r="Q3286">
        <v>0</v>
      </c>
      <c r="R3286" t="s">
        <v>17061</v>
      </c>
      <c r="S3286">
        <v>39</v>
      </c>
    </row>
    <row r="3287" spans="1:19" x14ac:dyDescent="0.25">
      <c r="A3287">
        <v>5944550</v>
      </c>
      <c r="B3287" t="s">
        <v>17062</v>
      </c>
      <c r="C3287" s="1" t="s">
        <v>17063</v>
      </c>
      <c r="E3287">
        <v>1</v>
      </c>
      <c r="F3287">
        <v>1</v>
      </c>
      <c r="H3287" t="s">
        <v>17064</v>
      </c>
      <c r="J3287" t="s">
        <v>17065</v>
      </c>
      <c r="K3287" t="s">
        <v>17066</v>
      </c>
      <c r="M3287">
        <v>44729</v>
      </c>
      <c r="O3287">
        <v>746058</v>
      </c>
      <c r="P3287">
        <v>1</v>
      </c>
      <c r="Q3287">
        <v>1</v>
      </c>
      <c r="R3287" t="s">
        <v>17067</v>
      </c>
      <c r="S3287">
        <v>1402</v>
      </c>
    </row>
    <row r="3288" spans="1:19" x14ac:dyDescent="0.25">
      <c r="A3288">
        <v>7661937</v>
      </c>
      <c r="B3288" t="s">
        <v>17068</v>
      </c>
      <c r="C3288" s="1" t="s">
        <v>17069</v>
      </c>
      <c r="E3288">
        <v>1</v>
      </c>
      <c r="F3288">
        <v>5</v>
      </c>
      <c r="H3288" t="s">
        <v>17070</v>
      </c>
      <c r="J3288" t="s">
        <v>17071</v>
      </c>
      <c r="O3288">
        <v>980396</v>
      </c>
      <c r="P3288">
        <v>1</v>
      </c>
      <c r="Q3288">
        <v>2</v>
      </c>
      <c r="R3288" t="s">
        <v>17072</v>
      </c>
      <c r="S3288">
        <v>637</v>
      </c>
    </row>
    <row r="3289" spans="1:19" x14ac:dyDescent="0.25">
      <c r="A3289">
        <v>46897642</v>
      </c>
      <c r="B3289" t="s">
        <v>17073</v>
      </c>
      <c r="C3289" s="1" t="s">
        <v>17074</v>
      </c>
      <c r="D3289">
        <v>46898199</v>
      </c>
      <c r="E3289">
        <v>1</v>
      </c>
      <c r="F3289">
        <v>5</v>
      </c>
      <c r="H3289" t="s">
        <v>17075</v>
      </c>
      <c r="J3289" t="s">
        <v>17076</v>
      </c>
      <c r="K3289" t="s">
        <v>17077</v>
      </c>
      <c r="M3289">
        <v>4906586</v>
      </c>
      <c r="O3289">
        <v>8821537</v>
      </c>
      <c r="P3289">
        <v>1</v>
      </c>
      <c r="Q3289">
        <v>2</v>
      </c>
      <c r="R3289" t="s">
        <v>17078</v>
      </c>
      <c r="S3289">
        <v>48</v>
      </c>
    </row>
    <row r="3290" spans="1:19" x14ac:dyDescent="0.25">
      <c r="A3290">
        <v>32374976</v>
      </c>
      <c r="B3290" t="s">
        <v>17079</v>
      </c>
      <c r="C3290" s="1" t="s">
        <v>17080</v>
      </c>
      <c r="E3290">
        <v>3</v>
      </c>
      <c r="F3290">
        <v>0</v>
      </c>
      <c r="H3290" t="s">
        <v>17081</v>
      </c>
      <c r="I3290">
        <v>1</v>
      </c>
      <c r="J3290" t="s">
        <v>17082</v>
      </c>
      <c r="O3290">
        <v>4949116</v>
      </c>
      <c r="P3290">
        <v>1</v>
      </c>
      <c r="Q3290">
        <v>2</v>
      </c>
      <c r="R3290" t="s">
        <v>17083</v>
      </c>
      <c r="S3290">
        <v>1060</v>
      </c>
    </row>
    <row r="3291" spans="1:19" x14ac:dyDescent="0.25">
      <c r="A3291">
        <v>37685331</v>
      </c>
      <c r="B3291" t="s">
        <v>17084</v>
      </c>
      <c r="C3291" s="1" t="s">
        <v>17085</v>
      </c>
      <c r="E3291">
        <v>0</v>
      </c>
      <c r="F3291">
        <v>2</v>
      </c>
      <c r="H3291" t="s">
        <v>17086</v>
      </c>
      <c r="J3291" t="s">
        <v>17086</v>
      </c>
      <c r="O3291">
        <v>2324271</v>
      </c>
      <c r="P3291">
        <v>1</v>
      </c>
      <c r="Q3291">
        <v>0</v>
      </c>
      <c r="R3291" t="s">
        <v>4347</v>
      </c>
      <c r="S3291">
        <v>161</v>
      </c>
    </row>
    <row r="3292" spans="1:19" x14ac:dyDescent="0.25">
      <c r="A3292">
        <v>3013145</v>
      </c>
      <c r="B3292" t="s">
        <v>17087</v>
      </c>
      <c r="C3292" s="1" t="s">
        <v>17088</v>
      </c>
      <c r="D3292">
        <v>3013245</v>
      </c>
      <c r="E3292">
        <v>1</v>
      </c>
      <c r="F3292">
        <v>2</v>
      </c>
      <c r="H3292" t="s">
        <v>17089</v>
      </c>
      <c r="J3292" t="s">
        <v>17090</v>
      </c>
      <c r="K3292" t="s">
        <v>17091</v>
      </c>
      <c r="M3292">
        <v>166556</v>
      </c>
      <c r="O3292">
        <v>166556</v>
      </c>
      <c r="P3292">
        <v>1</v>
      </c>
      <c r="Q3292">
        <v>0</v>
      </c>
      <c r="R3292" t="s">
        <v>17092</v>
      </c>
      <c r="S3292">
        <v>817</v>
      </c>
    </row>
    <row r="3293" spans="1:19" x14ac:dyDescent="0.25">
      <c r="A3293">
        <v>17913323</v>
      </c>
      <c r="B3293" t="s">
        <v>17093</v>
      </c>
      <c r="C3293" s="1" t="s">
        <v>17094</v>
      </c>
      <c r="E3293">
        <v>1</v>
      </c>
      <c r="F3293">
        <v>0</v>
      </c>
      <c r="H3293" t="s">
        <v>17095</v>
      </c>
      <c r="J3293" t="s">
        <v>17096</v>
      </c>
      <c r="O3293">
        <v>2628386</v>
      </c>
      <c r="P3293">
        <v>1</v>
      </c>
      <c r="Q3293">
        <v>1</v>
      </c>
      <c r="R3293" t="s">
        <v>17097</v>
      </c>
      <c r="S3293">
        <v>2300</v>
      </c>
    </row>
    <row r="3294" spans="1:19" x14ac:dyDescent="0.25">
      <c r="A3294">
        <v>28264256</v>
      </c>
      <c r="B3294" t="s">
        <v>17098</v>
      </c>
      <c r="C3294" s="1" t="s">
        <v>17099</v>
      </c>
      <c r="E3294">
        <v>1</v>
      </c>
      <c r="F3294">
        <v>0</v>
      </c>
      <c r="H3294" t="s">
        <v>17100</v>
      </c>
      <c r="J3294" t="s">
        <v>17101</v>
      </c>
      <c r="O3294">
        <v>4308573</v>
      </c>
      <c r="P3294">
        <v>1</v>
      </c>
      <c r="Q3294">
        <v>0</v>
      </c>
      <c r="R3294" t="s">
        <v>17102</v>
      </c>
      <c r="S3294">
        <v>1724</v>
      </c>
    </row>
    <row r="3295" spans="1:19" x14ac:dyDescent="0.25">
      <c r="A3295">
        <v>13792923</v>
      </c>
      <c r="B3295" t="s">
        <v>17103</v>
      </c>
      <c r="C3295" s="1" t="s">
        <v>17104</v>
      </c>
      <c r="E3295">
        <v>3</v>
      </c>
      <c r="F3295">
        <v>2</v>
      </c>
      <c r="H3295" t="s">
        <v>17105</v>
      </c>
      <c r="J3295" t="s">
        <v>17106</v>
      </c>
      <c r="K3295" t="s">
        <v>17107</v>
      </c>
      <c r="M3295">
        <v>701092</v>
      </c>
      <c r="O3295">
        <v>1670946</v>
      </c>
      <c r="P3295">
        <v>1</v>
      </c>
      <c r="Q3295">
        <v>-3</v>
      </c>
      <c r="R3295" t="s">
        <v>759</v>
      </c>
      <c r="S3295">
        <v>74</v>
      </c>
    </row>
    <row r="3296" spans="1:19" x14ac:dyDescent="0.25">
      <c r="A3296">
        <v>26583117</v>
      </c>
      <c r="B3296" t="s">
        <v>17108</v>
      </c>
      <c r="C3296" s="1" t="s">
        <v>17109</v>
      </c>
      <c r="D3296">
        <v>26588381</v>
      </c>
      <c r="E3296">
        <v>1</v>
      </c>
      <c r="F3296">
        <v>1</v>
      </c>
      <c r="H3296" t="s">
        <v>17110</v>
      </c>
      <c r="J3296" t="s">
        <v>17111</v>
      </c>
      <c r="O3296">
        <v>2154410</v>
      </c>
      <c r="P3296">
        <v>1</v>
      </c>
      <c r="Q3296">
        <v>-1</v>
      </c>
      <c r="R3296" t="s">
        <v>17112</v>
      </c>
      <c r="S3296">
        <v>158</v>
      </c>
    </row>
    <row r="3297" spans="1:19" x14ac:dyDescent="0.25">
      <c r="A3297">
        <v>38129905</v>
      </c>
      <c r="B3297" t="s">
        <v>17113</v>
      </c>
      <c r="C3297" s="1" t="s">
        <v>17114</v>
      </c>
      <c r="E3297">
        <v>1</v>
      </c>
      <c r="F3297">
        <v>1</v>
      </c>
      <c r="H3297" t="s">
        <v>17115</v>
      </c>
      <c r="J3297" t="s">
        <v>17116</v>
      </c>
      <c r="O3297">
        <v>4507489</v>
      </c>
      <c r="P3297">
        <v>1</v>
      </c>
      <c r="Q3297">
        <v>0</v>
      </c>
      <c r="R3297" t="s">
        <v>17117</v>
      </c>
      <c r="S3297">
        <v>347</v>
      </c>
    </row>
    <row r="3298" spans="1:19" x14ac:dyDescent="0.25">
      <c r="A3298">
        <v>52307055</v>
      </c>
      <c r="B3298" t="s">
        <v>17118</v>
      </c>
      <c r="C3298" s="1" t="s">
        <v>17119</v>
      </c>
      <c r="E3298">
        <v>1</v>
      </c>
      <c r="F3298">
        <v>4</v>
      </c>
      <c r="H3298" t="s">
        <v>17120</v>
      </c>
      <c r="I3298">
        <v>1</v>
      </c>
      <c r="J3298" t="s">
        <v>17121</v>
      </c>
      <c r="K3298" t="s">
        <v>17121</v>
      </c>
      <c r="M3298">
        <v>5820696</v>
      </c>
      <c r="O3298">
        <v>5820696</v>
      </c>
      <c r="P3298">
        <v>1</v>
      </c>
      <c r="Q3298">
        <v>0</v>
      </c>
      <c r="R3298" t="s">
        <v>17122</v>
      </c>
      <c r="S3298">
        <v>38</v>
      </c>
    </row>
    <row r="3299" spans="1:19" x14ac:dyDescent="0.25">
      <c r="A3299">
        <v>13287354</v>
      </c>
      <c r="B3299" t="s">
        <v>17123</v>
      </c>
      <c r="C3299" s="1" t="s">
        <v>17124</v>
      </c>
      <c r="D3299">
        <v>13307129</v>
      </c>
      <c r="E3299">
        <v>2</v>
      </c>
      <c r="F3299">
        <v>3</v>
      </c>
      <c r="H3299" t="s">
        <v>17125</v>
      </c>
      <c r="J3299" t="s">
        <v>17126</v>
      </c>
      <c r="K3299" t="s">
        <v>17127</v>
      </c>
      <c r="M3299">
        <v>1095090</v>
      </c>
      <c r="O3299">
        <v>1767365</v>
      </c>
      <c r="P3299">
        <v>1</v>
      </c>
      <c r="Q3299">
        <v>0</v>
      </c>
      <c r="R3299" t="s">
        <v>17128</v>
      </c>
      <c r="S3299">
        <v>292</v>
      </c>
    </row>
    <row r="3300" spans="1:19" x14ac:dyDescent="0.25">
      <c r="A3300">
        <v>37673365</v>
      </c>
      <c r="B3300" t="s">
        <v>17129</v>
      </c>
      <c r="C3300" t="s">
        <v>17130</v>
      </c>
      <c r="D3300">
        <v>37673625</v>
      </c>
      <c r="E3300">
        <v>5</v>
      </c>
      <c r="F3300">
        <v>8</v>
      </c>
      <c r="H3300" t="s">
        <v>17131</v>
      </c>
      <c r="J3300" t="s">
        <v>17132</v>
      </c>
      <c r="K3300" t="s">
        <v>17132</v>
      </c>
      <c r="M3300">
        <v>2227743</v>
      </c>
      <c r="O3300">
        <v>5400189</v>
      </c>
      <c r="P3300">
        <v>1</v>
      </c>
      <c r="Q3300">
        <v>-2</v>
      </c>
      <c r="R3300" t="s">
        <v>8052</v>
      </c>
      <c r="S3300">
        <v>180</v>
      </c>
    </row>
    <row r="3301" spans="1:19" x14ac:dyDescent="0.25">
      <c r="A3301">
        <v>16025287</v>
      </c>
      <c r="B3301" t="s">
        <v>17133</v>
      </c>
      <c r="C3301" s="1" t="s">
        <v>17134</v>
      </c>
      <c r="D3301">
        <v>16025457</v>
      </c>
      <c r="E3301">
        <v>3</v>
      </c>
      <c r="F3301">
        <v>3</v>
      </c>
      <c r="H3301" t="s">
        <v>17135</v>
      </c>
      <c r="I3301">
        <v>12</v>
      </c>
      <c r="J3301" t="s">
        <v>17136</v>
      </c>
      <c r="K3301" t="s">
        <v>17137</v>
      </c>
      <c r="M3301">
        <v>470005</v>
      </c>
      <c r="O3301">
        <v>1270259</v>
      </c>
      <c r="P3301">
        <v>1</v>
      </c>
      <c r="Q3301">
        <v>52</v>
      </c>
      <c r="R3301" t="s">
        <v>17138</v>
      </c>
      <c r="S3301">
        <v>131686</v>
      </c>
    </row>
    <row r="3302" spans="1:19" x14ac:dyDescent="0.25">
      <c r="A3302">
        <v>15458023</v>
      </c>
      <c r="B3302" t="s">
        <v>17139</v>
      </c>
      <c r="C3302" s="1" t="s">
        <v>17140</v>
      </c>
      <c r="E3302">
        <v>2</v>
      </c>
      <c r="F3302">
        <v>0</v>
      </c>
      <c r="H3302" t="s">
        <v>17141</v>
      </c>
      <c r="J3302" t="s">
        <v>17142</v>
      </c>
      <c r="K3302" t="s">
        <v>17143</v>
      </c>
      <c r="L3302" t="s">
        <v>17144</v>
      </c>
      <c r="M3302">
        <v>759866</v>
      </c>
      <c r="O3302">
        <v>2060483</v>
      </c>
      <c r="P3302">
        <v>1</v>
      </c>
      <c r="Q3302">
        <v>0</v>
      </c>
      <c r="R3302" t="s">
        <v>2771</v>
      </c>
      <c r="S3302">
        <v>1385</v>
      </c>
    </row>
    <row r="3303" spans="1:19" x14ac:dyDescent="0.25">
      <c r="A3303">
        <v>15268439</v>
      </c>
      <c r="B3303" t="s">
        <v>17145</v>
      </c>
      <c r="C3303" s="1" t="s">
        <v>17146</v>
      </c>
      <c r="D3303">
        <v>15277827</v>
      </c>
      <c r="E3303">
        <v>2</v>
      </c>
      <c r="F3303">
        <v>0</v>
      </c>
      <c r="H3303" t="s">
        <v>17147</v>
      </c>
      <c r="J3303" t="s">
        <v>17148</v>
      </c>
      <c r="O3303">
        <v>1635314</v>
      </c>
      <c r="P3303">
        <v>1</v>
      </c>
      <c r="Q3303">
        <v>0</v>
      </c>
      <c r="R3303" t="s">
        <v>17149</v>
      </c>
      <c r="S3303">
        <v>162</v>
      </c>
    </row>
    <row r="3304" spans="1:19" x14ac:dyDescent="0.25">
      <c r="A3304">
        <v>37108819</v>
      </c>
      <c r="B3304" t="s">
        <v>17150</v>
      </c>
      <c r="C3304" s="1" t="s">
        <v>17151</v>
      </c>
      <c r="E3304">
        <v>1</v>
      </c>
      <c r="F3304">
        <v>0</v>
      </c>
      <c r="H3304" t="s">
        <v>17152</v>
      </c>
      <c r="J3304" t="s">
        <v>17153</v>
      </c>
      <c r="K3304" t="s">
        <v>17154</v>
      </c>
      <c r="M3304">
        <v>2710264</v>
      </c>
      <c r="O3304">
        <v>2710264</v>
      </c>
      <c r="P3304">
        <v>1</v>
      </c>
      <c r="Q3304">
        <v>0</v>
      </c>
      <c r="R3304" t="s">
        <v>17155</v>
      </c>
      <c r="S3304">
        <v>372</v>
      </c>
    </row>
    <row r="3305" spans="1:19" x14ac:dyDescent="0.25">
      <c r="A3305">
        <v>47152472</v>
      </c>
      <c r="B3305" t="s">
        <v>17156</v>
      </c>
      <c r="C3305" s="1" t="s">
        <v>17157</v>
      </c>
      <c r="D3305">
        <v>47153410</v>
      </c>
      <c r="E3305">
        <v>1</v>
      </c>
      <c r="F3305">
        <v>2</v>
      </c>
      <c r="H3305" t="s">
        <v>17158</v>
      </c>
      <c r="J3305" t="s">
        <v>17159</v>
      </c>
      <c r="O3305">
        <v>8498450</v>
      </c>
      <c r="P3305">
        <v>1</v>
      </c>
      <c r="Q3305">
        <v>0</v>
      </c>
      <c r="R3305" t="s">
        <v>17160</v>
      </c>
      <c r="S3305">
        <v>28</v>
      </c>
    </row>
    <row r="3306" spans="1:19" x14ac:dyDescent="0.25">
      <c r="A3306">
        <v>37468282</v>
      </c>
      <c r="B3306" t="s">
        <v>17161</v>
      </c>
      <c r="C3306" s="1" t="s">
        <v>17162</v>
      </c>
      <c r="D3306">
        <v>37468369</v>
      </c>
      <c r="E3306">
        <v>1</v>
      </c>
      <c r="F3306">
        <v>0</v>
      </c>
      <c r="H3306" t="s">
        <v>17163</v>
      </c>
      <c r="J3306" t="s">
        <v>17164</v>
      </c>
      <c r="O3306">
        <v>6247913</v>
      </c>
      <c r="P3306">
        <v>1</v>
      </c>
      <c r="Q3306">
        <v>0</v>
      </c>
      <c r="R3306" t="s">
        <v>1446</v>
      </c>
      <c r="S3306">
        <v>891</v>
      </c>
    </row>
    <row r="3307" spans="1:19" x14ac:dyDescent="0.25">
      <c r="A3307">
        <v>19998201</v>
      </c>
      <c r="B3307" t="s">
        <v>17165</v>
      </c>
      <c r="C3307" s="1" t="s">
        <v>17166</v>
      </c>
      <c r="E3307">
        <v>2</v>
      </c>
      <c r="F3307">
        <v>1</v>
      </c>
      <c r="H3307" t="s">
        <v>17167</v>
      </c>
      <c r="J3307" t="s">
        <v>17168</v>
      </c>
      <c r="K3307" t="s">
        <v>17169</v>
      </c>
      <c r="M3307">
        <v>13302</v>
      </c>
      <c r="O3307">
        <v>2612969</v>
      </c>
      <c r="P3307">
        <v>1</v>
      </c>
      <c r="Q3307">
        <v>1</v>
      </c>
      <c r="R3307" t="s">
        <v>17170</v>
      </c>
      <c r="S3307">
        <v>2348</v>
      </c>
    </row>
    <row r="3308" spans="1:19" x14ac:dyDescent="0.25">
      <c r="A3308">
        <v>47302117</v>
      </c>
      <c r="B3308" t="s">
        <v>17171</v>
      </c>
      <c r="C3308" s="1" t="s">
        <v>17172</v>
      </c>
      <c r="E3308">
        <v>0</v>
      </c>
      <c r="F3308">
        <v>0</v>
      </c>
      <c r="H3308" t="s">
        <v>17173</v>
      </c>
      <c r="J3308" t="s">
        <v>17174</v>
      </c>
      <c r="K3308" t="s">
        <v>17174</v>
      </c>
      <c r="M3308">
        <v>8818303</v>
      </c>
      <c r="O3308">
        <v>8818303</v>
      </c>
      <c r="P3308">
        <v>1</v>
      </c>
      <c r="Q3308">
        <v>3</v>
      </c>
      <c r="R3308" t="s">
        <v>17175</v>
      </c>
      <c r="S3308">
        <v>49</v>
      </c>
    </row>
    <row r="3309" spans="1:19" x14ac:dyDescent="0.25">
      <c r="A3309">
        <v>50941839</v>
      </c>
      <c r="B3309" t="s">
        <v>17176</v>
      </c>
      <c r="C3309" s="1" t="s">
        <v>17177</v>
      </c>
      <c r="E3309">
        <v>0</v>
      </c>
      <c r="F3309">
        <v>2</v>
      </c>
      <c r="H3309" t="s">
        <v>17178</v>
      </c>
      <c r="J3309" t="s">
        <v>17179</v>
      </c>
      <c r="K3309" t="s">
        <v>17179</v>
      </c>
      <c r="M3309">
        <v>4177726</v>
      </c>
      <c r="O3309">
        <v>4177726</v>
      </c>
      <c r="P3309">
        <v>1</v>
      </c>
      <c r="Q3309">
        <v>2</v>
      </c>
      <c r="R3309" t="s">
        <v>17180</v>
      </c>
      <c r="S3309">
        <v>38</v>
      </c>
    </row>
    <row r="3310" spans="1:19" x14ac:dyDescent="0.25">
      <c r="A3310">
        <v>25485143</v>
      </c>
      <c r="B3310" t="s">
        <v>17181</v>
      </c>
      <c r="C3310" s="1" t="s">
        <v>17182</v>
      </c>
      <c r="E3310">
        <v>1</v>
      </c>
      <c r="F3310">
        <v>4</v>
      </c>
      <c r="H3310" t="s">
        <v>17183</v>
      </c>
      <c r="J3310" t="s">
        <v>17184</v>
      </c>
      <c r="K3310" t="s">
        <v>17185</v>
      </c>
      <c r="M3310">
        <v>3440545</v>
      </c>
      <c r="O3310">
        <v>3008180</v>
      </c>
      <c r="P3310">
        <v>1</v>
      </c>
      <c r="Q3310">
        <v>-1</v>
      </c>
      <c r="R3310" t="s">
        <v>17186</v>
      </c>
      <c r="S3310">
        <v>926</v>
      </c>
    </row>
    <row r="3311" spans="1:19" x14ac:dyDescent="0.25">
      <c r="A3311">
        <v>38304152</v>
      </c>
      <c r="B3311" t="s">
        <v>17187</v>
      </c>
      <c r="C3311" s="1" t="s">
        <v>17188</v>
      </c>
      <c r="E3311">
        <v>3</v>
      </c>
      <c r="F3311">
        <v>0</v>
      </c>
      <c r="H3311" t="s">
        <v>17189</v>
      </c>
      <c r="J3311" t="s">
        <v>17190</v>
      </c>
      <c r="O3311">
        <v>4574914</v>
      </c>
      <c r="P3311">
        <v>1</v>
      </c>
      <c r="Q3311">
        <v>-1</v>
      </c>
      <c r="R3311" t="s">
        <v>408</v>
      </c>
      <c r="S3311">
        <v>18</v>
      </c>
    </row>
    <row r="3312" spans="1:19" x14ac:dyDescent="0.25">
      <c r="A3312">
        <v>37432356</v>
      </c>
      <c r="B3312" t="s">
        <v>17191</v>
      </c>
      <c r="C3312" s="1" t="s">
        <v>17192</v>
      </c>
      <c r="E3312">
        <v>2</v>
      </c>
      <c r="F3312">
        <v>0</v>
      </c>
      <c r="H3312" t="s">
        <v>17193</v>
      </c>
      <c r="J3312" t="s">
        <v>17194</v>
      </c>
      <c r="O3312">
        <v>3143261</v>
      </c>
      <c r="P3312">
        <v>1</v>
      </c>
      <c r="Q3312">
        <v>0</v>
      </c>
      <c r="R3312" t="s">
        <v>17195</v>
      </c>
      <c r="S3312">
        <v>238</v>
      </c>
    </row>
    <row r="3313" spans="1:19" x14ac:dyDescent="0.25">
      <c r="A3313">
        <v>47902273</v>
      </c>
      <c r="B3313" t="s">
        <v>17196</v>
      </c>
      <c r="C3313" s="1" t="s">
        <v>17197</v>
      </c>
      <c r="E3313">
        <v>1</v>
      </c>
      <c r="F3313">
        <v>2</v>
      </c>
      <c r="H3313" t="s">
        <v>17198</v>
      </c>
      <c r="J3313" t="s">
        <v>17199</v>
      </c>
      <c r="K3313" t="s">
        <v>17200</v>
      </c>
      <c r="M3313">
        <v>440558</v>
      </c>
      <c r="O3313">
        <v>9121813</v>
      </c>
      <c r="P3313">
        <v>1</v>
      </c>
      <c r="Q3313">
        <v>0</v>
      </c>
      <c r="R3313" t="s">
        <v>17201</v>
      </c>
      <c r="S3313">
        <v>151</v>
      </c>
    </row>
    <row r="3314" spans="1:19" x14ac:dyDescent="0.25">
      <c r="A3314">
        <v>38322937</v>
      </c>
      <c r="B3314" t="s">
        <v>17202</v>
      </c>
      <c r="C3314" s="1" t="s">
        <v>17203</v>
      </c>
      <c r="E3314">
        <v>1</v>
      </c>
      <c r="F3314">
        <v>0</v>
      </c>
      <c r="H3314" t="s">
        <v>17204</v>
      </c>
      <c r="J3314" t="s">
        <v>17205</v>
      </c>
      <c r="O3314">
        <v>4102431</v>
      </c>
      <c r="P3314">
        <v>1</v>
      </c>
      <c r="Q3314">
        <v>0</v>
      </c>
      <c r="R3314" t="s">
        <v>1466</v>
      </c>
      <c r="S3314">
        <v>35</v>
      </c>
    </row>
    <row r="3315" spans="1:19" x14ac:dyDescent="0.25">
      <c r="A3315">
        <v>27135717</v>
      </c>
      <c r="B3315" t="s">
        <v>17206</v>
      </c>
      <c r="C3315" s="1" t="s">
        <v>17207</v>
      </c>
      <c r="D3315">
        <v>27138102</v>
      </c>
      <c r="E3315">
        <v>1</v>
      </c>
      <c r="F3315">
        <v>0</v>
      </c>
      <c r="H3315" t="s">
        <v>17208</v>
      </c>
      <c r="J3315" t="s">
        <v>17209</v>
      </c>
      <c r="O3315">
        <v>428688</v>
      </c>
      <c r="P3315">
        <v>1</v>
      </c>
      <c r="Q3315">
        <v>0</v>
      </c>
      <c r="R3315" t="s">
        <v>17210</v>
      </c>
      <c r="S3315">
        <v>52</v>
      </c>
    </row>
    <row r="3316" spans="1:19" x14ac:dyDescent="0.25">
      <c r="A3316">
        <v>42011531</v>
      </c>
      <c r="B3316" t="s">
        <v>17211</v>
      </c>
      <c r="C3316" s="1" t="s">
        <v>17212</v>
      </c>
      <c r="E3316">
        <v>1</v>
      </c>
      <c r="F3316">
        <v>0</v>
      </c>
      <c r="H3316" t="s">
        <v>17213</v>
      </c>
      <c r="J3316" t="s">
        <v>17214</v>
      </c>
      <c r="O3316">
        <v>3858373</v>
      </c>
      <c r="P3316">
        <v>1</v>
      </c>
      <c r="Q3316">
        <v>0</v>
      </c>
      <c r="R3316" t="s">
        <v>17215</v>
      </c>
      <c r="S3316">
        <v>1103</v>
      </c>
    </row>
    <row r="3317" spans="1:19" x14ac:dyDescent="0.25">
      <c r="A3317">
        <v>29922734</v>
      </c>
      <c r="B3317" t="s">
        <v>17216</v>
      </c>
      <c r="C3317" s="1" t="s">
        <v>17217</v>
      </c>
      <c r="E3317">
        <v>1</v>
      </c>
      <c r="F3317">
        <v>9</v>
      </c>
      <c r="H3317" t="s">
        <v>17218</v>
      </c>
      <c r="J3317" t="s">
        <v>17219</v>
      </c>
      <c r="K3317" t="s">
        <v>17220</v>
      </c>
      <c r="M3317">
        <v>4842602</v>
      </c>
      <c r="O3317">
        <v>4842602</v>
      </c>
      <c r="P3317">
        <v>1</v>
      </c>
      <c r="Q3317">
        <v>-2</v>
      </c>
      <c r="R3317" t="s">
        <v>413</v>
      </c>
      <c r="S3317">
        <v>48</v>
      </c>
    </row>
    <row r="3318" spans="1:19" x14ac:dyDescent="0.25">
      <c r="A3318">
        <v>38103738</v>
      </c>
      <c r="B3318" t="s">
        <v>17221</v>
      </c>
      <c r="C3318" s="1" t="s">
        <v>17222</v>
      </c>
      <c r="D3318">
        <v>38104166</v>
      </c>
      <c r="E3318">
        <v>2</v>
      </c>
      <c r="F3318">
        <v>2</v>
      </c>
      <c r="H3318" t="s">
        <v>17223</v>
      </c>
      <c r="J3318" t="s">
        <v>17224</v>
      </c>
      <c r="K3318" t="s">
        <v>17225</v>
      </c>
      <c r="M3318">
        <v>5019586</v>
      </c>
      <c r="O3318">
        <v>6529115</v>
      </c>
      <c r="P3318">
        <v>1</v>
      </c>
      <c r="Q3318">
        <v>2</v>
      </c>
      <c r="R3318" t="s">
        <v>17226</v>
      </c>
      <c r="S3318">
        <v>2445</v>
      </c>
    </row>
    <row r="3319" spans="1:19" x14ac:dyDescent="0.25">
      <c r="A3319">
        <v>40650368</v>
      </c>
      <c r="B3319" t="s">
        <v>17227</v>
      </c>
      <c r="C3319" s="1" t="s">
        <v>17228</v>
      </c>
      <c r="D3319">
        <v>40650735</v>
      </c>
      <c r="E3319">
        <v>1</v>
      </c>
      <c r="F3319">
        <v>3</v>
      </c>
      <c r="H3319" t="s">
        <v>17229</v>
      </c>
      <c r="J3319" t="s">
        <v>17230</v>
      </c>
      <c r="O3319">
        <v>1546591</v>
      </c>
      <c r="P3319">
        <v>1</v>
      </c>
      <c r="Q3319">
        <v>1</v>
      </c>
      <c r="R3319" t="s">
        <v>2457</v>
      </c>
      <c r="S3319">
        <v>69</v>
      </c>
    </row>
    <row r="3320" spans="1:19" x14ac:dyDescent="0.25">
      <c r="A3320">
        <v>36470200</v>
      </c>
      <c r="B3320" t="s">
        <v>17231</v>
      </c>
      <c r="C3320" s="1" t="s">
        <v>17232</v>
      </c>
      <c r="D3320">
        <v>36473446</v>
      </c>
      <c r="E3320">
        <v>1</v>
      </c>
      <c r="F3320">
        <v>12</v>
      </c>
      <c r="H3320" t="s">
        <v>17233</v>
      </c>
      <c r="J3320" t="s">
        <v>17234</v>
      </c>
      <c r="K3320" t="s">
        <v>17235</v>
      </c>
      <c r="M3320">
        <v>3382549</v>
      </c>
      <c r="O3320">
        <v>4651100</v>
      </c>
      <c r="P3320">
        <v>1</v>
      </c>
      <c r="Q3320">
        <v>1</v>
      </c>
      <c r="R3320" t="s">
        <v>17236</v>
      </c>
      <c r="S3320">
        <v>556</v>
      </c>
    </row>
    <row r="3321" spans="1:19" x14ac:dyDescent="0.25">
      <c r="A3321">
        <v>38432270</v>
      </c>
      <c r="B3321" t="s">
        <v>17237</v>
      </c>
      <c r="C3321" s="1" t="s">
        <v>17238</v>
      </c>
      <c r="D3321">
        <v>38438701</v>
      </c>
      <c r="E3321">
        <v>2</v>
      </c>
      <c r="F3321">
        <v>0</v>
      </c>
      <c r="H3321" t="s">
        <v>17239</v>
      </c>
      <c r="J3321" t="s">
        <v>17240</v>
      </c>
      <c r="K3321" t="s">
        <v>17241</v>
      </c>
      <c r="M3321">
        <v>500343</v>
      </c>
      <c r="O3321">
        <v>500343</v>
      </c>
      <c r="P3321">
        <v>1</v>
      </c>
      <c r="Q3321">
        <v>3</v>
      </c>
      <c r="R3321" t="s">
        <v>17242</v>
      </c>
      <c r="S3321">
        <v>5506</v>
      </c>
    </row>
    <row r="3322" spans="1:19" x14ac:dyDescent="0.25">
      <c r="A3322">
        <v>16982647</v>
      </c>
      <c r="B3322" t="s">
        <v>17243</v>
      </c>
      <c r="C3322" s="1" t="s">
        <v>17244</v>
      </c>
      <c r="D3322">
        <v>16982756</v>
      </c>
      <c r="E3322">
        <v>2</v>
      </c>
      <c r="F3322">
        <v>5</v>
      </c>
      <c r="H3322" t="s">
        <v>17245</v>
      </c>
      <c r="J3322" t="s">
        <v>17246</v>
      </c>
      <c r="K3322" t="s">
        <v>17246</v>
      </c>
      <c r="M3322">
        <v>472495</v>
      </c>
      <c r="O3322">
        <v>1579111</v>
      </c>
      <c r="P3322">
        <v>1</v>
      </c>
      <c r="Q3322">
        <v>0</v>
      </c>
      <c r="R3322" t="s">
        <v>17247</v>
      </c>
      <c r="S3322">
        <v>501</v>
      </c>
    </row>
    <row r="3323" spans="1:19" x14ac:dyDescent="0.25">
      <c r="A3323">
        <v>53392923</v>
      </c>
      <c r="B3323" t="s">
        <v>17248</v>
      </c>
      <c r="C3323" s="1" t="s">
        <v>17249</v>
      </c>
      <c r="E3323">
        <v>2</v>
      </c>
      <c r="F3323">
        <v>0</v>
      </c>
      <c r="H3323" t="s">
        <v>17250</v>
      </c>
      <c r="J3323" t="s">
        <v>17251</v>
      </c>
      <c r="K3323" t="s">
        <v>17252</v>
      </c>
      <c r="M3323">
        <v>4868839</v>
      </c>
      <c r="O3323">
        <v>4935808</v>
      </c>
      <c r="P3323">
        <v>1</v>
      </c>
      <c r="Q3323">
        <v>-1</v>
      </c>
      <c r="R3323" t="s">
        <v>17253</v>
      </c>
      <c r="S3323">
        <v>33</v>
      </c>
    </row>
    <row r="3324" spans="1:19" x14ac:dyDescent="0.25">
      <c r="A3324">
        <v>21048389</v>
      </c>
      <c r="B3324" t="s">
        <v>17254</v>
      </c>
      <c r="C3324" s="1" t="s">
        <v>17255</v>
      </c>
      <c r="E3324">
        <v>2</v>
      </c>
      <c r="F3324">
        <v>0</v>
      </c>
      <c r="H3324" t="s">
        <v>17256</v>
      </c>
      <c r="J3324" t="s">
        <v>17257</v>
      </c>
      <c r="K3324" t="s">
        <v>17258</v>
      </c>
      <c r="M3324">
        <v>2672744</v>
      </c>
      <c r="O3324">
        <v>2672744</v>
      </c>
      <c r="P3324">
        <v>1</v>
      </c>
      <c r="Q3324">
        <v>0</v>
      </c>
      <c r="R3324" t="s">
        <v>17259</v>
      </c>
      <c r="S3324">
        <v>878</v>
      </c>
    </row>
    <row r="3325" spans="1:19" x14ac:dyDescent="0.25">
      <c r="A3325">
        <v>37030132</v>
      </c>
      <c r="B3325" t="s">
        <v>17260</v>
      </c>
      <c r="C3325" s="1" t="s">
        <v>17261</v>
      </c>
      <c r="D3325">
        <v>37054748</v>
      </c>
      <c r="E3325">
        <v>2</v>
      </c>
      <c r="F3325">
        <v>0</v>
      </c>
      <c r="H3325" t="s">
        <v>17262</v>
      </c>
      <c r="I3325">
        <v>1</v>
      </c>
      <c r="J3325" t="s">
        <v>17263</v>
      </c>
      <c r="K3325" t="s">
        <v>17263</v>
      </c>
      <c r="M3325">
        <v>977622</v>
      </c>
      <c r="O3325">
        <v>977622</v>
      </c>
      <c r="P3325">
        <v>1</v>
      </c>
      <c r="Q3325">
        <v>1</v>
      </c>
      <c r="R3325" t="s">
        <v>17264</v>
      </c>
      <c r="S3325">
        <v>181</v>
      </c>
    </row>
    <row r="3326" spans="1:19" x14ac:dyDescent="0.25">
      <c r="A3326">
        <v>12340918</v>
      </c>
      <c r="B3326" t="s">
        <v>17265</v>
      </c>
      <c r="C3326" s="1" t="s">
        <v>17266</v>
      </c>
      <c r="E3326">
        <v>1</v>
      </c>
      <c r="F3326">
        <v>4</v>
      </c>
      <c r="H3326" t="s">
        <v>17267</v>
      </c>
      <c r="I3326">
        <v>1</v>
      </c>
      <c r="J3326" t="s">
        <v>17268</v>
      </c>
      <c r="K3326" t="s">
        <v>17269</v>
      </c>
      <c r="M3326">
        <v>1466682</v>
      </c>
      <c r="O3326">
        <v>1658411</v>
      </c>
      <c r="P3326">
        <v>1</v>
      </c>
      <c r="Q3326">
        <v>2</v>
      </c>
      <c r="R3326" t="s">
        <v>17270</v>
      </c>
      <c r="S3326">
        <v>1985</v>
      </c>
    </row>
    <row r="3327" spans="1:19" x14ac:dyDescent="0.25">
      <c r="A3327">
        <v>43941308</v>
      </c>
      <c r="B3327" t="s">
        <v>17271</v>
      </c>
      <c r="C3327" s="1" t="s">
        <v>17272</v>
      </c>
      <c r="D3327">
        <v>43941464</v>
      </c>
      <c r="E3327">
        <v>1</v>
      </c>
      <c r="F3327">
        <v>1</v>
      </c>
      <c r="H3327" t="s">
        <v>17273</v>
      </c>
      <c r="J3327" t="s">
        <v>17274</v>
      </c>
      <c r="O3327">
        <v>4586652</v>
      </c>
      <c r="P3327">
        <v>1</v>
      </c>
      <c r="Q3327">
        <v>0</v>
      </c>
      <c r="R3327" t="s">
        <v>17275</v>
      </c>
      <c r="S3327">
        <v>67</v>
      </c>
    </row>
    <row r="3328" spans="1:19" x14ac:dyDescent="0.25">
      <c r="A3328">
        <v>7605256</v>
      </c>
      <c r="B3328" t="s">
        <v>17276</v>
      </c>
      <c r="C3328" s="1" t="s">
        <v>17277</v>
      </c>
      <c r="D3328">
        <v>7605257</v>
      </c>
      <c r="E3328">
        <v>3</v>
      </c>
      <c r="F3328">
        <v>1</v>
      </c>
      <c r="H3328" t="s">
        <v>17278</v>
      </c>
      <c r="I3328">
        <v>2</v>
      </c>
      <c r="J3328" t="s">
        <v>17279</v>
      </c>
      <c r="N3328" t="s">
        <v>17280</v>
      </c>
      <c r="O3328">
        <v>772985</v>
      </c>
      <c r="P3328">
        <v>1</v>
      </c>
      <c r="Q3328">
        <v>5</v>
      </c>
      <c r="R3328" t="s">
        <v>351</v>
      </c>
      <c r="S3328">
        <v>1912</v>
      </c>
    </row>
    <row r="3329" spans="1:19" x14ac:dyDescent="0.25">
      <c r="A3329">
        <v>44932101</v>
      </c>
      <c r="B3329" t="s">
        <v>17281</v>
      </c>
      <c r="C3329" s="1" t="s">
        <v>17282</v>
      </c>
      <c r="D3329">
        <v>44981685</v>
      </c>
      <c r="E3329">
        <v>2</v>
      </c>
      <c r="F3329">
        <v>4</v>
      </c>
      <c r="H3329" t="s">
        <v>17283</v>
      </c>
      <c r="J3329" t="s">
        <v>17284</v>
      </c>
      <c r="K3329" t="s">
        <v>17285</v>
      </c>
      <c r="M3329">
        <v>4420967</v>
      </c>
      <c r="O3329">
        <v>2154208</v>
      </c>
      <c r="P3329">
        <v>1</v>
      </c>
      <c r="Q3329">
        <v>0</v>
      </c>
      <c r="R3329" t="s">
        <v>10790</v>
      </c>
      <c r="S3329">
        <v>263</v>
      </c>
    </row>
    <row r="3330" spans="1:19" x14ac:dyDescent="0.25">
      <c r="A3330">
        <v>18850901</v>
      </c>
      <c r="B3330" t="s">
        <v>17286</v>
      </c>
      <c r="C3330" s="1" t="s">
        <v>17287</v>
      </c>
      <c r="D3330">
        <v>18860398</v>
      </c>
      <c r="E3330">
        <v>2</v>
      </c>
      <c r="F3330">
        <v>0</v>
      </c>
      <c r="H3330" t="s">
        <v>17288</v>
      </c>
      <c r="J3330" t="s">
        <v>17289</v>
      </c>
      <c r="O3330">
        <v>825559</v>
      </c>
      <c r="P3330">
        <v>1</v>
      </c>
      <c r="Q3330">
        <v>0</v>
      </c>
      <c r="R3330" t="s">
        <v>17290</v>
      </c>
      <c r="S3330">
        <v>3098</v>
      </c>
    </row>
    <row r="3331" spans="1:19" x14ac:dyDescent="0.25">
      <c r="A3331">
        <v>10822715</v>
      </c>
      <c r="B3331" t="s">
        <v>17291</v>
      </c>
      <c r="C3331" s="1" t="s">
        <v>17292</v>
      </c>
      <c r="D3331">
        <v>10822736</v>
      </c>
      <c r="E3331">
        <v>2</v>
      </c>
      <c r="F3331">
        <v>2</v>
      </c>
      <c r="H3331" t="s">
        <v>17293</v>
      </c>
      <c r="J3331" t="s">
        <v>17294</v>
      </c>
      <c r="O3331">
        <v>298479</v>
      </c>
      <c r="P3331">
        <v>1</v>
      </c>
      <c r="Q3331">
        <v>3</v>
      </c>
      <c r="R3331" t="s">
        <v>17295</v>
      </c>
      <c r="S3331">
        <v>205</v>
      </c>
    </row>
    <row r="3332" spans="1:19" x14ac:dyDescent="0.25">
      <c r="A3332">
        <v>43069466</v>
      </c>
      <c r="B3332" t="s">
        <v>17296</v>
      </c>
      <c r="C3332" s="1" t="s">
        <v>17297</v>
      </c>
      <c r="D3332">
        <v>43086945</v>
      </c>
      <c r="E3332">
        <v>2</v>
      </c>
      <c r="F3332">
        <v>0</v>
      </c>
      <c r="H3332" t="s">
        <v>17298</v>
      </c>
      <c r="J3332" t="s">
        <v>17299</v>
      </c>
      <c r="O3332">
        <v>7779837</v>
      </c>
      <c r="P3332">
        <v>1</v>
      </c>
      <c r="Q3332">
        <v>1</v>
      </c>
      <c r="R3332" t="s">
        <v>17300</v>
      </c>
      <c r="S3332">
        <v>148</v>
      </c>
    </row>
    <row r="3333" spans="1:19" x14ac:dyDescent="0.25">
      <c r="A3333">
        <v>35765975</v>
      </c>
      <c r="B3333" t="s">
        <v>17301</v>
      </c>
      <c r="C3333" s="1" t="s">
        <v>17302</v>
      </c>
      <c r="E3333">
        <v>0</v>
      </c>
      <c r="F3333">
        <v>4</v>
      </c>
      <c r="H3333" t="s">
        <v>17303</v>
      </c>
      <c r="J3333" t="s">
        <v>17304</v>
      </c>
      <c r="K3333" t="s">
        <v>17304</v>
      </c>
      <c r="M3333">
        <v>18771</v>
      </c>
      <c r="O3333">
        <v>4824894</v>
      </c>
      <c r="P3333">
        <v>1</v>
      </c>
      <c r="Q3333">
        <v>1</v>
      </c>
      <c r="R3333" t="s">
        <v>9179</v>
      </c>
      <c r="S3333">
        <v>91</v>
      </c>
    </row>
    <row r="3334" spans="1:19" x14ac:dyDescent="0.25">
      <c r="A3334">
        <v>31436604</v>
      </c>
      <c r="B3334" t="s">
        <v>17305</v>
      </c>
      <c r="C3334" s="1" t="s">
        <v>17306</v>
      </c>
      <c r="E3334">
        <v>3</v>
      </c>
      <c r="F3334">
        <v>1</v>
      </c>
      <c r="H3334" t="s">
        <v>17307</v>
      </c>
      <c r="J3334" t="s">
        <v>17308</v>
      </c>
      <c r="O3334">
        <v>2671867</v>
      </c>
      <c r="P3334">
        <v>1</v>
      </c>
      <c r="Q3334">
        <v>0</v>
      </c>
      <c r="R3334" t="s">
        <v>17309</v>
      </c>
      <c r="S3334">
        <v>547</v>
      </c>
    </row>
    <row r="3335" spans="1:19" x14ac:dyDescent="0.25">
      <c r="A3335">
        <v>46062417</v>
      </c>
      <c r="B3335" t="s">
        <v>17310</v>
      </c>
      <c r="C3335" s="1" t="s">
        <v>17311</v>
      </c>
      <c r="D3335">
        <v>46062765</v>
      </c>
      <c r="E3335">
        <v>1</v>
      </c>
      <c r="F3335">
        <v>0</v>
      </c>
      <c r="H3335" t="s">
        <v>17312</v>
      </c>
      <c r="J3335" t="s">
        <v>17313</v>
      </c>
      <c r="O3335">
        <v>3103946</v>
      </c>
      <c r="P3335">
        <v>1</v>
      </c>
      <c r="Q3335">
        <v>2</v>
      </c>
      <c r="R3335" t="s">
        <v>17314</v>
      </c>
      <c r="S3335">
        <v>232</v>
      </c>
    </row>
    <row r="3336" spans="1:19" x14ac:dyDescent="0.25">
      <c r="A3336">
        <v>37329668</v>
      </c>
      <c r="B3336" t="s">
        <v>17315</v>
      </c>
      <c r="C3336" s="1" t="s">
        <v>17316</v>
      </c>
      <c r="D3336">
        <v>37329957</v>
      </c>
      <c r="E3336">
        <v>1</v>
      </c>
      <c r="F3336">
        <v>0</v>
      </c>
      <c r="H3336" t="s">
        <v>17317</v>
      </c>
      <c r="I3336">
        <v>1</v>
      </c>
      <c r="J3336" t="s">
        <v>17318</v>
      </c>
      <c r="K3336" t="s">
        <v>17319</v>
      </c>
      <c r="M3336">
        <v>3704831</v>
      </c>
      <c r="O3336">
        <v>6357345</v>
      </c>
      <c r="P3336">
        <v>1</v>
      </c>
      <c r="Q3336">
        <v>7</v>
      </c>
      <c r="R3336" t="s">
        <v>17320</v>
      </c>
      <c r="S3336">
        <v>19199</v>
      </c>
    </row>
    <row r="3337" spans="1:19" x14ac:dyDescent="0.25">
      <c r="A3337">
        <v>17133989</v>
      </c>
      <c r="B3337" t="s">
        <v>17321</v>
      </c>
      <c r="C3337" s="1" t="s">
        <v>17322</v>
      </c>
      <c r="D3337">
        <v>17134151</v>
      </c>
      <c r="E3337">
        <v>2</v>
      </c>
      <c r="F3337">
        <v>2</v>
      </c>
      <c r="H3337" t="s">
        <v>17323</v>
      </c>
      <c r="J3337" t="s">
        <v>17324</v>
      </c>
      <c r="O3337">
        <v>1247224</v>
      </c>
      <c r="P3337">
        <v>1</v>
      </c>
      <c r="Q3337">
        <v>1</v>
      </c>
      <c r="R3337" t="s">
        <v>17325</v>
      </c>
      <c r="S3337">
        <v>2857</v>
      </c>
    </row>
    <row r="3338" spans="1:19" x14ac:dyDescent="0.25">
      <c r="A3338">
        <v>22184101</v>
      </c>
      <c r="B3338" t="s">
        <v>17326</v>
      </c>
      <c r="C3338" s="1" t="s">
        <v>17327</v>
      </c>
      <c r="D3338">
        <v>22192422</v>
      </c>
      <c r="E3338">
        <v>2</v>
      </c>
      <c r="F3338">
        <v>5</v>
      </c>
      <c r="H3338" t="s">
        <v>17328</v>
      </c>
      <c r="I3338">
        <v>3</v>
      </c>
      <c r="J3338" t="s">
        <v>17329</v>
      </c>
      <c r="K3338" t="s">
        <v>17330</v>
      </c>
      <c r="M3338">
        <v>841405</v>
      </c>
      <c r="O3338">
        <v>841405</v>
      </c>
      <c r="P3338">
        <v>1</v>
      </c>
      <c r="Q3338">
        <v>4</v>
      </c>
      <c r="R3338" t="s">
        <v>17331</v>
      </c>
      <c r="S3338">
        <v>9273</v>
      </c>
    </row>
    <row r="3339" spans="1:19" x14ac:dyDescent="0.25">
      <c r="A3339">
        <v>44746682</v>
      </c>
      <c r="B3339" t="s">
        <v>17332</v>
      </c>
      <c r="C3339" s="1" t="s">
        <v>17333</v>
      </c>
      <c r="E3339">
        <v>0</v>
      </c>
      <c r="F3339">
        <v>2</v>
      </c>
      <c r="H3339" t="s">
        <v>17334</v>
      </c>
      <c r="J3339" t="s">
        <v>17334</v>
      </c>
      <c r="O3339">
        <v>3380209</v>
      </c>
      <c r="P3339">
        <v>1</v>
      </c>
      <c r="Q3339">
        <v>0</v>
      </c>
      <c r="R3339" t="s">
        <v>17335</v>
      </c>
      <c r="S3339">
        <v>83</v>
      </c>
    </row>
    <row r="3340" spans="1:19" x14ac:dyDescent="0.25">
      <c r="A3340">
        <v>5798980</v>
      </c>
      <c r="B3340" t="s">
        <v>17336</v>
      </c>
      <c r="C3340" s="1" t="s">
        <v>17337</v>
      </c>
      <c r="D3340">
        <v>5799016</v>
      </c>
      <c r="E3340">
        <v>1</v>
      </c>
      <c r="F3340">
        <v>2</v>
      </c>
      <c r="H3340" t="s">
        <v>17338</v>
      </c>
      <c r="I3340">
        <v>2</v>
      </c>
      <c r="J3340" t="s">
        <v>17339</v>
      </c>
      <c r="K3340" t="s">
        <v>17340</v>
      </c>
      <c r="M3340">
        <v>203657</v>
      </c>
      <c r="O3340">
        <v>296997</v>
      </c>
      <c r="P3340">
        <v>1</v>
      </c>
      <c r="Q3340">
        <v>5</v>
      </c>
      <c r="R3340" t="s">
        <v>17341</v>
      </c>
      <c r="S3340">
        <v>10659</v>
      </c>
    </row>
    <row r="3341" spans="1:19" x14ac:dyDescent="0.25">
      <c r="A3341">
        <v>26729559</v>
      </c>
      <c r="B3341" t="s">
        <v>17342</v>
      </c>
      <c r="C3341" s="1" t="s">
        <v>17343</v>
      </c>
      <c r="E3341">
        <v>1</v>
      </c>
      <c r="F3341">
        <v>1</v>
      </c>
      <c r="H3341" t="s">
        <v>17344</v>
      </c>
      <c r="I3341">
        <v>1</v>
      </c>
      <c r="J3341" t="s">
        <v>17345</v>
      </c>
      <c r="K3341" t="s">
        <v>17346</v>
      </c>
      <c r="M3341">
        <v>3540786</v>
      </c>
      <c r="O3341">
        <v>1142462</v>
      </c>
      <c r="P3341">
        <v>1</v>
      </c>
      <c r="Q3341">
        <v>0</v>
      </c>
      <c r="R3341" t="s">
        <v>17347</v>
      </c>
      <c r="S3341">
        <v>1698</v>
      </c>
    </row>
    <row r="3342" spans="1:19" x14ac:dyDescent="0.25">
      <c r="A3342">
        <v>1518154</v>
      </c>
      <c r="B3342" t="s">
        <v>17348</v>
      </c>
      <c r="C3342" s="1" t="s">
        <v>17349</v>
      </c>
      <c r="D3342">
        <v>1518486</v>
      </c>
      <c r="E3342">
        <v>1</v>
      </c>
      <c r="F3342">
        <v>0</v>
      </c>
      <c r="H3342" t="s">
        <v>17350</v>
      </c>
      <c r="I3342">
        <v>11</v>
      </c>
      <c r="J3342" t="s">
        <v>17351</v>
      </c>
      <c r="K3342" t="s">
        <v>17351</v>
      </c>
      <c r="M3342">
        <v>1777090</v>
      </c>
      <c r="O3342">
        <v>27328</v>
      </c>
      <c r="P3342">
        <v>1</v>
      </c>
      <c r="Q3342">
        <v>7</v>
      </c>
      <c r="R3342" t="s">
        <v>7747</v>
      </c>
      <c r="S3342">
        <v>4883</v>
      </c>
    </row>
    <row r="3343" spans="1:19" x14ac:dyDescent="0.25">
      <c r="A3343">
        <v>14840040</v>
      </c>
      <c r="B3343" t="s">
        <v>17352</v>
      </c>
      <c r="C3343" s="1" t="s">
        <v>17353</v>
      </c>
      <c r="D3343">
        <v>14840416</v>
      </c>
      <c r="E3343">
        <v>2</v>
      </c>
      <c r="F3343">
        <v>0</v>
      </c>
      <c r="H3343" t="s">
        <v>17354</v>
      </c>
      <c r="J3343" t="s">
        <v>17355</v>
      </c>
      <c r="O3343">
        <v>561357</v>
      </c>
      <c r="P3343">
        <v>1</v>
      </c>
      <c r="Q3343">
        <v>0</v>
      </c>
      <c r="R3343" t="s">
        <v>17356</v>
      </c>
      <c r="S3343">
        <v>1265</v>
      </c>
    </row>
    <row r="3344" spans="1:19" x14ac:dyDescent="0.25">
      <c r="A3344">
        <v>4502842</v>
      </c>
      <c r="B3344" t="s">
        <v>17357</v>
      </c>
      <c r="C3344" s="1" t="s">
        <v>17358</v>
      </c>
      <c r="D3344">
        <v>4540953</v>
      </c>
      <c r="E3344">
        <v>1</v>
      </c>
      <c r="F3344">
        <v>3</v>
      </c>
      <c r="H3344" t="s">
        <v>17359</v>
      </c>
      <c r="I3344">
        <v>3</v>
      </c>
      <c r="J3344" t="s">
        <v>17360</v>
      </c>
      <c r="K3344" t="s">
        <v>17361</v>
      </c>
      <c r="M3344">
        <v>1188513</v>
      </c>
      <c r="O3344">
        <v>200669</v>
      </c>
      <c r="P3344">
        <v>1</v>
      </c>
      <c r="Q3344">
        <v>28</v>
      </c>
      <c r="R3344" t="s">
        <v>17362</v>
      </c>
      <c r="S3344">
        <v>14152</v>
      </c>
    </row>
    <row r="3345" spans="1:19" x14ac:dyDescent="0.25">
      <c r="A3345">
        <v>13950057</v>
      </c>
      <c r="B3345" t="s">
        <v>17363</v>
      </c>
      <c r="C3345" t="s">
        <v>17364</v>
      </c>
      <c r="D3345">
        <v>13950469</v>
      </c>
      <c r="E3345">
        <v>5</v>
      </c>
      <c r="F3345">
        <v>0</v>
      </c>
      <c r="H3345" t="s">
        <v>17365</v>
      </c>
      <c r="I3345">
        <v>3</v>
      </c>
      <c r="J3345" t="s">
        <v>17366</v>
      </c>
      <c r="K3345" t="s">
        <v>17367</v>
      </c>
      <c r="M3345">
        <v>1600336</v>
      </c>
      <c r="O3345">
        <v>1600336</v>
      </c>
      <c r="P3345">
        <v>1</v>
      </c>
      <c r="Q3345">
        <v>13</v>
      </c>
      <c r="R3345" t="s">
        <v>17368</v>
      </c>
      <c r="S3345">
        <v>2457</v>
      </c>
    </row>
    <row r="3346" spans="1:19" x14ac:dyDescent="0.25">
      <c r="A3346">
        <v>47708176</v>
      </c>
      <c r="B3346" t="s">
        <v>17369</v>
      </c>
      <c r="C3346" s="1" t="s">
        <v>17370</v>
      </c>
      <c r="E3346">
        <v>1</v>
      </c>
      <c r="F3346">
        <v>5</v>
      </c>
      <c r="H3346" t="s">
        <v>17371</v>
      </c>
      <c r="J3346" t="s">
        <v>17372</v>
      </c>
      <c r="K3346" t="s">
        <v>17373</v>
      </c>
      <c r="M3346">
        <v>6540962</v>
      </c>
      <c r="O3346">
        <v>9070813</v>
      </c>
      <c r="P3346">
        <v>1</v>
      </c>
      <c r="Q3346">
        <v>0</v>
      </c>
      <c r="R3346" t="s">
        <v>3056</v>
      </c>
      <c r="S3346">
        <v>52</v>
      </c>
    </row>
    <row r="3347" spans="1:19" x14ac:dyDescent="0.25">
      <c r="A3347">
        <v>2254147</v>
      </c>
      <c r="B3347" t="s">
        <v>17374</v>
      </c>
      <c r="C3347" s="1" t="s">
        <v>17375</v>
      </c>
      <c r="D3347">
        <v>12831398</v>
      </c>
      <c r="E3347">
        <v>3</v>
      </c>
      <c r="F3347">
        <v>2</v>
      </c>
      <c r="H3347" t="s">
        <v>17376</v>
      </c>
      <c r="J3347" t="s">
        <v>17377</v>
      </c>
      <c r="K3347" t="s">
        <v>17377</v>
      </c>
      <c r="M3347">
        <v>321731</v>
      </c>
      <c r="O3347">
        <v>131290</v>
      </c>
      <c r="P3347">
        <v>1</v>
      </c>
      <c r="Q3347">
        <v>7</v>
      </c>
      <c r="R3347" t="s">
        <v>17378</v>
      </c>
      <c r="S3347">
        <v>4151</v>
      </c>
    </row>
    <row r="3348" spans="1:19" x14ac:dyDescent="0.25">
      <c r="A3348">
        <v>53176095</v>
      </c>
      <c r="B3348" t="s">
        <v>17379</v>
      </c>
      <c r="C3348" s="1" t="s">
        <v>17380</v>
      </c>
      <c r="E3348">
        <v>0</v>
      </c>
      <c r="F3348">
        <v>5</v>
      </c>
      <c r="H3348" t="s">
        <v>17381</v>
      </c>
      <c r="J3348" t="s">
        <v>17381</v>
      </c>
      <c r="O3348">
        <v>719612</v>
      </c>
      <c r="P3348">
        <v>1</v>
      </c>
      <c r="Q3348">
        <v>1</v>
      </c>
      <c r="R3348" t="s">
        <v>17382</v>
      </c>
      <c r="S3348">
        <v>15</v>
      </c>
    </row>
    <row r="3349" spans="1:19" x14ac:dyDescent="0.25">
      <c r="A3349">
        <v>27648550</v>
      </c>
      <c r="B3349" t="s">
        <v>17383</v>
      </c>
      <c r="C3349" s="1" t="s">
        <v>17384</v>
      </c>
      <c r="E3349">
        <v>0</v>
      </c>
      <c r="F3349">
        <v>4</v>
      </c>
      <c r="H3349" t="s">
        <v>17385</v>
      </c>
      <c r="J3349" t="s">
        <v>17385</v>
      </c>
      <c r="O3349">
        <v>2614469</v>
      </c>
      <c r="P3349">
        <v>1</v>
      </c>
      <c r="Q3349">
        <v>0</v>
      </c>
      <c r="R3349" t="s">
        <v>17386</v>
      </c>
      <c r="S3349">
        <v>28</v>
      </c>
    </row>
    <row r="3350" spans="1:19" x14ac:dyDescent="0.25">
      <c r="A3350">
        <v>37563199</v>
      </c>
      <c r="B3350" t="s">
        <v>17387</v>
      </c>
      <c r="C3350" s="1" t="s">
        <v>17388</v>
      </c>
      <c r="E3350">
        <v>1</v>
      </c>
      <c r="F3350">
        <v>6</v>
      </c>
      <c r="H3350" t="s">
        <v>17389</v>
      </c>
      <c r="I3350">
        <v>0</v>
      </c>
      <c r="J3350" t="s">
        <v>17390</v>
      </c>
      <c r="K3350" t="s">
        <v>17391</v>
      </c>
      <c r="M3350">
        <v>-1</v>
      </c>
      <c r="O3350">
        <v>6407060</v>
      </c>
      <c r="P3350">
        <v>1</v>
      </c>
      <c r="Q3350">
        <v>2</v>
      </c>
      <c r="R3350" t="s">
        <v>17392</v>
      </c>
      <c r="S3350">
        <v>1036</v>
      </c>
    </row>
    <row r="3351" spans="1:19" x14ac:dyDescent="0.25">
      <c r="A3351">
        <v>8998982</v>
      </c>
      <c r="B3351" t="s">
        <v>17393</v>
      </c>
      <c r="C3351" s="1" t="s">
        <v>17394</v>
      </c>
      <c r="D3351">
        <v>8999020</v>
      </c>
      <c r="E3351">
        <v>2</v>
      </c>
      <c r="F3351">
        <v>0</v>
      </c>
      <c r="H3351" t="s">
        <v>17395</v>
      </c>
      <c r="J3351" t="s">
        <v>17396</v>
      </c>
      <c r="O3351">
        <v>231179</v>
      </c>
      <c r="P3351">
        <v>1</v>
      </c>
      <c r="Q3351">
        <v>1</v>
      </c>
      <c r="R3351" t="s">
        <v>17397</v>
      </c>
      <c r="S3351">
        <v>6174</v>
      </c>
    </row>
    <row r="3352" spans="1:19" x14ac:dyDescent="0.25">
      <c r="A3352">
        <v>18250742</v>
      </c>
      <c r="B3352" t="s">
        <v>17398</v>
      </c>
      <c r="C3352" s="1" t="s">
        <v>17399</v>
      </c>
      <c r="E3352">
        <v>3</v>
      </c>
      <c r="F3352">
        <v>9</v>
      </c>
      <c r="H3352" t="s">
        <v>17400</v>
      </c>
      <c r="J3352" t="s">
        <v>17401</v>
      </c>
      <c r="K3352" t="s">
        <v>17401</v>
      </c>
      <c r="M3352">
        <v>1665673</v>
      </c>
      <c r="O3352">
        <v>2402002</v>
      </c>
      <c r="P3352">
        <v>1</v>
      </c>
      <c r="Q3352">
        <v>-3</v>
      </c>
      <c r="R3352" t="s">
        <v>6256</v>
      </c>
      <c r="S3352">
        <v>803</v>
      </c>
    </row>
    <row r="3353" spans="1:19" x14ac:dyDescent="0.25">
      <c r="A3353">
        <v>49889021</v>
      </c>
      <c r="B3353" t="s">
        <v>17402</v>
      </c>
      <c r="C3353" s="1" t="s">
        <v>17403</v>
      </c>
      <c r="E3353">
        <v>0</v>
      </c>
      <c r="F3353">
        <v>6</v>
      </c>
      <c r="H3353" t="s">
        <v>17404</v>
      </c>
      <c r="J3353" t="s">
        <v>17404</v>
      </c>
      <c r="O3353">
        <v>2426998</v>
      </c>
      <c r="P3353">
        <v>1</v>
      </c>
      <c r="Q3353">
        <v>1</v>
      </c>
      <c r="R3353" t="s">
        <v>17405</v>
      </c>
      <c r="S3353">
        <v>145</v>
      </c>
    </row>
    <row r="3354" spans="1:19" x14ac:dyDescent="0.25">
      <c r="A3354">
        <v>40841981</v>
      </c>
      <c r="B3354" t="s">
        <v>17406</v>
      </c>
      <c r="C3354" s="1" t="s">
        <v>17407</v>
      </c>
      <c r="E3354">
        <v>1</v>
      </c>
      <c r="F3354">
        <v>0</v>
      </c>
      <c r="H3354" t="s">
        <v>17408</v>
      </c>
      <c r="J3354" t="s">
        <v>17409</v>
      </c>
      <c r="K3354" t="s">
        <v>17410</v>
      </c>
      <c r="M3354">
        <v>171926</v>
      </c>
      <c r="O3354">
        <v>1610034</v>
      </c>
      <c r="P3354">
        <v>1</v>
      </c>
      <c r="Q3354">
        <v>1</v>
      </c>
      <c r="R3354" t="s">
        <v>17411</v>
      </c>
      <c r="S3354">
        <v>474</v>
      </c>
    </row>
    <row r="3355" spans="1:19" x14ac:dyDescent="0.25">
      <c r="A3355">
        <v>12708226</v>
      </c>
      <c r="B3355" t="s">
        <v>17412</v>
      </c>
      <c r="C3355" s="1" t="s">
        <v>17413</v>
      </c>
      <c r="D3355">
        <v>12708285</v>
      </c>
      <c r="E3355">
        <v>2</v>
      </c>
      <c r="F3355">
        <v>0</v>
      </c>
      <c r="H3355" t="s">
        <v>17414</v>
      </c>
      <c r="J3355" t="s">
        <v>17415</v>
      </c>
      <c r="K3355" t="s">
        <v>17415</v>
      </c>
      <c r="M3355">
        <v>783681</v>
      </c>
      <c r="O3355">
        <v>1717016</v>
      </c>
      <c r="P3355">
        <v>1</v>
      </c>
      <c r="Q3355">
        <v>2</v>
      </c>
      <c r="R3355" t="s">
        <v>7728</v>
      </c>
      <c r="S3355">
        <v>258</v>
      </c>
    </row>
    <row r="3356" spans="1:19" x14ac:dyDescent="0.25">
      <c r="A3356">
        <v>46529867</v>
      </c>
      <c r="B3356" t="s">
        <v>17416</v>
      </c>
      <c r="C3356" s="1" t="s">
        <v>17417</v>
      </c>
      <c r="E3356">
        <v>2</v>
      </c>
      <c r="F3356">
        <v>1</v>
      </c>
      <c r="H3356" t="s">
        <v>17418</v>
      </c>
      <c r="J3356" t="s">
        <v>17419</v>
      </c>
      <c r="K3356" t="s">
        <v>17420</v>
      </c>
      <c r="M3356">
        <v>8701583</v>
      </c>
      <c r="O3356">
        <v>8701583</v>
      </c>
      <c r="P3356">
        <v>1</v>
      </c>
      <c r="Q3356">
        <v>1</v>
      </c>
      <c r="R3356" t="s">
        <v>4859</v>
      </c>
      <c r="S3356">
        <v>29</v>
      </c>
    </row>
    <row r="3357" spans="1:19" x14ac:dyDescent="0.25">
      <c r="A3357">
        <v>17627238</v>
      </c>
      <c r="B3357" t="s">
        <v>17421</v>
      </c>
      <c r="C3357" s="1" t="s">
        <v>17422</v>
      </c>
      <c r="D3357">
        <v>17627567</v>
      </c>
      <c r="E3357">
        <v>3</v>
      </c>
      <c r="F3357">
        <v>1</v>
      </c>
      <c r="H3357" t="s">
        <v>17423</v>
      </c>
      <c r="J3357" t="s">
        <v>17424</v>
      </c>
      <c r="O3357">
        <v>2486731</v>
      </c>
      <c r="P3357">
        <v>1</v>
      </c>
      <c r="Q3357">
        <v>1</v>
      </c>
      <c r="R3357" t="s">
        <v>17425</v>
      </c>
      <c r="S3357">
        <v>1593</v>
      </c>
    </row>
    <row r="3358" spans="1:19" x14ac:dyDescent="0.25">
      <c r="A3358">
        <v>1594126</v>
      </c>
      <c r="B3358" t="s">
        <v>17426</v>
      </c>
      <c r="C3358" s="1" t="s">
        <v>17427</v>
      </c>
      <c r="D3358">
        <v>1594427</v>
      </c>
      <c r="E3358">
        <v>1</v>
      </c>
      <c r="F3358">
        <v>2</v>
      </c>
      <c r="H3358" t="s">
        <v>17428</v>
      </c>
      <c r="J3358" t="s">
        <v>17429</v>
      </c>
      <c r="K3358" t="s">
        <v>17430</v>
      </c>
      <c r="M3358">
        <v>70288</v>
      </c>
      <c r="O3358">
        <v>70288</v>
      </c>
      <c r="P3358">
        <v>1</v>
      </c>
      <c r="Q3358">
        <v>1</v>
      </c>
      <c r="R3358" t="s">
        <v>17431</v>
      </c>
      <c r="S3358">
        <v>565</v>
      </c>
    </row>
    <row r="3359" spans="1:19" x14ac:dyDescent="0.25">
      <c r="A3359">
        <v>52866443</v>
      </c>
      <c r="B3359" t="s">
        <v>17432</v>
      </c>
      <c r="C3359" s="1" t="s">
        <v>17433</v>
      </c>
      <c r="D3359">
        <v>52870731</v>
      </c>
      <c r="E3359">
        <v>2</v>
      </c>
      <c r="F3359">
        <v>0</v>
      </c>
      <c r="H3359" t="s">
        <v>17434</v>
      </c>
      <c r="J3359" t="s">
        <v>17435</v>
      </c>
      <c r="K3359" t="s">
        <v>17436</v>
      </c>
      <c r="M3359">
        <v>279627</v>
      </c>
      <c r="O3359">
        <v>145214</v>
      </c>
      <c r="P3359">
        <v>1</v>
      </c>
      <c r="Q3359">
        <v>1</v>
      </c>
      <c r="R3359" t="s">
        <v>17437</v>
      </c>
      <c r="S3359">
        <v>87</v>
      </c>
    </row>
    <row r="3360" spans="1:19" x14ac:dyDescent="0.25">
      <c r="A3360">
        <v>49425788</v>
      </c>
      <c r="B3360" t="s">
        <v>17438</v>
      </c>
      <c r="C3360" s="1" t="s">
        <v>17439</v>
      </c>
      <c r="E3360">
        <v>0</v>
      </c>
      <c r="F3360">
        <v>1</v>
      </c>
      <c r="H3360" t="s">
        <v>17440</v>
      </c>
      <c r="I3360">
        <v>1</v>
      </c>
      <c r="J3360" t="s">
        <v>17440</v>
      </c>
      <c r="O3360">
        <v>9462874</v>
      </c>
      <c r="P3360">
        <v>1</v>
      </c>
      <c r="Q3360">
        <v>0</v>
      </c>
      <c r="R3360" t="s">
        <v>17441</v>
      </c>
      <c r="S3360">
        <v>21</v>
      </c>
    </row>
    <row r="3361" spans="1:19" x14ac:dyDescent="0.25">
      <c r="A3361">
        <v>34242217</v>
      </c>
      <c r="B3361" t="s">
        <v>17442</v>
      </c>
      <c r="C3361" s="1" t="s">
        <v>17443</v>
      </c>
      <c r="E3361">
        <v>0</v>
      </c>
      <c r="F3361">
        <v>3</v>
      </c>
      <c r="H3361" t="s">
        <v>17444</v>
      </c>
      <c r="J3361" t="s">
        <v>17444</v>
      </c>
      <c r="O3361">
        <v>5672522</v>
      </c>
      <c r="P3361">
        <v>1</v>
      </c>
      <c r="Q3361">
        <v>0</v>
      </c>
      <c r="R3361" t="s">
        <v>6707</v>
      </c>
      <c r="S3361">
        <v>235</v>
      </c>
    </row>
    <row r="3362" spans="1:19" x14ac:dyDescent="0.25">
      <c r="A3362">
        <v>28207925</v>
      </c>
      <c r="B3362" t="s">
        <v>17445</v>
      </c>
      <c r="C3362" s="1" t="s">
        <v>17446</v>
      </c>
      <c r="E3362">
        <v>4</v>
      </c>
      <c r="F3362">
        <v>3</v>
      </c>
      <c r="H3362" t="s">
        <v>17447</v>
      </c>
      <c r="I3362">
        <v>0</v>
      </c>
      <c r="J3362" t="s">
        <v>17448</v>
      </c>
      <c r="K3362" t="s">
        <v>17449</v>
      </c>
      <c r="M3362">
        <v>3058609</v>
      </c>
      <c r="O3362">
        <v>4502184</v>
      </c>
      <c r="P3362">
        <v>1</v>
      </c>
      <c r="Q3362">
        <v>2</v>
      </c>
      <c r="R3362" t="s">
        <v>17450</v>
      </c>
      <c r="S3362">
        <v>2416</v>
      </c>
    </row>
    <row r="3363" spans="1:19" x14ac:dyDescent="0.25">
      <c r="A3363">
        <v>39095808</v>
      </c>
      <c r="B3363" t="s">
        <v>17451</v>
      </c>
      <c r="C3363" s="1" t="s">
        <v>17452</v>
      </c>
      <c r="D3363">
        <v>39096647</v>
      </c>
      <c r="E3363">
        <v>1</v>
      </c>
      <c r="F3363">
        <v>0</v>
      </c>
      <c r="H3363" t="s">
        <v>17453</v>
      </c>
      <c r="J3363" t="s">
        <v>17454</v>
      </c>
      <c r="K3363" t="s">
        <v>17455</v>
      </c>
      <c r="M3363">
        <v>5271777</v>
      </c>
      <c r="O3363">
        <v>5271777</v>
      </c>
      <c r="P3363">
        <v>1</v>
      </c>
      <c r="Q3363">
        <v>1</v>
      </c>
      <c r="R3363" t="s">
        <v>17456</v>
      </c>
      <c r="S3363">
        <v>91</v>
      </c>
    </row>
    <row r="3364" spans="1:19" x14ac:dyDescent="0.25">
      <c r="A3364">
        <v>26620134</v>
      </c>
      <c r="B3364" t="s">
        <v>17457</v>
      </c>
      <c r="C3364" s="1" t="s">
        <v>17458</v>
      </c>
      <c r="E3364">
        <v>2</v>
      </c>
      <c r="F3364">
        <v>0</v>
      </c>
      <c r="H3364" t="s">
        <v>17459</v>
      </c>
      <c r="J3364" t="s">
        <v>17460</v>
      </c>
      <c r="O3364">
        <v>4191966</v>
      </c>
      <c r="P3364">
        <v>1</v>
      </c>
      <c r="Q3364">
        <v>0</v>
      </c>
      <c r="R3364" t="s">
        <v>17461</v>
      </c>
      <c r="S3364">
        <v>48</v>
      </c>
    </row>
    <row r="3365" spans="1:19" x14ac:dyDescent="0.25">
      <c r="A3365">
        <v>4207217</v>
      </c>
      <c r="B3365" t="s">
        <v>17462</v>
      </c>
      <c r="C3365" s="1" t="s">
        <v>17463</v>
      </c>
      <c r="D3365">
        <v>4451575</v>
      </c>
      <c r="E3365">
        <v>1</v>
      </c>
      <c r="F3365">
        <v>0</v>
      </c>
      <c r="H3365" t="s">
        <v>17464</v>
      </c>
      <c r="I3365">
        <v>3</v>
      </c>
      <c r="J3365" t="s">
        <v>17465</v>
      </c>
      <c r="K3365" t="s">
        <v>17466</v>
      </c>
      <c r="M3365">
        <v>469256</v>
      </c>
      <c r="O3365">
        <v>469256</v>
      </c>
      <c r="P3365">
        <v>1</v>
      </c>
      <c r="Q3365">
        <v>6</v>
      </c>
      <c r="R3365" t="s">
        <v>17467</v>
      </c>
      <c r="S3365">
        <v>1353</v>
      </c>
    </row>
    <row r="3366" spans="1:19" x14ac:dyDescent="0.25">
      <c r="A3366">
        <v>28030260</v>
      </c>
      <c r="B3366" t="s">
        <v>17468</v>
      </c>
      <c r="C3366" s="1" t="s">
        <v>17469</v>
      </c>
      <c r="D3366">
        <v>28039794</v>
      </c>
      <c r="E3366">
        <v>1</v>
      </c>
      <c r="F3366">
        <v>3</v>
      </c>
      <c r="H3366" t="s">
        <v>17470</v>
      </c>
      <c r="I3366">
        <v>1</v>
      </c>
      <c r="J3366" t="s">
        <v>17471</v>
      </c>
      <c r="K3366" t="s">
        <v>17471</v>
      </c>
      <c r="M3366">
        <v>1591669</v>
      </c>
      <c r="O3366">
        <v>1006818</v>
      </c>
      <c r="P3366">
        <v>1</v>
      </c>
      <c r="Q3366">
        <v>-1</v>
      </c>
      <c r="R3366" t="s">
        <v>17472</v>
      </c>
      <c r="S3366">
        <v>304</v>
      </c>
    </row>
    <row r="3367" spans="1:19" x14ac:dyDescent="0.25">
      <c r="A3367">
        <v>21681246</v>
      </c>
      <c r="B3367" t="s">
        <v>17473</v>
      </c>
      <c r="C3367" s="1" t="s">
        <v>17474</v>
      </c>
      <c r="D3367">
        <v>22517415</v>
      </c>
      <c r="E3367">
        <v>2</v>
      </c>
      <c r="F3367">
        <v>0</v>
      </c>
      <c r="H3367" t="s">
        <v>17475</v>
      </c>
      <c r="J3367" t="s">
        <v>17476</v>
      </c>
      <c r="O3367">
        <v>115266</v>
      </c>
      <c r="P3367">
        <v>1</v>
      </c>
      <c r="Q3367">
        <v>0</v>
      </c>
      <c r="R3367" t="s">
        <v>17477</v>
      </c>
      <c r="S3367">
        <v>165</v>
      </c>
    </row>
    <row r="3368" spans="1:19" x14ac:dyDescent="0.25">
      <c r="A3368">
        <v>32992581</v>
      </c>
      <c r="B3368" t="s">
        <v>17478</v>
      </c>
      <c r="C3368" s="1" t="s">
        <v>17479</v>
      </c>
      <c r="D3368">
        <v>32993580</v>
      </c>
      <c r="E3368">
        <v>1</v>
      </c>
      <c r="F3368">
        <v>14</v>
      </c>
      <c r="H3368" t="s">
        <v>17480</v>
      </c>
      <c r="J3368" t="s">
        <v>17481</v>
      </c>
      <c r="K3368" t="s">
        <v>17482</v>
      </c>
      <c r="M3368">
        <v>432209</v>
      </c>
      <c r="O3368">
        <v>432209</v>
      </c>
      <c r="P3368">
        <v>1</v>
      </c>
      <c r="Q3368">
        <v>1</v>
      </c>
      <c r="R3368" t="s">
        <v>2847</v>
      </c>
      <c r="S3368">
        <v>60</v>
      </c>
    </row>
    <row r="3369" spans="1:19" x14ac:dyDescent="0.25">
      <c r="A3369">
        <v>37978724</v>
      </c>
      <c r="B3369" t="s">
        <v>17483</v>
      </c>
      <c r="C3369" s="1" t="s">
        <v>17484</v>
      </c>
      <c r="E3369">
        <v>1</v>
      </c>
      <c r="F3369">
        <v>2</v>
      </c>
      <c r="H3369" t="s">
        <v>17485</v>
      </c>
      <c r="J3369" t="s">
        <v>17486</v>
      </c>
      <c r="O3369">
        <v>5449642</v>
      </c>
      <c r="P3369">
        <v>1</v>
      </c>
      <c r="Q3369">
        <v>0</v>
      </c>
      <c r="R3369" t="s">
        <v>3056</v>
      </c>
      <c r="S3369">
        <v>220</v>
      </c>
    </row>
    <row r="3370" spans="1:19" x14ac:dyDescent="0.25">
      <c r="A3370">
        <v>40404770</v>
      </c>
      <c r="B3370" t="s">
        <v>17487</v>
      </c>
      <c r="C3370" s="1" t="s">
        <v>17488</v>
      </c>
      <c r="E3370">
        <v>0</v>
      </c>
      <c r="F3370">
        <v>2</v>
      </c>
      <c r="H3370" t="s">
        <v>17489</v>
      </c>
      <c r="J3370" t="s">
        <v>17490</v>
      </c>
      <c r="K3370" t="s">
        <v>17490</v>
      </c>
      <c r="M3370">
        <v>2844319</v>
      </c>
      <c r="O3370">
        <v>2153128</v>
      </c>
      <c r="P3370">
        <v>1</v>
      </c>
      <c r="Q3370">
        <v>0</v>
      </c>
      <c r="R3370" t="s">
        <v>9846</v>
      </c>
      <c r="S3370">
        <v>26</v>
      </c>
    </row>
    <row r="3371" spans="1:19" x14ac:dyDescent="0.25">
      <c r="A3371">
        <v>8866171</v>
      </c>
      <c r="B3371" t="s">
        <v>17491</v>
      </c>
      <c r="C3371" s="1" t="s">
        <v>17492</v>
      </c>
      <c r="D3371">
        <v>8866698</v>
      </c>
      <c r="E3371">
        <v>2</v>
      </c>
      <c r="F3371">
        <v>0</v>
      </c>
      <c r="H3371" t="s">
        <v>17493</v>
      </c>
      <c r="J3371" t="s">
        <v>17494</v>
      </c>
      <c r="O3371">
        <v>708678</v>
      </c>
      <c r="P3371">
        <v>1</v>
      </c>
      <c r="Q3371">
        <v>0</v>
      </c>
      <c r="R3371" t="s">
        <v>17495</v>
      </c>
      <c r="S3371">
        <v>1484</v>
      </c>
    </row>
    <row r="3372" spans="1:19" x14ac:dyDescent="0.25">
      <c r="A3372">
        <v>28228178</v>
      </c>
      <c r="B3372" t="s">
        <v>17496</v>
      </c>
      <c r="C3372" s="1" t="s">
        <v>17497</v>
      </c>
      <c r="E3372">
        <v>2</v>
      </c>
      <c r="F3372">
        <v>9</v>
      </c>
      <c r="H3372" t="s">
        <v>17498</v>
      </c>
      <c r="I3372">
        <v>0</v>
      </c>
      <c r="J3372" t="s">
        <v>17499</v>
      </c>
      <c r="K3372" t="s">
        <v>17500</v>
      </c>
      <c r="M3372">
        <v>183624</v>
      </c>
      <c r="O3372">
        <v>183624</v>
      </c>
      <c r="P3372">
        <v>1</v>
      </c>
      <c r="Q3372">
        <v>2</v>
      </c>
      <c r="R3372" t="s">
        <v>17501</v>
      </c>
      <c r="S3372">
        <v>2023</v>
      </c>
    </row>
    <row r="3373" spans="1:19" x14ac:dyDescent="0.25">
      <c r="A3373">
        <v>5151485</v>
      </c>
      <c r="B3373" t="s">
        <v>17502</v>
      </c>
      <c r="C3373" s="1" t="s">
        <v>17503</v>
      </c>
      <c r="D3373">
        <v>5151583</v>
      </c>
      <c r="E3373">
        <v>1</v>
      </c>
      <c r="F3373">
        <v>0</v>
      </c>
      <c r="H3373" t="s">
        <v>17504</v>
      </c>
      <c r="J3373" t="s">
        <v>17505</v>
      </c>
      <c r="O3373">
        <v>585152</v>
      </c>
      <c r="P3373">
        <v>1</v>
      </c>
      <c r="Q3373">
        <v>0</v>
      </c>
      <c r="R3373" t="s">
        <v>989</v>
      </c>
      <c r="S3373">
        <v>71</v>
      </c>
    </row>
    <row r="3374" spans="1:19" x14ac:dyDescent="0.25">
      <c r="A3374">
        <v>8520317</v>
      </c>
      <c r="B3374" t="s">
        <v>17506</v>
      </c>
      <c r="C3374" s="1" t="s">
        <v>17507</v>
      </c>
      <c r="D3374">
        <v>8520516</v>
      </c>
      <c r="E3374">
        <v>1</v>
      </c>
      <c r="F3374">
        <v>2</v>
      </c>
      <c r="H3374" t="s">
        <v>17508</v>
      </c>
      <c r="I3374">
        <v>2</v>
      </c>
      <c r="J3374" t="s">
        <v>17509</v>
      </c>
      <c r="O3374">
        <v>959936</v>
      </c>
      <c r="P3374">
        <v>1</v>
      </c>
      <c r="Q3374">
        <v>1</v>
      </c>
      <c r="R3374" t="s">
        <v>17510</v>
      </c>
      <c r="S3374">
        <v>1343</v>
      </c>
    </row>
    <row r="3375" spans="1:19" x14ac:dyDescent="0.25">
      <c r="A3375">
        <v>28372954</v>
      </c>
      <c r="B3375" t="s">
        <v>17511</v>
      </c>
      <c r="C3375" s="1" t="s">
        <v>17512</v>
      </c>
      <c r="E3375">
        <v>1</v>
      </c>
      <c r="F3375">
        <v>0</v>
      </c>
      <c r="H3375" t="s">
        <v>17513</v>
      </c>
      <c r="J3375" t="s">
        <v>17514</v>
      </c>
      <c r="K3375" t="s">
        <v>17515</v>
      </c>
      <c r="M3375">
        <v>-1</v>
      </c>
      <c r="O3375">
        <v>2543257</v>
      </c>
      <c r="P3375">
        <v>1</v>
      </c>
      <c r="Q3375">
        <v>-2</v>
      </c>
      <c r="R3375" t="s">
        <v>17516</v>
      </c>
      <c r="S3375">
        <v>1075</v>
      </c>
    </row>
    <row r="3376" spans="1:19" x14ac:dyDescent="0.25">
      <c r="A3376">
        <v>37550565</v>
      </c>
      <c r="B3376" t="s">
        <v>17517</v>
      </c>
      <c r="C3376" s="1" t="s">
        <v>17518</v>
      </c>
      <c r="E3376">
        <v>0</v>
      </c>
      <c r="F3376">
        <v>3</v>
      </c>
      <c r="H3376" t="s">
        <v>17519</v>
      </c>
      <c r="J3376" t="s">
        <v>17519</v>
      </c>
      <c r="O3376">
        <v>661139</v>
      </c>
      <c r="P3376">
        <v>1</v>
      </c>
      <c r="Q3376">
        <v>0</v>
      </c>
      <c r="R3376" t="s">
        <v>1288</v>
      </c>
      <c r="S3376">
        <v>105</v>
      </c>
    </row>
    <row r="3377" spans="1:19" x14ac:dyDescent="0.25">
      <c r="A3377">
        <v>27097334</v>
      </c>
      <c r="B3377" t="s">
        <v>17520</v>
      </c>
      <c r="C3377" s="1" t="s">
        <v>17521</v>
      </c>
      <c r="E3377">
        <v>3</v>
      </c>
      <c r="F3377">
        <v>1</v>
      </c>
      <c r="H3377" t="s">
        <v>17522</v>
      </c>
      <c r="J3377" t="s">
        <v>17523</v>
      </c>
      <c r="K3377" t="s">
        <v>17524</v>
      </c>
      <c r="M3377">
        <v>379235</v>
      </c>
      <c r="O3377">
        <v>379235</v>
      </c>
      <c r="P3377">
        <v>1</v>
      </c>
      <c r="Q3377">
        <v>0</v>
      </c>
      <c r="R3377" t="s">
        <v>17525</v>
      </c>
      <c r="S3377">
        <v>342</v>
      </c>
    </row>
    <row r="3378" spans="1:19" x14ac:dyDescent="0.25">
      <c r="A3378">
        <v>21190296</v>
      </c>
      <c r="B3378" t="s">
        <v>17526</v>
      </c>
      <c r="C3378" s="1" t="s">
        <v>17527</v>
      </c>
      <c r="D3378">
        <v>21190833</v>
      </c>
      <c r="E3378">
        <v>1</v>
      </c>
      <c r="F3378">
        <v>0</v>
      </c>
      <c r="H3378" t="s">
        <v>17528</v>
      </c>
      <c r="J3378" t="s">
        <v>17529</v>
      </c>
      <c r="O3378">
        <v>2707132</v>
      </c>
      <c r="P3378">
        <v>1</v>
      </c>
      <c r="Q3378">
        <v>0</v>
      </c>
      <c r="R3378" t="s">
        <v>17530</v>
      </c>
      <c r="S3378">
        <v>123</v>
      </c>
    </row>
    <row r="3379" spans="1:19" x14ac:dyDescent="0.25">
      <c r="A3379">
        <v>40132443</v>
      </c>
      <c r="B3379" t="s">
        <v>17531</v>
      </c>
      <c r="C3379" s="1" t="s">
        <v>17532</v>
      </c>
      <c r="E3379">
        <v>1</v>
      </c>
      <c r="F3379">
        <v>0</v>
      </c>
      <c r="H3379" t="s">
        <v>17533</v>
      </c>
      <c r="J3379" t="s">
        <v>17534</v>
      </c>
      <c r="K3379" t="s">
        <v>17535</v>
      </c>
      <c r="M3379">
        <v>1331451</v>
      </c>
      <c r="O3379">
        <v>3897102</v>
      </c>
      <c r="P3379">
        <v>1</v>
      </c>
      <c r="Q3379">
        <v>2</v>
      </c>
      <c r="R3379" t="s">
        <v>17536</v>
      </c>
      <c r="S3379">
        <v>676</v>
      </c>
    </row>
    <row r="3380" spans="1:19" x14ac:dyDescent="0.25">
      <c r="A3380">
        <v>51456230</v>
      </c>
      <c r="B3380" t="s">
        <v>17537</v>
      </c>
      <c r="C3380" s="1" t="s">
        <v>17538</v>
      </c>
      <c r="E3380">
        <v>0</v>
      </c>
      <c r="F3380">
        <v>6</v>
      </c>
      <c r="H3380" t="s">
        <v>17539</v>
      </c>
      <c r="J3380" t="s">
        <v>17540</v>
      </c>
      <c r="K3380" t="s">
        <v>17540</v>
      </c>
      <c r="M3380">
        <v>6311145</v>
      </c>
      <c r="O3380">
        <v>6311145</v>
      </c>
      <c r="P3380">
        <v>1</v>
      </c>
      <c r="Q3380">
        <v>1</v>
      </c>
      <c r="R3380" t="s">
        <v>17541</v>
      </c>
      <c r="S3380">
        <v>86</v>
      </c>
    </row>
    <row r="3381" spans="1:19" x14ac:dyDescent="0.25">
      <c r="A3381">
        <v>13654720</v>
      </c>
      <c r="B3381" t="s">
        <v>17542</v>
      </c>
      <c r="C3381" s="1" t="s">
        <v>17543</v>
      </c>
      <c r="D3381">
        <v>13655229</v>
      </c>
      <c r="E3381">
        <v>3</v>
      </c>
      <c r="F3381">
        <v>0</v>
      </c>
      <c r="H3381" t="s">
        <v>17544</v>
      </c>
      <c r="J3381" t="s">
        <v>17545</v>
      </c>
      <c r="K3381" t="s">
        <v>17546</v>
      </c>
      <c r="M3381">
        <v>1483954</v>
      </c>
      <c r="O3381">
        <v>1483954</v>
      </c>
      <c r="P3381">
        <v>1</v>
      </c>
      <c r="Q3381">
        <v>1</v>
      </c>
      <c r="R3381" t="s">
        <v>17547</v>
      </c>
      <c r="S3381">
        <v>3966</v>
      </c>
    </row>
    <row r="3382" spans="1:19" x14ac:dyDescent="0.25">
      <c r="A3382">
        <v>37716450</v>
      </c>
      <c r="B3382" t="s">
        <v>17548</v>
      </c>
      <c r="C3382" t="s">
        <v>17549</v>
      </c>
      <c r="E3382">
        <v>1</v>
      </c>
      <c r="F3382">
        <v>1</v>
      </c>
      <c r="H3382" t="s">
        <v>17550</v>
      </c>
      <c r="J3382" t="s">
        <v>17551</v>
      </c>
      <c r="K3382" t="s">
        <v>17551</v>
      </c>
      <c r="M3382">
        <v>465053</v>
      </c>
      <c r="O3382">
        <v>6443323</v>
      </c>
      <c r="P3382">
        <v>1</v>
      </c>
      <c r="Q3382">
        <v>0</v>
      </c>
      <c r="R3382" t="s">
        <v>17552</v>
      </c>
      <c r="S3382">
        <v>20</v>
      </c>
    </row>
    <row r="3383" spans="1:19" x14ac:dyDescent="0.25">
      <c r="A3383">
        <v>8134699</v>
      </c>
      <c r="B3383" t="s">
        <v>17553</v>
      </c>
      <c r="C3383" s="1" t="s">
        <v>17554</v>
      </c>
      <c r="D3383">
        <v>8135865</v>
      </c>
      <c r="E3383">
        <v>2</v>
      </c>
      <c r="F3383">
        <v>0</v>
      </c>
      <c r="H3383" t="s">
        <v>17555</v>
      </c>
      <c r="I3383">
        <v>1</v>
      </c>
      <c r="J3383" t="s">
        <v>17556</v>
      </c>
      <c r="K3383" t="s">
        <v>17557</v>
      </c>
      <c r="M3383">
        <v>366256</v>
      </c>
      <c r="O3383">
        <v>366256</v>
      </c>
      <c r="P3383">
        <v>1</v>
      </c>
      <c r="Q3383">
        <v>11</v>
      </c>
      <c r="R3383" t="s">
        <v>17558</v>
      </c>
      <c r="S3383">
        <v>4227</v>
      </c>
    </row>
    <row r="3384" spans="1:19" x14ac:dyDescent="0.25">
      <c r="A3384">
        <v>17351182</v>
      </c>
      <c r="B3384" t="s">
        <v>17559</v>
      </c>
      <c r="C3384" s="1" t="s">
        <v>17560</v>
      </c>
      <c r="D3384">
        <v>17351183</v>
      </c>
      <c r="E3384">
        <v>1</v>
      </c>
      <c r="F3384">
        <v>0</v>
      </c>
      <c r="H3384" t="s">
        <v>17561</v>
      </c>
      <c r="J3384" t="s">
        <v>17561</v>
      </c>
      <c r="O3384">
        <v>560358</v>
      </c>
      <c r="P3384">
        <v>1</v>
      </c>
      <c r="Q3384">
        <v>0</v>
      </c>
      <c r="R3384" t="s">
        <v>17562</v>
      </c>
      <c r="S3384">
        <v>1607</v>
      </c>
    </row>
    <row r="3385" spans="1:19" x14ac:dyDescent="0.25">
      <c r="A3385">
        <v>28462797</v>
      </c>
      <c r="B3385" t="s">
        <v>17563</v>
      </c>
      <c r="C3385" s="1" t="s">
        <v>17564</v>
      </c>
      <c r="E3385">
        <v>2</v>
      </c>
      <c r="F3385">
        <v>3</v>
      </c>
      <c r="H3385" t="s">
        <v>17565</v>
      </c>
      <c r="J3385" t="s">
        <v>17566</v>
      </c>
      <c r="K3385" t="s">
        <v>17567</v>
      </c>
      <c r="M3385">
        <v>121400</v>
      </c>
      <c r="O3385">
        <v>121400</v>
      </c>
      <c r="P3385">
        <v>1</v>
      </c>
      <c r="Q3385">
        <v>0</v>
      </c>
      <c r="R3385" t="s">
        <v>549</v>
      </c>
      <c r="S3385">
        <v>336</v>
      </c>
    </row>
    <row r="3386" spans="1:19" x14ac:dyDescent="0.25">
      <c r="A3386">
        <v>30837315</v>
      </c>
      <c r="B3386" t="s">
        <v>17568</v>
      </c>
      <c r="C3386" s="1" t="s">
        <v>17569</v>
      </c>
      <c r="E3386">
        <v>2</v>
      </c>
      <c r="F3386">
        <v>5</v>
      </c>
      <c r="H3386" t="s">
        <v>17570</v>
      </c>
      <c r="J3386" t="s">
        <v>17571</v>
      </c>
      <c r="K3386" t="s">
        <v>17571</v>
      </c>
      <c r="M3386">
        <v>218196</v>
      </c>
      <c r="O3386">
        <v>810031</v>
      </c>
      <c r="P3386">
        <v>1</v>
      </c>
      <c r="Q3386">
        <v>1</v>
      </c>
      <c r="R3386" t="s">
        <v>17572</v>
      </c>
      <c r="S3386">
        <v>2608</v>
      </c>
    </row>
    <row r="3387" spans="1:19" x14ac:dyDescent="0.25">
      <c r="A3387">
        <v>51053061</v>
      </c>
      <c r="B3387" t="s">
        <v>17573</v>
      </c>
      <c r="C3387" s="1" t="s">
        <v>17574</v>
      </c>
      <c r="D3387">
        <v>51053102</v>
      </c>
      <c r="E3387">
        <v>1</v>
      </c>
      <c r="F3387">
        <v>5</v>
      </c>
      <c r="H3387" t="s">
        <v>17575</v>
      </c>
      <c r="J3387" t="s">
        <v>17576</v>
      </c>
      <c r="O3387">
        <v>2202180</v>
      </c>
      <c r="P3387">
        <v>1</v>
      </c>
      <c r="Q3387">
        <v>2</v>
      </c>
      <c r="R3387" t="s">
        <v>17577</v>
      </c>
      <c r="S3387">
        <v>72</v>
      </c>
    </row>
    <row r="3388" spans="1:19" x14ac:dyDescent="0.25">
      <c r="A3388">
        <v>29247800</v>
      </c>
      <c r="B3388" t="s">
        <v>17578</v>
      </c>
      <c r="C3388" s="1" t="s">
        <v>17579</v>
      </c>
      <c r="D3388">
        <v>29292576</v>
      </c>
      <c r="E3388">
        <v>1</v>
      </c>
      <c r="F3388">
        <v>2</v>
      </c>
      <c r="H3388" t="s">
        <v>17580</v>
      </c>
      <c r="J3388" t="s">
        <v>17581</v>
      </c>
      <c r="O3388">
        <v>2665238</v>
      </c>
      <c r="P3388">
        <v>1</v>
      </c>
      <c r="Q3388">
        <v>1</v>
      </c>
      <c r="R3388" t="s">
        <v>17582</v>
      </c>
      <c r="S3388">
        <v>136</v>
      </c>
    </row>
    <row r="3389" spans="1:19" x14ac:dyDescent="0.25">
      <c r="A3389">
        <v>46931141</v>
      </c>
      <c r="B3389" t="s">
        <v>17583</v>
      </c>
      <c r="C3389" s="1" t="s">
        <v>17584</v>
      </c>
      <c r="D3389">
        <v>47128011</v>
      </c>
      <c r="E3389">
        <v>2</v>
      </c>
      <c r="F3389">
        <v>0</v>
      </c>
      <c r="H3389" t="s">
        <v>17585</v>
      </c>
      <c r="J3389" t="s">
        <v>17586</v>
      </c>
      <c r="K3389" t="s">
        <v>17587</v>
      </c>
      <c r="L3389" t="s">
        <v>17588</v>
      </c>
      <c r="N3389" t="s">
        <v>17588</v>
      </c>
      <c r="P3389">
        <v>1</v>
      </c>
      <c r="Q3389">
        <v>0</v>
      </c>
      <c r="R3389" t="s">
        <v>17589</v>
      </c>
      <c r="S3389">
        <v>65</v>
      </c>
    </row>
    <row r="3390" spans="1:19" x14ac:dyDescent="0.25">
      <c r="A3390">
        <v>8341755</v>
      </c>
      <c r="B3390" t="s">
        <v>17590</v>
      </c>
      <c r="C3390" s="1" t="s">
        <v>17591</v>
      </c>
      <c r="D3390">
        <v>8341790</v>
      </c>
      <c r="E3390">
        <v>3</v>
      </c>
      <c r="F3390">
        <v>0</v>
      </c>
      <c r="H3390" t="s">
        <v>17592</v>
      </c>
      <c r="J3390" t="s">
        <v>17593</v>
      </c>
      <c r="K3390" t="s">
        <v>17593</v>
      </c>
      <c r="M3390">
        <v>4830</v>
      </c>
      <c r="O3390">
        <v>794764</v>
      </c>
      <c r="P3390">
        <v>1</v>
      </c>
      <c r="Q3390">
        <v>3</v>
      </c>
      <c r="R3390" t="s">
        <v>17594</v>
      </c>
      <c r="S3390">
        <v>101</v>
      </c>
    </row>
    <row r="3391" spans="1:19" x14ac:dyDescent="0.25">
      <c r="A3391">
        <v>19901284</v>
      </c>
      <c r="B3391" t="s">
        <v>17595</v>
      </c>
      <c r="C3391" s="1" t="s">
        <v>17596</v>
      </c>
      <c r="E3391">
        <v>1</v>
      </c>
      <c r="F3391">
        <v>0</v>
      </c>
      <c r="H3391" t="s">
        <v>17597</v>
      </c>
      <c r="I3391">
        <v>1</v>
      </c>
      <c r="J3391" t="s">
        <v>17598</v>
      </c>
      <c r="K3391" t="s">
        <v>17599</v>
      </c>
      <c r="M3391">
        <v>1873094</v>
      </c>
      <c r="O3391">
        <v>1873094</v>
      </c>
      <c r="P3391">
        <v>1</v>
      </c>
      <c r="Q3391">
        <v>1</v>
      </c>
      <c r="R3391" t="s">
        <v>1359</v>
      </c>
      <c r="S3391">
        <v>217</v>
      </c>
    </row>
    <row r="3392" spans="1:19" x14ac:dyDescent="0.25">
      <c r="A3392">
        <v>25008701</v>
      </c>
      <c r="B3392" t="s">
        <v>17600</v>
      </c>
      <c r="C3392" s="1" t="s">
        <v>17601</v>
      </c>
      <c r="E3392">
        <v>0</v>
      </c>
      <c r="F3392">
        <v>0</v>
      </c>
      <c r="H3392" t="s">
        <v>17602</v>
      </c>
      <c r="J3392" t="s">
        <v>17603</v>
      </c>
      <c r="K3392" t="s">
        <v>17603</v>
      </c>
      <c r="M3392">
        <v>1634733</v>
      </c>
      <c r="O3392">
        <v>1634733</v>
      </c>
      <c r="P3392">
        <v>1</v>
      </c>
      <c r="Q3392">
        <v>1</v>
      </c>
      <c r="R3392" t="s">
        <v>17604</v>
      </c>
      <c r="S3392">
        <v>74</v>
      </c>
    </row>
    <row r="3393" spans="1:19" x14ac:dyDescent="0.25">
      <c r="A3393">
        <v>29863362</v>
      </c>
      <c r="B3393" t="s">
        <v>17605</v>
      </c>
      <c r="C3393" s="1" t="s">
        <v>17606</v>
      </c>
      <c r="D3393">
        <v>29863486</v>
      </c>
      <c r="E3393">
        <v>2</v>
      </c>
      <c r="F3393">
        <v>0</v>
      </c>
      <c r="H3393" t="s">
        <v>17607</v>
      </c>
      <c r="J3393" t="s">
        <v>17608</v>
      </c>
      <c r="K3393" t="s">
        <v>17608</v>
      </c>
      <c r="M3393">
        <v>4651768</v>
      </c>
      <c r="O3393">
        <v>4651768</v>
      </c>
      <c r="P3393">
        <v>1</v>
      </c>
      <c r="Q3393">
        <v>0</v>
      </c>
      <c r="R3393" t="s">
        <v>17609</v>
      </c>
      <c r="S3393">
        <v>85</v>
      </c>
    </row>
    <row r="3394" spans="1:19" x14ac:dyDescent="0.25">
      <c r="A3394">
        <v>42139840</v>
      </c>
      <c r="B3394" t="s">
        <v>17610</v>
      </c>
      <c r="C3394" s="1" t="s">
        <v>17611</v>
      </c>
      <c r="D3394">
        <v>42139874</v>
      </c>
      <c r="E3394">
        <v>3</v>
      </c>
      <c r="F3394">
        <v>8</v>
      </c>
      <c r="H3394" t="s">
        <v>17612</v>
      </c>
      <c r="I3394">
        <v>1</v>
      </c>
      <c r="J3394" t="s">
        <v>17613</v>
      </c>
      <c r="K3394" t="s">
        <v>17614</v>
      </c>
      <c r="M3394">
        <v>3470178</v>
      </c>
      <c r="O3394">
        <v>7534290</v>
      </c>
      <c r="P3394">
        <v>1</v>
      </c>
      <c r="Q3394">
        <v>-1</v>
      </c>
      <c r="R3394" t="s">
        <v>780</v>
      </c>
      <c r="S3394">
        <v>67</v>
      </c>
    </row>
    <row r="3395" spans="1:19" x14ac:dyDescent="0.25">
      <c r="A3395">
        <v>35135103</v>
      </c>
      <c r="B3395" t="s">
        <v>17615</v>
      </c>
      <c r="C3395" s="1" t="s">
        <v>17616</v>
      </c>
      <c r="D3395">
        <v>35141905</v>
      </c>
      <c r="E3395">
        <v>1</v>
      </c>
      <c r="F3395">
        <v>0</v>
      </c>
      <c r="H3395" t="s">
        <v>17617</v>
      </c>
      <c r="J3395" t="s">
        <v>17618</v>
      </c>
      <c r="O3395">
        <v>1921363</v>
      </c>
      <c r="P3395">
        <v>1</v>
      </c>
      <c r="Q3395">
        <v>0</v>
      </c>
      <c r="R3395" t="s">
        <v>17619</v>
      </c>
      <c r="S3395">
        <v>516</v>
      </c>
    </row>
    <row r="3396" spans="1:19" x14ac:dyDescent="0.25">
      <c r="A3396">
        <v>47420454</v>
      </c>
      <c r="B3396" t="s">
        <v>17620</v>
      </c>
      <c r="C3396" s="1" t="s">
        <v>17621</v>
      </c>
      <c r="D3396">
        <v>47426936</v>
      </c>
      <c r="E3396">
        <v>1</v>
      </c>
      <c r="F3396">
        <v>3</v>
      </c>
      <c r="H3396" t="s">
        <v>17622</v>
      </c>
      <c r="J3396" t="s">
        <v>17623</v>
      </c>
      <c r="K3396" t="s">
        <v>17624</v>
      </c>
      <c r="M3396">
        <v>832052</v>
      </c>
      <c r="O3396">
        <v>7486527</v>
      </c>
      <c r="P3396">
        <v>1</v>
      </c>
      <c r="Q3396">
        <v>0</v>
      </c>
      <c r="R3396" t="s">
        <v>17625</v>
      </c>
      <c r="S3396">
        <v>58</v>
      </c>
    </row>
    <row r="3397" spans="1:19" x14ac:dyDescent="0.25">
      <c r="A3397">
        <v>39682308</v>
      </c>
      <c r="B3397" t="s">
        <v>17626</v>
      </c>
      <c r="C3397" s="1" t="s">
        <v>17627</v>
      </c>
      <c r="D3397">
        <v>39684900</v>
      </c>
      <c r="E3397">
        <v>1</v>
      </c>
      <c r="F3397">
        <v>0</v>
      </c>
      <c r="H3397" t="s">
        <v>17628</v>
      </c>
      <c r="J3397" t="s">
        <v>17629</v>
      </c>
      <c r="O3397">
        <v>6806378</v>
      </c>
      <c r="P3397">
        <v>1</v>
      </c>
      <c r="Q3397">
        <v>0</v>
      </c>
      <c r="R3397" t="s">
        <v>17431</v>
      </c>
      <c r="S3397">
        <v>562</v>
      </c>
    </row>
    <row r="3398" spans="1:19" x14ac:dyDescent="0.25">
      <c r="A3398">
        <v>13067454</v>
      </c>
      <c r="B3398" t="s">
        <v>17630</v>
      </c>
      <c r="C3398" s="1" t="s">
        <v>17631</v>
      </c>
      <c r="D3398">
        <v>13067517</v>
      </c>
      <c r="E3398">
        <v>4</v>
      </c>
      <c r="F3398">
        <v>3</v>
      </c>
      <c r="H3398" t="s">
        <v>17632</v>
      </c>
      <c r="J3398" t="s">
        <v>17633</v>
      </c>
      <c r="O3398">
        <v>1771628</v>
      </c>
      <c r="P3398">
        <v>1</v>
      </c>
      <c r="Q3398">
        <v>-2</v>
      </c>
      <c r="R3398" t="s">
        <v>17634</v>
      </c>
      <c r="S3398">
        <v>2391</v>
      </c>
    </row>
    <row r="3399" spans="1:19" x14ac:dyDescent="0.25">
      <c r="A3399">
        <v>22110769</v>
      </c>
      <c r="B3399" t="s">
        <v>17635</v>
      </c>
      <c r="C3399" s="1" t="s">
        <v>17636</v>
      </c>
      <c r="E3399">
        <v>1</v>
      </c>
      <c r="F3399">
        <v>1</v>
      </c>
      <c r="H3399" t="s">
        <v>17637</v>
      </c>
      <c r="J3399" t="s">
        <v>17638</v>
      </c>
      <c r="K3399" t="s">
        <v>17639</v>
      </c>
      <c r="M3399">
        <v>947934</v>
      </c>
      <c r="O3399">
        <v>2636681</v>
      </c>
      <c r="P3399">
        <v>1</v>
      </c>
      <c r="Q3399">
        <v>0</v>
      </c>
      <c r="R3399" t="s">
        <v>17640</v>
      </c>
      <c r="S3399">
        <v>140</v>
      </c>
    </row>
    <row r="3400" spans="1:19" x14ac:dyDescent="0.25">
      <c r="A3400">
        <v>40437692</v>
      </c>
      <c r="B3400" t="s">
        <v>17641</v>
      </c>
      <c r="C3400" s="1" t="s">
        <v>17642</v>
      </c>
      <c r="D3400">
        <v>43036251</v>
      </c>
      <c r="E3400">
        <v>1</v>
      </c>
      <c r="F3400">
        <v>0</v>
      </c>
      <c r="H3400" t="s">
        <v>17643</v>
      </c>
      <c r="J3400" t="s">
        <v>17644</v>
      </c>
      <c r="K3400" t="s">
        <v>17645</v>
      </c>
      <c r="M3400">
        <v>1894765</v>
      </c>
      <c r="O3400">
        <v>1894765</v>
      </c>
      <c r="P3400">
        <v>1</v>
      </c>
      <c r="Q3400">
        <v>0</v>
      </c>
      <c r="R3400" t="s">
        <v>17646</v>
      </c>
      <c r="S3400">
        <v>285</v>
      </c>
    </row>
    <row r="3401" spans="1:19" x14ac:dyDescent="0.25">
      <c r="A3401">
        <v>16301099</v>
      </c>
      <c r="B3401" t="s">
        <v>17647</v>
      </c>
      <c r="C3401" s="1" t="s">
        <v>17648</v>
      </c>
      <c r="E3401">
        <v>1</v>
      </c>
      <c r="F3401">
        <v>1</v>
      </c>
      <c r="H3401" t="s">
        <v>17649</v>
      </c>
      <c r="I3401">
        <v>1</v>
      </c>
      <c r="J3401" t="s">
        <v>17650</v>
      </c>
      <c r="O3401">
        <v>1705712</v>
      </c>
      <c r="P3401">
        <v>1</v>
      </c>
      <c r="Q3401">
        <v>1</v>
      </c>
      <c r="R3401" t="s">
        <v>17651</v>
      </c>
      <c r="S3401">
        <v>3262</v>
      </c>
    </row>
    <row r="3402" spans="1:19" x14ac:dyDescent="0.25">
      <c r="A3402">
        <v>52614117</v>
      </c>
      <c r="B3402" t="s">
        <v>17652</v>
      </c>
      <c r="C3402" s="1" t="s">
        <v>17653</v>
      </c>
      <c r="E3402">
        <v>3</v>
      </c>
      <c r="F3402">
        <v>0</v>
      </c>
      <c r="H3402" t="s">
        <v>17654</v>
      </c>
      <c r="J3402" t="s">
        <v>17655</v>
      </c>
      <c r="O3402">
        <v>1864552</v>
      </c>
      <c r="P3402">
        <v>1</v>
      </c>
      <c r="Q3402">
        <v>1</v>
      </c>
      <c r="R3402" t="s">
        <v>3969</v>
      </c>
      <c r="S3402">
        <v>21</v>
      </c>
    </row>
    <row r="3403" spans="1:19" x14ac:dyDescent="0.25">
      <c r="A3403">
        <v>1028297</v>
      </c>
      <c r="B3403" t="s">
        <v>17656</v>
      </c>
      <c r="C3403" s="1" t="s">
        <v>17657</v>
      </c>
      <c r="D3403">
        <v>1032230</v>
      </c>
      <c r="E3403">
        <v>3</v>
      </c>
      <c r="F3403">
        <v>1</v>
      </c>
      <c r="H3403" t="s">
        <v>17658</v>
      </c>
      <c r="I3403">
        <v>1</v>
      </c>
      <c r="J3403" t="s">
        <v>17659</v>
      </c>
      <c r="K3403" t="s">
        <v>17660</v>
      </c>
      <c r="M3403">
        <v>98401</v>
      </c>
      <c r="O3403">
        <v>98401</v>
      </c>
      <c r="P3403">
        <v>1</v>
      </c>
      <c r="Q3403">
        <v>3</v>
      </c>
      <c r="R3403" t="s">
        <v>17661</v>
      </c>
      <c r="S3403">
        <v>1624</v>
      </c>
    </row>
    <row r="3404" spans="1:19" x14ac:dyDescent="0.25">
      <c r="A3404">
        <v>36659593</v>
      </c>
      <c r="B3404" t="s">
        <v>17662</v>
      </c>
      <c r="C3404" t="s">
        <v>17663</v>
      </c>
      <c r="D3404">
        <v>36659676</v>
      </c>
      <c r="E3404">
        <v>1</v>
      </c>
      <c r="F3404">
        <v>1</v>
      </c>
      <c r="H3404" t="s">
        <v>17664</v>
      </c>
      <c r="J3404" t="s">
        <v>17665</v>
      </c>
      <c r="K3404" t="s">
        <v>17665</v>
      </c>
      <c r="M3404">
        <v>402884</v>
      </c>
      <c r="O3404">
        <v>6211751</v>
      </c>
      <c r="P3404">
        <v>1</v>
      </c>
      <c r="Q3404">
        <v>1</v>
      </c>
      <c r="R3404" t="s">
        <v>17666</v>
      </c>
      <c r="S3404">
        <v>95</v>
      </c>
    </row>
    <row r="3405" spans="1:19" x14ac:dyDescent="0.25">
      <c r="A3405">
        <v>15437866</v>
      </c>
      <c r="B3405" t="s">
        <v>17667</v>
      </c>
      <c r="C3405" s="1" t="s">
        <v>17668</v>
      </c>
      <c r="D3405">
        <v>15437952</v>
      </c>
      <c r="E3405">
        <v>2</v>
      </c>
      <c r="F3405">
        <v>6</v>
      </c>
      <c r="H3405" t="s">
        <v>17669</v>
      </c>
      <c r="I3405">
        <v>1</v>
      </c>
      <c r="J3405" t="s">
        <v>17670</v>
      </c>
      <c r="O3405">
        <v>1194415</v>
      </c>
      <c r="P3405">
        <v>1</v>
      </c>
      <c r="Q3405">
        <v>11</v>
      </c>
      <c r="R3405" t="s">
        <v>2847</v>
      </c>
      <c r="S3405">
        <v>5270</v>
      </c>
    </row>
    <row r="3406" spans="1:19" x14ac:dyDescent="0.25">
      <c r="A3406">
        <v>1248510</v>
      </c>
      <c r="B3406" t="s">
        <v>17671</v>
      </c>
      <c r="C3406" s="1" t="s">
        <v>17672</v>
      </c>
      <c r="D3406">
        <v>1248709</v>
      </c>
      <c r="E3406">
        <v>16</v>
      </c>
      <c r="F3406">
        <v>2</v>
      </c>
      <c r="H3406" t="s">
        <v>17673</v>
      </c>
      <c r="I3406">
        <v>28</v>
      </c>
      <c r="J3406" t="s">
        <v>17674</v>
      </c>
      <c r="K3406" t="s">
        <v>17675</v>
      </c>
      <c r="M3406">
        <v>147904</v>
      </c>
      <c r="O3406">
        <v>147904</v>
      </c>
      <c r="P3406">
        <v>1</v>
      </c>
      <c r="Q3406">
        <v>41</v>
      </c>
      <c r="R3406" t="s">
        <v>17676</v>
      </c>
      <c r="S3406">
        <v>58969</v>
      </c>
    </row>
    <row r="3407" spans="1:19" x14ac:dyDescent="0.25">
      <c r="A3407">
        <v>26820134</v>
      </c>
      <c r="B3407" t="s">
        <v>17677</v>
      </c>
      <c r="C3407" s="1" t="s">
        <v>17678</v>
      </c>
      <c r="D3407">
        <v>39073551</v>
      </c>
      <c r="E3407">
        <v>1</v>
      </c>
      <c r="F3407">
        <v>3</v>
      </c>
      <c r="H3407" t="s">
        <v>17679</v>
      </c>
      <c r="I3407">
        <v>1</v>
      </c>
      <c r="J3407" t="s">
        <v>17680</v>
      </c>
      <c r="K3407" t="s">
        <v>17681</v>
      </c>
      <c r="M3407">
        <v>2335593</v>
      </c>
      <c r="O3407">
        <v>2335593</v>
      </c>
      <c r="P3407">
        <v>1</v>
      </c>
      <c r="Q3407">
        <v>0</v>
      </c>
      <c r="R3407" t="s">
        <v>17682</v>
      </c>
      <c r="S3407">
        <v>571</v>
      </c>
    </row>
    <row r="3408" spans="1:19" x14ac:dyDescent="0.25">
      <c r="A3408">
        <v>4056721</v>
      </c>
      <c r="B3408" t="s">
        <v>17683</v>
      </c>
      <c r="C3408" s="1" t="s">
        <v>17684</v>
      </c>
      <c r="D3408">
        <v>4056929</v>
      </c>
      <c r="E3408">
        <v>1</v>
      </c>
      <c r="F3408">
        <v>1</v>
      </c>
      <c r="H3408" t="s">
        <v>17685</v>
      </c>
      <c r="J3408" t="s">
        <v>17686</v>
      </c>
      <c r="K3408" t="s">
        <v>17687</v>
      </c>
      <c r="M3408">
        <v>311884</v>
      </c>
      <c r="O3408">
        <v>311884</v>
      </c>
      <c r="P3408">
        <v>1</v>
      </c>
      <c r="Q3408">
        <v>0</v>
      </c>
      <c r="R3408" t="s">
        <v>17688</v>
      </c>
      <c r="S3408">
        <v>690</v>
      </c>
    </row>
    <row r="3409" spans="1:19" x14ac:dyDescent="0.25">
      <c r="A3409">
        <v>18282616</v>
      </c>
      <c r="B3409" t="s">
        <v>17689</v>
      </c>
      <c r="C3409" s="1" t="s">
        <v>17690</v>
      </c>
      <c r="E3409">
        <v>0</v>
      </c>
      <c r="F3409">
        <v>5</v>
      </c>
      <c r="H3409" t="s">
        <v>17691</v>
      </c>
      <c r="J3409" t="s">
        <v>17692</v>
      </c>
      <c r="K3409" t="s">
        <v>17692</v>
      </c>
      <c r="L3409" t="s">
        <v>17693</v>
      </c>
      <c r="N3409" t="s">
        <v>17693</v>
      </c>
      <c r="P3409">
        <v>1</v>
      </c>
      <c r="Q3409">
        <v>1</v>
      </c>
      <c r="R3409" t="s">
        <v>989</v>
      </c>
      <c r="S3409">
        <v>105</v>
      </c>
    </row>
    <row r="3410" spans="1:19" x14ac:dyDescent="0.25">
      <c r="A3410">
        <v>5976279</v>
      </c>
      <c r="B3410" t="s">
        <v>17694</v>
      </c>
      <c r="C3410" s="1" t="s">
        <v>17695</v>
      </c>
      <c r="D3410">
        <v>5976376</v>
      </c>
      <c r="E3410">
        <v>1</v>
      </c>
      <c r="F3410">
        <v>1</v>
      </c>
      <c r="H3410" t="s">
        <v>17696</v>
      </c>
      <c r="J3410" t="s">
        <v>17697</v>
      </c>
      <c r="K3410" t="s">
        <v>17697</v>
      </c>
      <c r="M3410">
        <v>38765</v>
      </c>
      <c r="O3410">
        <v>574190</v>
      </c>
      <c r="P3410">
        <v>1</v>
      </c>
      <c r="Q3410">
        <v>2</v>
      </c>
      <c r="R3410" t="s">
        <v>17698</v>
      </c>
      <c r="S3410">
        <v>142</v>
      </c>
    </row>
    <row r="3411" spans="1:19" x14ac:dyDescent="0.25">
      <c r="A3411">
        <v>51758076</v>
      </c>
      <c r="B3411" t="s">
        <v>17699</v>
      </c>
      <c r="C3411" s="1" t="s">
        <v>17700</v>
      </c>
      <c r="E3411">
        <v>0</v>
      </c>
      <c r="F3411">
        <v>3</v>
      </c>
      <c r="H3411" t="s">
        <v>17701</v>
      </c>
      <c r="I3411">
        <v>1</v>
      </c>
      <c r="J3411" t="s">
        <v>17701</v>
      </c>
      <c r="O3411">
        <v>6250449</v>
      </c>
      <c r="P3411">
        <v>1</v>
      </c>
      <c r="Q3411">
        <v>3</v>
      </c>
      <c r="R3411" t="s">
        <v>17702</v>
      </c>
      <c r="S3411">
        <v>299</v>
      </c>
    </row>
    <row r="3412" spans="1:19" x14ac:dyDescent="0.25">
      <c r="A3412">
        <v>19417641</v>
      </c>
      <c r="B3412" t="s">
        <v>17703</v>
      </c>
      <c r="C3412" s="1" t="s">
        <v>17704</v>
      </c>
      <c r="E3412">
        <v>0</v>
      </c>
      <c r="F3412">
        <v>1</v>
      </c>
      <c r="H3412" t="s">
        <v>17705</v>
      </c>
      <c r="J3412" t="s">
        <v>17706</v>
      </c>
      <c r="K3412" t="s">
        <v>17706</v>
      </c>
      <c r="M3412">
        <v>1403997</v>
      </c>
      <c r="O3412">
        <v>1403997</v>
      </c>
      <c r="P3412">
        <v>1</v>
      </c>
      <c r="Q3412">
        <v>1</v>
      </c>
      <c r="R3412" t="s">
        <v>17707</v>
      </c>
      <c r="S3412">
        <v>185</v>
      </c>
    </row>
    <row r="3413" spans="1:19" x14ac:dyDescent="0.25">
      <c r="A3413">
        <v>31822169</v>
      </c>
      <c r="B3413" t="s">
        <v>17708</v>
      </c>
      <c r="C3413" t="s">
        <v>17709</v>
      </c>
      <c r="E3413">
        <v>1</v>
      </c>
      <c r="F3413">
        <v>1</v>
      </c>
      <c r="H3413" t="s">
        <v>17710</v>
      </c>
      <c r="J3413" t="s">
        <v>17711</v>
      </c>
      <c r="O3413">
        <v>5146658</v>
      </c>
      <c r="P3413">
        <v>1</v>
      </c>
      <c r="Q3413">
        <v>-1</v>
      </c>
      <c r="R3413" t="s">
        <v>17712</v>
      </c>
      <c r="S3413">
        <v>147</v>
      </c>
    </row>
    <row r="3414" spans="1:19" x14ac:dyDescent="0.25">
      <c r="A3414">
        <v>16536933</v>
      </c>
      <c r="B3414" t="s">
        <v>17713</v>
      </c>
      <c r="C3414" s="1" t="s">
        <v>17714</v>
      </c>
      <c r="E3414">
        <v>1</v>
      </c>
      <c r="F3414">
        <v>0</v>
      </c>
      <c r="H3414" t="s">
        <v>17715</v>
      </c>
      <c r="I3414">
        <v>1</v>
      </c>
      <c r="J3414" t="s">
        <v>17716</v>
      </c>
      <c r="O3414">
        <v>960946</v>
      </c>
      <c r="P3414">
        <v>1</v>
      </c>
      <c r="Q3414">
        <v>1</v>
      </c>
      <c r="R3414" t="s">
        <v>9754</v>
      </c>
      <c r="S3414">
        <v>2066</v>
      </c>
    </row>
    <row r="3415" spans="1:19" x14ac:dyDescent="0.25">
      <c r="A3415">
        <v>25280937</v>
      </c>
      <c r="B3415" t="s">
        <v>17717</v>
      </c>
      <c r="C3415" s="1" t="s">
        <v>17718</v>
      </c>
      <c r="E3415">
        <v>0</v>
      </c>
      <c r="F3415">
        <v>12</v>
      </c>
      <c r="H3415" t="s">
        <v>17719</v>
      </c>
      <c r="I3415">
        <v>0</v>
      </c>
      <c r="J3415" t="s">
        <v>17719</v>
      </c>
      <c r="O3415">
        <v>3864881</v>
      </c>
      <c r="P3415">
        <v>1</v>
      </c>
      <c r="Q3415">
        <v>1</v>
      </c>
      <c r="R3415" t="s">
        <v>1466</v>
      </c>
      <c r="S3415">
        <v>59</v>
      </c>
    </row>
    <row r="3416" spans="1:19" x14ac:dyDescent="0.25">
      <c r="A3416">
        <v>3500300</v>
      </c>
      <c r="B3416" t="s">
        <v>17720</v>
      </c>
      <c r="C3416" s="1" t="s">
        <v>17721</v>
      </c>
      <c r="D3416">
        <v>3500369</v>
      </c>
      <c r="E3416">
        <v>1</v>
      </c>
      <c r="F3416">
        <v>0</v>
      </c>
      <c r="H3416" t="s">
        <v>17722</v>
      </c>
      <c r="J3416" t="s">
        <v>17723</v>
      </c>
      <c r="K3416" t="s">
        <v>17724</v>
      </c>
      <c r="M3416">
        <v>415876</v>
      </c>
      <c r="O3416">
        <v>415876</v>
      </c>
      <c r="P3416">
        <v>1</v>
      </c>
      <c r="Q3416">
        <v>0</v>
      </c>
      <c r="R3416" t="s">
        <v>17725</v>
      </c>
      <c r="S3416">
        <v>267</v>
      </c>
    </row>
    <row r="3417" spans="1:19" x14ac:dyDescent="0.25">
      <c r="A3417">
        <v>33068463</v>
      </c>
      <c r="B3417" t="s">
        <v>17726</v>
      </c>
      <c r="C3417" s="1" t="s">
        <v>17727</v>
      </c>
      <c r="E3417">
        <v>1</v>
      </c>
      <c r="F3417">
        <v>5</v>
      </c>
      <c r="H3417" t="s">
        <v>17728</v>
      </c>
      <c r="J3417" t="s">
        <v>17729</v>
      </c>
      <c r="O3417">
        <v>3333155</v>
      </c>
      <c r="P3417">
        <v>1</v>
      </c>
      <c r="Q3417">
        <v>3</v>
      </c>
      <c r="R3417" t="s">
        <v>17730</v>
      </c>
      <c r="S3417">
        <v>95</v>
      </c>
    </row>
    <row r="3418" spans="1:19" x14ac:dyDescent="0.25">
      <c r="A3418">
        <v>23136649</v>
      </c>
      <c r="B3418" t="s">
        <v>17731</v>
      </c>
      <c r="C3418" s="1" t="s">
        <v>17732</v>
      </c>
      <c r="D3418">
        <v>23137232</v>
      </c>
      <c r="E3418">
        <v>1</v>
      </c>
      <c r="F3418">
        <v>6</v>
      </c>
      <c r="H3418" t="s">
        <v>17733</v>
      </c>
      <c r="J3418" t="s">
        <v>17734</v>
      </c>
      <c r="K3418" t="s">
        <v>17735</v>
      </c>
      <c r="M3418">
        <v>3251645</v>
      </c>
      <c r="O3418">
        <v>3251645</v>
      </c>
      <c r="P3418">
        <v>1</v>
      </c>
      <c r="Q3418">
        <v>0</v>
      </c>
      <c r="R3418" t="s">
        <v>17736</v>
      </c>
      <c r="S3418">
        <v>1690</v>
      </c>
    </row>
    <row r="3419" spans="1:19" x14ac:dyDescent="0.25">
      <c r="A3419">
        <v>29631922</v>
      </c>
      <c r="B3419" t="s">
        <v>17737</v>
      </c>
      <c r="C3419" s="1" t="s">
        <v>17738</v>
      </c>
      <c r="D3419">
        <v>29973476</v>
      </c>
      <c r="E3419">
        <v>3</v>
      </c>
      <c r="F3419">
        <v>2</v>
      </c>
      <c r="H3419" t="s">
        <v>17739</v>
      </c>
      <c r="J3419" t="s">
        <v>17740</v>
      </c>
      <c r="K3419" t="s">
        <v>17741</v>
      </c>
      <c r="M3419">
        <v>4788127</v>
      </c>
      <c r="O3419">
        <v>4788127</v>
      </c>
      <c r="P3419">
        <v>1</v>
      </c>
      <c r="Q3419">
        <v>0</v>
      </c>
      <c r="R3419" t="s">
        <v>17742</v>
      </c>
      <c r="S3419">
        <v>736</v>
      </c>
    </row>
    <row r="3420" spans="1:19" x14ac:dyDescent="0.25">
      <c r="A3420">
        <v>28642322</v>
      </c>
      <c r="B3420" t="s">
        <v>17743</v>
      </c>
      <c r="C3420" s="1" t="s">
        <v>17744</v>
      </c>
      <c r="D3420">
        <v>28643806</v>
      </c>
      <c r="E3420">
        <v>1</v>
      </c>
      <c r="F3420">
        <v>0</v>
      </c>
      <c r="H3420" t="s">
        <v>17745</v>
      </c>
      <c r="J3420" t="s">
        <v>17746</v>
      </c>
      <c r="K3420" t="s">
        <v>17747</v>
      </c>
      <c r="L3420" t="s">
        <v>17748</v>
      </c>
      <c r="O3420">
        <v>4590427</v>
      </c>
      <c r="P3420">
        <v>1</v>
      </c>
      <c r="Q3420">
        <v>1</v>
      </c>
      <c r="R3420" t="s">
        <v>17749</v>
      </c>
      <c r="S3420">
        <v>115</v>
      </c>
    </row>
    <row r="3421" spans="1:19" x14ac:dyDescent="0.25">
      <c r="A3421">
        <v>33272626</v>
      </c>
      <c r="B3421" t="s">
        <v>17750</v>
      </c>
      <c r="C3421" t="s">
        <v>17751</v>
      </c>
      <c r="D3421">
        <v>33277933</v>
      </c>
      <c r="E3421">
        <v>1</v>
      </c>
      <c r="F3421">
        <v>5</v>
      </c>
      <c r="H3421" t="s">
        <v>17752</v>
      </c>
      <c r="I3421">
        <v>1</v>
      </c>
      <c r="J3421" t="s">
        <v>17753</v>
      </c>
      <c r="O3421">
        <v>4209520</v>
      </c>
      <c r="P3421">
        <v>1</v>
      </c>
      <c r="Q3421">
        <v>9</v>
      </c>
      <c r="R3421" t="s">
        <v>17754</v>
      </c>
      <c r="S3421">
        <v>1685</v>
      </c>
    </row>
    <row r="3422" spans="1:19" x14ac:dyDescent="0.25">
      <c r="A3422">
        <v>46975414</v>
      </c>
      <c r="B3422" t="s">
        <v>17755</v>
      </c>
      <c r="C3422" s="1" t="s">
        <v>17756</v>
      </c>
      <c r="D3422">
        <v>46986963</v>
      </c>
      <c r="E3422">
        <v>3</v>
      </c>
      <c r="F3422">
        <v>0</v>
      </c>
      <c r="H3422" t="s">
        <v>17757</v>
      </c>
      <c r="J3422" t="s">
        <v>17758</v>
      </c>
      <c r="K3422" t="s">
        <v>17759</v>
      </c>
      <c r="M3422">
        <v>3445320</v>
      </c>
      <c r="O3422">
        <v>7229011</v>
      </c>
      <c r="P3422">
        <v>1</v>
      </c>
      <c r="Q3422">
        <v>0</v>
      </c>
      <c r="R3422" t="s">
        <v>17760</v>
      </c>
      <c r="S3422">
        <v>225</v>
      </c>
    </row>
    <row r="3423" spans="1:19" x14ac:dyDescent="0.25">
      <c r="A3423">
        <v>26914237</v>
      </c>
      <c r="B3423" t="s">
        <v>17761</v>
      </c>
      <c r="C3423" s="1" t="s">
        <v>17762</v>
      </c>
      <c r="D3423">
        <v>26914238</v>
      </c>
      <c r="E3423">
        <v>1</v>
      </c>
      <c r="F3423">
        <v>0</v>
      </c>
      <c r="H3423" t="s">
        <v>17763</v>
      </c>
      <c r="J3423" t="s">
        <v>17764</v>
      </c>
      <c r="N3423" t="s">
        <v>17765</v>
      </c>
      <c r="O3423">
        <v>719427</v>
      </c>
      <c r="P3423">
        <v>1</v>
      </c>
      <c r="Q3423">
        <v>0</v>
      </c>
      <c r="R3423" t="s">
        <v>17766</v>
      </c>
      <c r="S3423">
        <v>62</v>
      </c>
    </row>
    <row r="3424" spans="1:19" x14ac:dyDescent="0.25">
      <c r="A3424">
        <v>244577</v>
      </c>
      <c r="B3424" t="s">
        <v>17767</v>
      </c>
      <c r="C3424" s="1" t="s">
        <v>17768</v>
      </c>
      <c r="E3424">
        <v>3</v>
      </c>
      <c r="F3424">
        <v>0</v>
      </c>
      <c r="H3424" t="s">
        <v>17769</v>
      </c>
      <c r="I3424">
        <v>6</v>
      </c>
      <c r="J3424" t="s">
        <v>17770</v>
      </c>
      <c r="O3424">
        <v>30885</v>
      </c>
      <c r="P3424">
        <v>1</v>
      </c>
      <c r="Q3424">
        <v>6</v>
      </c>
      <c r="R3424" t="s">
        <v>2176</v>
      </c>
      <c r="S3424">
        <v>1272</v>
      </c>
    </row>
    <row r="3425" spans="1:19" x14ac:dyDescent="0.25">
      <c r="A3425">
        <v>13746404</v>
      </c>
      <c r="B3425" t="s">
        <v>17771</v>
      </c>
      <c r="C3425" s="1" t="s">
        <v>17772</v>
      </c>
      <c r="D3425">
        <v>13747511</v>
      </c>
      <c r="E3425">
        <v>4</v>
      </c>
      <c r="F3425">
        <v>6</v>
      </c>
      <c r="H3425" t="s">
        <v>17773</v>
      </c>
      <c r="J3425" t="s">
        <v>17774</v>
      </c>
      <c r="K3425" t="s">
        <v>15349</v>
      </c>
      <c r="M3425">
        <v>-1</v>
      </c>
      <c r="O3425">
        <v>1540019</v>
      </c>
      <c r="P3425">
        <v>1</v>
      </c>
      <c r="Q3425">
        <v>3</v>
      </c>
      <c r="R3425" t="s">
        <v>17775</v>
      </c>
      <c r="S3425">
        <v>7466</v>
      </c>
    </row>
    <row r="3426" spans="1:19" x14ac:dyDescent="0.25">
      <c r="A3426">
        <v>9872139</v>
      </c>
      <c r="B3426" t="s">
        <v>17776</v>
      </c>
      <c r="C3426" s="1" t="s">
        <v>17777</v>
      </c>
      <c r="E3426">
        <v>1</v>
      </c>
      <c r="F3426">
        <v>0</v>
      </c>
      <c r="H3426" t="s">
        <v>17778</v>
      </c>
      <c r="J3426" t="s">
        <v>17779</v>
      </c>
      <c r="K3426" t="s">
        <v>17780</v>
      </c>
      <c r="M3426">
        <v>479276</v>
      </c>
      <c r="O3426">
        <v>479276</v>
      </c>
      <c r="P3426">
        <v>1</v>
      </c>
      <c r="Q3426">
        <v>1</v>
      </c>
      <c r="R3426" t="s">
        <v>17781</v>
      </c>
      <c r="S3426">
        <v>963</v>
      </c>
    </row>
    <row r="3427" spans="1:19" x14ac:dyDescent="0.25">
      <c r="A3427">
        <v>32698383</v>
      </c>
      <c r="B3427" t="s">
        <v>17782</v>
      </c>
      <c r="C3427" s="1" t="s">
        <v>17783</v>
      </c>
      <c r="E3427">
        <v>1</v>
      </c>
      <c r="F3427">
        <v>3</v>
      </c>
      <c r="H3427" t="s">
        <v>17784</v>
      </c>
      <c r="J3427" t="s">
        <v>17785</v>
      </c>
      <c r="O3427">
        <v>2789083</v>
      </c>
      <c r="P3427">
        <v>1</v>
      </c>
      <c r="Q3427">
        <v>-1</v>
      </c>
      <c r="R3427" t="s">
        <v>17786</v>
      </c>
      <c r="S3427">
        <v>698</v>
      </c>
    </row>
    <row r="3428" spans="1:19" x14ac:dyDescent="0.25">
      <c r="A3428">
        <v>48912079</v>
      </c>
      <c r="B3428" t="s">
        <v>17787</v>
      </c>
      <c r="C3428" s="1" t="s">
        <v>17788</v>
      </c>
      <c r="E3428">
        <v>0</v>
      </c>
      <c r="F3428">
        <v>0</v>
      </c>
      <c r="H3428" t="s">
        <v>17789</v>
      </c>
      <c r="J3428" t="s">
        <v>17789</v>
      </c>
      <c r="O3428">
        <v>701502</v>
      </c>
      <c r="P3428">
        <v>1</v>
      </c>
      <c r="Q3428">
        <v>0</v>
      </c>
      <c r="R3428" t="s">
        <v>17790</v>
      </c>
      <c r="S3428">
        <v>10</v>
      </c>
    </row>
    <row r="3429" spans="1:19" x14ac:dyDescent="0.25">
      <c r="A3429">
        <v>51786939</v>
      </c>
      <c r="B3429" t="s">
        <v>17791</v>
      </c>
      <c r="C3429" s="1" t="s">
        <v>17792</v>
      </c>
      <c r="E3429">
        <v>0</v>
      </c>
      <c r="F3429">
        <v>0</v>
      </c>
      <c r="H3429" t="s">
        <v>17793</v>
      </c>
      <c r="J3429" t="s">
        <v>17794</v>
      </c>
      <c r="K3429" t="s">
        <v>17794</v>
      </c>
      <c r="M3429">
        <v>10208473</v>
      </c>
      <c r="O3429">
        <v>10208473</v>
      </c>
      <c r="P3429">
        <v>1</v>
      </c>
      <c r="Q3429">
        <v>0</v>
      </c>
      <c r="R3429" t="s">
        <v>2754</v>
      </c>
      <c r="S3429">
        <v>41</v>
      </c>
    </row>
    <row r="3430" spans="1:19" x14ac:dyDescent="0.25">
      <c r="A3430">
        <v>47620941</v>
      </c>
      <c r="B3430" t="s">
        <v>17795</v>
      </c>
      <c r="C3430" s="1" t="s">
        <v>17796</v>
      </c>
      <c r="D3430">
        <v>47620986</v>
      </c>
      <c r="E3430">
        <v>1</v>
      </c>
      <c r="F3430">
        <v>0</v>
      </c>
      <c r="H3430" t="s">
        <v>17797</v>
      </c>
      <c r="I3430">
        <v>1</v>
      </c>
      <c r="J3430" t="s">
        <v>17798</v>
      </c>
      <c r="K3430" t="s">
        <v>17798</v>
      </c>
      <c r="M3430">
        <v>13302</v>
      </c>
      <c r="O3430">
        <v>8884846</v>
      </c>
      <c r="P3430">
        <v>1</v>
      </c>
      <c r="Q3430">
        <v>-2</v>
      </c>
      <c r="R3430" t="s">
        <v>17799</v>
      </c>
      <c r="S3430">
        <v>34</v>
      </c>
    </row>
    <row r="3431" spans="1:19" x14ac:dyDescent="0.25">
      <c r="A3431">
        <v>4485884</v>
      </c>
      <c r="B3431" t="s">
        <v>17800</v>
      </c>
      <c r="C3431" s="1" t="s">
        <v>17801</v>
      </c>
      <c r="D3431">
        <v>4485891</v>
      </c>
      <c r="E3431">
        <v>3</v>
      </c>
      <c r="F3431">
        <v>1</v>
      </c>
      <c r="H3431" t="s">
        <v>17802</v>
      </c>
      <c r="J3431" t="s">
        <v>17803</v>
      </c>
      <c r="K3431" t="s">
        <v>17803</v>
      </c>
      <c r="M3431">
        <v>367456</v>
      </c>
      <c r="O3431">
        <v>247245</v>
      </c>
      <c r="P3431">
        <v>1</v>
      </c>
      <c r="Q3431">
        <v>2</v>
      </c>
      <c r="R3431" t="s">
        <v>17804</v>
      </c>
      <c r="S3431">
        <v>184</v>
      </c>
    </row>
    <row r="3432" spans="1:19" x14ac:dyDescent="0.25">
      <c r="A3432">
        <v>50861515</v>
      </c>
      <c r="B3432" t="s">
        <v>17805</v>
      </c>
      <c r="C3432" s="1" t="s">
        <v>17806</v>
      </c>
      <c r="E3432">
        <v>1</v>
      </c>
      <c r="F3432">
        <v>0</v>
      </c>
      <c r="H3432" t="s">
        <v>17807</v>
      </c>
      <c r="J3432" t="s">
        <v>17808</v>
      </c>
      <c r="O3432">
        <v>7794754</v>
      </c>
      <c r="P3432">
        <v>1</v>
      </c>
      <c r="Q3432">
        <v>0</v>
      </c>
      <c r="R3432" t="s">
        <v>17809</v>
      </c>
      <c r="S3432">
        <v>47</v>
      </c>
    </row>
    <row r="3433" spans="1:19" x14ac:dyDescent="0.25">
      <c r="A3433">
        <v>767783</v>
      </c>
      <c r="B3433" t="s">
        <v>17810</v>
      </c>
      <c r="C3433" t="s">
        <v>17811</v>
      </c>
      <c r="D3433">
        <v>768256</v>
      </c>
      <c r="E3433">
        <v>1</v>
      </c>
      <c r="F3433">
        <v>2</v>
      </c>
      <c r="H3433" t="s">
        <v>17812</v>
      </c>
      <c r="I3433">
        <v>1</v>
      </c>
      <c r="J3433" t="s">
        <v>17813</v>
      </c>
      <c r="K3433" t="s">
        <v>17813</v>
      </c>
      <c r="M3433">
        <v>2766176</v>
      </c>
      <c r="O3433">
        <v>5827</v>
      </c>
      <c r="P3433">
        <v>1</v>
      </c>
      <c r="Q3433">
        <v>2</v>
      </c>
      <c r="R3433" t="s">
        <v>17814</v>
      </c>
      <c r="S3433">
        <v>582</v>
      </c>
    </row>
    <row r="3434" spans="1:19" x14ac:dyDescent="0.25">
      <c r="A3434">
        <v>31732930</v>
      </c>
      <c r="B3434" t="s">
        <v>17815</v>
      </c>
      <c r="C3434" s="1" t="s">
        <v>17816</v>
      </c>
      <c r="D3434">
        <v>31733275</v>
      </c>
      <c r="E3434">
        <v>3</v>
      </c>
      <c r="F3434">
        <v>2</v>
      </c>
      <c r="H3434" t="s">
        <v>17817</v>
      </c>
      <c r="I3434">
        <v>1</v>
      </c>
      <c r="J3434" t="s">
        <v>17818</v>
      </c>
      <c r="K3434" t="s">
        <v>17818</v>
      </c>
      <c r="M3434">
        <v>3041129</v>
      </c>
      <c r="O3434">
        <v>148844</v>
      </c>
      <c r="P3434">
        <v>1</v>
      </c>
      <c r="Q3434">
        <v>1</v>
      </c>
      <c r="R3434" t="s">
        <v>17819</v>
      </c>
      <c r="S3434">
        <v>89</v>
      </c>
    </row>
    <row r="3435" spans="1:19" x14ac:dyDescent="0.25">
      <c r="A3435">
        <v>6650381</v>
      </c>
      <c r="B3435" t="s">
        <v>17820</v>
      </c>
      <c r="C3435" s="1" t="s">
        <v>17821</v>
      </c>
      <c r="E3435">
        <v>2</v>
      </c>
      <c r="F3435">
        <v>5</v>
      </c>
      <c r="H3435" t="s">
        <v>17822</v>
      </c>
      <c r="J3435" t="s">
        <v>17823</v>
      </c>
      <c r="K3435" t="s">
        <v>17824</v>
      </c>
      <c r="M3435">
        <v>838910</v>
      </c>
      <c r="O3435">
        <v>838910</v>
      </c>
      <c r="P3435">
        <v>1</v>
      </c>
      <c r="Q3435">
        <v>1</v>
      </c>
      <c r="R3435" t="s">
        <v>17825</v>
      </c>
      <c r="S3435">
        <v>5766</v>
      </c>
    </row>
    <row r="3436" spans="1:19" x14ac:dyDescent="0.25">
      <c r="A3436">
        <v>6044781</v>
      </c>
      <c r="B3436" t="s">
        <v>17826</v>
      </c>
      <c r="C3436" s="1" t="s">
        <v>17827</v>
      </c>
      <c r="D3436">
        <v>6045320</v>
      </c>
      <c r="E3436">
        <v>1</v>
      </c>
      <c r="F3436">
        <v>0</v>
      </c>
      <c r="H3436" t="s">
        <v>17828</v>
      </c>
      <c r="J3436" t="s">
        <v>17829</v>
      </c>
      <c r="O3436">
        <v>42078</v>
      </c>
      <c r="P3436">
        <v>1</v>
      </c>
      <c r="Q3436">
        <v>1</v>
      </c>
      <c r="R3436" t="s">
        <v>17830</v>
      </c>
      <c r="S3436">
        <v>2090</v>
      </c>
    </row>
    <row r="3437" spans="1:19" x14ac:dyDescent="0.25">
      <c r="A3437">
        <v>8791433</v>
      </c>
      <c r="B3437" t="s">
        <v>17831</v>
      </c>
      <c r="C3437" s="1" t="s">
        <v>17832</v>
      </c>
      <c r="E3437">
        <v>3</v>
      </c>
      <c r="F3437">
        <v>0</v>
      </c>
      <c r="H3437" t="s">
        <v>17833</v>
      </c>
      <c r="J3437" t="s">
        <v>17834</v>
      </c>
      <c r="K3437" t="s">
        <v>17834</v>
      </c>
      <c r="M3437">
        <v>861565</v>
      </c>
      <c r="O3437">
        <v>290618</v>
      </c>
      <c r="P3437">
        <v>1</v>
      </c>
      <c r="Q3437">
        <v>2</v>
      </c>
      <c r="R3437" t="s">
        <v>8734</v>
      </c>
      <c r="S3437">
        <v>420</v>
      </c>
    </row>
    <row r="3438" spans="1:19" x14ac:dyDescent="0.25">
      <c r="A3438">
        <v>36316268</v>
      </c>
      <c r="B3438" t="s">
        <v>17835</v>
      </c>
      <c r="C3438" s="1" t="s">
        <v>17836</v>
      </c>
      <c r="E3438">
        <v>1</v>
      </c>
      <c r="F3438">
        <v>3</v>
      </c>
      <c r="H3438" t="s">
        <v>17837</v>
      </c>
      <c r="J3438" t="s">
        <v>17838</v>
      </c>
      <c r="K3438" t="s">
        <v>17839</v>
      </c>
      <c r="M3438">
        <v>1639189</v>
      </c>
      <c r="O3438">
        <v>3260137</v>
      </c>
      <c r="P3438">
        <v>1</v>
      </c>
      <c r="Q3438">
        <v>0</v>
      </c>
      <c r="R3438" t="s">
        <v>2222</v>
      </c>
      <c r="S3438">
        <v>274</v>
      </c>
    </row>
    <row r="3439" spans="1:19" x14ac:dyDescent="0.25">
      <c r="A3439">
        <v>20990442</v>
      </c>
      <c r="B3439" t="s">
        <v>17840</v>
      </c>
      <c r="C3439" s="1" t="s">
        <v>17841</v>
      </c>
      <c r="D3439">
        <v>20991073</v>
      </c>
      <c r="E3439">
        <v>1</v>
      </c>
      <c r="F3439">
        <v>0</v>
      </c>
      <c r="H3439" t="s">
        <v>17842</v>
      </c>
      <c r="J3439" t="s">
        <v>17843</v>
      </c>
      <c r="O3439">
        <v>1988224</v>
      </c>
      <c r="P3439">
        <v>1</v>
      </c>
      <c r="Q3439">
        <v>-1</v>
      </c>
      <c r="R3439" t="s">
        <v>17844</v>
      </c>
      <c r="S3439">
        <v>912</v>
      </c>
    </row>
    <row r="3440" spans="1:19" x14ac:dyDescent="0.25">
      <c r="A3440">
        <v>35721183</v>
      </c>
      <c r="B3440" t="s">
        <v>17845</v>
      </c>
      <c r="C3440" s="1" t="s">
        <v>17846</v>
      </c>
      <c r="E3440">
        <v>2</v>
      </c>
      <c r="F3440">
        <v>0</v>
      </c>
      <c r="H3440" t="s">
        <v>17847</v>
      </c>
      <c r="J3440" t="s">
        <v>17848</v>
      </c>
      <c r="O3440">
        <v>5527610</v>
      </c>
      <c r="P3440">
        <v>1</v>
      </c>
      <c r="Q3440">
        <v>0</v>
      </c>
      <c r="R3440" t="s">
        <v>17849</v>
      </c>
      <c r="S3440">
        <v>136</v>
      </c>
    </row>
    <row r="3441" spans="1:19" x14ac:dyDescent="0.25">
      <c r="A3441">
        <v>30584187</v>
      </c>
      <c r="B3441" t="s">
        <v>17850</v>
      </c>
      <c r="C3441" s="1" t="s">
        <v>17851</v>
      </c>
      <c r="D3441">
        <v>30584363</v>
      </c>
      <c r="E3441">
        <v>2</v>
      </c>
      <c r="F3441">
        <v>4</v>
      </c>
      <c r="H3441" t="s">
        <v>17852</v>
      </c>
      <c r="J3441" t="s">
        <v>17853</v>
      </c>
      <c r="K3441" t="s">
        <v>17853</v>
      </c>
      <c r="M3441">
        <v>1162324</v>
      </c>
      <c r="O3441">
        <v>4814583</v>
      </c>
      <c r="P3441">
        <v>1</v>
      </c>
      <c r="Q3441">
        <v>-1</v>
      </c>
      <c r="R3441" t="s">
        <v>17854</v>
      </c>
      <c r="S3441">
        <v>725</v>
      </c>
    </row>
    <row r="3442" spans="1:19" x14ac:dyDescent="0.25">
      <c r="A3442">
        <v>21138544</v>
      </c>
      <c r="B3442" t="s">
        <v>17855</v>
      </c>
      <c r="C3442" s="1" t="s">
        <v>17856</v>
      </c>
      <c r="D3442">
        <v>21230448</v>
      </c>
      <c r="E3442">
        <v>1</v>
      </c>
      <c r="F3442">
        <v>0</v>
      </c>
      <c r="H3442" t="s">
        <v>17857</v>
      </c>
      <c r="I3442">
        <v>0</v>
      </c>
      <c r="J3442" t="s">
        <v>17858</v>
      </c>
      <c r="K3442" t="s">
        <v>17859</v>
      </c>
      <c r="M3442">
        <v>3198256</v>
      </c>
      <c r="O3442">
        <v>3198256</v>
      </c>
      <c r="P3442">
        <v>1</v>
      </c>
      <c r="Q3442">
        <v>1</v>
      </c>
      <c r="R3442" t="s">
        <v>17860</v>
      </c>
      <c r="S3442">
        <v>1769</v>
      </c>
    </row>
    <row r="3443" spans="1:19" x14ac:dyDescent="0.25">
      <c r="A3443">
        <v>14508292</v>
      </c>
      <c r="B3443" t="s">
        <v>17861</v>
      </c>
      <c r="C3443" s="1" t="s">
        <v>17862</v>
      </c>
      <c r="E3443">
        <v>1</v>
      </c>
      <c r="F3443">
        <v>7</v>
      </c>
      <c r="H3443" t="s">
        <v>17863</v>
      </c>
      <c r="J3443" t="s">
        <v>17864</v>
      </c>
      <c r="K3443" t="s">
        <v>17865</v>
      </c>
      <c r="M3443">
        <v>1711796</v>
      </c>
      <c r="O3443">
        <v>2008605</v>
      </c>
      <c r="P3443">
        <v>1</v>
      </c>
      <c r="Q3443">
        <v>0</v>
      </c>
      <c r="R3443" t="s">
        <v>17866</v>
      </c>
      <c r="S3443">
        <v>79</v>
      </c>
    </row>
    <row r="3444" spans="1:19" x14ac:dyDescent="0.25">
      <c r="A3444">
        <v>27713854</v>
      </c>
      <c r="B3444" t="s">
        <v>17867</v>
      </c>
      <c r="C3444" s="1" t="s">
        <v>17868</v>
      </c>
      <c r="E3444">
        <v>0</v>
      </c>
      <c r="F3444">
        <v>3</v>
      </c>
      <c r="H3444" t="s">
        <v>17869</v>
      </c>
      <c r="I3444">
        <v>1</v>
      </c>
      <c r="J3444" t="s">
        <v>17869</v>
      </c>
      <c r="O3444">
        <v>2332975</v>
      </c>
      <c r="P3444">
        <v>1</v>
      </c>
      <c r="Q3444">
        <v>7</v>
      </c>
      <c r="R3444" t="s">
        <v>17870</v>
      </c>
      <c r="S3444">
        <v>4442</v>
      </c>
    </row>
    <row r="3445" spans="1:19" x14ac:dyDescent="0.25">
      <c r="A3445">
        <v>48603603</v>
      </c>
      <c r="B3445" t="s">
        <v>17871</v>
      </c>
      <c r="C3445" s="1" t="s">
        <v>17872</v>
      </c>
      <c r="D3445">
        <v>48604225</v>
      </c>
      <c r="E3445">
        <v>1</v>
      </c>
      <c r="F3445">
        <v>0</v>
      </c>
      <c r="H3445" t="s">
        <v>17873</v>
      </c>
      <c r="J3445" t="s">
        <v>17874</v>
      </c>
      <c r="K3445" t="s">
        <v>17874</v>
      </c>
      <c r="M3445">
        <v>2401386</v>
      </c>
      <c r="O3445">
        <v>6702429</v>
      </c>
      <c r="P3445">
        <v>1</v>
      </c>
      <c r="Q3445">
        <v>0</v>
      </c>
      <c r="R3445" t="s">
        <v>17875</v>
      </c>
      <c r="S3445">
        <v>23</v>
      </c>
    </row>
    <row r="3446" spans="1:19" x14ac:dyDescent="0.25">
      <c r="A3446">
        <v>50802530</v>
      </c>
      <c r="B3446" t="s">
        <v>17876</v>
      </c>
      <c r="C3446" s="1" t="s">
        <v>17877</v>
      </c>
      <c r="D3446">
        <v>50803752</v>
      </c>
      <c r="E3446">
        <v>1</v>
      </c>
      <c r="F3446">
        <v>0</v>
      </c>
      <c r="H3446" t="s">
        <v>17878</v>
      </c>
      <c r="J3446" t="s">
        <v>17879</v>
      </c>
      <c r="O3446">
        <v>9593060</v>
      </c>
      <c r="P3446">
        <v>1</v>
      </c>
      <c r="Q3446">
        <v>0</v>
      </c>
      <c r="R3446" t="s">
        <v>17880</v>
      </c>
      <c r="S3446">
        <v>34</v>
      </c>
    </row>
    <row r="3447" spans="1:19" x14ac:dyDescent="0.25">
      <c r="A3447">
        <v>8839318</v>
      </c>
      <c r="B3447" t="s">
        <v>17881</v>
      </c>
      <c r="C3447" s="1" t="s">
        <v>17882</v>
      </c>
      <c r="E3447">
        <v>5</v>
      </c>
      <c r="F3447">
        <v>3</v>
      </c>
      <c r="H3447" t="s">
        <v>17883</v>
      </c>
      <c r="J3447" t="s">
        <v>17884</v>
      </c>
      <c r="K3447" t="s">
        <v>17885</v>
      </c>
      <c r="M3447">
        <v>1032531</v>
      </c>
      <c r="O3447">
        <v>1032531</v>
      </c>
      <c r="P3447">
        <v>1</v>
      </c>
      <c r="Q3447">
        <v>2</v>
      </c>
      <c r="R3447" t="s">
        <v>819</v>
      </c>
      <c r="S3447">
        <v>3641</v>
      </c>
    </row>
    <row r="3448" spans="1:19" x14ac:dyDescent="0.25">
      <c r="A3448">
        <v>33377369</v>
      </c>
      <c r="B3448" t="s">
        <v>17886</v>
      </c>
      <c r="C3448" s="1" t="s">
        <v>17887</v>
      </c>
      <c r="D3448">
        <v>33397297</v>
      </c>
      <c r="E3448">
        <v>2</v>
      </c>
      <c r="F3448">
        <v>3</v>
      </c>
      <c r="H3448" t="s">
        <v>17888</v>
      </c>
      <c r="I3448">
        <v>0</v>
      </c>
      <c r="J3448" t="s">
        <v>17889</v>
      </c>
      <c r="O3448">
        <v>3267755</v>
      </c>
      <c r="P3448">
        <v>1</v>
      </c>
      <c r="Q3448">
        <v>0</v>
      </c>
      <c r="R3448" t="s">
        <v>17890</v>
      </c>
      <c r="S3448">
        <v>153</v>
      </c>
    </row>
    <row r="3449" spans="1:19" x14ac:dyDescent="0.25">
      <c r="A3449">
        <v>28833616</v>
      </c>
      <c r="B3449" t="s">
        <v>17891</v>
      </c>
      <c r="C3449" s="1" t="s">
        <v>17892</v>
      </c>
      <c r="E3449">
        <v>1</v>
      </c>
      <c r="F3449">
        <v>2</v>
      </c>
      <c r="H3449" t="s">
        <v>17893</v>
      </c>
      <c r="J3449" t="s">
        <v>17894</v>
      </c>
      <c r="K3449" t="s">
        <v>17894</v>
      </c>
      <c r="M3449">
        <v>1507566</v>
      </c>
      <c r="O3449">
        <v>3142048</v>
      </c>
      <c r="P3449">
        <v>1</v>
      </c>
      <c r="Q3449">
        <v>1</v>
      </c>
      <c r="R3449" t="s">
        <v>17895</v>
      </c>
      <c r="S3449">
        <v>116</v>
      </c>
    </row>
    <row r="3450" spans="1:19" x14ac:dyDescent="0.25">
      <c r="A3450">
        <v>41400713</v>
      </c>
      <c r="B3450" t="s">
        <v>17896</v>
      </c>
      <c r="C3450" t="s">
        <v>17897</v>
      </c>
      <c r="D3450">
        <v>41407994</v>
      </c>
      <c r="E3450">
        <v>1</v>
      </c>
      <c r="F3450">
        <v>0</v>
      </c>
      <c r="H3450" t="s">
        <v>17898</v>
      </c>
      <c r="J3450" t="s">
        <v>17899</v>
      </c>
      <c r="O3450">
        <v>7358780</v>
      </c>
      <c r="P3450">
        <v>1</v>
      </c>
      <c r="Q3450">
        <v>2</v>
      </c>
      <c r="R3450" t="s">
        <v>17900</v>
      </c>
      <c r="S3450">
        <v>1044</v>
      </c>
    </row>
    <row r="3451" spans="1:19" x14ac:dyDescent="0.25">
      <c r="A3451">
        <v>42412492</v>
      </c>
      <c r="B3451" t="s">
        <v>17901</v>
      </c>
      <c r="C3451" s="1" t="s">
        <v>17902</v>
      </c>
      <c r="E3451">
        <v>2</v>
      </c>
      <c r="F3451">
        <v>2</v>
      </c>
      <c r="H3451" t="s">
        <v>17903</v>
      </c>
      <c r="J3451" t="s">
        <v>17904</v>
      </c>
      <c r="K3451" t="s">
        <v>17904</v>
      </c>
      <c r="M3451">
        <v>7135893</v>
      </c>
      <c r="O3451">
        <v>7424524</v>
      </c>
      <c r="P3451">
        <v>1</v>
      </c>
      <c r="Q3451">
        <v>-2</v>
      </c>
      <c r="R3451" t="s">
        <v>2793</v>
      </c>
      <c r="S3451">
        <v>332</v>
      </c>
    </row>
    <row r="3452" spans="1:19" x14ac:dyDescent="0.25">
      <c r="A3452">
        <v>26924894</v>
      </c>
      <c r="B3452" t="s">
        <v>17905</v>
      </c>
      <c r="C3452" s="1" t="s">
        <v>17906</v>
      </c>
      <c r="D3452">
        <v>26925109</v>
      </c>
      <c r="E3452">
        <v>1</v>
      </c>
      <c r="F3452">
        <v>2</v>
      </c>
      <c r="H3452" t="s">
        <v>17907</v>
      </c>
      <c r="J3452" t="s">
        <v>17908</v>
      </c>
      <c r="K3452" t="s">
        <v>17908</v>
      </c>
      <c r="M3452">
        <v>398670</v>
      </c>
      <c r="O3452">
        <v>2821404</v>
      </c>
      <c r="P3452">
        <v>1</v>
      </c>
      <c r="Q3452">
        <v>0</v>
      </c>
      <c r="R3452" t="s">
        <v>17909</v>
      </c>
      <c r="S3452">
        <v>697</v>
      </c>
    </row>
    <row r="3453" spans="1:19" x14ac:dyDescent="0.25">
      <c r="A3453">
        <v>16963201</v>
      </c>
      <c r="B3453" t="s">
        <v>17910</v>
      </c>
      <c r="C3453" s="1" t="s">
        <v>17911</v>
      </c>
      <c r="D3453">
        <v>16963369</v>
      </c>
      <c r="E3453">
        <v>2</v>
      </c>
      <c r="F3453">
        <v>4</v>
      </c>
      <c r="H3453" t="s">
        <v>17912</v>
      </c>
      <c r="I3453">
        <v>1</v>
      </c>
      <c r="J3453" t="s">
        <v>17913</v>
      </c>
      <c r="O3453">
        <v>1301076</v>
      </c>
      <c r="P3453">
        <v>1</v>
      </c>
      <c r="Q3453">
        <v>-1</v>
      </c>
      <c r="R3453" t="s">
        <v>17914</v>
      </c>
      <c r="S3453">
        <v>706</v>
      </c>
    </row>
    <row r="3454" spans="1:19" x14ac:dyDescent="0.25">
      <c r="A3454">
        <v>3696147</v>
      </c>
      <c r="B3454" t="s">
        <v>17915</v>
      </c>
      <c r="C3454" s="1" t="s">
        <v>17916</v>
      </c>
      <c r="D3454">
        <v>3698111</v>
      </c>
      <c r="E3454">
        <v>3</v>
      </c>
      <c r="F3454">
        <v>0</v>
      </c>
      <c r="H3454" t="s">
        <v>17917</v>
      </c>
      <c r="I3454">
        <v>4</v>
      </c>
      <c r="J3454" t="s">
        <v>17918</v>
      </c>
      <c r="K3454" t="s">
        <v>17919</v>
      </c>
      <c r="M3454">
        <v>4234</v>
      </c>
      <c r="O3454">
        <v>427673</v>
      </c>
      <c r="P3454">
        <v>1</v>
      </c>
      <c r="Q3454">
        <v>8</v>
      </c>
      <c r="R3454" t="s">
        <v>17920</v>
      </c>
      <c r="S3454">
        <v>641</v>
      </c>
    </row>
    <row r="3455" spans="1:19" x14ac:dyDescent="0.25">
      <c r="A3455">
        <v>40749228</v>
      </c>
      <c r="B3455" t="s">
        <v>17921</v>
      </c>
      <c r="C3455" s="1" t="s">
        <v>17922</v>
      </c>
      <c r="E3455">
        <v>0</v>
      </c>
      <c r="F3455">
        <v>11</v>
      </c>
      <c r="H3455" t="s">
        <v>17923</v>
      </c>
      <c r="J3455" t="s">
        <v>17924</v>
      </c>
      <c r="K3455" t="s">
        <v>17924</v>
      </c>
      <c r="M3455">
        <v>5285676</v>
      </c>
      <c r="O3455">
        <v>5285676</v>
      </c>
      <c r="P3455">
        <v>1</v>
      </c>
      <c r="Q3455">
        <v>0</v>
      </c>
      <c r="R3455" t="s">
        <v>17925</v>
      </c>
      <c r="S3455">
        <v>19</v>
      </c>
    </row>
    <row r="3456" spans="1:19" x14ac:dyDescent="0.25">
      <c r="A3456">
        <v>50475032</v>
      </c>
      <c r="B3456" t="s">
        <v>17926</v>
      </c>
      <c r="C3456" s="1" t="s">
        <v>17927</v>
      </c>
      <c r="E3456">
        <v>1</v>
      </c>
      <c r="F3456">
        <v>0</v>
      </c>
      <c r="H3456" t="s">
        <v>17928</v>
      </c>
      <c r="J3456" t="s">
        <v>17929</v>
      </c>
      <c r="K3456" t="s">
        <v>17930</v>
      </c>
      <c r="M3456">
        <v>9397688</v>
      </c>
      <c r="O3456">
        <v>9397688</v>
      </c>
      <c r="P3456">
        <v>1</v>
      </c>
      <c r="Q3456">
        <v>0</v>
      </c>
      <c r="R3456" t="s">
        <v>17931</v>
      </c>
      <c r="S3456">
        <v>221</v>
      </c>
    </row>
    <row r="3457" spans="1:19" x14ac:dyDescent="0.25">
      <c r="A3457">
        <v>49645529</v>
      </c>
      <c r="B3457" t="s">
        <v>17932</v>
      </c>
      <c r="C3457" s="1" t="s">
        <v>17933</v>
      </c>
      <c r="E3457">
        <v>1</v>
      </c>
      <c r="F3457">
        <v>0</v>
      </c>
      <c r="H3457" t="s">
        <v>17934</v>
      </c>
      <c r="J3457" t="s">
        <v>17935</v>
      </c>
      <c r="K3457" t="s">
        <v>17935</v>
      </c>
      <c r="M3457">
        <v>4420967</v>
      </c>
      <c r="O3457">
        <v>8757968</v>
      </c>
      <c r="P3457">
        <v>1</v>
      </c>
      <c r="Q3457">
        <v>0</v>
      </c>
      <c r="R3457" t="s">
        <v>17936</v>
      </c>
      <c r="S3457">
        <v>421</v>
      </c>
    </row>
    <row r="3458" spans="1:19" x14ac:dyDescent="0.25">
      <c r="A3458">
        <v>2997974</v>
      </c>
      <c r="B3458" t="s">
        <v>17937</v>
      </c>
      <c r="C3458" s="1" t="s">
        <v>17938</v>
      </c>
      <c r="D3458">
        <v>3014103</v>
      </c>
      <c r="E3458">
        <v>3</v>
      </c>
      <c r="F3458">
        <v>4</v>
      </c>
      <c r="H3458" t="s">
        <v>17939</v>
      </c>
      <c r="J3458" t="s">
        <v>17940</v>
      </c>
      <c r="K3458" t="s">
        <v>17940</v>
      </c>
      <c r="M3458">
        <v>21234</v>
      </c>
      <c r="O3458">
        <v>45951</v>
      </c>
      <c r="P3458">
        <v>1</v>
      </c>
      <c r="Q3458">
        <v>0</v>
      </c>
      <c r="R3458" t="s">
        <v>17941</v>
      </c>
      <c r="S3458">
        <v>3186</v>
      </c>
    </row>
    <row r="3459" spans="1:19" x14ac:dyDescent="0.25">
      <c r="A3459">
        <v>35457004</v>
      </c>
      <c r="B3459" t="s">
        <v>17942</v>
      </c>
      <c r="C3459" s="1" t="s">
        <v>17943</v>
      </c>
      <c r="E3459">
        <v>0</v>
      </c>
      <c r="F3459">
        <v>1</v>
      </c>
      <c r="H3459" t="s">
        <v>17944</v>
      </c>
      <c r="J3459" t="s">
        <v>17944</v>
      </c>
      <c r="O3459">
        <v>4023835</v>
      </c>
      <c r="P3459">
        <v>1</v>
      </c>
      <c r="Q3459">
        <v>1</v>
      </c>
      <c r="R3459" t="s">
        <v>17945</v>
      </c>
      <c r="S3459">
        <v>93</v>
      </c>
    </row>
    <row r="3460" spans="1:19" x14ac:dyDescent="0.25">
      <c r="A3460">
        <v>24984844</v>
      </c>
      <c r="B3460" t="s">
        <v>17946</v>
      </c>
      <c r="C3460" s="1" t="s">
        <v>17947</v>
      </c>
      <c r="D3460">
        <v>24985236</v>
      </c>
      <c r="E3460">
        <v>1</v>
      </c>
      <c r="F3460">
        <v>2</v>
      </c>
      <c r="H3460" t="s">
        <v>17948</v>
      </c>
      <c r="J3460" t="s">
        <v>17949</v>
      </c>
      <c r="K3460" t="s">
        <v>17949</v>
      </c>
      <c r="M3460">
        <v>492335</v>
      </c>
      <c r="O3460">
        <v>3681580</v>
      </c>
      <c r="P3460">
        <v>1</v>
      </c>
      <c r="Q3460">
        <v>-1</v>
      </c>
      <c r="R3460" t="s">
        <v>17950</v>
      </c>
      <c r="S3460">
        <v>38</v>
      </c>
    </row>
    <row r="3461" spans="1:19" x14ac:dyDescent="0.25">
      <c r="A3461">
        <v>6335745</v>
      </c>
      <c r="B3461" t="s">
        <v>17951</v>
      </c>
      <c r="C3461" s="1" t="s">
        <v>17952</v>
      </c>
      <c r="D3461">
        <v>6335783</v>
      </c>
      <c r="E3461">
        <v>1</v>
      </c>
      <c r="F3461">
        <v>0</v>
      </c>
      <c r="H3461" t="s">
        <v>17953</v>
      </c>
      <c r="I3461">
        <v>1</v>
      </c>
      <c r="J3461" t="s">
        <v>17954</v>
      </c>
      <c r="O3461">
        <v>428142</v>
      </c>
      <c r="P3461">
        <v>1</v>
      </c>
      <c r="Q3461">
        <v>1</v>
      </c>
      <c r="R3461" t="s">
        <v>17955</v>
      </c>
      <c r="S3461">
        <v>1657</v>
      </c>
    </row>
    <row r="3462" spans="1:19" x14ac:dyDescent="0.25">
      <c r="A3462">
        <v>33677586</v>
      </c>
      <c r="B3462" t="s">
        <v>17956</v>
      </c>
      <c r="C3462" s="1" t="s">
        <v>17957</v>
      </c>
      <c r="D3462">
        <v>33679183</v>
      </c>
      <c r="E3462">
        <v>3</v>
      </c>
      <c r="F3462">
        <v>0</v>
      </c>
      <c r="H3462" t="s">
        <v>17958</v>
      </c>
      <c r="I3462">
        <v>0</v>
      </c>
      <c r="J3462" t="s">
        <v>17959</v>
      </c>
      <c r="O3462">
        <v>1224372</v>
      </c>
      <c r="P3462">
        <v>1</v>
      </c>
      <c r="Q3462">
        <v>2</v>
      </c>
      <c r="R3462" t="s">
        <v>17960</v>
      </c>
      <c r="S3462">
        <v>2512</v>
      </c>
    </row>
    <row r="3463" spans="1:19" x14ac:dyDescent="0.25">
      <c r="A3463">
        <v>25801213</v>
      </c>
      <c r="B3463" t="s">
        <v>17961</v>
      </c>
      <c r="C3463" s="1" t="s">
        <v>17962</v>
      </c>
      <c r="D3463">
        <v>25802465</v>
      </c>
      <c r="E3463">
        <v>1</v>
      </c>
      <c r="F3463">
        <v>0</v>
      </c>
      <c r="H3463" t="s">
        <v>17963</v>
      </c>
      <c r="I3463">
        <v>1</v>
      </c>
      <c r="J3463" t="s">
        <v>17964</v>
      </c>
      <c r="O3463">
        <v>153723</v>
      </c>
      <c r="P3463">
        <v>1</v>
      </c>
      <c r="Q3463">
        <v>1</v>
      </c>
      <c r="R3463" t="s">
        <v>17965</v>
      </c>
      <c r="S3463">
        <v>927</v>
      </c>
    </row>
    <row r="3464" spans="1:19" x14ac:dyDescent="0.25">
      <c r="A3464">
        <v>48164871</v>
      </c>
      <c r="B3464" t="s">
        <v>17966</v>
      </c>
      <c r="C3464" s="1" t="s">
        <v>17967</v>
      </c>
      <c r="E3464">
        <v>1</v>
      </c>
      <c r="F3464">
        <v>0</v>
      </c>
      <c r="H3464" t="s">
        <v>17968</v>
      </c>
      <c r="J3464" t="s">
        <v>17969</v>
      </c>
      <c r="K3464" t="s">
        <v>17970</v>
      </c>
      <c r="M3464">
        <v>5055895</v>
      </c>
      <c r="O3464">
        <v>3702455</v>
      </c>
      <c r="P3464">
        <v>1</v>
      </c>
      <c r="Q3464">
        <v>0</v>
      </c>
      <c r="R3464" t="s">
        <v>17971</v>
      </c>
      <c r="S3464">
        <v>163</v>
      </c>
    </row>
    <row r="3465" spans="1:19" x14ac:dyDescent="0.25">
      <c r="A3465">
        <v>49099608</v>
      </c>
      <c r="B3465" t="s">
        <v>17972</v>
      </c>
      <c r="C3465" s="1" t="s">
        <v>17973</v>
      </c>
      <c r="D3465">
        <v>49178579</v>
      </c>
      <c r="E3465">
        <v>1</v>
      </c>
      <c r="F3465">
        <v>2</v>
      </c>
      <c r="H3465" t="s">
        <v>17974</v>
      </c>
      <c r="J3465" t="s">
        <v>17975</v>
      </c>
      <c r="K3465" t="s">
        <v>17976</v>
      </c>
      <c r="M3465">
        <v>2377343</v>
      </c>
      <c r="O3465">
        <v>2377343</v>
      </c>
      <c r="P3465">
        <v>1</v>
      </c>
      <c r="Q3465">
        <v>0</v>
      </c>
      <c r="R3465" t="s">
        <v>17977</v>
      </c>
      <c r="S3465">
        <v>268</v>
      </c>
    </row>
    <row r="3466" spans="1:19" x14ac:dyDescent="0.25">
      <c r="A3466">
        <v>52973561</v>
      </c>
      <c r="B3466" t="s">
        <v>17978</v>
      </c>
      <c r="C3466" s="1" t="s">
        <v>17979</v>
      </c>
      <c r="E3466">
        <v>1</v>
      </c>
      <c r="F3466">
        <v>2</v>
      </c>
      <c r="H3466" t="s">
        <v>17980</v>
      </c>
      <c r="J3466" t="s">
        <v>17981</v>
      </c>
      <c r="O3466">
        <v>10134447</v>
      </c>
      <c r="P3466">
        <v>1</v>
      </c>
      <c r="Q3466">
        <v>0</v>
      </c>
      <c r="R3466" t="s">
        <v>17982</v>
      </c>
      <c r="S3466">
        <v>23</v>
      </c>
    </row>
    <row r="3467" spans="1:19" x14ac:dyDescent="0.25">
      <c r="A3467">
        <v>50296066</v>
      </c>
      <c r="B3467" t="s">
        <v>17983</v>
      </c>
      <c r="C3467" s="1" t="s">
        <v>17984</v>
      </c>
      <c r="E3467">
        <v>2</v>
      </c>
      <c r="F3467">
        <v>1</v>
      </c>
      <c r="H3467" t="s">
        <v>17985</v>
      </c>
      <c r="J3467" t="s">
        <v>17986</v>
      </c>
      <c r="K3467" t="s">
        <v>17986</v>
      </c>
      <c r="M3467">
        <v>1180620</v>
      </c>
      <c r="O3467">
        <v>1687356</v>
      </c>
      <c r="P3467">
        <v>1</v>
      </c>
      <c r="Q3467">
        <v>1</v>
      </c>
      <c r="R3467" t="s">
        <v>17987</v>
      </c>
      <c r="S3467">
        <v>137</v>
      </c>
    </row>
    <row r="3468" spans="1:19" x14ac:dyDescent="0.25">
      <c r="A3468">
        <v>50326069</v>
      </c>
      <c r="B3468" t="s">
        <v>17988</v>
      </c>
      <c r="C3468" s="1" t="s">
        <v>17989</v>
      </c>
      <c r="D3468">
        <v>50326144</v>
      </c>
      <c r="E3468">
        <v>1</v>
      </c>
      <c r="F3468">
        <v>8</v>
      </c>
      <c r="H3468" t="s">
        <v>17990</v>
      </c>
      <c r="J3468" t="s">
        <v>17991</v>
      </c>
      <c r="K3468" t="s">
        <v>17991</v>
      </c>
      <c r="M3468">
        <v>1187415</v>
      </c>
      <c r="O3468">
        <v>3863670</v>
      </c>
      <c r="P3468">
        <v>1</v>
      </c>
      <c r="Q3468">
        <v>-2</v>
      </c>
      <c r="R3468" t="s">
        <v>17992</v>
      </c>
      <c r="S3468">
        <v>221</v>
      </c>
    </row>
    <row r="3469" spans="1:19" x14ac:dyDescent="0.25">
      <c r="A3469">
        <v>42728480</v>
      </c>
      <c r="B3469" t="s">
        <v>17993</v>
      </c>
      <c r="C3469" s="1" t="s">
        <v>17994</v>
      </c>
      <c r="D3469">
        <v>42728585</v>
      </c>
      <c r="E3469">
        <v>2</v>
      </c>
      <c r="F3469">
        <v>3</v>
      </c>
      <c r="H3469" t="s">
        <v>17995</v>
      </c>
      <c r="J3469" t="s">
        <v>17996</v>
      </c>
      <c r="K3469" t="s">
        <v>17997</v>
      </c>
      <c r="M3469">
        <v>634324</v>
      </c>
      <c r="O3469">
        <v>5778574</v>
      </c>
      <c r="P3469">
        <v>1</v>
      </c>
      <c r="Q3469">
        <v>-2</v>
      </c>
      <c r="R3469" t="s">
        <v>17799</v>
      </c>
      <c r="S3469">
        <v>52</v>
      </c>
    </row>
    <row r="3470" spans="1:19" x14ac:dyDescent="0.25">
      <c r="A3470">
        <v>18125867</v>
      </c>
      <c r="B3470" t="s">
        <v>17998</v>
      </c>
      <c r="C3470" s="1" t="s">
        <v>17999</v>
      </c>
      <c r="E3470">
        <v>2</v>
      </c>
      <c r="F3470">
        <v>0</v>
      </c>
      <c r="H3470" t="s">
        <v>18000</v>
      </c>
      <c r="J3470" t="s">
        <v>18001</v>
      </c>
      <c r="O3470">
        <v>944017</v>
      </c>
      <c r="P3470">
        <v>1</v>
      </c>
      <c r="Q3470">
        <v>1</v>
      </c>
      <c r="R3470" t="s">
        <v>2771</v>
      </c>
      <c r="S3470">
        <v>595</v>
      </c>
    </row>
    <row r="3471" spans="1:19" x14ac:dyDescent="0.25">
      <c r="A3471">
        <v>12104938</v>
      </c>
      <c r="B3471" t="s">
        <v>18002</v>
      </c>
      <c r="C3471" s="1" t="s">
        <v>18003</v>
      </c>
      <c r="D3471">
        <v>12105022</v>
      </c>
      <c r="E3471">
        <v>5</v>
      </c>
      <c r="F3471">
        <v>1</v>
      </c>
      <c r="H3471" t="s">
        <v>18004</v>
      </c>
      <c r="I3471">
        <v>3</v>
      </c>
      <c r="J3471" t="s">
        <v>18005</v>
      </c>
      <c r="O3471">
        <v>266827</v>
      </c>
      <c r="P3471">
        <v>1</v>
      </c>
      <c r="Q3471">
        <v>7</v>
      </c>
      <c r="R3471" t="s">
        <v>18006</v>
      </c>
      <c r="S3471">
        <v>16449</v>
      </c>
    </row>
    <row r="3472" spans="1:19" x14ac:dyDescent="0.25">
      <c r="A3472">
        <v>38363389</v>
      </c>
      <c r="B3472" t="s">
        <v>18007</v>
      </c>
      <c r="C3472" s="1" t="s">
        <v>18008</v>
      </c>
      <c r="E3472">
        <v>1</v>
      </c>
      <c r="F3472">
        <v>4</v>
      </c>
      <c r="H3472" t="s">
        <v>18009</v>
      </c>
      <c r="J3472" t="s">
        <v>18010</v>
      </c>
      <c r="O3472">
        <v>6586881</v>
      </c>
      <c r="P3472">
        <v>1</v>
      </c>
      <c r="Q3472">
        <v>0</v>
      </c>
      <c r="R3472" t="s">
        <v>15030</v>
      </c>
      <c r="S3472">
        <v>105</v>
      </c>
    </row>
    <row r="3473" spans="1:19" x14ac:dyDescent="0.25">
      <c r="A3473">
        <v>31443640</v>
      </c>
      <c r="B3473" t="s">
        <v>18011</v>
      </c>
      <c r="C3473" s="1" t="s">
        <v>18012</v>
      </c>
      <c r="E3473">
        <v>2</v>
      </c>
      <c r="F3473">
        <v>0</v>
      </c>
      <c r="H3473" t="s">
        <v>18013</v>
      </c>
      <c r="J3473" t="s">
        <v>18014</v>
      </c>
      <c r="O3473">
        <v>3654106</v>
      </c>
      <c r="P3473">
        <v>1</v>
      </c>
      <c r="Q3473">
        <v>0</v>
      </c>
      <c r="R3473" t="s">
        <v>18015</v>
      </c>
      <c r="S3473">
        <v>199</v>
      </c>
    </row>
    <row r="3474" spans="1:19" x14ac:dyDescent="0.25">
      <c r="A3474">
        <v>53148565</v>
      </c>
      <c r="B3474" t="s">
        <v>18016</v>
      </c>
      <c r="C3474" s="1" t="s">
        <v>18017</v>
      </c>
      <c r="E3474">
        <v>0</v>
      </c>
      <c r="F3474">
        <v>3</v>
      </c>
      <c r="H3474" t="s">
        <v>18018</v>
      </c>
      <c r="J3474" t="s">
        <v>18018</v>
      </c>
      <c r="O3474">
        <v>540156</v>
      </c>
      <c r="P3474">
        <v>1</v>
      </c>
      <c r="Q3474">
        <v>1</v>
      </c>
      <c r="R3474" t="s">
        <v>18019</v>
      </c>
      <c r="S3474">
        <v>11</v>
      </c>
    </row>
    <row r="3475" spans="1:19" x14ac:dyDescent="0.25">
      <c r="A3475">
        <v>860478</v>
      </c>
      <c r="B3475" t="s">
        <v>18020</v>
      </c>
      <c r="C3475" s="1" t="s">
        <v>18021</v>
      </c>
      <c r="D3475">
        <v>860531</v>
      </c>
      <c r="E3475">
        <v>3</v>
      </c>
      <c r="F3475">
        <v>0</v>
      </c>
      <c r="H3475" t="s">
        <v>18022</v>
      </c>
      <c r="I3475">
        <v>1</v>
      </c>
      <c r="J3475" t="s">
        <v>18023</v>
      </c>
      <c r="K3475" t="s">
        <v>18024</v>
      </c>
      <c r="M3475">
        <v>36602</v>
      </c>
      <c r="O3475">
        <v>36602</v>
      </c>
      <c r="P3475">
        <v>1</v>
      </c>
      <c r="Q3475">
        <v>1</v>
      </c>
      <c r="R3475" t="s">
        <v>18025</v>
      </c>
      <c r="S3475">
        <v>6270</v>
      </c>
    </row>
    <row r="3476" spans="1:19" x14ac:dyDescent="0.25">
      <c r="A3476">
        <v>11273185</v>
      </c>
      <c r="B3476" t="s">
        <v>18026</v>
      </c>
      <c r="C3476" s="1" t="s">
        <v>18027</v>
      </c>
      <c r="E3476">
        <v>3</v>
      </c>
      <c r="F3476">
        <v>0</v>
      </c>
      <c r="H3476" t="s">
        <v>18028</v>
      </c>
      <c r="I3476">
        <v>3</v>
      </c>
      <c r="J3476" t="s">
        <v>18029</v>
      </c>
      <c r="K3476" t="s">
        <v>18030</v>
      </c>
      <c r="M3476">
        <v>-1</v>
      </c>
      <c r="O3476">
        <v>458741</v>
      </c>
      <c r="P3476">
        <v>1</v>
      </c>
      <c r="Q3476">
        <v>9</v>
      </c>
      <c r="R3476" t="s">
        <v>18031</v>
      </c>
      <c r="S3476">
        <v>18527</v>
      </c>
    </row>
    <row r="3477" spans="1:19" x14ac:dyDescent="0.25">
      <c r="A3477">
        <v>16625089</v>
      </c>
      <c r="B3477" t="s">
        <v>18032</v>
      </c>
      <c r="C3477" s="1" t="s">
        <v>18033</v>
      </c>
      <c r="D3477">
        <v>16625145</v>
      </c>
      <c r="E3477">
        <v>3</v>
      </c>
      <c r="F3477">
        <v>0</v>
      </c>
      <c r="H3477" t="s">
        <v>18034</v>
      </c>
      <c r="J3477" t="s">
        <v>18035</v>
      </c>
      <c r="K3477" t="s">
        <v>18036</v>
      </c>
      <c r="M3477">
        <v>1491895</v>
      </c>
      <c r="O3477">
        <v>2396935</v>
      </c>
      <c r="P3477">
        <v>1</v>
      </c>
      <c r="Q3477">
        <v>-2</v>
      </c>
      <c r="R3477" t="s">
        <v>18037</v>
      </c>
      <c r="S3477">
        <v>954</v>
      </c>
    </row>
    <row r="3478" spans="1:19" x14ac:dyDescent="0.25">
      <c r="A3478">
        <v>45910454</v>
      </c>
      <c r="B3478" t="s">
        <v>18038</v>
      </c>
      <c r="C3478" s="1" t="s">
        <v>18039</v>
      </c>
      <c r="D3478">
        <v>45910461</v>
      </c>
      <c r="E3478">
        <v>1</v>
      </c>
      <c r="F3478">
        <v>1</v>
      </c>
      <c r="H3478" t="s">
        <v>18040</v>
      </c>
      <c r="J3478" t="s">
        <v>18041</v>
      </c>
      <c r="K3478" t="s">
        <v>18041</v>
      </c>
      <c r="M3478">
        <v>1550807</v>
      </c>
      <c r="O3478">
        <v>8497153</v>
      </c>
      <c r="P3478">
        <v>1</v>
      </c>
      <c r="Q3478">
        <v>0</v>
      </c>
      <c r="R3478" t="s">
        <v>18042</v>
      </c>
      <c r="S3478">
        <v>392</v>
      </c>
    </row>
    <row r="3479" spans="1:19" x14ac:dyDescent="0.25">
      <c r="A3479">
        <v>35067063</v>
      </c>
      <c r="B3479" t="s">
        <v>18043</v>
      </c>
      <c r="C3479" s="1" t="s">
        <v>18044</v>
      </c>
      <c r="E3479">
        <v>1</v>
      </c>
      <c r="F3479">
        <v>3</v>
      </c>
      <c r="H3479" t="s">
        <v>18045</v>
      </c>
      <c r="J3479" t="s">
        <v>18046</v>
      </c>
      <c r="O3479">
        <v>5852984</v>
      </c>
      <c r="P3479">
        <v>1</v>
      </c>
      <c r="Q3479">
        <v>1</v>
      </c>
      <c r="R3479" t="s">
        <v>18047</v>
      </c>
      <c r="S3479">
        <v>50</v>
      </c>
    </row>
    <row r="3480" spans="1:19" x14ac:dyDescent="0.25">
      <c r="A3480">
        <v>35573705</v>
      </c>
      <c r="B3480" t="s">
        <v>18048</v>
      </c>
      <c r="C3480" s="1" t="s">
        <v>18049</v>
      </c>
      <c r="E3480">
        <v>2</v>
      </c>
      <c r="F3480">
        <v>4</v>
      </c>
      <c r="H3480" t="s">
        <v>18050</v>
      </c>
      <c r="J3480" t="s">
        <v>18051</v>
      </c>
      <c r="K3480" t="s">
        <v>18052</v>
      </c>
      <c r="M3480">
        <v>1847453</v>
      </c>
      <c r="O3480">
        <v>1847453</v>
      </c>
      <c r="P3480">
        <v>1</v>
      </c>
      <c r="Q3480">
        <v>0</v>
      </c>
      <c r="R3480" t="s">
        <v>18053</v>
      </c>
      <c r="S3480">
        <v>594</v>
      </c>
    </row>
    <row r="3481" spans="1:19" x14ac:dyDescent="0.25">
      <c r="A3481">
        <v>37036222</v>
      </c>
      <c r="B3481" t="s">
        <v>18054</v>
      </c>
      <c r="C3481" s="1" t="s">
        <v>18055</v>
      </c>
      <c r="D3481">
        <v>37038290</v>
      </c>
      <c r="E3481">
        <v>1</v>
      </c>
      <c r="F3481">
        <v>0</v>
      </c>
      <c r="H3481" t="s">
        <v>18056</v>
      </c>
      <c r="J3481" t="s">
        <v>18057</v>
      </c>
      <c r="K3481" t="s">
        <v>18057</v>
      </c>
      <c r="M3481">
        <v>1478654</v>
      </c>
      <c r="O3481">
        <v>641833</v>
      </c>
      <c r="P3481">
        <v>1</v>
      </c>
      <c r="Q3481">
        <v>0</v>
      </c>
      <c r="R3481" t="s">
        <v>18058</v>
      </c>
      <c r="S3481">
        <v>50</v>
      </c>
    </row>
    <row r="3482" spans="1:19" x14ac:dyDescent="0.25">
      <c r="A3482">
        <v>33314215</v>
      </c>
      <c r="B3482" t="s">
        <v>18059</v>
      </c>
      <c r="C3482" t="s">
        <v>18060</v>
      </c>
      <c r="E3482">
        <v>1</v>
      </c>
      <c r="F3482">
        <v>0</v>
      </c>
      <c r="H3482" t="s">
        <v>18061</v>
      </c>
      <c r="J3482" t="s">
        <v>18062</v>
      </c>
      <c r="O3482">
        <v>444100</v>
      </c>
      <c r="P3482">
        <v>1</v>
      </c>
      <c r="Q3482">
        <v>1</v>
      </c>
      <c r="R3482" t="s">
        <v>18063</v>
      </c>
      <c r="S3482">
        <v>266</v>
      </c>
    </row>
    <row r="3483" spans="1:19" x14ac:dyDescent="0.25">
      <c r="A3483">
        <v>51987105</v>
      </c>
      <c r="B3483" t="s">
        <v>18064</v>
      </c>
      <c r="C3483" s="1" t="s">
        <v>18065</v>
      </c>
      <c r="D3483">
        <v>52104558</v>
      </c>
      <c r="E3483">
        <v>2</v>
      </c>
      <c r="F3483">
        <v>3</v>
      </c>
      <c r="H3483" t="s">
        <v>18066</v>
      </c>
      <c r="I3483">
        <v>1</v>
      </c>
      <c r="J3483" t="s">
        <v>18067</v>
      </c>
      <c r="K3483" t="s">
        <v>18068</v>
      </c>
      <c r="M3483">
        <v>6020072</v>
      </c>
      <c r="O3483">
        <v>6020072</v>
      </c>
      <c r="P3483">
        <v>1</v>
      </c>
      <c r="Q3483">
        <v>1</v>
      </c>
      <c r="R3483" t="s">
        <v>18069</v>
      </c>
      <c r="S3483">
        <v>150</v>
      </c>
    </row>
    <row r="3484" spans="1:19" x14ac:dyDescent="0.25">
      <c r="A3484">
        <v>8838408</v>
      </c>
      <c r="B3484" t="s">
        <v>18070</v>
      </c>
      <c r="C3484" s="1" t="s">
        <v>18071</v>
      </c>
      <c r="D3484">
        <v>8840909</v>
      </c>
      <c r="E3484">
        <v>3</v>
      </c>
      <c r="F3484">
        <v>0</v>
      </c>
      <c r="H3484" t="s">
        <v>18072</v>
      </c>
      <c r="I3484">
        <v>1</v>
      </c>
      <c r="J3484" t="s">
        <v>18073</v>
      </c>
      <c r="K3484" t="s">
        <v>18074</v>
      </c>
      <c r="M3484">
        <v>352268</v>
      </c>
      <c r="O3484">
        <v>161922</v>
      </c>
      <c r="P3484">
        <v>1</v>
      </c>
      <c r="Q3484">
        <v>1</v>
      </c>
      <c r="R3484" t="s">
        <v>18075</v>
      </c>
      <c r="S3484">
        <v>3489</v>
      </c>
    </row>
    <row r="3485" spans="1:19" x14ac:dyDescent="0.25">
      <c r="A3485">
        <v>39969415</v>
      </c>
      <c r="B3485" t="s">
        <v>18076</v>
      </c>
      <c r="C3485" s="1" t="s">
        <v>18077</v>
      </c>
      <c r="E3485">
        <v>3</v>
      </c>
      <c r="F3485">
        <v>0</v>
      </c>
      <c r="H3485" t="s">
        <v>18078</v>
      </c>
      <c r="J3485" t="s">
        <v>18079</v>
      </c>
      <c r="O3485">
        <v>2392691</v>
      </c>
      <c r="P3485">
        <v>1</v>
      </c>
      <c r="Q3485">
        <v>0</v>
      </c>
      <c r="R3485" t="s">
        <v>18080</v>
      </c>
      <c r="S3485">
        <v>350</v>
      </c>
    </row>
    <row r="3486" spans="1:19" x14ac:dyDescent="0.25">
      <c r="A3486">
        <v>8125166</v>
      </c>
      <c r="B3486" t="s">
        <v>18081</v>
      </c>
      <c r="C3486" t="s">
        <v>18082</v>
      </c>
      <c r="D3486">
        <v>8125496</v>
      </c>
      <c r="E3486">
        <v>1</v>
      </c>
      <c r="F3486">
        <v>0</v>
      </c>
      <c r="H3486" t="s">
        <v>18083</v>
      </c>
      <c r="J3486" t="s">
        <v>18084</v>
      </c>
      <c r="K3486" t="s">
        <v>18084</v>
      </c>
      <c r="M3486">
        <v>881229</v>
      </c>
      <c r="O3486">
        <v>446812</v>
      </c>
      <c r="P3486">
        <v>1</v>
      </c>
      <c r="Q3486">
        <v>1</v>
      </c>
      <c r="R3486" t="s">
        <v>18085</v>
      </c>
      <c r="S3486">
        <v>293</v>
      </c>
    </row>
    <row r="3487" spans="1:19" x14ac:dyDescent="0.25">
      <c r="A3487">
        <v>24524699</v>
      </c>
      <c r="B3487" t="s">
        <v>18086</v>
      </c>
      <c r="C3487" s="1" t="s">
        <v>18087</v>
      </c>
      <c r="E3487">
        <v>3</v>
      </c>
      <c r="F3487">
        <v>2</v>
      </c>
      <c r="H3487" t="s">
        <v>18088</v>
      </c>
      <c r="J3487" t="s">
        <v>18089</v>
      </c>
      <c r="K3487" t="s">
        <v>18089</v>
      </c>
      <c r="M3487">
        <v>3796544</v>
      </c>
      <c r="O3487">
        <v>3796544</v>
      </c>
      <c r="P3487">
        <v>1</v>
      </c>
      <c r="Q3487">
        <v>0</v>
      </c>
      <c r="R3487" t="s">
        <v>18090</v>
      </c>
      <c r="S3487">
        <v>2669</v>
      </c>
    </row>
    <row r="3488" spans="1:19" x14ac:dyDescent="0.25">
      <c r="A3488">
        <v>22040893</v>
      </c>
      <c r="B3488" t="s">
        <v>18091</v>
      </c>
      <c r="C3488" s="1" t="s">
        <v>18092</v>
      </c>
      <c r="E3488">
        <v>2</v>
      </c>
      <c r="F3488">
        <v>0</v>
      </c>
      <c r="H3488" t="s">
        <v>18093</v>
      </c>
      <c r="J3488" t="s">
        <v>18094</v>
      </c>
      <c r="K3488" t="s">
        <v>18095</v>
      </c>
      <c r="M3488">
        <v>1749585</v>
      </c>
      <c r="O3488">
        <v>2073133</v>
      </c>
      <c r="P3488">
        <v>1</v>
      </c>
      <c r="Q3488">
        <v>0</v>
      </c>
      <c r="R3488" t="s">
        <v>18096</v>
      </c>
      <c r="S3488">
        <v>57</v>
      </c>
    </row>
    <row r="3489" spans="1:19" x14ac:dyDescent="0.25">
      <c r="A3489">
        <v>29137929</v>
      </c>
      <c r="B3489" t="s">
        <v>18097</v>
      </c>
      <c r="C3489" s="1" t="s">
        <v>18098</v>
      </c>
      <c r="D3489">
        <v>29138718</v>
      </c>
      <c r="E3489">
        <v>1</v>
      </c>
      <c r="F3489">
        <v>3</v>
      </c>
      <c r="H3489" t="s">
        <v>18099</v>
      </c>
      <c r="J3489" t="s">
        <v>18100</v>
      </c>
      <c r="K3489" t="s">
        <v>18101</v>
      </c>
      <c r="M3489">
        <v>3074564</v>
      </c>
      <c r="O3489">
        <v>4450504</v>
      </c>
      <c r="P3489">
        <v>1</v>
      </c>
      <c r="Q3489">
        <v>0</v>
      </c>
      <c r="R3489" t="s">
        <v>18102</v>
      </c>
      <c r="S3489">
        <v>855</v>
      </c>
    </row>
    <row r="3490" spans="1:19" x14ac:dyDescent="0.25">
      <c r="A3490">
        <v>38535554</v>
      </c>
      <c r="B3490" t="s">
        <v>18103</v>
      </c>
      <c r="C3490" s="1" t="s">
        <v>18104</v>
      </c>
      <c r="E3490">
        <v>0</v>
      </c>
      <c r="F3490">
        <v>6</v>
      </c>
      <c r="H3490" t="s">
        <v>18105</v>
      </c>
      <c r="J3490" t="s">
        <v>18105</v>
      </c>
      <c r="O3490">
        <v>3760661</v>
      </c>
      <c r="P3490">
        <v>1</v>
      </c>
      <c r="Q3490">
        <v>0</v>
      </c>
      <c r="R3490" t="s">
        <v>819</v>
      </c>
      <c r="S3490">
        <v>28</v>
      </c>
    </row>
    <row r="3491" spans="1:19" x14ac:dyDescent="0.25">
      <c r="A3491">
        <v>14662971</v>
      </c>
      <c r="B3491" t="s">
        <v>18106</v>
      </c>
      <c r="C3491" s="1" t="s">
        <v>18107</v>
      </c>
      <c r="D3491">
        <v>14663122</v>
      </c>
      <c r="E3491">
        <v>2</v>
      </c>
      <c r="F3491">
        <v>0</v>
      </c>
      <c r="H3491" t="s">
        <v>18108</v>
      </c>
      <c r="J3491" t="s">
        <v>18109</v>
      </c>
      <c r="K3491" t="s">
        <v>18110</v>
      </c>
      <c r="M3491">
        <v>1999924</v>
      </c>
      <c r="O3491">
        <v>1999924</v>
      </c>
      <c r="P3491">
        <v>1</v>
      </c>
      <c r="Q3491">
        <v>1</v>
      </c>
      <c r="R3491" t="s">
        <v>18111</v>
      </c>
      <c r="S3491">
        <v>667</v>
      </c>
    </row>
    <row r="3492" spans="1:19" x14ac:dyDescent="0.25">
      <c r="A3492">
        <v>17659243</v>
      </c>
      <c r="B3492" t="s">
        <v>18112</v>
      </c>
      <c r="C3492" s="1" t="s">
        <v>18113</v>
      </c>
      <c r="D3492">
        <v>17663473</v>
      </c>
      <c r="E3492">
        <v>2</v>
      </c>
      <c r="F3492">
        <v>0</v>
      </c>
      <c r="H3492" t="s">
        <v>18114</v>
      </c>
      <c r="I3492">
        <v>2</v>
      </c>
      <c r="J3492" t="s">
        <v>18115</v>
      </c>
      <c r="K3492" t="s">
        <v>18116</v>
      </c>
      <c r="M3492">
        <v>555343</v>
      </c>
      <c r="O3492">
        <v>555343</v>
      </c>
      <c r="P3492">
        <v>1</v>
      </c>
      <c r="Q3492">
        <v>4</v>
      </c>
      <c r="R3492" t="s">
        <v>18117</v>
      </c>
      <c r="S3492">
        <v>2853</v>
      </c>
    </row>
    <row r="3493" spans="1:19" x14ac:dyDescent="0.25">
      <c r="A3493">
        <v>39525236</v>
      </c>
      <c r="B3493" t="s">
        <v>18118</v>
      </c>
      <c r="C3493" s="1" t="s">
        <v>18119</v>
      </c>
      <c r="D3493">
        <v>39525512</v>
      </c>
      <c r="E3493">
        <v>1</v>
      </c>
      <c r="F3493">
        <v>2</v>
      </c>
      <c r="H3493" t="s">
        <v>18120</v>
      </c>
      <c r="I3493">
        <v>1</v>
      </c>
      <c r="J3493" t="s">
        <v>18121</v>
      </c>
      <c r="O3493">
        <v>6838181</v>
      </c>
      <c r="P3493">
        <v>1</v>
      </c>
      <c r="Q3493">
        <v>1</v>
      </c>
      <c r="R3493" t="s">
        <v>18122</v>
      </c>
      <c r="S3493">
        <v>230</v>
      </c>
    </row>
    <row r="3494" spans="1:19" x14ac:dyDescent="0.25">
      <c r="A3494">
        <v>16048085</v>
      </c>
      <c r="B3494" t="s">
        <v>18123</v>
      </c>
      <c r="C3494" s="1" t="s">
        <v>18124</v>
      </c>
      <c r="E3494">
        <v>1</v>
      </c>
      <c r="F3494">
        <v>0</v>
      </c>
      <c r="H3494" t="s">
        <v>18125</v>
      </c>
      <c r="J3494" t="s">
        <v>18126</v>
      </c>
      <c r="K3494" t="s">
        <v>18127</v>
      </c>
      <c r="M3494">
        <v>1577580</v>
      </c>
      <c r="O3494">
        <v>2288390</v>
      </c>
      <c r="P3494">
        <v>1</v>
      </c>
      <c r="Q3494">
        <v>0</v>
      </c>
      <c r="R3494" t="s">
        <v>18128</v>
      </c>
      <c r="S3494">
        <v>480</v>
      </c>
    </row>
    <row r="3495" spans="1:19" x14ac:dyDescent="0.25">
      <c r="A3495">
        <v>32021163</v>
      </c>
      <c r="B3495" t="s">
        <v>18129</v>
      </c>
      <c r="C3495" s="1" t="s">
        <v>18130</v>
      </c>
      <c r="E3495">
        <v>0</v>
      </c>
      <c r="F3495">
        <v>6</v>
      </c>
      <c r="H3495" t="s">
        <v>18131</v>
      </c>
      <c r="J3495" t="s">
        <v>18131</v>
      </c>
      <c r="O3495">
        <v>417896</v>
      </c>
      <c r="P3495">
        <v>1</v>
      </c>
      <c r="Q3495">
        <v>0</v>
      </c>
      <c r="R3495" t="s">
        <v>18132</v>
      </c>
      <c r="S3495">
        <v>103</v>
      </c>
    </row>
    <row r="3496" spans="1:19" x14ac:dyDescent="0.25">
      <c r="A3496">
        <v>51765205</v>
      </c>
      <c r="B3496" t="s">
        <v>18133</v>
      </c>
      <c r="C3496" s="1" t="s">
        <v>18134</v>
      </c>
      <c r="E3496">
        <v>0</v>
      </c>
      <c r="F3496">
        <v>3</v>
      </c>
      <c r="H3496" t="s">
        <v>18135</v>
      </c>
      <c r="J3496" t="s">
        <v>18136</v>
      </c>
      <c r="K3496" t="s">
        <v>18136</v>
      </c>
      <c r="M3496">
        <v>2081451</v>
      </c>
      <c r="O3496">
        <v>9379844</v>
      </c>
      <c r="P3496">
        <v>1</v>
      </c>
      <c r="Q3496">
        <v>0</v>
      </c>
      <c r="R3496" t="s">
        <v>18137</v>
      </c>
      <c r="S3496">
        <v>23</v>
      </c>
    </row>
    <row r="3497" spans="1:19" x14ac:dyDescent="0.25">
      <c r="A3497">
        <v>3347358</v>
      </c>
      <c r="B3497" t="s">
        <v>18138</v>
      </c>
      <c r="C3497" s="1" t="s">
        <v>18139</v>
      </c>
      <c r="D3497">
        <v>3354111</v>
      </c>
      <c r="E3497">
        <v>1</v>
      </c>
      <c r="F3497">
        <v>2</v>
      </c>
      <c r="H3497" t="s">
        <v>18140</v>
      </c>
      <c r="J3497" t="s">
        <v>18141</v>
      </c>
      <c r="K3497" t="s">
        <v>18142</v>
      </c>
      <c r="M3497">
        <v>344674</v>
      </c>
      <c r="O3497">
        <v>344674</v>
      </c>
      <c r="P3497">
        <v>1</v>
      </c>
      <c r="Q3497">
        <v>0</v>
      </c>
      <c r="R3497" t="s">
        <v>18143</v>
      </c>
      <c r="S3497">
        <v>1248</v>
      </c>
    </row>
    <row r="3498" spans="1:19" x14ac:dyDescent="0.25">
      <c r="A3498">
        <v>37121940</v>
      </c>
      <c r="B3498" t="s">
        <v>18144</v>
      </c>
      <c r="C3498" s="1" t="s">
        <v>18145</v>
      </c>
      <c r="E3498">
        <v>0</v>
      </c>
      <c r="F3498">
        <v>2</v>
      </c>
      <c r="H3498" t="s">
        <v>18146</v>
      </c>
      <c r="J3498" t="s">
        <v>18146</v>
      </c>
      <c r="O3498">
        <v>5067364</v>
      </c>
      <c r="P3498">
        <v>1</v>
      </c>
      <c r="Q3498">
        <v>0</v>
      </c>
      <c r="R3498" t="s">
        <v>4803</v>
      </c>
      <c r="S3498">
        <v>23</v>
      </c>
    </row>
    <row r="3499" spans="1:19" x14ac:dyDescent="0.25">
      <c r="A3499">
        <v>13285425</v>
      </c>
      <c r="B3499" t="s">
        <v>18147</v>
      </c>
      <c r="C3499" s="1" t="s">
        <v>18148</v>
      </c>
      <c r="D3499">
        <v>13285564</v>
      </c>
      <c r="E3499">
        <v>1</v>
      </c>
      <c r="F3499">
        <v>0</v>
      </c>
      <c r="H3499" t="s">
        <v>18149</v>
      </c>
      <c r="J3499" t="s">
        <v>18150</v>
      </c>
      <c r="O3499">
        <v>1324756</v>
      </c>
      <c r="P3499">
        <v>1</v>
      </c>
      <c r="Q3499">
        <v>0</v>
      </c>
      <c r="R3499" t="s">
        <v>18151</v>
      </c>
      <c r="S3499">
        <v>538</v>
      </c>
    </row>
    <row r="3500" spans="1:19" x14ac:dyDescent="0.25">
      <c r="A3500">
        <v>18554206</v>
      </c>
      <c r="B3500" t="s">
        <v>18152</v>
      </c>
      <c r="C3500" s="1" t="s">
        <v>18153</v>
      </c>
      <c r="D3500">
        <v>18554216</v>
      </c>
      <c r="E3500">
        <v>2</v>
      </c>
      <c r="F3500">
        <v>4</v>
      </c>
      <c r="H3500" t="s">
        <v>18154</v>
      </c>
      <c r="J3500" t="s">
        <v>18155</v>
      </c>
      <c r="K3500" t="s">
        <v>18156</v>
      </c>
      <c r="M3500">
        <v>1114136</v>
      </c>
      <c r="O3500">
        <v>1114136</v>
      </c>
      <c r="P3500">
        <v>1</v>
      </c>
      <c r="Q3500">
        <v>0</v>
      </c>
      <c r="R3500" t="s">
        <v>18157</v>
      </c>
      <c r="S3500">
        <v>1651</v>
      </c>
    </row>
    <row r="3501" spans="1:19" x14ac:dyDescent="0.25">
      <c r="A3501">
        <v>9726813</v>
      </c>
      <c r="B3501" t="s">
        <v>18158</v>
      </c>
      <c r="C3501" s="1" t="s">
        <v>18159</v>
      </c>
      <c r="E3501">
        <v>3</v>
      </c>
      <c r="F3501">
        <v>6</v>
      </c>
      <c r="H3501" t="s">
        <v>18160</v>
      </c>
      <c r="I3501">
        <v>1</v>
      </c>
      <c r="J3501" t="s">
        <v>18161</v>
      </c>
      <c r="O3501">
        <v>332578</v>
      </c>
      <c r="P3501">
        <v>1</v>
      </c>
      <c r="Q3501">
        <v>2</v>
      </c>
      <c r="R3501" t="s">
        <v>3453</v>
      </c>
      <c r="S3501">
        <v>99</v>
      </c>
    </row>
    <row r="3502" spans="1:19" x14ac:dyDescent="0.25">
      <c r="A3502">
        <v>21469547</v>
      </c>
      <c r="B3502" t="s">
        <v>18162</v>
      </c>
      <c r="C3502" s="1" t="s">
        <v>18163</v>
      </c>
      <c r="E3502">
        <v>1</v>
      </c>
      <c r="F3502">
        <v>0</v>
      </c>
      <c r="H3502" t="s">
        <v>18164</v>
      </c>
      <c r="I3502">
        <v>5</v>
      </c>
      <c r="J3502" t="s">
        <v>18165</v>
      </c>
      <c r="O3502">
        <v>1874137</v>
      </c>
      <c r="P3502">
        <v>1</v>
      </c>
      <c r="Q3502">
        <v>6</v>
      </c>
      <c r="R3502" t="s">
        <v>18166</v>
      </c>
      <c r="S3502">
        <v>609</v>
      </c>
    </row>
    <row r="3503" spans="1:19" x14ac:dyDescent="0.25">
      <c r="A3503">
        <v>40980261</v>
      </c>
      <c r="B3503" t="s">
        <v>18167</v>
      </c>
      <c r="C3503" s="1" t="s">
        <v>18168</v>
      </c>
      <c r="D3503">
        <v>40996502</v>
      </c>
      <c r="E3503">
        <v>1</v>
      </c>
      <c r="F3503">
        <v>5</v>
      </c>
      <c r="H3503" t="s">
        <v>18169</v>
      </c>
      <c r="J3503" t="s">
        <v>18170</v>
      </c>
      <c r="K3503" t="s">
        <v>18171</v>
      </c>
      <c r="M3503">
        <v>7179086</v>
      </c>
      <c r="O3503">
        <v>5142595</v>
      </c>
      <c r="P3503">
        <v>1</v>
      </c>
      <c r="Q3503">
        <v>3</v>
      </c>
      <c r="R3503" t="s">
        <v>18172</v>
      </c>
      <c r="S3503">
        <v>520</v>
      </c>
    </row>
    <row r="3504" spans="1:19" x14ac:dyDescent="0.25">
      <c r="A3504">
        <v>18297902</v>
      </c>
      <c r="B3504" t="s">
        <v>18173</v>
      </c>
      <c r="C3504" s="1" t="s">
        <v>18174</v>
      </c>
      <c r="E3504">
        <v>2</v>
      </c>
      <c r="F3504">
        <v>5</v>
      </c>
      <c r="H3504" t="s">
        <v>18175</v>
      </c>
      <c r="J3504" t="s">
        <v>18176</v>
      </c>
      <c r="K3504" t="s">
        <v>18177</v>
      </c>
      <c r="M3504">
        <v>106435</v>
      </c>
      <c r="O3504">
        <v>2669713</v>
      </c>
      <c r="P3504">
        <v>1</v>
      </c>
      <c r="Q3504">
        <v>-5</v>
      </c>
      <c r="R3504" t="s">
        <v>18178</v>
      </c>
      <c r="S3504">
        <v>496</v>
      </c>
    </row>
    <row r="3505" spans="1:19" x14ac:dyDescent="0.25">
      <c r="A3505">
        <v>51749299</v>
      </c>
      <c r="B3505" t="s">
        <v>18179</v>
      </c>
      <c r="C3505" s="1" t="s">
        <v>18180</v>
      </c>
      <c r="E3505">
        <v>0</v>
      </c>
      <c r="F3505">
        <v>2</v>
      </c>
      <c r="H3505" t="s">
        <v>18181</v>
      </c>
      <c r="J3505" t="s">
        <v>18181</v>
      </c>
      <c r="O3505">
        <v>9672068</v>
      </c>
      <c r="P3505">
        <v>1</v>
      </c>
      <c r="Q3505">
        <v>0</v>
      </c>
      <c r="R3505" t="s">
        <v>18182</v>
      </c>
      <c r="S3505">
        <v>19</v>
      </c>
    </row>
    <row r="3506" spans="1:19" x14ac:dyDescent="0.25">
      <c r="A3506">
        <v>50637808</v>
      </c>
      <c r="B3506" t="s">
        <v>18183</v>
      </c>
      <c r="C3506" s="1" t="s">
        <v>18184</v>
      </c>
      <c r="D3506">
        <v>50638383</v>
      </c>
      <c r="E3506">
        <v>1</v>
      </c>
      <c r="F3506">
        <v>2</v>
      </c>
      <c r="H3506" t="s">
        <v>18185</v>
      </c>
      <c r="J3506" t="s">
        <v>18186</v>
      </c>
      <c r="K3506" t="s">
        <v>18186</v>
      </c>
      <c r="M3506">
        <v>7806912</v>
      </c>
      <c r="O3506">
        <v>7806912</v>
      </c>
      <c r="P3506">
        <v>1</v>
      </c>
      <c r="Q3506">
        <v>1</v>
      </c>
      <c r="R3506" t="s">
        <v>18187</v>
      </c>
      <c r="S3506">
        <v>33</v>
      </c>
    </row>
    <row r="3507" spans="1:19" x14ac:dyDescent="0.25">
      <c r="A3507">
        <v>21092335</v>
      </c>
      <c r="B3507" t="s">
        <v>18188</v>
      </c>
      <c r="C3507" s="1" t="s">
        <v>18189</v>
      </c>
      <c r="D3507">
        <v>21092374</v>
      </c>
      <c r="E3507">
        <v>1</v>
      </c>
      <c r="F3507">
        <v>0</v>
      </c>
      <c r="H3507" t="s">
        <v>18190</v>
      </c>
      <c r="J3507" t="s">
        <v>18191</v>
      </c>
      <c r="O3507">
        <v>3133180</v>
      </c>
      <c r="P3507">
        <v>1</v>
      </c>
      <c r="Q3507">
        <v>0</v>
      </c>
      <c r="R3507" t="s">
        <v>18192</v>
      </c>
      <c r="S3507">
        <v>83</v>
      </c>
    </row>
    <row r="3508" spans="1:19" x14ac:dyDescent="0.25">
      <c r="A3508">
        <v>10319588</v>
      </c>
      <c r="B3508" t="s">
        <v>18193</v>
      </c>
      <c r="C3508" s="1" t="s">
        <v>18194</v>
      </c>
      <c r="E3508">
        <v>0</v>
      </c>
      <c r="F3508">
        <v>3</v>
      </c>
      <c r="H3508" t="s">
        <v>18195</v>
      </c>
      <c r="I3508">
        <v>0</v>
      </c>
      <c r="J3508" t="s">
        <v>18196</v>
      </c>
      <c r="K3508" t="s">
        <v>18197</v>
      </c>
      <c r="M3508">
        <v>-1</v>
      </c>
      <c r="O3508">
        <v>18255</v>
      </c>
      <c r="P3508">
        <v>1</v>
      </c>
      <c r="Q3508">
        <v>0</v>
      </c>
      <c r="R3508" t="s">
        <v>18198</v>
      </c>
      <c r="S3508">
        <v>57</v>
      </c>
    </row>
    <row r="3509" spans="1:19" x14ac:dyDescent="0.25">
      <c r="A3509">
        <v>31773517</v>
      </c>
      <c r="B3509" t="s">
        <v>18199</v>
      </c>
      <c r="C3509" s="1" t="s">
        <v>18200</v>
      </c>
      <c r="D3509">
        <v>31773609</v>
      </c>
      <c r="E3509">
        <v>2</v>
      </c>
      <c r="F3509">
        <v>5</v>
      </c>
      <c r="H3509" t="s">
        <v>18201</v>
      </c>
      <c r="I3509">
        <v>1</v>
      </c>
      <c r="J3509" t="s">
        <v>18202</v>
      </c>
      <c r="O3509">
        <v>1967286</v>
      </c>
      <c r="P3509">
        <v>1</v>
      </c>
      <c r="Q3509">
        <v>2</v>
      </c>
      <c r="R3509" t="s">
        <v>18203</v>
      </c>
      <c r="S3509">
        <v>255</v>
      </c>
    </row>
    <row r="3510" spans="1:19" x14ac:dyDescent="0.25">
      <c r="A3510">
        <v>50703939</v>
      </c>
      <c r="B3510" t="s">
        <v>18204</v>
      </c>
      <c r="C3510" s="1" t="s">
        <v>18205</v>
      </c>
      <c r="D3510">
        <v>50704003</v>
      </c>
      <c r="E3510">
        <v>1</v>
      </c>
      <c r="F3510">
        <v>2</v>
      </c>
      <c r="H3510" t="s">
        <v>18206</v>
      </c>
      <c r="J3510" t="s">
        <v>18207</v>
      </c>
      <c r="K3510" t="s">
        <v>1083</v>
      </c>
      <c r="M3510">
        <v>-1</v>
      </c>
      <c r="O3510">
        <v>7704270</v>
      </c>
      <c r="P3510">
        <v>1</v>
      </c>
      <c r="Q3510">
        <v>-3</v>
      </c>
      <c r="R3510" t="s">
        <v>18208</v>
      </c>
      <c r="S3510">
        <v>341</v>
      </c>
    </row>
    <row r="3511" spans="1:19" x14ac:dyDescent="0.25">
      <c r="A3511">
        <v>27539300</v>
      </c>
      <c r="B3511" t="s">
        <v>18209</v>
      </c>
      <c r="C3511" s="1" t="s">
        <v>18210</v>
      </c>
      <c r="E3511">
        <v>0</v>
      </c>
      <c r="F3511">
        <v>0</v>
      </c>
      <c r="H3511" t="s">
        <v>18211</v>
      </c>
      <c r="J3511" t="s">
        <v>18211</v>
      </c>
      <c r="O3511">
        <v>597546</v>
      </c>
      <c r="P3511">
        <v>1</v>
      </c>
      <c r="Q3511">
        <v>1</v>
      </c>
      <c r="R3511" t="s">
        <v>18212</v>
      </c>
      <c r="S3511">
        <v>446</v>
      </c>
    </row>
    <row r="3512" spans="1:19" x14ac:dyDescent="0.25">
      <c r="A3512">
        <v>6109467</v>
      </c>
      <c r="B3512" t="s">
        <v>18213</v>
      </c>
      <c r="C3512" s="1" t="s">
        <v>18214</v>
      </c>
      <c r="D3512">
        <v>6112365</v>
      </c>
      <c r="E3512">
        <v>2</v>
      </c>
      <c r="F3512">
        <v>3</v>
      </c>
      <c r="H3512" t="s">
        <v>18215</v>
      </c>
      <c r="J3512" t="s">
        <v>18216</v>
      </c>
      <c r="K3512" t="s">
        <v>18216</v>
      </c>
      <c r="M3512">
        <v>767502</v>
      </c>
      <c r="O3512">
        <v>767502</v>
      </c>
      <c r="P3512">
        <v>1</v>
      </c>
      <c r="Q3512">
        <v>1</v>
      </c>
      <c r="R3512" t="s">
        <v>18217</v>
      </c>
      <c r="S3512">
        <v>1257</v>
      </c>
    </row>
    <row r="3513" spans="1:19" x14ac:dyDescent="0.25">
      <c r="A3513">
        <v>48299234</v>
      </c>
      <c r="B3513" t="s">
        <v>18218</v>
      </c>
      <c r="C3513" s="1" t="s">
        <v>18219</v>
      </c>
      <c r="E3513">
        <v>0</v>
      </c>
      <c r="F3513">
        <v>0</v>
      </c>
      <c r="H3513" t="s">
        <v>18220</v>
      </c>
      <c r="J3513" t="s">
        <v>18221</v>
      </c>
      <c r="K3513" t="s">
        <v>18221</v>
      </c>
      <c r="M3513">
        <v>2405914</v>
      </c>
      <c r="O3513">
        <v>9199346</v>
      </c>
      <c r="P3513">
        <v>1</v>
      </c>
      <c r="Q3513">
        <v>0</v>
      </c>
      <c r="R3513" t="s">
        <v>18222</v>
      </c>
      <c r="S3513">
        <v>26</v>
      </c>
    </row>
    <row r="3514" spans="1:19" x14ac:dyDescent="0.25">
      <c r="A3514">
        <v>24563896</v>
      </c>
      <c r="B3514" t="s">
        <v>18223</v>
      </c>
      <c r="C3514" s="1" t="s">
        <v>18224</v>
      </c>
      <c r="D3514">
        <v>24563916</v>
      </c>
      <c r="E3514">
        <v>1</v>
      </c>
      <c r="F3514">
        <v>0</v>
      </c>
      <c r="H3514" t="s">
        <v>18225</v>
      </c>
      <c r="I3514">
        <v>1</v>
      </c>
      <c r="J3514" t="s">
        <v>18226</v>
      </c>
      <c r="K3514" t="s">
        <v>18227</v>
      </c>
      <c r="M3514">
        <v>3794585</v>
      </c>
      <c r="O3514">
        <v>3794585</v>
      </c>
      <c r="P3514">
        <v>1</v>
      </c>
      <c r="Q3514">
        <v>0</v>
      </c>
      <c r="R3514" t="s">
        <v>2754</v>
      </c>
      <c r="S3514">
        <v>790</v>
      </c>
    </row>
    <row r="3515" spans="1:19" x14ac:dyDescent="0.25">
      <c r="A3515">
        <v>8294539</v>
      </c>
      <c r="B3515" t="s">
        <v>18228</v>
      </c>
      <c r="C3515" s="1" t="s">
        <v>18229</v>
      </c>
      <c r="D3515">
        <v>8294909</v>
      </c>
      <c r="E3515">
        <v>2</v>
      </c>
      <c r="F3515">
        <v>0</v>
      </c>
      <c r="H3515" t="s">
        <v>18230</v>
      </c>
      <c r="J3515" t="s">
        <v>18231</v>
      </c>
      <c r="O3515">
        <v>956686</v>
      </c>
      <c r="P3515">
        <v>1</v>
      </c>
      <c r="Q3515">
        <v>0</v>
      </c>
      <c r="R3515" t="s">
        <v>18232</v>
      </c>
      <c r="S3515">
        <v>2704</v>
      </c>
    </row>
    <row r="3516" spans="1:19" x14ac:dyDescent="0.25">
      <c r="A3516">
        <v>44305244</v>
      </c>
      <c r="B3516" t="s">
        <v>18233</v>
      </c>
      <c r="C3516" s="1" t="s">
        <v>18234</v>
      </c>
      <c r="D3516">
        <v>44305324</v>
      </c>
      <c r="E3516">
        <v>1</v>
      </c>
      <c r="F3516">
        <v>0</v>
      </c>
      <c r="H3516" t="s">
        <v>18235</v>
      </c>
      <c r="J3516" t="s">
        <v>18236</v>
      </c>
      <c r="O3516">
        <v>6915274</v>
      </c>
      <c r="P3516">
        <v>1</v>
      </c>
      <c r="Q3516">
        <v>1</v>
      </c>
      <c r="R3516" t="s">
        <v>275</v>
      </c>
      <c r="S3516">
        <v>28</v>
      </c>
    </row>
    <row r="3517" spans="1:19" x14ac:dyDescent="0.25">
      <c r="A3517">
        <v>29659098</v>
      </c>
      <c r="B3517" t="s">
        <v>18237</v>
      </c>
      <c r="C3517" s="1" t="s">
        <v>18238</v>
      </c>
      <c r="D3517">
        <v>29659226</v>
      </c>
      <c r="E3517">
        <v>1</v>
      </c>
      <c r="F3517">
        <v>0</v>
      </c>
      <c r="H3517" t="s">
        <v>18239</v>
      </c>
      <c r="J3517" t="s">
        <v>18240</v>
      </c>
      <c r="K3517" t="s">
        <v>18241</v>
      </c>
      <c r="M3517">
        <v>3150271</v>
      </c>
      <c r="O3517">
        <v>3037546</v>
      </c>
      <c r="P3517">
        <v>1</v>
      </c>
      <c r="Q3517">
        <v>1</v>
      </c>
      <c r="R3517" t="s">
        <v>9673</v>
      </c>
      <c r="S3517">
        <v>82</v>
      </c>
    </row>
    <row r="3518" spans="1:19" x14ac:dyDescent="0.25">
      <c r="A3518">
        <v>5564712</v>
      </c>
      <c r="B3518" t="s">
        <v>18242</v>
      </c>
      <c r="C3518" s="1" t="s">
        <v>18243</v>
      </c>
      <c r="E3518">
        <v>2</v>
      </c>
      <c r="F3518">
        <v>1</v>
      </c>
      <c r="H3518" t="s">
        <v>18244</v>
      </c>
      <c r="J3518" t="s">
        <v>18245</v>
      </c>
      <c r="O3518">
        <v>685268</v>
      </c>
      <c r="P3518">
        <v>1</v>
      </c>
      <c r="Q3518">
        <v>0</v>
      </c>
      <c r="R3518" t="s">
        <v>18246</v>
      </c>
      <c r="S3518">
        <v>620</v>
      </c>
    </row>
    <row r="3519" spans="1:19" x14ac:dyDescent="0.25">
      <c r="A3519">
        <v>19159794</v>
      </c>
      <c r="B3519" t="s">
        <v>18247</v>
      </c>
      <c r="C3519" s="1" t="s">
        <v>18248</v>
      </c>
      <c r="D3519">
        <v>19160006</v>
      </c>
      <c r="E3519">
        <v>2</v>
      </c>
      <c r="F3519">
        <v>0</v>
      </c>
      <c r="H3519" t="s">
        <v>18249</v>
      </c>
      <c r="J3519" t="s">
        <v>18250</v>
      </c>
      <c r="O3519">
        <v>1774611</v>
      </c>
      <c r="P3519">
        <v>1</v>
      </c>
      <c r="Q3519">
        <v>0</v>
      </c>
      <c r="R3519" t="s">
        <v>18251</v>
      </c>
      <c r="S3519">
        <v>850</v>
      </c>
    </row>
    <row r="3520" spans="1:19" x14ac:dyDescent="0.25">
      <c r="A3520">
        <v>13717819</v>
      </c>
      <c r="B3520" t="s">
        <v>18252</v>
      </c>
      <c r="C3520" s="1" t="s">
        <v>18253</v>
      </c>
      <c r="D3520">
        <v>13717888</v>
      </c>
      <c r="E3520">
        <v>5</v>
      </c>
      <c r="F3520">
        <v>2</v>
      </c>
      <c r="H3520" t="s">
        <v>18254</v>
      </c>
      <c r="J3520" t="s">
        <v>18255</v>
      </c>
      <c r="O3520">
        <v>1491095</v>
      </c>
      <c r="P3520">
        <v>1</v>
      </c>
      <c r="Q3520">
        <v>1</v>
      </c>
      <c r="R3520" t="s">
        <v>18256</v>
      </c>
      <c r="S3520">
        <v>4068</v>
      </c>
    </row>
    <row r="3521" spans="1:19" x14ac:dyDescent="0.25">
      <c r="A3521">
        <v>13502182</v>
      </c>
      <c r="B3521" t="s">
        <v>18257</v>
      </c>
      <c r="C3521" s="1" t="s">
        <v>18258</v>
      </c>
      <c r="D3521">
        <v>13586016</v>
      </c>
      <c r="E3521">
        <v>1</v>
      </c>
      <c r="F3521">
        <v>7</v>
      </c>
      <c r="H3521" t="s">
        <v>18259</v>
      </c>
      <c r="I3521">
        <v>1</v>
      </c>
      <c r="J3521" t="s">
        <v>18260</v>
      </c>
      <c r="K3521" t="s">
        <v>18261</v>
      </c>
      <c r="M3521">
        <v>704848</v>
      </c>
      <c r="O3521">
        <v>852208</v>
      </c>
      <c r="P3521">
        <v>1</v>
      </c>
      <c r="Q3521">
        <v>4</v>
      </c>
      <c r="R3521" t="s">
        <v>18262</v>
      </c>
      <c r="S3521">
        <v>1703</v>
      </c>
    </row>
    <row r="3522" spans="1:19" x14ac:dyDescent="0.25">
      <c r="A3522">
        <v>17083173</v>
      </c>
      <c r="B3522" t="s">
        <v>18263</v>
      </c>
      <c r="C3522" s="1" t="s">
        <v>18264</v>
      </c>
      <c r="E3522">
        <v>1</v>
      </c>
      <c r="F3522">
        <v>0</v>
      </c>
      <c r="H3522" t="s">
        <v>18265</v>
      </c>
      <c r="I3522">
        <v>1</v>
      </c>
      <c r="J3522" t="s">
        <v>18266</v>
      </c>
      <c r="K3522" t="s">
        <v>18266</v>
      </c>
      <c r="M3522">
        <v>1002744</v>
      </c>
      <c r="O3522">
        <v>1002744</v>
      </c>
      <c r="P3522">
        <v>1</v>
      </c>
      <c r="Q3522">
        <v>0</v>
      </c>
      <c r="R3522" t="s">
        <v>18267</v>
      </c>
      <c r="S3522">
        <v>2047</v>
      </c>
    </row>
    <row r="3523" spans="1:19" x14ac:dyDescent="0.25">
      <c r="A3523">
        <v>24514058</v>
      </c>
      <c r="B3523" t="s">
        <v>18268</v>
      </c>
      <c r="C3523" s="1" t="s">
        <v>18269</v>
      </c>
      <c r="D3523">
        <v>24515847</v>
      </c>
      <c r="E3523">
        <v>2</v>
      </c>
      <c r="F3523">
        <v>1</v>
      </c>
      <c r="H3523" t="s">
        <v>18270</v>
      </c>
      <c r="J3523" t="s">
        <v>18271</v>
      </c>
      <c r="K3523" t="s">
        <v>18272</v>
      </c>
      <c r="M3523">
        <v>729457</v>
      </c>
      <c r="O3523">
        <v>3722029</v>
      </c>
      <c r="P3523">
        <v>1</v>
      </c>
      <c r="Q3523">
        <v>0</v>
      </c>
      <c r="R3523" t="s">
        <v>18273</v>
      </c>
      <c r="S3523">
        <v>675</v>
      </c>
    </row>
    <row r="3524" spans="1:19" x14ac:dyDescent="0.25">
      <c r="A3524">
        <v>20738953</v>
      </c>
      <c r="B3524" t="s">
        <v>18274</v>
      </c>
      <c r="C3524" s="1" t="s">
        <v>18275</v>
      </c>
      <c r="D3524">
        <v>20738971</v>
      </c>
      <c r="E3524">
        <v>9</v>
      </c>
      <c r="F3524">
        <v>0</v>
      </c>
      <c r="H3524" t="s">
        <v>18276</v>
      </c>
      <c r="I3524">
        <v>10</v>
      </c>
      <c r="J3524" t="s">
        <v>18277</v>
      </c>
      <c r="K3524" t="s">
        <v>18278</v>
      </c>
      <c r="M3524">
        <v>5535245</v>
      </c>
      <c r="O3524">
        <v>2189617</v>
      </c>
      <c r="P3524">
        <v>1</v>
      </c>
      <c r="Q3524">
        <v>66</v>
      </c>
      <c r="R3524" t="s">
        <v>18279</v>
      </c>
      <c r="S3524">
        <v>113762</v>
      </c>
    </row>
    <row r="3525" spans="1:19" x14ac:dyDescent="0.25">
      <c r="A3525">
        <v>7086583</v>
      </c>
      <c r="B3525" t="s">
        <v>18280</v>
      </c>
      <c r="C3525" t="s">
        <v>18281</v>
      </c>
      <c r="D3525">
        <v>7087112</v>
      </c>
      <c r="E3525">
        <v>4</v>
      </c>
      <c r="F3525">
        <v>0</v>
      </c>
      <c r="H3525" t="s">
        <v>18282</v>
      </c>
      <c r="I3525">
        <v>26</v>
      </c>
      <c r="J3525" t="s">
        <v>18283</v>
      </c>
      <c r="O3525">
        <v>895997</v>
      </c>
      <c r="P3525">
        <v>1</v>
      </c>
      <c r="Q3525">
        <v>41</v>
      </c>
      <c r="R3525" t="s">
        <v>18284</v>
      </c>
      <c r="S3525">
        <v>32073</v>
      </c>
    </row>
    <row r="3526" spans="1:19" x14ac:dyDescent="0.25">
      <c r="A3526">
        <v>169637</v>
      </c>
      <c r="B3526" t="s">
        <v>18285</v>
      </c>
      <c r="C3526" s="1" t="s">
        <v>18286</v>
      </c>
      <c r="D3526">
        <v>169651</v>
      </c>
      <c r="E3526">
        <v>4</v>
      </c>
      <c r="F3526">
        <v>0</v>
      </c>
      <c r="H3526" t="s">
        <v>18287</v>
      </c>
      <c r="J3526" t="s">
        <v>18288</v>
      </c>
      <c r="N3526" t="s">
        <v>18289</v>
      </c>
      <c r="O3526">
        <v>6161</v>
      </c>
      <c r="P3526">
        <v>1</v>
      </c>
      <c r="Q3526">
        <v>11</v>
      </c>
      <c r="R3526" t="s">
        <v>18290</v>
      </c>
      <c r="S3526">
        <v>14132</v>
      </c>
    </row>
    <row r="3527" spans="1:19" x14ac:dyDescent="0.25">
      <c r="A3527">
        <v>34637603</v>
      </c>
      <c r="B3527" t="s">
        <v>18291</v>
      </c>
      <c r="C3527" s="1" t="s">
        <v>18292</v>
      </c>
      <c r="E3527">
        <v>2</v>
      </c>
      <c r="F3527">
        <v>4</v>
      </c>
      <c r="H3527" t="s">
        <v>18293</v>
      </c>
      <c r="I3527">
        <v>1</v>
      </c>
      <c r="J3527" t="s">
        <v>18294</v>
      </c>
      <c r="K3527" t="s">
        <v>18295</v>
      </c>
      <c r="M3527">
        <v>5753132</v>
      </c>
      <c r="O3527">
        <v>5753132</v>
      </c>
      <c r="P3527">
        <v>1</v>
      </c>
      <c r="Q3527">
        <v>0</v>
      </c>
      <c r="R3527" t="s">
        <v>18296</v>
      </c>
      <c r="S3527">
        <v>3216</v>
      </c>
    </row>
    <row r="3528" spans="1:19" x14ac:dyDescent="0.25">
      <c r="A3528">
        <v>25586593</v>
      </c>
      <c r="B3528" t="s">
        <v>18297</v>
      </c>
      <c r="C3528" s="1" t="s">
        <v>18298</v>
      </c>
      <c r="D3528">
        <v>26025022</v>
      </c>
      <c r="E3528">
        <v>3</v>
      </c>
      <c r="F3528">
        <v>3</v>
      </c>
      <c r="H3528" t="s">
        <v>18299</v>
      </c>
      <c r="I3528">
        <v>5</v>
      </c>
      <c r="J3528" t="s">
        <v>18300</v>
      </c>
      <c r="K3528" t="s">
        <v>18301</v>
      </c>
      <c r="M3528">
        <v>210916</v>
      </c>
      <c r="O3528">
        <v>3890123</v>
      </c>
      <c r="P3528">
        <v>1</v>
      </c>
      <c r="Q3528">
        <v>8</v>
      </c>
      <c r="R3528" t="s">
        <v>18302</v>
      </c>
      <c r="S3528">
        <v>30818</v>
      </c>
    </row>
    <row r="3529" spans="1:19" x14ac:dyDescent="0.25">
      <c r="A3529">
        <v>13038185</v>
      </c>
      <c r="B3529" t="s">
        <v>18303</v>
      </c>
      <c r="C3529" t="s">
        <v>18304</v>
      </c>
      <c r="D3529">
        <v>13040029</v>
      </c>
      <c r="E3529">
        <v>1</v>
      </c>
      <c r="F3529">
        <v>0</v>
      </c>
      <c r="H3529" t="s">
        <v>18305</v>
      </c>
      <c r="J3529" t="s">
        <v>18306</v>
      </c>
      <c r="O3529">
        <v>1298331</v>
      </c>
      <c r="P3529">
        <v>1</v>
      </c>
      <c r="Q3529">
        <v>-1</v>
      </c>
      <c r="R3529" t="s">
        <v>18307</v>
      </c>
      <c r="S3529">
        <v>181</v>
      </c>
    </row>
    <row r="3530" spans="1:19" x14ac:dyDescent="0.25">
      <c r="A3530">
        <v>42358651</v>
      </c>
      <c r="B3530" t="s">
        <v>18308</v>
      </c>
      <c r="C3530" s="1" t="s">
        <v>18309</v>
      </c>
      <c r="E3530">
        <v>0</v>
      </c>
      <c r="F3530">
        <v>2</v>
      </c>
      <c r="H3530" t="s">
        <v>18310</v>
      </c>
      <c r="J3530" t="s">
        <v>18310</v>
      </c>
      <c r="O3530">
        <v>7509985</v>
      </c>
      <c r="P3530">
        <v>1</v>
      </c>
      <c r="Q3530">
        <v>0</v>
      </c>
      <c r="R3530" t="s">
        <v>18311</v>
      </c>
      <c r="S3530">
        <v>653</v>
      </c>
    </row>
    <row r="3531" spans="1:19" x14ac:dyDescent="0.25">
      <c r="A3531">
        <v>11820384</v>
      </c>
      <c r="B3531" t="s">
        <v>18312</v>
      </c>
      <c r="C3531" s="1" t="s">
        <v>18313</v>
      </c>
      <c r="D3531">
        <v>11820421</v>
      </c>
      <c r="E3531">
        <v>1</v>
      </c>
      <c r="F3531">
        <v>1</v>
      </c>
      <c r="H3531" t="s">
        <v>18314</v>
      </c>
      <c r="J3531" t="s">
        <v>18315</v>
      </c>
      <c r="O3531">
        <v>642022</v>
      </c>
      <c r="P3531">
        <v>1</v>
      </c>
      <c r="Q3531">
        <v>1</v>
      </c>
      <c r="R3531" t="s">
        <v>18316</v>
      </c>
      <c r="S3531">
        <v>2064</v>
      </c>
    </row>
    <row r="3532" spans="1:19" x14ac:dyDescent="0.25">
      <c r="A3532">
        <v>35303193</v>
      </c>
      <c r="B3532" t="s">
        <v>18317</v>
      </c>
      <c r="C3532" s="1" t="s">
        <v>18318</v>
      </c>
      <c r="D3532">
        <v>35303256</v>
      </c>
      <c r="E3532">
        <v>1</v>
      </c>
      <c r="F3532">
        <v>0</v>
      </c>
      <c r="H3532" t="s">
        <v>18319</v>
      </c>
      <c r="J3532" t="s">
        <v>18320</v>
      </c>
      <c r="O3532">
        <v>3253896</v>
      </c>
      <c r="P3532">
        <v>1</v>
      </c>
      <c r="Q3532">
        <v>2</v>
      </c>
      <c r="R3532" t="s">
        <v>18321</v>
      </c>
      <c r="S3532">
        <v>674</v>
      </c>
    </row>
    <row r="3533" spans="1:19" x14ac:dyDescent="0.25">
      <c r="A3533">
        <v>29556938</v>
      </c>
      <c r="B3533" t="s">
        <v>18322</v>
      </c>
      <c r="C3533" s="1" t="s">
        <v>18323</v>
      </c>
      <c r="E3533">
        <v>0</v>
      </c>
      <c r="F3533">
        <v>5</v>
      </c>
      <c r="H3533" t="s">
        <v>18324</v>
      </c>
      <c r="J3533" t="s">
        <v>18325</v>
      </c>
      <c r="K3533" t="s">
        <v>18325</v>
      </c>
      <c r="M3533">
        <v>1861354</v>
      </c>
      <c r="O3533">
        <v>4742183</v>
      </c>
      <c r="P3533">
        <v>1</v>
      </c>
      <c r="Q3533">
        <v>2</v>
      </c>
      <c r="R3533" t="s">
        <v>18326</v>
      </c>
      <c r="S3533">
        <v>431</v>
      </c>
    </row>
    <row r="3534" spans="1:19" x14ac:dyDescent="0.25">
      <c r="A3534">
        <v>21126726</v>
      </c>
      <c r="B3534" t="s">
        <v>18327</v>
      </c>
      <c r="C3534" s="1" t="s">
        <v>18328</v>
      </c>
      <c r="D3534">
        <v>21127672</v>
      </c>
      <c r="E3534">
        <v>1</v>
      </c>
      <c r="F3534">
        <v>1</v>
      </c>
      <c r="H3534" t="s">
        <v>18329</v>
      </c>
      <c r="J3534" t="s">
        <v>18330</v>
      </c>
      <c r="O3534">
        <v>3192654</v>
      </c>
      <c r="P3534">
        <v>1</v>
      </c>
      <c r="Q3534">
        <v>0</v>
      </c>
      <c r="R3534" t="s">
        <v>18331</v>
      </c>
      <c r="S3534">
        <v>79</v>
      </c>
    </row>
    <row r="3535" spans="1:19" x14ac:dyDescent="0.25">
      <c r="A3535">
        <v>36520370</v>
      </c>
      <c r="B3535" t="s">
        <v>18332</v>
      </c>
      <c r="C3535" s="1" t="s">
        <v>18333</v>
      </c>
      <c r="E3535">
        <v>1</v>
      </c>
      <c r="F3535">
        <v>3</v>
      </c>
      <c r="H3535" t="s">
        <v>18334</v>
      </c>
      <c r="J3535" t="s">
        <v>18335</v>
      </c>
      <c r="K3535" t="s">
        <v>18335</v>
      </c>
      <c r="M3535">
        <v>513951</v>
      </c>
      <c r="O3535">
        <v>238971</v>
      </c>
      <c r="P3535">
        <v>1</v>
      </c>
      <c r="Q3535">
        <v>0</v>
      </c>
      <c r="R3535" t="s">
        <v>18336</v>
      </c>
      <c r="S3535">
        <v>51</v>
      </c>
    </row>
    <row r="3536" spans="1:19" x14ac:dyDescent="0.25">
      <c r="A3536">
        <v>2050766</v>
      </c>
      <c r="B3536" t="s">
        <v>18337</v>
      </c>
      <c r="C3536" s="1" t="s">
        <v>18338</v>
      </c>
      <c r="D3536">
        <v>2051695</v>
      </c>
      <c r="E3536">
        <v>6</v>
      </c>
      <c r="F3536">
        <v>2</v>
      </c>
      <c r="H3536" t="s">
        <v>18339</v>
      </c>
      <c r="I3536">
        <v>4</v>
      </c>
      <c r="J3536" t="s">
        <v>18340</v>
      </c>
      <c r="K3536" t="s">
        <v>18340</v>
      </c>
      <c r="M3536">
        <v>243613</v>
      </c>
      <c r="O3536">
        <v>243613</v>
      </c>
      <c r="P3536">
        <v>1</v>
      </c>
      <c r="Q3536">
        <v>8</v>
      </c>
      <c r="R3536" t="s">
        <v>18341</v>
      </c>
      <c r="S3536">
        <v>9772</v>
      </c>
    </row>
    <row r="3537" spans="1:19" x14ac:dyDescent="0.25">
      <c r="A3537">
        <v>48117690</v>
      </c>
      <c r="B3537" t="s">
        <v>18342</v>
      </c>
      <c r="C3537" s="1" t="s">
        <v>18343</v>
      </c>
      <c r="E3537">
        <v>0</v>
      </c>
      <c r="F3537">
        <v>0</v>
      </c>
      <c r="H3537" t="s">
        <v>18344</v>
      </c>
      <c r="J3537" t="s">
        <v>18344</v>
      </c>
      <c r="O3537">
        <v>5376103</v>
      </c>
      <c r="P3537">
        <v>1</v>
      </c>
      <c r="Q3537">
        <v>3</v>
      </c>
      <c r="R3537" t="s">
        <v>18345</v>
      </c>
      <c r="S3537">
        <v>28</v>
      </c>
    </row>
    <row r="3538" spans="1:19" x14ac:dyDescent="0.25">
      <c r="A3538">
        <v>36921150</v>
      </c>
      <c r="B3538" t="s">
        <v>18346</v>
      </c>
      <c r="C3538" s="1" t="s">
        <v>18347</v>
      </c>
      <c r="D3538">
        <v>36921624</v>
      </c>
      <c r="E3538">
        <v>2</v>
      </c>
      <c r="F3538">
        <v>1</v>
      </c>
      <c r="H3538" t="s">
        <v>18348</v>
      </c>
      <c r="I3538">
        <v>1</v>
      </c>
      <c r="J3538" t="s">
        <v>18349</v>
      </c>
      <c r="O3538">
        <v>4922375</v>
      </c>
      <c r="P3538">
        <v>1</v>
      </c>
      <c r="Q3538">
        <v>0</v>
      </c>
      <c r="R3538" t="s">
        <v>18350</v>
      </c>
      <c r="S3538">
        <v>322</v>
      </c>
    </row>
    <row r="3539" spans="1:19" x14ac:dyDescent="0.25">
      <c r="A3539">
        <v>52402642</v>
      </c>
      <c r="B3539" t="s">
        <v>18351</v>
      </c>
      <c r="C3539" s="1" t="s">
        <v>18352</v>
      </c>
      <c r="D3539">
        <v>52403367</v>
      </c>
      <c r="E3539">
        <v>2</v>
      </c>
      <c r="F3539">
        <v>8</v>
      </c>
      <c r="H3539" t="s">
        <v>18353</v>
      </c>
      <c r="J3539" t="s">
        <v>18354</v>
      </c>
      <c r="K3539" t="s">
        <v>18355</v>
      </c>
      <c r="M3539">
        <v>7162286</v>
      </c>
      <c r="O3539">
        <v>7162286</v>
      </c>
      <c r="P3539">
        <v>1</v>
      </c>
      <c r="Q3539">
        <v>0</v>
      </c>
      <c r="R3539" t="s">
        <v>2664</v>
      </c>
      <c r="S3539">
        <v>116</v>
      </c>
    </row>
    <row r="3540" spans="1:19" x14ac:dyDescent="0.25">
      <c r="A3540">
        <v>52224182</v>
      </c>
      <c r="B3540" t="s">
        <v>18356</v>
      </c>
      <c r="C3540" s="1" t="s">
        <v>18357</v>
      </c>
      <c r="E3540">
        <v>0</v>
      </c>
      <c r="F3540">
        <v>1</v>
      </c>
      <c r="H3540" t="s">
        <v>18358</v>
      </c>
      <c r="J3540" t="s">
        <v>18358</v>
      </c>
      <c r="O3540">
        <v>1324023</v>
      </c>
      <c r="P3540">
        <v>1</v>
      </c>
      <c r="Q3540">
        <v>0</v>
      </c>
      <c r="R3540" t="s">
        <v>18359</v>
      </c>
      <c r="S3540">
        <v>22</v>
      </c>
    </row>
    <row r="3541" spans="1:19" x14ac:dyDescent="0.25">
      <c r="A3541">
        <v>50856370</v>
      </c>
      <c r="B3541" t="s">
        <v>18360</v>
      </c>
      <c r="C3541" s="1" t="s">
        <v>18361</v>
      </c>
      <c r="E3541">
        <v>1</v>
      </c>
      <c r="F3541">
        <v>1</v>
      </c>
      <c r="H3541" t="s">
        <v>18362</v>
      </c>
      <c r="J3541" t="s">
        <v>18363</v>
      </c>
      <c r="O3541">
        <v>9936596</v>
      </c>
      <c r="P3541">
        <v>1</v>
      </c>
      <c r="Q3541">
        <v>0</v>
      </c>
      <c r="R3541" t="s">
        <v>2771</v>
      </c>
      <c r="S3541">
        <v>60</v>
      </c>
    </row>
    <row r="3542" spans="1:19" x14ac:dyDescent="0.25">
      <c r="A3542">
        <v>8285817</v>
      </c>
      <c r="B3542" t="s">
        <v>18364</v>
      </c>
      <c r="C3542" s="1" t="s">
        <v>18365</v>
      </c>
      <c r="D3542">
        <v>8287950</v>
      </c>
      <c r="E3542">
        <v>2</v>
      </c>
      <c r="F3542">
        <v>2</v>
      </c>
      <c r="H3542" t="s">
        <v>18366</v>
      </c>
      <c r="J3542" t="s">
        <v>18367</v>
      </c>
      <c r="O3542">
        <v>4653</v>
      </c>
      <c r="P3542">
        <v>1</v>
      </c>
      <c r="Q3542">
        <v>1</v>
      </c>
      <c r="R3542" t="s">
        <v>18368</v>
      </c>
      <c r="S3542">
        <v>151</v>
      </c>
    </row>
    <row r="3543" spans="1:19" x14ac:dyDescent="0.25">
      <c r="A3543">
        <v>27123273</v>
      </c>
      <c r="B3543" t="s">
        <v>18369</v>
      </c>
      <c r="C3543" s="1" t="s">
        <v>18370</v>
      </c>
      <c r="D3543">
        <v>27123588</v>
      </c>
      <c r="E3543">
        <v>1</v>
      </c>
      <c r="F3543">
        <v>2</v>
      </c>
      <c r="H3543" t="s">
        <v>18371</v>
      </c>
      <c r="J3543" t="s">
        <v>18372</v>
      </c>
      <c r="K3543" t="s">
        <v>18372</v>
      </c>
      <c r="M3543">
        <v>362168</v>
      </c>
      <c r="O3543">
        <v>362168</v>
      </c>
      <c r="P3543">
        <v>1</v>
      </c>
      <c r="Q3543">
        <v>0</v>
      </c>
      <c r="R3543" t="s">
        <v>3056</v>
      </c>
      <c r="S3543">
        <v>111</v>
      </c>
    </row>
    <row r="3544" spans="1:19" x14ac:dyDescent="0.25">
      <c r="A3544">
        <v>12050623</v>
      </c>
      <c r="B3544" t="s">
        <v>18373</v>
      </c>
      <c r="C3544" s="1" t="s">
        <v>18374</v>
      </c>
      <c r="D3544">
        <v>12050720</v>
      </c>
      <c r="E3544">
        <v>2</v>
      </c>
      <c r="F3544">
        <v>0</v>
      </c>
      <c r="H3544" t="s">
        <v>18375</v>
      </c>
      <c r="J3544" t="s">
        <v>18376</v>
      </c>
      <c r="K3544" t="s">
        <v>18376</v>
      </c>
      <c r="M3544">
        <v>1473751</v>
      </c>
      <c r="O3544">
        <v>1560537</v>
      </c>
      <c r="P3544">
        <v>1</v>
      </c>
      <c r="Q3544">
        <v>0</v>
      </c>
      <c r="R3544" t="s">
        <v>18377</v>
      </c>
      <c r="S3544">
        <v>82</v>
      </c>
    </row>
    <row r="3545" spans="1:19" x14ac:dyDescent="0.25">
      <c r="A3545">
        <v>50789085</v>
      </c>
      <c r="B3545" t="s">
        <v>18378</v>
      </c>
      <c r="C3545" s="1" t="s">
        <v>18379</v>
      </c>
      <c r="E3545">
        <v>0</v>
      </c>
      <c r="F3545">
        <v>1</v>
      </c>
      <c r="H3545" t="s">
        <v>18380</v>
      </c>
      <c r="J3545" t="s">
        <v>18380</v>
      </c>
      <c r="O3545">
        <v>2411636</v>
      </c>
      <c r="P3545">
        <v>1</v>
      </c>
      <c r="Q3545">
        <v>0</v>
      </c>
      <c r="R3545" t="s">
        <v>18381</v>
      </c>
      <c r="S3545">
        <v>30</v>
      </c>
    </row>
    <row r="3546" spans="1:19" x14ac:dyDescent="0.25">
      <c r="A3546">
        <v>4369421</v>
      </c>
      <c r="B3546" t="s">
        <v>18382</v>
      </c>
      <c r="C3546" t="s">
        <v>18383</v>
      </c>
      <c r="D3546">
        <v>4369546</v>
      </c>
      <c r="E3546">
        <v>7</v>
      </c>
      <c r="F3546">
        <v>5</v>
      </c>
      <c r="H3546" t="s">
        <v>18384</v>
      </c>
      <c r="J3546" t="s">
        <v>18385</v>
      </c>
      <c r="K3546" t="s">
        <v>18386</v>
      </c>
      <c r="M3546">
        <v>44390</v>
      </c>
      <c r="O3546">
        <v>532673</v>
      </c>
      <c r="P3546">
        <v>1</v>
      </c>
      <c r="Q3546">
        <v>0</v>
      </c>
      <c r="R3546" t="s">
        <v>18387</v>
      </c>
      <c r="S3546">
        <v>1862</v>
      </c>
    </row>
    <row r="3547" spans="1:19" x14ac:dyDescent="0.25">
      <c r="A3547">
        <v>45538081</v>
      </c>
      <c r="B3547" t="s">
        <v>18388</v>
      </c>
      <c r="C3547" s="1" t="s">
        <v>18389</v>
      </c>
      <c r="D3547">
        <v>45538422</v>
      </c>
      <c r="E3547">
        <v>1</v>
      </c>
      <c r="F3547">
        <v>3</v>
      </c>
      <c r="H3547" t="s">
        <v>18390</v>
      </c>
      <c r="J3547" t="s">
        <v>18391</v>
      </c>
      <c r="O3547">
        <v>1863415</v>
      </c>
      <c r="P3547">
        <v>1</v>
      </c>
      <c r="Q3547">
        <v>0</v>
      </c>
      <c r="R3547" t="s">
        <v>18392</v>
      </c>
      <c r="S3547">
        <v>54</v>
      </c>
    </row>
    <row r="3548" spans="1:19" x14ac:dyDescent="0.25">
      <c r="A3548">
        <v>1175039</v>
      </c>
      <c r="B3548" t="s">
        <v>18393</v>
      </c>
      <c r="C3548" s="1" t="s">
        <v>18394</v>
      </c>
      <c r="D3548">
        <v>1175113</v>
      </c>
      <c r="E3548">
        <v>2</v>
      </c>
      <c r="F3548">
        <v>0</v>
      </c>
      <c r="H3548" t="s">
        <v>18395</v>
      </c>
      <c r="I3548">
        <v>2</v>
      </c>
      <c r="J3548" t="s">
        <v>18396</v>
      </c>
      <c r="O3548">
        <v>55143</v>
      </c>
      <c r="P3548">
        <v>1</v>
      </c>
      <c r="Q3548">
        <v>10</v>
      </c>
      <c r="R3548" t="s">
        <v>18397</v>
      </c>
      <c r="S3548">
        <v>22541</v>
      </c>
    </row>
    <row r="3549" spans="1:19" x14ac:dyDescent="0.25">
      <c r="A3549">
        <v>30637072</v>
      </c>
      <c r="B3549" t="s">
        <v>18398</v>
      </c>
      <c r="C3549" s="1" t="s">
        <v>18399</v>
      </c>
      <c r="D3549">
        <v>30637318</v>
      </c>
      <c r="E3549">
        <v>2</v>
      </c>
      <c r="F3549">
        <v>1</v>
      </c>
      <c r="H3549" t="s">
        <v>18400</v>
      </c>
      <c r="J3549" t="s">
        <v>18401</v>
      </c>
      <c r="O3549">
        <v>2946386</v>
      </c>
      <c r="P3549">
        <v>1</v>
      </c>
      <c r="Q3549">
        <v>0</v>
      </c>
      <c r="R3549" t="s">
        <v>5585</v>
      </c>
      <c r="S3549">
        <v>44</v>
      </c>
    </row>
    <row r="3550" spans="1:19" x14ac:dyDescent="0.25">
      <c r="A3550">
        <v>22936264</v>
      </c>
      <c r="B3550" t="s">
        <v>18402</v>
      </c>
      <c r="C3550" s="1" t="s">
        <v>18403</v>
      </c>
      <c r="D3550">
        <v>22936481</v>
      </c>
      <c r="E3550">
        <v>1</v>
      </c>
      <c r="F3550">
        <v>2</v>
      </c>
      <c r="H3550" t="s">
        <v>18404</v>
      </c>
      <c r="J3550" t="s">
        <v>18405</v>
      </c>
      <c r="K3550" t="s">
        <v>18406</v>
      </c>
      <c r="M3550">
        <v>813602</v>
      </c>
      <c r="O3550">
        <v>3510765</v>
      </c>
      <c r="P3550">
        <v>1</v>
      </c>
      <c r="Q3550">
        <v>0</v>
      </c>
      <c r="R3550" t="s">
        <v>18407</v>
      </c>
      <c r="S3550">
        <v>574</v>
      </c>
    </row>
    <row r="3551" spans="1:19" x14ac:dyDescent="0.25">
      <c r="A3551">
        <v>39302408</v>
      </c>
      <c r="B3551" t="s">
        <v>18408</v>
      </c>
      <c r="C3551" s="1" t="s">
        <v>18409</v>
      </c>
      <c r="E3551">
        <v>1</v>
      </c>
      <c r="F3551">
        <v>1</v>
      </c>
      <c r="H3551" t="s">
        <v>18410</v>
      </c>
      <c r="J3551" t="s">
        <v>18411</v>
      </c>
      <c r="O3551">
        <v>4180687</v>
      </c>
      <c r="P3551">
        <v>1</v>
      </c>
      <c r="Q3551">
        <v>2</v>
      </c>
      <c r="R3551" t="s">
        <v>18412</v>
      </c>
      <c r="S3551">
        <v>56</v>
      </c>
    </row>
    <row r="3552" spans="1:19" x14ac:dyDescent="0.25">
      <c r="A3552">
        <v>52941955</v>
      </c>
      <c r="B3552" t="s">
        <v>18413</v>
      </c>
      <c r="C3552" s="1" t="s">
        <v>18414</v>
      </c>
      <c r="D3552">
        <v>52942143</v>
      </c>
      <c r="E3552">
        <v>2</v>
      </c>
      <c r="F3552">
        <v>4</v>
      </c>
      <c r="H3552" t="s">
        <v>18415</v>
      </c>
      <c r="J3552" t="s">
        <v>18416</v>
      </c>
      <c r="O3552">
        <v>7496039</v>
      </c>
      <c r="P3552">
        <v>1</v>
      </c>
      <c r="Q3552">
        <v>1</v>
      </c>
      <c r="R3552" t="s">
        <v>3453</v>
      </c>
      <c r="S3552">
        <v>32</v>
      </c>
    </row>
    <row r="3553" spans="1:19" x14ac:dyDescent="0.25">
      <c r="A3553">
        <v>39706912</v>
      </c>
      <c r="B3553" t="s">
        <v>18417</v>
      </c>
      <c r="C3553" s="1" t="s">
        <v>18418</v>
      </c>
      <c r="E3553">
        <v>0</v>
      </c>
      <c r="F3553">
        <v>3</v>
      </c>
      <c r="H3553" t="s">
        <v>18419</v>
      </c>
      <c r="J3553" t="s">
        <v>18419</v>
      </c>
      <c r="O3553">
        <v>1885666</v>
      </c>
      <c r="P3553">
        <v>1</v>
      </c>
      <c r="Q3553">
        <v>0</v>
      </c>
      <c r="R3553" t="s">
        <v>4205</v>
      </c>
      <c r="S3553">
        <v>54</v>
      </c>
    </row>
    <row r="3554" spans="1:19" x14ac:dyDescent="0.25">
      <c r="A3554">
        <v>53507943</v>
      </c>
      <c r="B3554" t="s">
        <v>18420</v>
      </c>
      <c r="C3554" s="1" t="s">
        <v>18421</v>
      </c>
      <c r="E3554">
        <v>0</v>
      </c>
      <c r="F3554">
        <v>5</v>
      </c>
      <c r="H3554" t="s">
        <v>18422</v>
      </c>
      <c r="J3554" t="s">
        <v>18422</v>
      </c>
      <c r="O3554">
        <v>10713692</v>
      </c>
      <c r="P3554">
        <v>1</v>
      </c>
      <c r="Q3554">
        <v>0</v>
      </c>
      <c r="R3554" t="s">
        <v>18423</v>
      </c>
      <c r="S3554">
        <v>16</v>
      </c>
    </row>
    <row r="3555" spans="1:19" x14ac:dyDescent="0.25">
      <c r="A3555">
        <v>15468723</v>
      </c>
      <c r="B3555" t="s">
        <v>18424</v>
      </c>
      <c r="C3555" s="1" t="s">
        <v>18425</v>
      </c>
      <c r="D3555">
        <v>15468849</v>
      </c>
      <c r="E3555">
        <v>1</v>
      </c>
      <c r="F3555">
        <v>2</v>
      </c>
      <c r="H3555" t="s">
        <v>18426</v>
      </c>
      <c r="I3555">
        <v>1</v>
      </c>
      <c r="J3555" t="s">
        <v>18427</v>
      </c>
      <c r="O3555">
        <v>1982250</v>
      </c>
      <c r="P3555">
        <v>1</v>
      </c>
      <c r="Q3555">
        <v>1</v>
      </c>
      <c r="R3555" t="s">
        <v>18428</v>
      </c>
      <c r="S3555">
        <v>1096</v>
      </c>
    </row>
    <row r="3556" spans="1:19" x14ac:dyDescent="0.25">
      <c r="A3556">
        <v>26541466</v>
      </c>
      <c r="B3556" t="s">
        <v>18429</v>
      </c>
      <c r="C3556" s="1" t="s">
        <v>18430</v>
      </c>
      <c r="D3556">
        <v>26541529</v>
      </c>
      <c r="E3556">
        <v>2</v>
      </c>
      <c r="F3556">
        <v>0</v>
      </c>
      <c r="H3556" t="s">
        <v>18431</v>
      </c>
      <c r="J3556" t="s">
        <v>18432</v>
      </c>
      <c r="O3556">
        <v>4176416</v>
      </c>
      <c r="P3556">
        <v>1</v>
      </c>
      <c r="Q3556">
        <v>-2</v>
      </c>
      <c r="R3556" t="s">
        <v>18433</v>
      </c>
      <c r="S3556">
        <v>23</v>
      </c>
    </row>
    <row r="3557" spans="1:19" x14ac:dyDescent="0.25">
      <c r="A3557">
        <v>52841317</v>
      </c>
      <c r="B3557" t="s">
        <v>18434</v>
      </c>
      <c r="C3557" s="1" t="s">
        <v>18435</v>
      </c>
      <c r="E3557">
        <v>0</v>
      </c>
      <c r="F3557">
        <v>0</v>
      </c>
      <c r="H3557" t="s">
        <v>18436</v>
      </c>
      <c r="J3557" t="s">
        <v>18436</v>
      </c>
      <c r="O3557">
        <v>8930094</v>
      </c>
      <c r="P3557">
        <v>1</v>
      </c>
      <c r="Q3557">
        <v>0</v>
      </c>
      <c r="R3557" t="s">
        <v>18437</v>
      </c>
      <c r="S3557">
        <v>14</v>
      </c>
    </row>
    <row r="3558" spans="1:19" x14ac:dyDescent="0.25">
      <c r="A3558">
        <v>49653867</v>
      </c>
      <c r="B3558" t="s">
        <v>18438</v>
      </c>
      <c r="C3558" s="1" t="s">
        <v>18439</v>
      </c>
      <c r="D3558">
        <v>49653947</v>
      </c>
      <c r="E3558">
        <v>4</v>
      </c>
      <c r="F3558">
        <v>0</v>
      </c>
      <c r="H3558" t="s">
        <v>18440</v>
      </c>
      <c r="J3558" t="s">
        <v>18441</v>
      </c>
      <c r="K3558" t="s">
        <v>18441</v>
      </c>
      <c r="M3558">
        <v>1018376</v>
      </c>
      <c r="O3558">
        <v>5408630</v>
      </c>
      <c r="P3558">
        <v>1</v>
      </c>
      <c r="Q3558">
        <v>0</v>
      </c>
      <c r="R3558" t="s">
        <v>3303</v>
      </c>
      <c r="S3558">
        <v>60</v>
      </c>
    </row>
    <row r="3559" spans="1:19" x14ac:dyDescent="0.25">
      <c r="A3559">
        <v>17035701</v>
      </c>
      <c r="B3559" t="s">
        <v>18442</v>
      </c>
      <c r="C3559" s="1" t="s">
        <v>18443</v>
      </c>
      <c r="E3559">
        <v>0</v>
      </c>
      <c r="F3559">
        <v>1</v>
      </c>
      <c r="H3559" t="s">
        <v>18444</v>
      </c>
      <c r="J3559" t="s">
        <v>18445</v>
      </c>
      <c r="K3559" t="s">
        <v>18445</v>
      </c>
      <c r="M3559">
        <v>727208</v>
      </c>
      <c r="O3559">
        <v>1247431</v>
      </c>
      <c r="P3559">
        <v>1</v>
      </c>
      <c r="Q3559">
        <v>2</v>
      </c>
      <c r="R3559" t="s">
        <v>3716</v>
      </c>
      <c r="S3559">
        <v>576</v>
      </c>
    </row>
    <row r="3560" spans="1:19" x14ac:dyDescent="0.25">
      <c r="A3560">
        <v>27736285</v>
      </c>
      <c r="B3560" t="s">
        <v>18446</v>
      </c>
      <c r="C3560" s="1" t="s">
        <v>18447</v>
      </c>
      <c r="D3560">
        <v>27736301</v>
      </c>
      <c r="E3560">
        <v>3</v>
      </c>
      <c r="F3560">
        <v>2</v>
      </c>
      <c r="H3560" t="s">
        <v>18448</v>
      </c>
      <c r="J3560" t="s">
        <v>18449</v>
      </c>
      <c r="K3560" t="s">
        <v>18450</v>
      </c>
      <c r="M3560">
        <v>4364303</v>
      </c>
      <c r="O3560">
        <v>4411202</v>
      </c>
      <c r="P3560">
        <v>1</v>
      </c>
      <c r="Q3560">
        <v>0</v>
      </c>
      <c r="R3560" t="s">
        <v>18451</v>
      </c>
      <c r="S3560">
        <v>2667</v>
      </c>
    </row>
    <row r="3561" spans="1:19" x14ac:dyDescent="0.25">
      <c r="A3561">
        <v>28745339</v>
      </c>
      <c r="B3561" t="s">
        <v>18452</v>
      </c>
      <c r="C3561" s="1" t="s">
        <v>18453</v>
      </c>
      <c r="D3561">
        <v>28745434</v>
      </c>
      <c r="E3561">
        <v>1</v>
      </c>
      <c r="F3561">
        <v>0</v>
      </c>
      <c r="H3561" t="s">
        <v>18454</v>
      </c>
      <c r="J3561" t="s">
        <v>18455</v>
      </c>
      <c r="K3561" t="s">
        <v>18456</v>
      </c>
      <c r="M3561">
        <v>-1</v>
      </c>
      <c r="O3561">
        <v>2735892</v>
      </c>
      <c r="P3561">
        <v>1</v>
      </c>
      <c r="Q3561">
        <v>0</v>
      </c>
      <c r="R3561" t="s">
        <v>18457</v>
      </c>
      <c r="S3561">
        <v>249</v>
      </c>
    </row>
    <row r="3562" spans="1:19" x14ac:dyDescent="0.25">
      <c r="A3562">
        <v>23839929</v>
      </c>
      <c r="B3562" t="s">
        <v>18458</v>
      </c>
      <c r="C3562" s="1" t="s">
        <v>18459</v>
      </c>
      <c r="E3562">
        <v>1</v>
      </c>
      <c r="F3562">
        <v>0</v>
      </c>
      <c r="H3562" t="s">
        <v>18460</v>
      </c>
      <c r="J3562" t="s">
        <v>18461</v>
      </c>
      <c r="O3562">
        <v>3538271</v>
      </c>
      <c r="P3562">
        <v>1</v>
      </c>
      <c r="Q3562">
        <v>-1</v>
      </c>
      <c r="R3562" t="s">
        <v>18462</v>
      </c>
      <c r="S3562">
        <v>33</v>
      </c>
    </row>
    <row r="3563" spans="1:19" x14ac:dyDescent="0.25">
      <c r="A3563">
        <v>25218082</v>
      </c>
      <c r="B3563" t="s">
        <v>18463</v>
      </c>
      <c r="C3563" s="1" t="s">
        <v>18464</v>
      </c>
      <c r="E3563">
        <v>1</v>
      </c>
      <c r="F3563">
        <v>0</v>
      </c>
      <c r="H3563" t="s">
        <v>18465</v>
      </c>
      <c r="I3563">
        <v>2</v>
      </c>
      <c r="J3563" t="s">
        <v>18466</v>
      </c>
      <c r="K3563" t="s">
        <v>18467</v>
      </c>
      <c r="M3563">
        <v>2117469</v>
      </c>
      <c r="O3563">
        <v>3924906</v>
      </c>
      <c r="P3563">
        <v>1</v>
      </c>
      <c r="Q3563">
        <v>5</v>
      </c>
      <c r="R3563" t="s">
        <v>18468</v>
      </c>
      <c r="S3563">
        <v>1020</v>
      </c>
    </row>
    <row r="3564" spans="1:19" x14ac:dyDescent="0.25">
      <c r="A3564">
        <v>33965460</v>
      </c>
      <c r="B3564" t="s">
        <v>18469</v>
      </c>
      <c r="C3564" s="1" t="s">
        <v>18470</v>
      </c>
      <c r="D3564">
        <v>33965553</v>
      </c>
      <c r="E3564">
        <v>1</v>
      </c>
      <c r="F3564">
        <v>2</v>
      </c>
      <c r="H3564" t="s">
        <v>18471</v>
      </c>
      <c r="J3564" t="s">
        <v>18472</v>
      </c>
      <c r="K3564" t="s">
        <v>18472</v>
      </c>
      <c r="M3564">
        <v>1161878</v>
      </c>
      <c r="O3564">
        <v>5405086</v>
      </c>
      <c r="P3564">
        <v>1</v>
      </c>
      <c r="Q3564">
        <v>0</v>
      </c>
      <c r="R3564" t="s">
        <v>18473</v>
      </c>
      <c r="S3564">
        <v>57</v>
      </c>
    </row>
    <row r="3565" spans="1:19" x14ac:dyDescent="0.25">
      <c r="A3565">
        <v>4491936</v>
      </c>
      <c r="B3565" t="s">
        <v>18474</v>
      </c>
      <c r="C3565" s="1" t="s">
        <v>18475</v>
      </c>
      <c r="E3565">
        <v>2</v>
      </c>
      <c r="F3565">
        <v>2</v>
      </c>
      <c r="H3565" t="s">
        <v>18476</v>
      </c>
      <c r="J3565" t="s">
        <v>18477</v>
      </c>
      <c r="K3565" t="s">
        <v>18477</v>
      </c>
      <c r="M3565">
        <v>2476755</v>
      </c>
      <c r="O3565">
        <v>198927</v>
      </c>
      <c r="P3565">
        <v>1</v>
      </c>
      <c r="Q3565">
        <v>1</v>
      </c>
      <c r="R3565" t="s">
        <v>18478</v>
      </c>
      <c r="S3565">
        <v>2096</v>
      </c>
    </row>
    <row r="3566" spans="1:19" x14ac:dyDescent="0.25">
      <c r="A3566">
        <v>47000965</v>
      </c>
      <c r="B3566" t="s">
        <v>18479</v>
      </c>
      <c r="C3566" s="1" t="s">
        <v>18480</v>
      </c>
      <c r="D3566">
        <v>47061694</v>
      </c>
      <c r="E3566">
        <v>1</v>
      </c>
      <c r="F3566">
        <v>3</v>
      </c>
      <c r="H3566" t="s">
        <v>18481</v>
      </c>
      <c r="J3566" t="s">
        <v>18482</v>
      </c>
      <c r="O3566">
        <v>8851792</v>
      </c>
      <c r="P3566">
        <v>1</v>
      </c>
      <c r="Q3566">
        <v>0</v>
      </c>
      <c r="R3566" t="s">
        <v>18483</v>
      </c>
      <c r="S3566">
        <v>143</v>
      </c>
    </row>
    <row r="3567" spans="1:19" x14ac:dyDescent="0.25">
      <c r="A3567">
        <v>26786442</v>
      </c>
      <c r="B3567" t="s">
        <v>18484</v>
      </c>
      <c r="C3567" s="1" t="s">
        <v>18485</v>
      </c>
      <c r="E3567">
        <v>0</v>
      </c>
      <c r="F3567">
        <v>2</v>
      </c>
      <c r="H3567" t="s">
        <v>18486</v>
      </c>
      <c r="J3567" t="s">
        <v>18486</v>
      </c>
      <c r="O3567">
        <v>3915532</v>
      </c>
      <c r="P3567">
        <v>1</v>
      </c>
      <c r="Q3567">
        <v>0</v>
      </c>
      <c r="R3567" t="s">
        <v>18487</v>
      </c>
      <c r="S3567">
        <v>549</v>
      </c>
    </row>
    <row r="3568" spans="1:19" x14ac:dyDescent="0.25">
      <c r="A3568">
        <v>22794626</v>
      </c>
      <c r="B3568" t="s">
        <v>18488</v>
      </c>
      <c r="C3568" s="1" t="s">
        <v>18489</v>
      </c>
      <c r="E3568">
        <v>1</v>
      </c>
      <c r="F3568">
        <v>2</v>
      </c>
      <c r="H3568" t="s">
        <v>18490</v>
      </c>
      <c r="I3568">
        <v>0</v>
      </c>
      <c r="J3568" t="s">
        <v>18491</v>
      </c>
      <c r="K3568" t="s">
        <v>18492</v>
      </c>
      <c r="M3568">
        <v>-1</v>
      </c>
      <c r="O3568">
        <v>3486446</v>
      </c>
      <c r="P3568">
        <v>1</v>
      </c>
      <c r="Q3568">
        <v>0</v>
      </c>
      <c r="R3568" t="s">
        <v>18493</v>
      </c>
      <c r="S3568">
        <v>619</v>
      </c>
    </row>
    <row r="3569" spans="1:19" x14ac:dyDescent="0.25">
      <c r="A3569">
        <v>17340190</v>
      </c>
      <c r="B3569" t="s">
        <v>18494</v>
      </c>
      <c r="C3569" s="1" t="s">
        <v>18495</v>
      </c>
      <c r="E3569">
        <v>2</v>
      </c>
      <c r="F3569">
        <v>2</v>
      </c>
      <c r="H3569" t="s">
        <v>18496</v>
      </c>
      <c r="J3569" t="s">
        <v>18497</v>
      </c>
      <c r="O3569">
        <v>423356</v>
      </c>
      <c r="P3569">
        <v>1</v>
      </c>
      <c r="Q3569">
        <v>2</v>
      </c>
      <c r="R3569" t="s">
        <v>18498</v>
      </c>
      <c r="S3569">
        <v>1038</v>
      </c>
    </row>
    <row r="3570" spans="1:19" x14ac:dyDescent="0.25">
      <c r="A3570">
        <v>53403446</v>
      </c>
      <c r="B3570" t="s">
        <v>18499</v>
      </c>
      <c r="C3570" s="1" t="s">
        <v>18500</v>
      </c>
      <c r="D3570">
        <v>53403876</v>
      </c>
      <c r="E3570">
        <v>2</v>
      </c>
      <c r="F3570">
        <v>0</v>
      </c>
      <c r="H3570" t="s">
        <v>18501</v>
      </c>
      <c r="J3570" t="s">
        <v>18502</v>
      </c>
      <c r="O3570">
        <v>6945827</v>
      </c>
      <c r="P3570">
        <v>1</v>
      </c>
      <c r="Q3570">
        <v>0</v>
      </c>
      <c r="R3570" t="s">
        <v>18503</v>
      </c>
      <c r="S3570">
        <v>19</v>
      </c>
    </row>
    <row r="3571" spans="1:19" x14ac:dyDescent="0.25">
      <c r="A3571">
        <v>4033011</v>
      </c>
      <c r="B3571" t="s">
        <v>18504</v>
      </c>
      <c r="C3571" s="1" t="s">
        <v>18505</v>
      </c>
      <c r="D3571">
        <v>8688526</v>
      </c>
      <c r="E3571">
        <v>3</v>
      </c>
      <c r="F3571">
        <v>2</v>
      </c>
      <c r="H3571" t="s">
        <v>18506</v>
      </c>
      <c r="J3571" t="s">
        <v>18507</v>
      </c>
      <c r="K3571" t="s">
        <v>18507</v>
      </c>
      <c r="M3571">
        <v>4370109</v>
      </c>
      <c r="O3571">
        <v>84349</v>
      </c>
      <c r="P3571">
        <v>1</v>
      </c>
      <c r="Q3571">
        <v>2</v>
      </c>
      <c r="R3571" t="s">
        <v>18508</v>
      </c>
      <c r="S3571">
        <v>2127</v>
      </c>
    </row>
    <row r="3572" spans="1:19" x14ac:dyDescent="0.25">
      <c r="A3572">
        <v>4917639</v>
      </c>
      <c r="B3572" t="s">
        <v>18509</v>
      </c>
      <c r="C3572" s="1" t="s">
        <v>18510</v>
      </c>
      <c r="E3572">
        <v>1</v>
      </c>
      <c r="F3572">
        <v>1</v>
      </c>
      <c r="H3572" t="s">
        <v>18511</v>
      </c>
      <c r="J3572" t="s">
        <v>18512</v>
      </c>
      <c r="O3572">
        <v>605864</v>
      </c>
      <c r="P3572">
        <v>1</v>
      </c>
      <c r="Q3572">
        <v>0</v>
      </c>
      <c r="R3572" t="s">
        <v>18513</v>
      </c>
      <c r="S3572">
        <v>622</v>
      </c>
    </row>
    <row r="3573" spans="1:19" x14ac:dyDescent="0.25">
      <c r="A3573">
        <v>49075816</v>
      </c>
      <c r="B3573" t="s">
        <v>18514</v>
      </c>
      <c r="C3573" s="1" t="s">
        <v>18515</v>
      </c>
      <c r="D3573">
        <v>49077809</v>
      </c>
      <c r="E3573">
        <v>1</v>
      </c>
      <c r="F3573">
        <v>0</v>
      </c>
      <c r="H3573" t="s">
        <v>18516</v>
      </c>
      <c r="J3573" t="s">
        <v>18517</v>
      </c>
      <c r="O3573">
        <v>3968575</v>
      </c>
      <c r="P3573">
        <v>1</v>
      </c>
      <c r="Q3573">
        <v>0</v>
      </c>
      <c r="R3573" t="s">
        <v>18518</v>
      </c>
      <c r="S3573">
        <v>217</v>
      </c>
    </row>
    <row r="3574" spans="1:19" x14ac:dyDescent="0.25">
      <c r="A3574">
        <v>36134023</v>
      </c>
      <c r="B3574" t="s">
        <v>18519</v>
      </c>
      <c r="C3574" s="1" t="s">
        <v>18520</v>
      </c>
      <c r="E3574">
        <v>1</v>
      </c>
      <c r="F3574">
        <v>2</v>
      </c>
      <c r="H3574" t="s">
        <v>18521</v>
      </c>
      <c r="I3574">
        <v>0</v>
      </c>
      <c r="J3574" t="s">
        <v>18522</v>
      </c>
      <c r="K3574" t="s">
        <v>18522</v>
      </c>
      <c r="M3574">
        <v>1033581</v>
      </c>
      <c r="O3574">
        <v>4853434</v>
      </c>
      <c r="P3574">
        <v>1</v>
      </c>
      <c r="Q3574">
        <v>1</v>
      </c>
      <c r="R3574" t="s">
        <v>18523</v>
      </c>
      <c r="S3574">
        <v>61</v>
      </c>
    </row>
    <row r="3575" spans="1:19" x14ac:dyDescent="0.25">
      <c r="A3575">
        <v>18863749</v>
      </c>
      <c r="B3575" t="s">
        <v>18524</v>
      </c>
      <c r="C3575" s="1" t="s">
        <v>18525</v>
      </c>
      <c r="D3575">
        <v>18863782</v>
      </c>
      <c r="E3575">
        <v>3</v>
      </c>
      <c r="F3575">
        <v>0</v>
      </c>
      <c r="H3575" t="s">
        <v>18526</v>
      </c>
      <c r="I3575">
        <v>1</v>
      </c>
      <c r="J3575" t="s">
        <v>18527</v>
      </c>
      <c r="O3575">
        <v>1267801</v>
      </c>
      <c r="P3575">
        <v>1</v>
      </c>
      <c r="Q3575">
        <v>2</v>
      </c>
      <c r="R3575" t="s">
        <v>18528</v>
      </c>
      <c r="S3575">
        <v>4473</v>
      </c>
    </row>
    <row r="3576" spans="1:19" x14ac:dyDescent="0.25">
      <c r="A3576">
        <v>4774279</v>
      </c>
      <c r="B3576" t="s">
        <v>18529</v>
      </c>
      <c r="C3576" s="1" t="s">
        <v>18530</v>
      </c>
      <c r="D3576">
        <v>4775060</v>
      </c>
      <c r="E3576">
        <v>3</v>
      </c>
      <c r="F3576">
        <v>0</v>
      </c>
      <c r="H3576" t="s">
        <v>18531</v>
      </c>
      <c r="I3576">
        <v>5</v>
      </c>
      <c r="J3576" t="s">
        <v>18532</v>
      </c>
      <c r="K3576" t="s">
        <v>18533</v>
      </c>
      <c r="M3576">
        <v>311941</v>
      </c>
      <c r="O3576">
        <v>521411</v>
      </c>
      <c r="P3576">
        <v>1</v>
      </c>
      <c r="Q3576">
        <v>13</v>
      </c>
      <c r="R3576" t="s">
        <v>408</v>
      </c>
      <c r="S3576">
        <v>12621</v>
      </c>
    </row>
    <row r="3577" spans="1:19" x14ac:dyDescent="0.25">
      <c r="A3577">
        <v>51571486</v>
      </c>
      <c r="B3577" t="s">
        <v>18534</v>
      </c>
      <c r="C3577" s="1" t="s">
        <v>18535</v>
      </c>
      <c r="E3577">
        <v>1</v>
      </c>
      <c r="F3577">
        <v>3</v>
      </c>
      <c r="H3577" t="s">
        <v>18536</v>
      </c>
      <c r="I3577">
        <v>0</v>
      </c>
      <c r="J3577" t="s">
        <v>18537</v>
      </c>
      <c r="K3577" t="s">
        <v>18538</v>
      </c>
      <c r="M3577">
        <v>10059602</v>
      </c>
      <c r="O3577">
        <v>10059602</v>
      </c>
      <c r="P3577">
        <v>1</v>
      </c>
      <c r="Q3577">
        <v>2</v>
      </c>
      <c r="R3577" t="s">
        <v>18539</v>
      </c>
      <c r="S3577">
        <v>248</v>
      </c>
    </row>
    <row r="3578" spans="1:19" x14ac:dyDescent="0.25">
      <c r="A3578">
        <v>45765253</v>
      </c>
      <c r="B3578" t="s">
        <v>18540</v>
      </c>
      <c r="C3578" s="1" t="s">
        <v>18541</v>
      </c>
      <c r="E3578">
        <v>1</v>
      </c>
      <c r="F3578">
        <v>0</v>
      </c>
      <c r="H3578" t="s">
        <v>18542</v>
      </c>
      <c r="J3578" t="s">
        <v>18543</v>
      </c>
      <c r="O3578">
        <v>6598620</v>
      </c>
      <c r="P3578">
        <v>1</v>
      </c>
      <c r="Q3578">
        <v>-2</v>
      </c>
      <c r="R3578" t="s">
        <v>2494</v>
      </c>
      <c r="S3578">
        <v>37</v>
      </c>
    </row>
    <row r="3579" spans="1:19" x14ac:dyDescent="0.25">
      <c r="A3579">
        <v>37390564</v>
      </c>
      <c r="B3579" t="s">
        <v>18544</v>
      </c>
      <c r="C3579" s="1" t="s">
        <v>18545</v>
      </c>
      <c r="E3579">
        <v>0</v>
      </c>
      <c r="F3579">
        <v>9</v>
      </c>
      <c r="H3579" t="s">
        <v>18546</v>
      </c>
      <c r="J3579" t="s">
        <v>18546</v>
      </c>
      <c r="O3579">
        <v>6195050</v>
      </c>
      <c r="P3579">
        <v>1</v>
      </c>
      <c r="Q3579">
        <v>0</v>
      </c>
      <c r="R3579" t="s">
        <v>18547</v>
      </c>
      <c r="S3579">
        <v>33</v>
      </c>
    </row>
    <row r="3580" spans="1:19" x14ac:dyDescent="0.25">
      <c r="A3580">
        <v>16871315</v>
      </c>
      <c r="B3580" t="s">
        <v>18548</v>
      </c>
      <c r="C3580" s="1" t="s">
        <v>18549</v>
      </c>
      <c r="D3580">
        <v>16871434</v>
      </c>
      <c r="E3580">
        <v>2</v>
      </c>
      <c r="F3580">
        <v>3</v>
      </c>
      <c r="H3580" t="s">
        <v>18550</v>
      </c>
      <c r="J3580" t="s">
        <v>18551</v>
      </c>
      <c r="K3580" t="s">
        <v>18552</v>
      </c>
      <c r="M3580">
        <v>635608</v>
      </c>
      <c r="O3580">
        <v>2349218</v>
      </c>
      <c r="P3580">
        <v>1</v>
      </c>
      <c r="Q3580">
        <v>0</v>
      </c>
      <c r="R3580" t="s">
        <v>18553</v>
      </c>
      <c r="S3580">
        <v>640</v>
      </c>
    </row>
    <row r="3581" spans="1:19" x14ac:dyDescent="0.25">
      <c r="A3581">
        <v>12906133</v>
      </c>
      <c r="B3581" t="s">
        <v>18554</v>
      </c>
      <c r="C3581" s="1" t="s">
        <v>18555</v>
      </c>
      <c r="D3581">
        <v>12908587</v>
      </c>
      <c r="E3581">
        <v>1</v>
      </c>
      <c r="F3581">
        <v>0</v>
      </c>
      <c r="H3581" t="s">
        <v>18556</v>
      </c>
      <c r="J3581" t="s">
        <v>18557</v>
      </c>
      <c r="O3581">
        <v>1375870</v>
      </c>
      <c r="P3581">
        <v>1</v>
      </c>
      <c r="Q3581">
        <v>0</v>
      </c>
      <c r="R3581" t="s">
        <v>18558</v>
      </c>
      <c r="S3581">
        <v>668</v>
      </c>
    </row>
    <row r="3582" spans="1:19" x14ac:dyDescent="0.25">
      <c r="A3582">
        <v>28288241</v>
      </c>
      <c r="B3582" t="s">
        <v>18559</v>
      </c>
      <c r="C3582" s="1" t="s">
        <v>18560</v>
      </c>
      <c r="E3582">
        <v>1</v>
      </c>
      <c r="F3582">
        <v>5</v>
      </c>
      <c r="H3582" t="s">
        <v>18561</v>
      </c>
      <c r="J3582" t="s">
        <v>18562</v>
      </c>
      <c r="K3582" t="s">
        <v>18563</v>
      </c>
      <c r="M3582">
        <v>1621411</v>
      </c>
      <c r="O3582">
        <v>1621411</v>
      </c>
      <c r="P3582">
        <v>1</v>
      </c>
      <c r="Q3582">
        <v>0</v>
      </c>
      <c r="R3582" t="s">
        <v>18564</v>
      </c>
      <c r="S3582">
        <v>549</v>
      </c>
    </row>
    <row r="3583" spans="1:19" x14ac:dyDescent="0.25">
      <c r="A3583">
        <v>49567940</v>
      </c>
      <c r="B3583" t="s">
        <v>18565</v>
      </c>
      <c r="C3583" s="1" t="s">
        <v>18566</v>
      </c>
      <c r="D3583">
        <v>49607104</v>
      </c>
      <c r="E3583">
        <v>1</v>
      </c>
      <c r="F3583">
        <v>2</v>
      </c>
      <c r="H3583" t="s">
        <v>18567</v>
      </c>
      <c r="J3583" t="s">
        <v>18568</v>
      </c>
      <c r="K3583" t="s">
        <v>18569</v>
      </c>
      <c r="M3583">
        <v>64904</v>
      </c>
      <c r="O3583">
        <v>5083828</v>
      </c>
      <c r="P3583">
        <v>1</v>
      </c>
      <c r="Q3583">
        <v>0</v>
      </c>
      <c r="R3583" t="s">
        <v>18570</v>
      </c>
      <c r="S3583">
        <v>49</v>
      </c>
    </row>
    <row r="3584" spans="1:19" x14ac:dyDescent="0.25">
      <c r="A3584">
        <v>31208026</v>
      </c>
      <c r="B3584" t="s">
        <v>18571</v>
      </c>
      <c r="C3584" s="1" t="s">
        <v>18572</v>
      </c>
      <c r="D3584">
        <v>31209601</v>
      </c>
      <c r="E3584">
        <v>1</v>
      </c>
      <c r="F3584">
        <v>0</v>
      </c>
      <c r="H3584" t="s">
        <v>18573</v>
      </c>
      <c r="J3584" t="s">
        <v>18574</v>
      </c>
      <c r="O3584">
        <v>5004368</v>
      </c>
      <c r="P3584">
        <v>1</v>
      </c>
      <c r="Q3584">
        <v>0</v>
      </c>
      <c r="R3584" t="s">
        <v>18575</v>
      </c>
      <c r="S3584">
        <v>37</v>
      </c>
    </row>
    <row r="3585" spans="1:19" x14ac:dyDescent="0.25">
      <c r="A3585">
        <v>36153344</v>
      </c>
      <c r="B3585" t="s">
        <v>18576</v>
      </c>
      <c r="C3585" s="1" t="s">
        <v>18577</v>
      </c>
      <c r="D3585">
        <v>36153820</v>
      </c>
      <c r="E3585">
        <v>2</v>
      </c>
      <c r="F3585">
        <v>6</v>
      </c>
      <c r="H3585" t="s">
        <v>18578</v>
      </c>
      <c r="J3585" t="s">
        <v>18579</v>
      </c>
      <c r="K3585" t="s">
        <v>18580</v>
      </c>
      <c r="M3585">
        <v>4985359</v>
      </c>
      <c r="O3585">
        <v>4985359</v>
      </c>
      <c r="P3585">
        <v>1</v>
      </c>
      <c r="Q3585">
        <v>2</v>
      </c>
      <c r="R3585" t="s">
        <v>18581</v>
      </c>
      <c r="S3585">
        <v>416</v>
      </c>
    </row>
    <row r="3586" spans="1:19" x14ac:dyDescent="0.25">
      <c r="A3586">
        <v>917018</v>
      </c>
      <c r="B3586" t="s">
        <v>18582</v>
      </c>
      <c r="C3586" s="1" t="s">
        <v>18583</v>
      </c>
      <c r="D3586">
        <v>917035</v>
      </c>
      <c r="E3586">
        <v>1</v>
      </c>
      <c r="F3586">
        <v>1</v>
      </c>
      <c r="H3586" t="s">
        <v>18584</v>
      </c>
      <c r="I3586">
        <v>1</v>
      </c>
      <c r="J3586" t="s">
        <v>18585</v>
      </c>
      <c r="O3586">
        <v>113305</v>
      </c>
      <c r="P3586">
        <v>1</v>
      </c>
      <c r="Q3586">
        <v>3</v>
      </c>
      <c r="R3586" t="s">
        <v>18586</v>
      </c>
      <c r="S3586">
        <v>4931</v>
      </c>
    </row>
    <row r="3587" spans="1:19" x14ac:dyDescent="0.25">
      <c r="A3587">
        <v>36273145</v>
      </c>
      <c r="B3587" t="s">
        <v>18587</v>
      </c>
      <c r="C3587" s="1" t="s">
        <v>18588</v>
      </c>
      <c r="E3587">
        <v>1</v>
      </c>
      <c r="F3587">
        <v>8</v>
      </c>
      <c r="H3587" t="s">
        <v>18589</v>
      </c>
      <c r="I3587">
        <v>1</v>
      </c>
      <c r="J3587" t="s">
        <v>18590</v>
      </c>
      <c r="K3587" t="s">
        <v>18591</v>
      </c>
      <c r="M3587">
        <v>6125649</v>
      </c>
      <c r="O3587">
        <v>6125649</v>
      </c>
      <c r="P3587">
        <v>1</v>
      </c>
      <c r="Q3587">
        <v>1</v>
      </c>
      <c r="R3587" t="s">
        <v>18592</v>
      </c>
      <c r="S3587">
        <v>79</v>
      </c>
    </row>
    <row r="3588" spans="1:19" x14ac:dyDescent="0.25">
      <c r="A3588">
        <v>49274726</v>
      </c>
      <c r="B3588" t="s">
        <v>18593</v>
      </c>
      <c r="C3588" s="1" t="s">
        <v>18594</v>
      </c>
      <c r="D3588">
        <v>49289377</v>
      </c>
      <c r="E3588">
        <v>1</v>
      </c>
      <c r="F3588">
        <v>3</v>
      </c>
      <c r="H3588" t="s">
        <v>18595</v>
      </c>
      <c r="J3588" t="s">
        <v>18596</v>
      </c>
      <c r="O3588">
        <v>3401200</v>
      </c>
      <c r="P3588">
        <v>1</v>
      </c>
      <c r="Q3588">
        <v>1</v>
      </c>
      <c r="R3588" t="s">
        <v>18597</v>
      </c>
      <c r="S3588">
        <v>234</v>
      </c>
    </row>
    <row r="3589" spans="1:19" x14ac:dyDescent="0.25">
      <c r="A3589">
        <v>2411556</v>
      </c>
      <c r="B3589" t="s">
        <v>18598</v>
      </c>
      <c r="C3589" s="1" t="s">
        <v>18599</v>
      </c>
      <c r="D3589">
        <v>2411761</v>
      </c>
      <c r="E3589">
        <v>5</v>
      </c>
      <c r="F3589">
        <v>2</v>
      </c>
      <c r="H3589" t="s">
        <v>18600</v>
      </c>
      <c r="J3589" t="s">
        <v>18601</v>
      </c>
      <c r="O3589">
        <v>68231</v>
      </c>
      <c r="P3589">
        <v>1</v>
      </c>
      <c r="Q3589">
        <v>2</v>
      </c>
      <c r="R3589" t="s">
        <v>18602</v>
      </c>
      <c r="S3589">
        <v>479</v>
      </c>
    </row>
    <row r="3590" spans="1:19" x14ac:dyDescent="0.25">
      <c r="A3590">
        <v>41058269</v>
      </c>
      <c r="B3590" t="s">
        <v>18603</v>
      </c>
      <c r="C3590" s="1" t="s">
        <v>18604</v>
      </c>
      <c r="E3590">
        <v>1</v>
      </c>
      <c r="F3590">
        <v>0</v>
      </c>
      <c r="H3590" t="s">
        <v>18605</v>
      </c>
      <c r="J3590" t="s">
        <v>18606</v>
      </c>
      <c r="O3590">
        <v>3046149</v>
      </c>
      <c r="P3590">
        <v>1</v>
      </c>
      <c r="Q3590">
        <v>0</v>
      </c>
      <c r="R3590" t="s">
        <v>2876</v>
      </c>
      <c r="S3590">
        <v>26</v>
      </c>
    </row>
    <row r="3591" spans="1:19" x14ac:dyDescent="0.25">
      <c r="A3591">
        <v>31938589</v>
      </c>
      <c r="B3591" t="s">
        <v>18607</v>
      </c>
      <c r="C3591" s="1" t="s">
        <v>18608</v>
      </c>
      <c r="D3591">
        <v>31941314</v>
      </c>
      <c r="E3591">
        <v>2</v>
      </c>
      <c r="F3591">
        <v>0</v>
      </c>
      <c r="H3591" t="s">
        <v>18609</v>
      </c>
      <c r="I3591">
        <v>1</v>
      </c>
      <c r="J3591" t="s">
        <v>18610</v>
      </c>
      <c r="O3591">
        <v>293735</v>
      </c>
      <c r="P3591">
        <v>1</v>
      </c>
      <c r="Q3591">
        <v>5</v>
      </c>
      <c r="R3591" t="s">
        <v>18611</v>
      </c>
      <c r="S3591">
        <v>77</v>
      </c>
    </row>
    <row r="3592" spans="1:19" x14ac:dyDescent="0.25">
      <c r="A3592">
        <v>30460906</v>
      </c>
      <c r="B3592" t="s">
        <v>18612</v>
      </c>
      <c r="C3592" s="1" t="s">
        <v>18613</v>
      </c>
      <c r="E3592">
        <v>3</v>
      </c>
      <c r="F3592">
        <v>4</v>
      </c>
      <c r="H3592" t="s">
        <v>18614</v>
      </c>
      <c r="J3592" t="s">
        <v>18615</v>
      </c>
      <c r="K3592" t="s">
        <v>18616</v>
      </c>
      <c r="M3592">
        <v>1558394</v>
      </c>
      <c r="O3592">
        <v>1558394</v>
      </c>
      <c r="P3592">
        <v>1</v>
      </c>
      <c r="Q3592">
        <v>3</v>
      </c>
      <c r="R3592" t="s">
        <v>1446</v>
      </c>
      <c r="S3592">
        <v>49</v>
      </c>
    </row>
    <row r="3593" spans="1:19" x14ac:dyDescent="0.25">
      <c r="A3593">
        <v>20952220</v>
      </c>
      <c r="B3593" t="s">
        <v>18617</v>
      </c>
      <c r="C3593" s="1" t="s">
        <v>18618</v>
      </c>
      <c r="D3593">
        <v>20952513</v>
      </c>
      <c r="E3593">
        <v>1</v>
      </c>
      <c r="F3593">
        <v>0</v>
      </c>
      <c r="H3593" t="s">
        <v>18619</v>
      </c>
      <c r="J3593" t="s">
        <v>18620</v>
      </c>
      <c r="K3593" t="s">
        <v>18621</v>
      </c>
      <c r="M3593">
        <v>-1</v>
      </c>
      <c r="O3593">
        <v>580110</v>
      </c>
      <c r="P3593">
        <v>1</v>
      </c>
      <c r="Q3593">
        <v>2</v>
      </c>
      <c r="R3593" t="s">
        <v>18622</v>
      </c>
      <c r="S3593">
        <v>586</v>
      </c>
    </row>
    <row r="3594" spans="1:19" x14ac:dyDescent="0.25">
      <c r="A3594">
        <v>9677990</v>
      </c>
      <c r="B3594" t="s">
        <v>18623</v>
      </c>
      <c r="C3594" s="1" t="s">
        <v>18624</v>
      </c>
      <c r="D3594">
        <v>9678041</v>
      </c>
      <c r="E3594">
        <v>3</v>
      </c>
      <c r="F3594">
        <v>2</v>
      </c>
      <c r="H3594" t="s">
        <v>18625</v>
      </c>
      <c r="J3594" t="s">
        <v>18626</v>
      </c>
      <c r="K3594" t="s">
        <v>18627</v>
      </c>
      <c r="M3594">
        <v>637335</v>
      </c>
      <c r="O3594">
        <v>637335</v>
      </c>
      <c r="P3594">
        <v>1</v>
      </c>
      <c r="Q3594">
        <v>0</v>
      </c>
      <c r="R3594" t="s">
        <v>18628</v>
      </c>
      <c r="S3594">
        <v>4888</v>
      </c>
    </row>
    <row r="3595" spans="1:19" x14ac:dyDescent="0.25">
      <c r="A3595">
        <v>17215286</v>
      </c>
      <c r="B3595" t="s">
        <v>18629</v>
      </c>
      <c r="C3595" s="1" t="s">
        <v>18630</v>
      </c>
      <c r="D3595">
        <v>17216940</v>
      </c>
      <c r="E3595">
        <v>2</v>
      </c>
      <c r="F3595">
        <v>0</v>
      </c>
      <c r="H3595" t="s">
        <v>18631</v>
      </c>
      <c r="J3595" t="s">
        <v>18632</v>
      </c>
      <c r="K3595" t="s">
        <v>18633</v>
      </c>
      <c r="M3595">
        <v>1582088</v>
      </c>
      <c r="O3595">
        <v>1827835</v>
      </c>
      <c r="P3595">
        <v>1</v>
      </c>
      <c r="Q3595">
        <v>0</v>
      </c>
      <c r="R3595" t="s">
        <v>18634</v>
      </c>
      <c r="S3595">
        <v>53</v>
      </c>
    </row>
    <row r="3596" spans="1:19" x14ac:dyDescent="0.25">
      <c r="A3596">
        <v>22079003</v>
      </c>
      <c r="B3596" t="s">
        <v>18635</v>
      </c>
      <c r="C3596" s="1" t="s">
        <v>18636</v>
      </c>
      <c r="D3596">
        <v>22082013</v>
      </c>
      <c r="E3596">
        <v>2</v>
      </c>
      <c r="F3596">
        <v>5</v>
      </c>
      <c r="H3596" t="s">
        <v>18637</v>
      </c>
      <c r="I3596">
        <v>1</v>
      </c>
      <c r="J3596" t="s">
        <v>18638</v>
      </c>
      <c r="K3596" t="s">
        <v>18638</v>
      </c>
      <c r="M3596">
        <v>2437514</v>
      </c>
      <c r="O3596">
        <v>2437514</v>
      </c>
      <c r="P3596">
        <v>1</v>
      </c>
      <c r="Q3596">
        <v>2</v>
      </c>
      <c r="R3596" t="s">
        <v>18639</v>
      </c>
      <c r="S3596">
        <v>4492</v>
      </c>
    </row>
    <row r="3597" spans="1:19" x14ac:dyDescent="0.25">
      <c r="A3597">
        <v>45594676</v>
      </c>
      <c r="B3597" t="s">
        <v>18640</v>
      </c>
      <c r="C3597" s="1" t="s">
        <v>18641</v>
      </c>
      <c r="D3597">
        <v>45595269</v>
      </c>
      <c r="E3597">
        <v>1</v>
      </c>
      <c r="F3597">
        <v>0</v>
      </c>
      <c r="H3597" t="s">
        <v>18642</v>
      </c>
      <c r="J3597" t="s">
        <v>18643</v>
      </c>
      <c r="K3597" t="s">
        <v>18643</v>
      </c>
      <c r="M3597">
        <v>5577765</v>
      </c>
      <c r="O3597">
        <v>7065213</v>
      </c>
      <c r="P3597">
        <v>1</v>
      </c>
      <c r="Q3597">
        <v>0</v>
      </c>
      <c r="R3597" t="s">
        <v>18644</v>
      </c>
      <c r="S3597">
        <v>54</v>
      </c>
    </row>
    <row r="3598" spans="1:19" x14ac:dyDescent="0.25">
      <c r="A3598">
        <v>20811313</v>
      </c>
      <c r="B3598" t="s">
        <v>18645</v>
      </c>
      <c r="C3598" s="1" t="s">
        <v>18646</v>
      </c>
      <c r="D3598">
        <v>20811407</v>
      </c>
      <c r="E3598">
        <v>1</v>
      </c>
      <c r="F3598">
        <v>2</v>
      </c>
      <c r="H3598" t="s">
        <v>18647</v>
      </c>
      <c r="J3598" t="s">
        <v>18648</v>
      </c>
      <c r="K3598" t="s">
        <v>18649</v>
      </c>
      <c r="M3598">
        <v>1482017</v>
      </c>
      <c r="O3598">
        <v>1482017</v>
      </c>
      <c r="P3598">
        <v>1</v>
      </c>
      <c r="Q3598">
        <v>-1</v>
      </c>
      <c r="R3598" t="s">
        <v>2122</v>
      </c>
      <c r="S3598">
        <v>63</v>
      </c>
    </row>
    <row r="3599" spans="1:19" x14ac:dyDescent="0.25">
      <c r="A3599">
        <v>34953727</v>
      </c>
      <c r="B3599" t="s">
        <v>18650</v>
      </c>
      <c r="C3599" s="1" t="s">
        <v>18651</v>
      </c>
      <c r="D3599">
        <v>34953993</v>
      </c>
      <c r="E3599">
        <v>1</v>
      </c>
      <c r="F3599">
        <v>0</v>
      </c>
      <c r="H3599" t="s">
        <v>18652</v>
      </c>
      <c r="J3599" t="s">
        <v>18653</v>
      </c>
      <c r="O3599">
        <v>4567788</v>
      </c>
      <c r="P3599">
        <v>1</v>
      </c>
      <c r="Q3599">
        <v>0</v>
      </c>
      <c r="R3599" t="s">
        <v>18654</v>
      </c>
      <c r="S3599">
        <v>105</v>
      </c>
    </row>
    <row r="3600" spans="1:19" x14ac:dyDescent="0.25">
      <c r="A3600">
        <v>17235992</v>
      </c>
      <c r="B3600" t="s">
        <v>18655</v>
      </c>
      <c r="C3600" s="1" t="s">
        <v>18656</v>
      </c>
      <c r="E3600">
        <v>1</v>
      </c>
      <c r="F3600">
        <v>0</v>
      </c>
      <c r="H3600" t="s">
        <v>18657</v>
      </c>
      <c r="J3600" t="s">
        <v>18658</v>
      </c>
      <c r="K3600" t="s">
        <v>18658</v>
      </c>
      <c r="M3600">
        <v>274535</v>
      </c>
      <c r="O3600">
        <v>1340804</v>
      </c>
      <c r="P3600">
        <v>1</v>
      </c>
      <c r="Q3600">
        <v>0</v>
      </c>
      <c r="R3600" t="s">
        <v>18659</v>
      </c>
      <c r="S3600">
        <v>314</v>
      </c>
    </row>
    <row r="3601" spans="1:19" x14ac:dyDescent="0.25">
      <c r="A3601">
        <v>27059596</v>
      </c>
      <c r="B3601" t="s">
        <v>18660</v>
      </c>
      <c r="C3601" s="1" t="s">
        <v>18661</v>
      </c>
      <c r="E3601">
        <v>2</v>
      </c>
      <c r="F3601">
        <v>3</v>
      </c>
      <c r="H3601" t="s">
        <v>18662</v>
      </c>
      <c r="J3601" t="s">
        <v>18663</v>
      </c>
      <c r="K3601" t="s">
        <v>18664</v>
      </c>
      <c r="M3601">
        <v>264554</v>
      </c>
      <c r="O3601">
        <v>264554</v>
      </c>
      <c r="P3601">
        <v>1</v>
      </c>
      <c r="Q3601">
        <v>0</v>
      </c>
      <c r="R3601" t="s">
        <v>18665</v>
      </c>
      <c r="S3601">
        <v>71</v>
      </c>
    </row>
    <row r="3602" spans="1:19" x14ac:dyDescent="0.25">
      <c r="A3602">
        <v>13030857</v>
      </c>
      <c r="B3602" t="s">
        <v>18666</v>
      </c>
      <c r="C3602" s="1" t="s">
        <v>18667</v>
      </c>
      <c r="D3602">
        <v>13031616</v>
      </c>
      <c r="E3602">
        <v>1</v>
      </c>
      <c r="F3602">
        <v>2</v>
      </c>
      <c r="H3602" t="s">
        <v>18668</v>
      </c>
      <c r="J3602" t="s">
        <v>18669</v>
      </c>
      <c r="O3602">
        <v>1618983</v>
      </c>
      <c r="P3602">
        <v>1</v>
      </c>
      <c r="Q3602">
        <v>0</v>
      </c>
      <c r="R3602" t="s">
        <v>18670</v>
      </c>
      <c r="S3602">
        <v>910</v>
      </c>
    </row>
    <row r="3603" spans="1:19" x14ac:dyDescent="0.25">
      <c r="A3603">
        <v>34072321</v>
      </c>
      <c r="B3603" t="s">
        <v>18671</v>
      </c>
      <c r="C3603" s="1" t="s">
        <v>18672</v>
      </c>
      <c r="E3603">
        <v>1</v>
      </c>
      <c r="F3603">
        <v>4</v>
      </c>
      <c r="H3603" t="s">
        <v>18673</v>
      </c>
      <c r="J3603" t="s">
        <v>18674</v>
      </c>
      <c r="K3603" t="s">
        <v>18675</v>
      </c>
      <c r="M3603">
        <v>5278050</v>
      </c>
      <c r="O3603">
        <v>5278050</v>
      </c>
      <c r="P3603">
        <v>1</v>
      </c>
      <c r="Q3603">
        <v>0</v>
      </c>
      <c r="R3603" t="s">
        <v>4991</v>
      </c>
      <c r="S3603">
        <v>50</v>
      </c>
    </row>
    <row r="3604" spans="1:19" x14ac:dyDescent="0.25">
      <c r="A3604">
        <v>9808865</v>
      </c>
      <c r="B3604" t="s">
        <v>18676</v>
      </c>
      <c r="C3604" s="1" t="s">
        <v>18677</v>
      </c>
      <c r="E3604">
        <v>1</v>
      </c>
      <c r="F3604">
        <v>0</v>
      </c>
      <c r="H3604" t="s">
        <v>18678</v>
      </c>
      <c r="J3604" t="s">
        <v>18679</v>
      </c>
      <c r="O3604">
        <v>1283955</v>
      </c>
      <c r="P3604">
        <v>1</v>
      </c>
      <c r="Q3604">
        <v>3</v>
      </c>
      <c r="R3604" t="s">
        <v>18680</v>
      </c>
      <c r="S3604">
        <v>829</v>
      </c>
    </row>
    <row r="3605" spans="1:19" x14ac:dyDescent="0.25">
      <c r="A3605">
        <v>1003162</v>
      </c>
      <c r="B3605" t="s">
        <v>18681</v>
      </c>
      <c r="C3605" s="1" t="s">
        <v>18682</v>
      </c>
      <c r="D3605">
        <v>1003700</v>
      </c>
      <c r="E3605">
        <v>1</v>
      </c>
      <c r="F3605">
        <v>0</v>
      </c>
      <c r="H3605" t="s">
        <v>18683</v>
      </c>
      <c r="J3605" t="s">
        <v>18684</v>
      </c>
      <c r="K3605" t="s">
        <v>18685</v>
      </c>
      <c r="M3605">
        <v>-1</v>
      </c>
      <c r="O3605">
        <v>89818</v>
      </c>
      <c r="P3605">
        <v>1</v>
      </c>
      <c r="Q3605">
        <v>0</v>
      </c>
      <c r="R3605" t="s">
        <v>18686</v>
      </c>
      <c r="S3605">
        <v>380</v>
      </c>
    </row>
    <row r="3606" spans="1:19" x14ac:dyDescent="0.25">
      <c r="A3606">
        <v>41200803</v>
      </c>
      <c r="B3606" t="s">
        <v>18687</v>
      </c>
      <c r="C3606" s="1" t="s">
        <v>18688</v>
      </c>
      <c r="E3606">
        <v>1</v>
      </c>
      <c r="F3606">
        <v>4</v>
      </c>
      <c r="H3606" t="s">
        <v>18689</v>
      </c>
      <c r="J3606" t="s">
        <v>18690</v>
      </c>
      <c r="K3606" t="s">
        <v>18691</v>
      </c>
      <c r="M3606">
        <v>2275894</v>
      </c>
      <c r="O3606">
        <v>2275894</v>
      </c>
      <c r="P3606">
        <v>1</v>
      </c>
      <c r="Q3606">
        <v>2</v>
      </c>
      <c r="R3606" t="s">
        <v>18692</v>
      </c>
      <c r="S3606">
        <v>66</v>
      </c>
    </row>
    <row r="3607" spans="1:19" x14ac:dyDescent="0.25">
      <c r="A3607">
        <v>16933654</v>
      </c>
      <c r="B3607" t="s">
        <v>18693</v>
      </c>
      <c r="C3607" s="1" t="s">
        <v>18694</v>
      </c>
      <c r="E3607">
        <v>1</v>
      </c>
      <c r="F3607">
        <v>5</v>
      </c>
      <c r="H3607" t="s">
        <v>18695</v>
      </c>
      <c r="J3607" t="s">
        <v>18696</v>
      </c>
      <c r="K3607" t="s">
        <v>18697</v>
      </c>
      <c r="M3607">
        <v>1478206</v>
      </c>
      <c r="O3607">
        <v>1478206</v>
      </c>
      <c r="P3607">
        <v>1</v>
      </c>
      <c r="Q3607">
        <v>0</v>
      </c>
      <c r="R3607" t="s">
        <v>18698</v>
      </c>
      <c r="S3607">
        <v>83</v>
      </c>
    </row>
    <row r="3608" spans="1:19" x14ac:dyDescent="0.25">
      <c r="A3608">
        <v>18406271</v>
      </c>
      <c r="B3608" t="s">
        <v>18699</v>
      </c>
      <c r="C3608" s="1" t="s">
        <v>18700</v>
      </c>
      <c r="D3608">
        <v>18406748</v>
      </c>
      <c r="E3608">
        <v>1</v>
      </c>
      <c r="F3608">
        <v>0</v>
      </c>
      <c r="H3608" t="s">
        <v>18701</v>
      </c>
      <c r="J3608" t="s">
        <v>18702</v>
      </c>
      <c r="O3608">
        <v>137470</v>
      </c>
      <c r="P3608">
        <v>1</v>
      </c>
      <c r="Q3608">
        <v>2</v>
      </c>
      <c r="R3608" t="s">
        <v>18703</v>
      </c>
      <c r="S3608">
        <v>2087</v>
      </c>
    </row>
    <row r="3609" spans="1:19" x14ac:dyDescent="0.25">
      <c r="A3609">
        <v>46185415</v>
      </c>
      <c r="B3609" t="s">
        <v>18704</v>
      </c>
      <c r="C3609" s="1" t="s">
        <v>18705</v>
      </c>
      <c r="E3609">
        <v>1</v>
      </c>
      <c r="F3609">
        <v>1</v>
      </c>
      <c r="H3609" t="s">
        <v>18706</v>
      </c>
      <c r="J3609" t="s">
        <v>18707</v>
      </c>
      <c r="O3609">
        <v>8599982</v>
      </c>
      <c r="P3609">
        <v>1</v>
      </c>
      <c r="Q3609">
        <v>1</v>
      </c>
      <c r="R3609" t="s">
        <v>1466</v>
      </c>
      <c r="S3609">
        <v>212</v>
      </c>
    </row>
    <row r="3610" spans="1:19" x14ac:dyDescent="0.25">
      <c r="A3610">
        <v>30567907</v>
      </c>
      <c r="B3610" t="s">
        <v>18708</v>
      </c>
      <c r="C3610" s="1" t="s">
        <v>18709</v>
      </c>
      <c r="E3610">
        <v>1</v>
      </c>
      <c r="F3610">
        <v>1</v>
      </c>
      <c r="H3610" t="s">
        <v>18710</v>
      </c>
      <c r="J3610" t="s">
        <v>18711</v>
      </c>
      <c r="O3610">
        <v>945980</v>
      </c>
      <c r="P3610">
        <v>1</v>
      </c>
      <c r="Q3610">
        <v>0</v>
      </c>
      <c r="R3610" t="s">
        <v>18712</v>
      </c>
      <c r="S3610">
        <v>345</v>
      </c>
    </row>
    <row r="3611" spans="1:19" x14ac:dyDescent="0.25">
      <c r="A3611">
        <v>21002846</v>
      </c>
      <c r="B3611" t="s">
        <v>18713</v>
      </c>
      <c r="C3611" s="1" t="s">
        <v>18714</v>
      </c>
      <c r="D3611">
        <v>34062583</v>
      </c>
      <c r="E3611">
        <v>1</v>
      </c>
      <c r="F3611">
        <v>2</v>
      </c>
      <c r="H3611" t="s">
        <v>18715</v>
      </c>
      <c r="J3611" t="s">
        <v>18716</v>
      </c>
      <c r="K3611" t="s">
        <v>18717</v>
      </c>
      <c r="M3611">
        <v>-1</v>
      </c>
      <c r="O3611">
        <v>2245256</v>
      </c>
      <c r="P3611">
        <v>1</v>
      </c>
      <c r="Q3611">
        <v>1</v>
      </c>
      <c r="R3611" t="s">
        <v>18718</v>
      </c>
      <c r="S3611">
        <v>705</v>
      </c>
    </row>
    <row r="3612" spans="1:19" x14ac:dyDescent="0.25">
      <c r="A3612">
        <v>49090854</v>
      </c>
      <c r="B3612" t="s">
        <v>18719</v>
      </c>
      <c r="C3612" s="1" t="s">
        <v>18720</v>
      </c>
      <c r="E3612">
        <v>1</v>
      </c>
      <c r="F3612">
        <v>8</v>
      </c>
      <c r="H3612" t="s">
        <v>18721</v>
      </c>
      <c r="J3612" t="s">
        <v>18722</v>
      </c>
      <c r="O3612">
        <v>2180878</v>
      </c>
      <c r="P3612">
        <v>1</v>
      </c>
      <c r="Q3612">
        <v>0</v>
      </c>
      <c r="R3612" t="s">
        <v>18723</v>
      </c>
      <c r="S3612">
        <v>219</v>
      </c>
    </row>
    <row r="3613" spans="1:19" x14ac:dyDescent="0.25">
      <c r="A3613">
        <v>2283156</v>
      </c>
      <c r="B3613" t="s">
        <v>18724</v>
      </c>
      <c r="C3613" s="1" t="s">
        <v>18725</v>
      </c>
      <c r="D3613">
        <v>2283242</v>
      </c>
      <c r="E3613">
        <v>4</v>
      </c>
      <c r="F3613">
        <v>0</v>
      </c>
      <c r="H3613" t="s">
        <v>18726</v>
      </c>
      <c r="J3613" t="s">
        <v>18727</v>
      </c>
      <c r="O3613">
        <v>62699</v>
      </c>
      <c r="P3613">
        <v>1</v>
      </c>
      <c r="Q3613">
        <v>1</v>
      </c>
      <c r="R3613" t="s">
        <v>16530</v>
      </c>
      <c r="S3613">
        <v>248</v>
      </c>
    </row>
    <row r="3614" spans="1:19" x14ac:dyDescent="0.25">
      <c r="A3614">
        <v>29138564</v>
      </c>
      <c r="B3614" t="s">
        <v>18728</v>
      </c>
      <c r="C3614" s="1" t="s">
        <v>18729</v>
      </c>
      <c r="E3614">
        <v>0</v>
      </c>
      <c r="F3614">
        <v>2</v>
      </c>
      <c r="H3614" t="s">
        <v>18730</v>
      </c>
      <c r="J3614" t="s">
        <v>18731</v>
      </c>
      <c r="K3614" t="s">
        <v>18731</v>
      </c>
      <c r="M3614">
        <v>4420367</v>
      </c>
      <c r="O3614">
        <v>4420367</v>
      </c>
      <c r="P3614">
        <v>1</v>
      </c>
      <c r="Q3614">
        <v>2</v>
      </c>
      <c r="R3614" t="s">
        <v>18732</v>
      </c>
      <c r="S3614">
        <v>750</v>
      </c>
    </row>
    <row r="3615" spans="1:19" x14ac:dyDescent="0.25">
      <c r="A3615">
        <v>4006710</v>
      </c>
      <c r="B3615" t="s">
        <v>18733</v>
      </c>
      <c r="C3615" s="1" t="s">
        <v>18734</v>
      </c>
      <c r="D3615">
        <v>4006718</v>
      </c>
      <c r="E3615">
        <v>1</v>
      </c>
      <c r="F3615">
        <v>11</v>
      </c>
      <c r="H3615" t="s">
        <v>18735</v>
      </c>
      <c r="J3615" t="s">
        <v>18736</v>
      </c>
      <c r="K3615" t="s">
        <v>18736</v>
      </c>
      <c r="M3615">
        <v>407756</v>
      </c>
      <c r="O3615">
        <v>407756</v>
      </c>
      <c r="P3615">
        <v>1</v>
      </c>
      <c r="Q3615">
        <v>3</v>
      </c>
      <c r="R3615" t="s">
        <v>819</v>
      </c>
      <c r="S3615">
        <v>138</v>
      </c>
    </row>
    <row r="3616" spans="1:19" x14ac:dyDescent="0.25">
      <c r="A3616">
        <v>10891835</v>
      </c>
      <c r="B3616" t="s">
        <v>18737</v>
      </c>
      <c r="C3616" s="1" t="s">
        <v>18738</v>
      </c>
      <c r="E3616">
        <v>1</v>
      </c>
      <c r="F3616">
        <v>0</v>
      </c>
      <c r="H3616" t="s">
        <v>18739</v>
      </c>
      <c r="J3616" t="s">
        <v>18740</v>
      </c>
      <c r="K3616" t="s">
        <v>18740</v>
      </c>
      <c r="M3616">
        <v>64046</v>
      </c>
      <c r="O3616">
        <v>476410</v>
      </c>
      <c r="P3616">
        <v>1</v>
      </c>
      <c r="Q3616">
        <v>0</v>
      </c>
      <c r="R3616" t="s">
        <v>18741</v>
      </c>
      <c r="S3616">
        <v>261</v>
      </c>
    </row>
    <row r="3617" spans="1:19" x14ac:dyDescent="0.25">
      <c r="A3617">
        <v>50925928</v>
      </c>
      <c r="B3617" t="s">
        <v>18742</v>
      </c>
      <c r="C3617" s="1" t="s">
        <v>18743</v>
      </c>
      <c r="D3617">
        <v>50926365</v>
      </c>
      <c r="E3617">
        <v>2</v>
      </c>
      <c r="F3617">
        <v>8</v>
      </c>
      <c r="H3617" t="s">
        <v>18744</v>
      </c>
      <c r="I3617">
        <v>1</v>
      </c>
      <c r="J3617" t="s">
        <v>18745</v>
      </c>
      <c r="K3617" t="s">
        <v>18746</v>
      </c>
      <c r="M3617">
        <v>1668622</v>
      </c>
      <c r="O3617">
        <v>1668622</v>
      </c>
      <c r="P3617">
        <v>1</v>
      </c>
      <c r="Q3617">
        <v>5</v>
      </c>
      <c r="R3617" t="s">
        <v>18747</v>
      </c>
      <c r="S3617">
        <v>345</v>
      </c>
    </row>
    <row r="3618" spans="1:19" x14ac:dyDescent="0.25">
      <c r="A3618">
        <v>22079966</v>
      </c>
      <c r="B3618" t="s">
        <v>18748</v>
      </c>
      <c r="C3618" s="1" t="s">
        <v>18749</v>
      </c>
      <c r="D3618">
        <v>22094463</v>
      </c>
      <c r="E3618">
        <v>2</v>
      </c>
      <c r="F3618">
        <v>1</v>
      </c>
      <c r="H3618" t="s">
        <v>18750</v>
      </c>
      <c r="J3618" t="s">
        <v>18751</v>
      </c>
      <c r="K3618" t="s">
        <v>18752</v>
      </c>
      <c r="M3618">
        <v>555222</v>
      </c>
      <c r="O3618">
        <v>555222</v>
      </c>
      <c r="P3618">
        <v>1</v>
      </c>
      <c r="Q3618">
        <v>1</v>
      </c>
      <c r="R3618" t="s">
        <v>18753</v>
      </c>
      <c r="S3618">
        <v>1288</v>
      </c>
    </row>
    <row r="3619" spans="1:19" x14ac:dyDescent="0.25">
      <c r="A3619">
        <v>17745351</v>
      </c>
      <c r="B3619" t="s">
        <v>18754</v>
      </c>
      <c r="C3619" t="s">
        <v>18755</v>
      </c>
      <c r="D3619">
        <v>17755054</v>
      </c>
      <c r="E3619">
        <v>1</v>
      </c>
      <c r="F3619">
        <v>0</v>
      </c>
      <c r="H3619" t="s">
        <v>18756</v>
      </c>
      <c r="J3619" t="s">
        <v>18757</v>
      </c>
      <c r="O3619">
        <v>783818</v>
      </c>
      <c r="P3619">
        <v>1</v>
      </c>
      <c r="Q3619">
        <v>2</v>
      </c>
      <c r="R3619" t="s">
        <v>18758</v>
      </c>
      <c r="S3619">
        <v>191</v>
      </c>
    </row>
    <row r="3620" spans="1:19" x14ac:dyDescent="0.25">
      <c r="A3620">
        <v>24954151</v>
      </c>
      <c r="B3620" t="s">
        <v>18759</v>
      </c>
      <c r="C3620" s="1" t="s">
        <v>18760</v>
      </c>
      <c r="E3620">
        <v>0</v>
      </c>
      <c r="F3620">
        <v>5</v>
      </c>
      <c r="H3620" t="s">
        <v>18761</v>
      </c>
      <c r="J3620" t="s">
        <v>18762</v>
      </c>
      <c r="K3620" t="s">
        <v>18762</v>
      </c>
      <c r="M3620">
        <v>472434</v>
      </c>
      <c r="O3620">
        <v>3101948</v>
      </c>
      <c r="P3620">
        <v>1</v>
      </c>
      <c r="Q3620">
        <v>0</v>
      </c>
      <c r="R3620" t="s">
        <v>18763</v>
      </c>
      <c r="S3620">
        <v>41</v>
      </c>
    </row>
    <row r="3621" spans="1:19" x14ac:dyDescent="0.25">
      <c r="A3621">
        <v>53296403</v>
      </c>
      <c r="B3621" t="s">
        <v>18764</v>
      </c>
      <c r="C3621" t="s">
        <v>18765</v>
      </c>
      <c r="E3621">
        <v>1</v>
      </c>
      <c r="F3621">
        <v>4</v>
      </c>
      <c r="H3621" t="s">
        <v>18766</v>
      </c>
      <c r="J3621" t="s">
        <v>18767</v>
      </c>
      <c r="K3621" t="s">
        <v>18768</v>
      </c>
      <c r="M3621">
        <v>10650439</v>
      </c>
      <c r="O3621">
        <v>9644796</v>
      </c>
      <c r="P3621">
        <v>1</v>
      </c>
      <c r="Q3621">
        <v>1</v>
      </c>
      <c r="R3621" t="s">
        <v>18769</v>
      </c>
      <c r="S3621">
        <v>91</v>
      </c>
    </row>
    <row r="3622" spans="1:19" x14ac:dyDescent="0.25">
      <c r="A3622">
        <v>15825402</v>
      </c>
      <c r="B3622" t="s">
        <v>18770</v>
      </c>
      <c r="C3622" s="1" t="s">
        <v>18771</v>
      </c>
      <c r="E3622">
        <v>2</v>
      </c>
      <c r="F3622">
        <v>2</v>
      </c>
      <c r="H3622" t="s">
        <v>18772</v>
      </c>
      <c r="J3622" t="s">
        <v>18773</v>
      </c>
      <c r="K3622" t="s">
        <v>18773</v>
      </c>
      <c r="L3622" t="s">
        <v>18774</v>
      </c>
      <c r="O3622">
        <v>2196527</v>
      </c>
      <c r="P3622">
        <v>1</v>
      </c>
      <c r="Q3622">
        <v>0</v>
      </c>
      <c r="R3622" t="s">
        <v>18775</v>
      </c>
      <c r="S3622">
        <v>106</v>
      </c>
    </row>
    <row r="3623" spans="1:19" x14ac:dyDescent="0.25">
      <c r="A3623">
        <v>48062611</v>
      </c>
      <c r="B3623" t="s">
        <v>18776</v>
      </c>
      <c r="C3623" s="1" t="s">
        <v>18777</v>
      </c>
      <c r="D3623">
        <v>48062725</v>
      </c>
      <c r="E3623">
        <v>2</v>
      </c>
      <c r="F3623">
        <v>10</v>
      </c>
      <c r="H3623" t="s">
        <v>18778</v>
      </c>
      <c r="J3623" t="s">
        <v>18779</v>
      </c>
      <c r="K3623" t="s">
        <v>18780</v>
      </c>
      <c r="M3623">
        <v>8845098</v>
      </c>
      <c r="O3623">
        <v>8845098</v>
      </c>
      <c r="P3623">
        <v>1</v>
      </c>
      <c r="Q3623">
        <v>1</v>
      </c>
      <c r="R3623" t="s">
        <v>18781</v>
      </c>
      <c r="S3623">
        <v>359</v>
      </c>
    </row>
    <row r="3624" spans="1:19" x14ac:dyDescent="0.25">
      <c r="A3624">
        <v>31465871</v>
      </c>
      <c r="B3624" t="s">
        <v>18782</v>
      </c>
      <c r="C3624" s="1" t="s">
        <v>18783</v>
      </c>
      <c r="E3624">
        <v>2</v>
      </c>
      <c r="F3624">
        <v>4</v>
      </c>
      <c r="H3624" t="s">
        <v>18784</v>
      </c>
      <c r="J3624" t="s">
        <v>18785</v>
      </c>
      <c r="K3624" t="s">
        <v>18785</v>
      </c>
      <c r="M3624">
        <v>64046</v>
      </c>
      <c r="O3624">
        <v>5047454</v>
      </c>
      <c r="P3624">
        <v>1</v>
      </c>
      <c r="Q3624">
        <v>0</v>
      </c>
      <c r="R3624" t="s">
        <v>18786</v>
      </c>
      <c r="S3624">
        <v>273</v>
      </c>
    </row>
    <row r="3625" spans="1:19" x14ac:dyDescent="0.25">
      <c r="A3625">
        <v>43413352</v>
      </c>
      <c r="B3625" t="s">
        <v>18787</v>
      </c>
      <c r="C3625" s="1" t="s">
        <v>18788</v>
      </c>
      <c r="D3625">
        <v>43413572</v>
      </c>
      <c r="E3625">
        <v>3</v>
      </c>
      <c r="F3625">
        <v>0</v>
      </c>
      <c r="H3625" t="s">
        <v>18789</v>
      </c>
      <c r="J3625" t="s">
        <v>18790</v>
      </c>
      <c r="O3625">
        <v>350305</v>
      </c>
      <c r="P3625">
        <v>1</v>
      </c>
      <c r="Q3625">
        <v>0</v>
      </c>
      <c r="R3625" t="s">
        <v>2494</v>
      </c>
      <c r="S3625">
        <v>55</v>
      </c>
    </row>
    <row r="3626" spans="1:19" x14ac:dyDescent="0.25">
      <c r="A3626">
        <v>47575672</v>
      </c>
      <c r="B3626" t="s">
        <v>18791</v>
      </c>
      <c r="C3626" s="1" t="s">
        <v>18792</v>
      </c>
      <c r="E3626">
        <v>1</v>
      </c>
      <c r="F3626">
        <v>0</v>
      </c>
      <c r="H3626" t="s">
        <v>18793</v>
      </c>
      <c r="J3626" t="s">
        <v>18794</v>
      </c>
      <c r="K3626" t="s">
        <v>18795</v>
      </c>
      <c r="M3626">
        <v>8111766</v>
      </c>
      <c r="O3626">
        <v>8111766</v>
      </c>
      <c r="P3626">
        <v>1</v>
      </c>
      <c r="Q3626">
        <v>0</v>
      </c>
      <c r="R3626" t="s">
        <v>413</v>
      </c>
      <c r="S3626">
        <v>33</v>
      </c>
    </row>
    <row r="3627" spans="1:19" x14ac:dyDescent="0.25">
      <c r="A3627">
        <v>15279207</v>
      </c>
      <c r="B3627" t="s">
        <v>18796</v>
      </c>
      <c r="C3627" s="1" t="s">
        <v>18797</v>
      </c>
      <c r="D3627">
        <v>15279651</v>
      </c>
      <c r="E3627">
        <v>2</v>
      </c>
      <c r="F3627">
        <v>0</v>
      </c>
      <c r="H3627" t="s">
        <v>18798</v>
      </c>
      <c r="J3627" t="s">
        <v>18799</v>
      </c>
      <c r="K3627" t="s">
        <v>18800</v>
      </c>
      <c r="M3627">
        <v>146622</v>
      </c>
      <c r="O3627">
        <v>1157712</v>
      </c>
      <c r="P3627">
        <v>1</v>
      </c>
      <c r="Q3627">
        <v>0</v>
      </c>
      <c r="R3627" t="s">
        <v>18801</v>
      </c>
      <c r="S3627">
        <v>889</v>
      </c>
    </row>
    <row r="3628" spans="1:19" x14ac:dyDescent="0.25">
      <c r="A3628">
        <v>9691117</v>
      </c>
      <c r="B3628" t="s">
        <v>18802</v>
      </c>
      <c r="C3628" s="1" t="s">
        <v>18803</v>
      </c>
      <c r="E3628">
        <v>1</v>
      </c>
      <c r="F3628">
        <v>0</v>
      </c>
      <c r="H3628" t="s">
        <v>18804</v>
      </c>
      <c r="J3628" t="s">
        <v>18805</v>
      </c>
      <c r="O3628">
        <v>1261952</v>
      </c>
      <c r="P3628">
        <v>1</v>
      </c>
      <c r="Q3628">
        <v>0</v>
      </c>
      <c r="R3628" t="s">
        <v>4652</v>
      </c>
      <c r="S3628">
        <v>1170</v>
      </c>
    </row>
    <row r="3629" spans="1:19" x14ac:dyDescent="0.25">
      <c r="A3629">
        <v>4652048</v>
      </c>
      <c r="B3629" t="s">
        <v>18806</v>
      </c>
      <c r="C3629" s="1" t="s">
        <v>18807</v>
      </c>
      <c r="D3629">
        <v>4652188</v>
      </c>
      <c r="E3629">
        <v>1</v>
      </c>
      <c r="F3629">
        <v>1</v>
      </c>
      <c r="H3629" t="s">
        <v>18808</v>
      </c>
      <c r="J3629" t="s">
        <v>18809</v>
      </c>
      <c r="O3629">
        <v>456584</v>
      </c>
      <c r="P3629">
        <v>1</v>
      </c>
      <c r="Q3629">
        <v>1</v>
      </c>
      <c r="R3629" t="s">
        <v>18810</v>
      </c>
      <c r="S3629">
        <v>814</v>
      </c>
    </row>
    <row r="3630" spans="1:19" x14ac:dyDescent="0.25">
      <c r="A3630">
        <v>35590503</v>
      </c>
      <c r="B3630" t="s">
        <v>18811</v>
      </c>
      <c r="C3630" s="1" t="s">
        <v>18812</v>
      </c>
      <c r="D3630">
        <v>35600160</v>
      </c>
      <c r="E3630">
        <v>2</v>
      </c>
      <c r="F3630">
        <v>0</v>
      </c>
      <c r="H3630" t="s">
        <v>18813</v>
      </c>
      <c r="J3630" t="s">
        <v>18814</v>
      </c>
      <c r="O3630">
        <v>1479289</v>
      </c>
      <c r="P3630">
        <v>1</v>
      </c>
      <c r="Q3630">
        <v>1</v>
      </c>
      <c r="R3630" t="s">
        <v>18815</v>
      </c>
      <c r="S3630">
        <v>272</v>
      </c>
    </row>
    <row r="3631" spans="1:19" x14ac:dyDescent="0.25">
      <c r="A3631">
        <v>3195111</v>
      </c>
      <c r="B3631" t="s">
        <v>18816</v>
      </c>
      <c r="C3631" s="1" t="s">
        <v>18817</v>
      </c>
      <c r="E3631">
        <v>3</v>
      </c>
      <c r="F3631">
        <v>4</v>
      </c>
      <c r="H3631" t="s">
        <v>18818</v>
      </c>
      <c r="J3631" t="s">
        <v>18819</v>
      </c>
      <c r="K3631" t="s">
        <v>18819</v>
      </c>
      <c r="M3631">
        <v>527702</v>
      </c>
      <c r="O3631">
        <v>385566</v>
      </c>
      <c r="P3631">
        <v>1</v>
      </c>
      <c r="Q3631">
        <v>5</v>
      </c>
      <c r="R3631" t="s">
        <v>18820</v>
      </c>
      <c r="S3631">
        <v>253</v>
      </c>
    </row>
    <row r="3632" spans="1:19" x14ac:dyDescent="0.25">
      <c r="A3632">
        <v>8435738</v>
      </c>
      <c r="B3632" t="s">
        <v>18821</v>
      </c>
      <c r="C3632" s="1" t="s">
        <v>18822</v>
      </c>
      <c r="D3632">
        <v>8436526</v>
      </c>
      <c r="E3632">
        <v>1</v>
      </c>
      <c r="F3632">
        <v>0</v>
      </c>
      <c r="H3632" t="s">
        <v>18823</v>
      </c>
      <c r="J3632" t="s">
        <v>18824</v>
      </c>
      <c r="O3632">
        <v>468279</v>
      </c>
      <c r="P3632">
        <v>1</v>
      </c>
      <c r="Q3632">
        <v>2</v>
      </c>
      <c r="R3632" t="s">
        <v>18825</v>
      </c>
      <c r="S3632">
        <v>758</v>
      </c>
    </row>
    <row r="3633" spans="1:19" x14ac:dyDescent="0.25">
      <c r="A3633">
        <v>24504824</v>
      </c>
      <c r="B3633" t="s">
        <v>18826</v>
      </c>
      <c r="C3633" s="1" t="s">
        <v>18827</v>
      </c>
      <c r="E3633">
        <v>0</v>
      </c>
      <c r="F3633">
        <v>4</v>
      </c>
      <c r="H3633" t="s">
        <v>18828</v>
      </c>
      <c r="J3633" t="s">
        <v>18829</v>
      </c>
      <c r="K3633" t="s">
        <v>18829</v>
      </c>
      <c r="M3633">
        <v>383710</v>
      </c>
      <c r="O3633">
        <v>1299145</v>
      </c>
      <c r="P3633">
        <v>1</v>
      </c>
      <c r="Q3633">
        <v>0</v>
      </c>
      <c r="R3633" t="s">
        <v>18830</v>
      </c>
      <c r="S3633">
        <v>41</v>
      </c>
    </row>
    <row r="3634" spans="1:19" x14ac:dyDescent="0.25">
      <c r="A3634">
        <v>32089970</v>
      </c>
      <c r="B3634" t="s">
        <v>18831</v>
      </c>
      <c r="C3634" s="1" t="s">
        <v>18832</v>
      </c>
      <c r="E3634">
        <v>1</v>
      </c>
      <c r="F3634">
        <v>0</v>
      </c>
      <c r="H3634" t="s">
        <v>18833</v>
      </c>
      <c r="J3634" t="s">
        <v>18834</v>
      </c>
      <c r="O3634">
        <v>4622058</v>
      </c>
      <c r="P3634">
        <v>1</v>
      </c>
      <c r="Q3634">
        <v>0</v>
      </c>
      <c r="R3634" t="s">
        <v>18835</v>
      </c>
      <c r="S3634">
        <v>125</v>
      </c>
    </row>
    <row r="3635" spans="1:19" x14ac:dyDescent="0.25">
      <c r="A3635">
        <v>26943309</v>
      </c>
      <c r="B3635" t="s">
        <v>18836</v>
      </c>
      <c r="C3635" s="1" t="s">
        <v>18837</v>
      </c>
      <c r="D3635">
        <v>26947963</v>
      </c>
      <c r="E3635">
        <v>1</v>
      </c>
      <c r="F3635">
        <v>0</v>
      </c>
      <c r="H3635" t="s">
        <v>18838</v>
      </c>
      <c r="J3635" t="s">
        <v>18839</v>
      </c>
      <c r="O3635">
        <v>4136389</v>
      </c>
      <c r="P3635">
        <v>1</v>
      </c>
      <c r="Q3635">
        <v>0</v>
      </c>
      <c r="R3635" t="s">
        <v>18840</v>
      </c>
      <c r="S3635">
        <v>73</v>
      </c>
    </row>
    <row r="3636" spans="1:19" x14ac:dyDescent="0.25">
      <c r="A3636">
        <v>19988640</v>
      </c>
      <c r="B3636" t="s">
        <v>18841</v>
      </c>
      <c r="C3636" s="1" t="s">
        <v>18842</v>
      </c>
      <c r="E3636">
        <v>1</v>
      </c>
      <c r="F3636">
        <v>6</v>
      </c>
      <c r="H3636" t="s">
        <v>18843</v>
      </c>
      <c r="I3636">
        <v>1</v>
      </c>
      <c r="J3636" t="s">
        <v>18844</v>
      </c>
      <c r="K3636" t="s">
        <v>18844</v>
      </c>
      <c r="M3636">
        <v>124069</v>
      </c>
      <c r="O3636">
        <v>124069</v>
      </c>
      <c r="P3636">
        <v>1</v>
      </c>
      <c r="Q3636">
        <v>4</v>
      </c>
      <c r="R3636" t="s">
        <v>18845</v>
      </c>
      <c r="S3636">
        <v>1631</v>
      </c>
    </row>
    <row r="3637" spans="1:19" x14ac:dyDescent="0.25">
      <c r="A3637">
        <v>2496850</v>
      </c>
      <c r="B3637" t="s">
        <v>18846</v>
      </c>
      <c r="C3637" s="1" t="s">
        <v>18847</v>
      </c>
      <c r="D3637">
        <v>2497039</v>
      </c>
      <c r="E3637">
        <v>4</v>
      </c>
      <c r="F3637">
        <v>4</v>
      </c>
      <c r="H3637" t="s">
        <v>18848</v>
      </c>
      <c r="J3637" t="s">
        <v>18849</v>
      </c>
      <c r="K3637" t="s">
        <v>18850</v>
      </c>
      <c r="M3637">
        <v>251671</v>
      </c>
      <c r="O3637">
        <v>251671</v>
      </c>
      <c r="P3637">
        <v>1</v>
      </c>
      <c r="Q3637">
        <v>1</v>
      </c>
      <c r="R3637" t="s">
        <v>18851</v>
      </c>
      <c r="S3637">
        <v>7938</v>
      </c>
    </row>
    <row r="3638" spans="1:19" x14ac:dyDescent="0.25">
      <c r="A3638">
        <v>39477243</v>
      </c>
      <c r="B3638" t="s">
        <v>18852</v>
      </c>
      <c r="C3638" s="1" t="s">
        <v>18853</v>
      </c>
      <c r="D3638">
        <v>39552236</v>
      </c>
      <c r="E3638">
        <v>2</v>
      </c>
      <c r="F3638">
        <v>0</v>
      </c>
      <c r="H3638" t="s">
        <v>18854</v>
      </c>
      <c r="J3638" t="s">
        <v>18855</v>
      </c>
      <c r="O3638">
        <v>1926031</v>
      </c>
      <c r="P3638">
        <v>1</v>
      </c>
      <c r="Q3638">
        <v>1</v>
      </c>
      <c r="R3638" t="s">
        <v>18856</v>
      </c>
      <c r="S3638">
        <v>314</v>
      </c>
    </row>
    <row r="3639" spans="1:19" x14ac:dyDescent="0.25">
      <c r="A3639">
        <v>43286237</v>
      </c>
      <c r="B3639" t="s">
        <v>18857</v>
      </c>
      <c r="C3639" s="1" t="s">
        <v>18858</v>
      </c>
      <c r="E3639">
        <v>1</v>
      </c>
      <c r="F3639">
        <v>0</v>
      </c>
      <c r="H3639" t="s">
        <v>18859</v>
      </c>
      <c r="J3639" t="s">
        <v>18860</v>
      </c>
      <c r="O3639">
        <v>5330548</v>
      </c>
      <c r="P3639">
        <v>1</v>
      </c>
      <c r="Q3639">
        <v>0</v>
      </c>
      <c r="R3639" t="s">
        <v>18861</v>
      </c>
      <c r="S3639">
        <v>85</v>
      </c>
    </row>
    <row r="3640" spans="1:19" x14ac:dyDescent="0.25">
      <c r="A3640">
        <v>14733036</v>
      </c>
      <c r="B3640" t="s">
        <v>18862</v>
      </c>
      <c r="C3640" s="1" t="s">
        <v>18863</v>
      </c>
      <c r="D3640">
        <v>14733534</v>
      </c>
      <c r="E3640">
        <v>1</v>
      </c>
      <c r="F3640">
        <v>2</v>
      </c>
      <c r="H3640" t="s">
        <v>18864</v>
      </c>
      <c r="J3640" t="s">
        <v>18865</v>
      </c>
      <c r="K3640" t="s">
        <v>18866</v>
      </c>
      <c r="M3640">
        <v>1220857</v>
      </c>
      <c r="O3640">
        <v>1220857</v>
      </c>
      <c r="P3640">
        <v>1</v>
      </c>
      <c r="Q3640">
        <v>2</v>
      </c>
      <c r="R3640" t="s">
        <v>18867</v>
      </c>
      <c r="S3640">
        <v>165</v>
      </c>
    </row>
    <row r="3641" spans="1:19" x14ac:dyDescent="0.25">
      <c r="A3641">
        <v>49744991</v>
      </c>
      <c r="B3641" t="s">
        <v>18868</v>
      </c>
      <c r="C3641" s="1" t="s">
        <v>18869</v>
      </c>
      <c r="D3641">
        <v>49760803</v>
      </c>
      <c r="E3641">
        <v>1</v>
      </c>
      <c r="F3641">
        <v>0</v>
      </c>
      <c r="H3641" t="s">
        <v>18870</v>
      </c>
      <c r="I3641">
        <v>1</v>
      </c>
      <c r="J3641" t="s">
        <v>18871</v>
      </c>
      <c r="K3641" t="s">
        <v>18871</v>
      </c>
      <c r="M3641">
        <v>1464444</v>
      </c>
      <c r="N3641" t="s">
        <v>18872</v>
      </c>
      <c r="P3641">
        <v>1</v>
      </c>
      <c r="Q3641">
        <v>0</v>
      </c>
      <c r="R3641" t="s">
        <v>18873</v>
      </c>
      <c r="S3641">
        <v>42</v>
      </c>
    </row>
    <row r="3642" spans="1:19" x14ac:dyDescent="0.25">
      <c r="A3642">
        <v>36845577</v>
      </c>
      <c r="B3642" t="s">
        <v>18874</v>
      </c>
      <c r="C3642" s="1" t="s">
        <v>18875</v>
      </c>
      <c r="D3642">
        <v>36845738</v>
      </c>
      <c r="E3642">
        <v>1</v>
      </c>
      <c r="F3642">
        <v>0</v>
      </c>
      <c r="H3642" t="s">
        <v>18876</v>
      </c>
      <c r="J3642" t="s">
        <v>18877</v>
      </c>
      <c r="O3642">
        <v>4852700</v>
      </c>
      <c r="P3642">
        <v>1</v>
      </c>
      <c r="Q3642">
        <v>0</v>
      </c>
      <c r="R3642" t="s">
        <v>6912</v>
      </c>
      <c r="S3642">
        <v>38</v>
      </c>
    </row>
    <row r="3643" spans="1:19" x14ac:dyDescent="0.25">
      <c r="A3643">
        <v>21035453</v>
      </c>
      <c r="B3643" t="s">
        <v>18878</v>
      </c>
      <c r="C3643" s="1" t="s">
        <v>18879</v>
      </c>
      <c r="E3643">
        <v>1</v>
      </c>
      <c r="F3643">
        <v>1</v>
      </c>
      <c r="H3643" t="s">
        <v>18880</v>
      </c>
      <c r="J3643" t="s">
        <v>18881</v>
      </c>
      <c r="O3643">
        <v>3180101</v>
      </c>
      <c r="P3643">
        <v>1</v>
      </c>
      <c r="Q3643">
        <v>1</v>
      </c>
      <c r="R3643" t="s">
        <v>18882</v>
      </c>
      <c r="S3643">
        <v>2049</v>
      </c>
    </row>
    <row r="3644" spans="1:19" x14ac:dyDescent="0.25">
      <c r="A3644">
        <v>26486761</v>
      </c>
      <c r="B3644" t="s">
        <v>18883</v>
      </c>
      <c r="C3644" s="1" t="s">
        <v>18884</v>
      </c>
      <c r="D3644">
        <v>26486896</v>
      </c>
      <c r="E3644">
        <v>2</v>
      </c>
      <c r="F3644">
        <v>4</v>
      </c>
      <c r="H3644" t="s">
        <v>18885</v>
      </c>
      <c r="J3644" t="s">
        <v>18886</v>
      </c>
      <c r="O3644">
        <v>915585</v>
      </c>
      <c r="P3644">
        <v>1</v>
      </c>
      <c r="Q3644">
        <v>1</v>
      </c>
      <c r="R3644" t="s">
        <v>1359</v>
      </c>
      <c r="S3644">
        <v>26</v>
      </c>
    </row>
    <row r="3645" spans="1:19" x14ac:dyDescent="0.25">
      <c r="A3645">
        <v>12546631</v>
      </c>
      <c r="B3645" t="s">
        <v>18887</v>
      </c>
      <c r="C3645" t="s">
        <v>18888</v>
      </c>
      <c r="D3645">
        <v>12547154</v>
      </c>
      <c r="E3645">
        <v>7</v>
      </c>
      <c r="F3645">
        <v>4</v>
      </c>
      <c r="H3645" t="s">
        <v>18889</v>
      </c>
      <c r="I3645">
        <v>4</v>
      </c>
      <c r="J3645" t="s">
        <v>18890</v>
      </c>
      <c r="K3645" t="s">
        <v>18891</v>
      </c>
      <c r="M3645">
        <v>1494505</v>
      </c>
      <c r="O3645">
        <v>752603</v>
      </c>
      <c r="P3645">
        <v>1</v>
      </c>
      <c r="Q3645">
        <v>79</v>
      </c>
      <c r="R3645" t="s">
        <v>18892</v>
      </c>
      <c r="S3645">
        <v>61743</v>
      </c>
    </row>
    <row r="3646" spans="1:19" x14ac:dyDescent="0.25">
      <c r="A3646">
        <v>5796943</v>
      </c>
      <c r="B3646" t="s">
        <v>18893</v>
      </c>
      <c r="C3646" s="1" t="s">
        <v>18894</v>
      </c>
      <c r="D3646">
        <v>5797494</v>
      </c>
      <c r="E3646">
        <v>2</v>
      </c>
      <c r="F3646">
        <v>0</v>
      </c>
      <c r="H3646" t="s">
        <v>18895</v>
      </c>
      <c r="J3646" t="s">
        <v>18896</v>
      </c>
      <c r="O3646">
        <v>725839</v>
      </c>
      <c r="P3646">
        <v>1</v>
      </c>
      <c r="Q3646">
        <v>2</v>
      </c>
      <c r="R3646" t="s">
        <v>18897</v>
      </c>
      <c r="S3646">
        <v>177</v>
      </c>
    </row>
    <row r="3647" spans="1:19" x14ac:dyDescent="0.25">
      <c r="A3647">
        <v>30508863</v>
      </c>
      <c r="B3647" t="s">
        <v>18898</v>
      </c>
      <c r="C3647" s="1" t="s">
        <v>18899</v>
      </c>
      <c r="E3647">
        <v>0</v>
      </c>
      <c r="F3647">
        <v>7</v>
      </c>
      <c r="H3647" t="s">
        <v>18900</v>
      </c>
      <c r="J3647" t="s">
        <v>18901</v>
      </c>
      <c r="K3647" t="s">
        <v>18901</v>
      </c>
      <c r="M3647">
        <v>4752093</v>
      </c>
      <c r="O3647">
        <v>4752093</v>
      </c>
      <c r="P3647">
        <v>1</v>
      </c>
      <c r="Q3647">
        <v>0</v>
      </c>
      <c r="R3647" t="s">
        <v>18902</v>
      </c>
      <c r="S3647">
        <v>32</v>
      </c>
    </row>
    <row r="3648" spans="1:19" x14ac:dyDescent="0.25">
      <c r="A3648">
        <v>6090684</v>
      </c>
      <c r="B3648" t="s">
        <v>18903</v>
      </c>
      <c r="C3648" s="1" t="s">
        <v>18904</v>
      </c>
      <c r="D3648">
        <v>6091995</v>
      </c>
      <c r="E3648">
        <v>2</v>
      </c>
      <c r="F3648">
        <v>0</v>
      </c>
      <c r="H3648" t="s">
        <v>18905</v>
      </c>
      <c r="J3648" t="s">
        <v>18906</v>
      </c>
      <c r="K3648" t="s">
        <v>18907</v>
      </c>
      <c r="M3648">
        <v>55094</v>
      </c>
      <c r="O3648">
        <v>55094</v>
      </c>
      <c r="P3648">
        <v>1</v>
      </c>
      <c r="Q3648">
        <v>5</v>
      </c>
      <c r="R3648" t="s">
        <v>18908</v>
      </c>
      <c r="S3648">
        <v>1410</v>
      </c>
    </row>
    <row r="3649" spans="1:19" x14ac:dyDescent="0.25">
      <c r="A3649">
        <v>37862718</v>
      </c>
      <c r="B3649" t="s">
        <v>18909</v>
      </c>
      <c r="C3649" s="1" t="s">
        <v>18910</v>
      </c>
      <c r="D3649">
        <v>37925151</v>
      </c>
      <c r="E3649">
        <v>1</v>
      </c>
      <c r="F3649">
        <v>0</v>
      </c>
      <c r="H3649" t="s">
        <v>18911</v>
      </c>
      <c r="J3649" t="s">
        <v>18912</v>
      </c>
      <c r="O3649">
        <v>3392419</v>
      </c>
      <c r="P3649">
        <v>1</v>
      </c>
      <c r="Q3649">
        <v>0</v>
      </c>
      <c r="R3649" t="s">
        <v>18913</v>
      </c>
      <c r="S3649">
        <v>53</v>
      </c>
    </row>
    <row r="3650" spans="1:19" x14ac:dyDescent="0.25">
      <c r="A3650">
        <v>51214250</v>
      </c>
      <c r="B3650" t="s">
        <v>18914</v>
      </c>
      <c r="C3650" s="1" t="s">
        <v>18915</v>
      </c>
      <c r="D3650">
        <v>51219498</v>
      </c>
      <c r="E3650">
        <v>3</v>
      </c>
      <c r="F3650">
        <v>0</v>
      </c>
      <c r="H3650" t="s">
        <v>18916</v>
      </c>
      <c r="J3650" t="s">
        <v>18917</v>
      </c>
      <c r="K3650" t="s">
        <v>18918</v>
      </c>
      <c r="M3650">
        <v>3166697</v>
      </c>
      <c r="O3650">
        <v>9032190</v>
      </c>
      <c r="P3650">
        <v>1</v>
      </c>
      <c r="Q3650">
        <v>2</v>
      </c>
      <c r="R3650" t="s">
        <v>18919</v>
      </c>
      <c r="S3650">
        <v>65</v>
      </c>
    </row>
    <row r="3651" spans="1:19" x14ac:dyDescent="0.25">
      <c r="A3651">
        <v>19891935</v>
      </c>
      <c r="B3651" t="s">
        <v>18920</v>
      </c>
      <c r="C3651" s="1" t="s">
        <v>18921</v>
      </c>
      <c r="E3651">
        <v>2</v>
      </c>
      <c r="F3651">
        <v>5</v>
      </c>
      <c r="H3651" t="s">
        <v>18922</v>
      </c>
      <c r="I3651">
        <v>1</v>
      </c>
      <c r="J3651" t="s">
        <v>18923</v>
      </c>
      <c r="K3651" t="s">
        <v>18924</v>
      </c>
      <c r="M3651">
        <v>2302877</v>
      </c>
      <c r="O3651">
        <v>2302877</v>
      </c>
      <c r="P3651">
        <v>1</v>
      </c>
      <c r="Q3651">
        <v>1</v>
      </c>
      <c r="R3651" t="s">
        <v>18925</v>
      </c>
      <c r="S3651">
        <v>489</v>
      </c>
    </row>
    <row r="3652" spans="1:19" x14ac:dyDescent="0.25">
      <c r="A3652">
        <v>39059991</v>
      </c>
      <c r="B3652" t="s">
        <v>18926</v>
      </c>
      <c r="C3652" s="1" t="s">
        <v>18927</v>
      </c>
      <c r="D3652">
        <v>39061945</v>
      </c>
      <c r="E3652">
        <v>2</v>
      </c>
      <c r="F3652">
        <v>0</v>
      </c>
      <c r="H3652" t="s">
        <v>18928</v>
      </c>
      <c r="I3652">
        <v>1</v>
      </c>
      <c r="J3652" t="s">
        <v>18929</v>
      </c>
      <c r="O3652">
        <v>4897352</v>
      </c>
      <c r="P3652">
        <v>1</v>
      </c>
      <c r="Q3652">
        <v>1</v>
      </c>
      <c r="R3652" t="s">
        <v>18930</v>
      </c>
      <c r="S3652">
        <v>761</v>
      </c>
    </row>
    <row r="3653" spans="1:19" x14ac:dyDescent="0.25">
      <c r="A3653">
        <v>33251635</v>
      </c>
      <c r="B3653" t="s">
        <v>18931</v>
      </c>
      <c r="C3653" s="1" t="s">
        <v>18932</v>
      </c>
      <c r="E3653">
        <v>0</v>
      </c>
      <c r="F3653">
        <v>0</v>
      </c>
      <c r="H3653" t="s">
        <v>18933</v>
      </c>
      <c r="J3653" t="s">
        <v>18933</v>
      </c>
      <c r="O3653">
        <v>857209</v>
      </c>
      <c r="P3653">
        <v>1</v>
      </c>
      <c r="Q3653">
        <v>2</v>
      </c>
      <c r="R3653" t="s">
        <v>18934</v>
      </c>
      <c r="S3653">
        <v>11</v>
      </c>
    </row>
    <row r="3654" spans="1:19" x14ac:dyDescent="0.25">
      <c r="A3654">
        <v>32127477</v>
      </c>
      <c r="B3654" t="s">
        <v>18935</v>
      </c>
      <c r="C3654" s="1" t="s">
        <v>18936</v>
      </c>
      <c r="E3654">
        <v>1</v>
      </c>
      <c r="F3654">
        <v>3</v>
      </c>
      <c r="H3654" t="s">
        <v>18937</v>
      </c>
      <c r="J3654" t="s">
        <v>18938</v>
      </c>
      <c r="K3654" t="s">
        <v>18938</v>
      </c>
      <c r="M3654">
        <v>5249063</v>
      </c>
      <c r="O3654">
        <v>5249063</v>
      </c>
      <c r="P3654">
        <v>1</v>
      </c>
      <c r="Q3654">
        <v>0</v>
      </c>
      <c r="R3654" t="s">
        <v>18939</v>
      </c>
      <c r="S3654">
        <v>81</v>
      </c>
    </row>
    <row r="3655" spans="1:19" x14ac:dyDescent="0.25">
      <c r="A3655">
        <v>22544221</v>
      </c>
      <c r="B3655" t="s">
        <v>18940</v>
      </c>
      <c r="C3655" s="1" t="s">
        <v>18941</v>
      </c>
      <c r="E3655">
        <v>3</v>
      </c>
      <c r="F3655">
        <v>1</v>
      </c>
      <c r="H3655" t="s">
        <v>18942</v>
      </c>
      <c r="J3655" t="s">
        <v>18943</v>
      </c>
      <c r="K3655" t="s">
        <v>18944</v>
      </c>
      <c r="M3655">
        <v>2989408</v>
      </c>
      <c r="O3655">
        <v>3436428</v>
      </c>
      <c r="P3655">
        <v>1</v>
      </c>
      <c r="Q3655">
        <v>1</v>
      </c>
      <c r="R3655" t="s">
        <v>18945</v>
      </c>
      <c r="S3655">
        <v>4026</v>
      </c>
    </row>
    <row r="3656" spans="1:19" x14ac:dyDescent="0.25">
      <c r="A3656">
        <v>35635401</v>
      </c>
      <c r="B3656" t="s">
        <v>18946</v>
      </c>
      <c r="C3656" s="1" t="s">
        <v>18947</v>
      </c>
      <c r="E3656">
        <v>3</v>
      </c>
      <c r="F3656">
        <v>2</v>
      </c>
      <c r="H3656" t="s">
        <v>18948</v>
      </c>
      <c r="J3656" t="s">
        <v>18949</v>
      </c>
      <c r="K3656" t="s">
        <v>18949</v>
      </c>
      <c r="M3656">
        <v>5753598</v>
      </c>
      <c r="O3656">
        <v>5753598</v>
      </c>
      <c r="P3656">
        <v>1</v>
      </c>
      <c r="Q3656">
        <v>0</v>
      </c>
      <c r="R3656" t="s">
        <v>18950</v>
      </c>
      <c r="S3656">
        <v>418</v>
      </c>
    </row>
    <row r="3657" spans="1:19" x14ac:dyDescent="0.25">
      <c r="A3657">
        <v>41976836</v>
      </c>
      <c r="B3657" t="s">
        <v>18951</v>
      </c>
      <c r="C3657" s="1" t="s">
        <v>18952</v>
      </c>
      <c r="D3657">
        <v>41977281</v>
      </c>
      <c r="E3657">
        <v>1</v>
      </c>
      <c r="F3657">
        <v>0</v>
      </c>
      <c r="H3657" t="s">
        <v>18953</v>
      </c>
      <c r="J3657" t="s">
        <v>18954</v>
      </c>
      <c r="N3657" t="s">
        <v>18955</v>
      </c>
      <c r="P3657">
        <v>1</v>
      </c>
      <c r="Q3657">
        <v>0</v>
      </c>
      <c r="R3657" t="s">
        <v>18956</v>
      </c>
      <c r="S3657">
        <v>143</v>
      </c>
    </row>
    <row r="3658" spans="1:19" x14ac:dyDescent="0.25">
      <c r="A3658">
        <v>25673829</v>
      </c>
      <c r="B3658" t="s">
        <v>18957</v>
      </c>
      <c r="C3658" s="1" t="s">
        <v>18958</v>
      </c>
      <c r="D3658">
        <v>25673921</v>
      </c>
      <c r="E3658">
        <v>1</v>
      </c>
      <c r="F3658">
        <v>0</v>
      </c>
      <c r="H3658" t="s">
        <v>18959</v>
      </c>
      <c r="J3658" t="s">
        <v>18960</v>
      </c>
      <c r="O3658">
        <v>1017817</v>
      </c>
      <c r="P3658">
        <v>1</v>
      </c>
      <c r="Q3658">
        <v>0</v>
      </c>
      <c r="R3658" t="s">
        <v>18961</v>
      </c>
      <c r="S3658">
        <v>20</v>
      </c>
    </row>
    <row r="3659" spans="1:19" x14ac:dyDescent="0.25">
      <c r="A3659">
        <v>27030238</v>
      </c>
      <c r="B3659" t="s">
        <v>18962</v>
      </c>
      <c r="C3659" s="1" t="s">
        <v>18963</v>
      </c>
      <c r="E3659">
        <v>1</v>
      </c>
      <c r="F3659">
        <v>0</v>
      </c>
      <c r="H3659" t="s">
        <v>18964</v>
      </c>
      <c r="J3659" t="s">
        <v>18965</v>
      </c>
      <c r="O3659">
        <v>1099237</v>
      </c>
      <c r="P3659">
        <v>1</v>
      </c>
      <c r="Q3659">
        <v>1</v>
      </c>
      <c r="R3659" t="s">
        <v>18966</v>
      </c>
      <c r="S3659">
        <v>346</v>
      </c>
    </row>
    <row r="3660" spans="1:19" x14ac:dyDescent="0.25">
      <c r="A3660">
        <v>15034140</v>
      </c>
      <c r="B3660" t="s">
        <v>18967</v>
      </c>
      <c r="C3660" s="1" t="s">
        <v>18968</v>
      </c>
      <c r="D3660">
        <v>18287126</v>
      </c>
      <c r="E3660">
        <v>3</v>
      </c>
      <c r="F3660">
        <v>3</v>
      </c>
      <c r="H3660" t="s">
        <v>18969</v>
      </c>
      <c r="J3660" t="s">
        <v>18970</v>
      </c>
      <c r="K3660" t="s">
        <v>18970</v>
      </c>
      <c r="M3660">
        <v>2629677</v>
      </c>
      <c r="O3660">
        <v>1806468</v>
      </c>
      <c r="P3660">
        <v>1</v>
      </c>
      <c r="Q3660">
        <v>1</v>
      </c>
      <c r="R3660" t="s">
        <v>18971</v>
      </c>
      <c r="S3660">
        <v>429</v>
      </c>
    </row>
    <row r="3661" spans="1:19" x14ac:dyDescent="0.25">
      <c r="A3661">
        <v>16769361</v>
      </c>
      <c r="B3661" t="s">
        <v>18972</v>
      </c>
      <c r="C3661" s="1" t="s">
        <v>18973</v>
      </c>
      <c r="E3661">
        <v>1</v>
      </c>
      <c r="F3661">
        <v>0</v>
      </c>
      <c r="H3661" t="s">
        <v>18974</v>
      </c>
      <c r="J3661" t="s">
        <v>18975</v>
      </c>
      <c r="O3661">
        <v>1593846</v>
      </c>
      <c r="P3661">
        <v>1</v>
      </c>
      <c r="Q3661">
        <v>0</v>
      </c>
      <c r="R3661" t="s">
        <v>18976</v>
      </c>
      <c r="S3661">
        <v>716</v>
      </c>
    </row>
    <row r="3662" spans="1:19" x14ac:dyDescent="0.25">
      <c r="A3662">
        <v>40093814</v>
      </c>
      <c r="B3662" t="s">
        <v>18977</v>
      </c>
      <c r="C3662" s="1" t="s">
        <v>18978</v>
      </c>
      <c r="E3662">
        <v>2</v>
      </c>
      <c r="F3662">
        <v>2</v>
      </c>
      <c r="H3662" t="s">
        <v>18979</v>
      </c>
      <c r="J3662" t="s">
        <v>18980</v>
      </c>
      <c r="K3662" t="s">
        <v>18981</v>
      </c>
      <c r="M3662">
        <v>2100093</v>
      </c>
      <c r="O3662">
        <v>4743209</v>
      </c>
      <c r="P3662">
        <v>1</v>
      </c>
      <c r="Q3662">
        <v>6</v>
      </c>
      <c r="R3662" t="s">
        <v>18982</v>
      </c>
      <c r="S3662">
        <v>2322</v>
      </c>
    </row>
    <row r="3663" spans="1:19" x14ac:dyDescent="0.25">
      <c r="A3663">
        <v>18003341</v>
      </c>
      <c r="B3663" t="s">
        <v>18983</v>
      </c>
      <c r="C3663" s="1" t="s">
        <v>18984</v>
      </c>
      <c r="D3663">
        <v>18005281</v>
      </c>
      <c r="E3663">
        <v>1</v>
      </c>
      <c r="F3663">
        <v>12</v>
      </c>
      <c r="H3663" t="s">
        <v>18985</v>
      </c>
      <c r="J3663" t="s">
        <v>18986</v>
      </c>
      <c r="K3663" t="s">
        <v>18987</v>
      </c>
      <c r="M3663">
        <v>98094</v>
      </c>
      <c r="O3663">
        <v>1179274</v>
      </c>
      <c r="P3663">
        <v>1</v>
      </c>
      <c r="Q3663">
        <v>0</v>
      </c>
      <c r="R3663" t="s">
        <v>11870</v>
      </c>
      <c r="S3663">
        <v>1128</v>
      </c>
    </row>
    <row r="3664" spans="1:19" x14ac:dyDescent="0.25">
      <c r="A3664">
        <v>32355167</v>
      </c>
      <c r="B3664" t="s">
        <v>18988</v>
      </c>
      <c r="C3664" s="1" t="s">
        <v>18989</v>
      </c>
      <c r="D3664">
        <v>32355230</v>
      </c>
      <c r="E3664">
        <v>1</v>
      </c>
      <c r="F3664">
        <v>0</v>
      </c>
      <c r="H3664" t="s">
        <v>18990</v>
      </c>
      <c r="J3664" t="s">
        <v>18991</v>
      </c>
      <c r="O3664">
        <v>3191747</v>
      </c>
      <c r="P3664">
        <v>1</v>
      </c>
      <c r="Q3664">
        <v>0</v>
      </c>
      <c r="R3664" t="s">
        <v>18992</v>
      </c>
      <c r="S3664">
        <v>1805</v>
      </c>
    </row>
    <row r="3665" spans="1:19" x14ac:dyDescent="0.25">
      <c r="A3665">
        <v>18045602</v>
      </c>
      <c r="B3665" t="s">
        <v>18993</v>
      </c>
      <c r="C3665" s="1" t="s">
        <v>18994</v>
      </c>
      <c r="E3665">
        <v>2</v>
      </c>
      <c r="F3665">
        <v>2</v>
      </c>
      <c r="H3665" t="s">
        <v>18995</v>
      </c>
      <c r="J3665" t="s">
        <v>18996</v>
      </c>
      <c r="O3665">
        <v>2128379</v>
      </c>
      <c r="P3665">
        <v>1</v>
      </c>
      <c r="Q3665">
        <v>0</v>
      </c>
      <c r="R3665" t="s">
        <v>18997</v>
      </c>
      <c r="S3665">
        <v>113</v>
      </c>
    </row>
    <row r="3666" spans="1:19" x14ac:dyDescent="0.25">
      <c r="A3666">
        <v>42104659</v>
      </c>
      <c r="B3666" t="s">
        <v>18998</v>
      </c>
      <c r="C3666" s="1" t="s">
        <v>18999</v>
      </c>
      <c r="D3666">
        <v>42105174</v>
      </c>
      <c r="E3666">
        <v>1</v>
      </c>
      <c r="F3666">
        <v>3</v>
      </c>
      <c r="H3666" t="s">
        <v>19000</v>
      </c>
      <c r="I3666">
        <v>1</v>
      </c>
      <c r="J3666" t="s">
        <v>19001</v>
      </c>
      <c r="O3666">
        <v>7455871</v>
      </c>
      <c r="P3666">
        <v>1</v>
      </c>
      <c r="Q3666">
        <v>1</v>
      </c>
      <c r="R3666" t="s">
        <v>19002</v>
      </c>
      <c r="S3666">
        <v>305</v>
      </c>
    </row>
    <row r="3667" spans="1:19" x14ac:dyDescent="0.25">
      <c r="A3667">
        <v>28493475</v>
      </c>
      <c r="B3667" t="s">
        <v>19003</v>
      </c>
      <c r="C3667" s="1" t="s">
        <v>19004</v>
      </c>
      <c r="E3667">
        <v>2</v>
      </c>
      <c r="F3667">
        <v>2</v>
      </c>
      <c r="H3667" t="s">
        <v>19005</v>
      </c>
      <c r="J3667" t="s">
        <v>19006</v>
      </c>
      <c r="K3667" t="s">
        <v>19007</v>
      </c>
      <c r="M3667">
        <v>4186708</v>
      </c>
      <c r="O3667">
        <v>4186708</v>
      </c>
      <c r="P3667">
        <v>1</v>
      </c>
      <c r="Q3667">
        <v>0</v>
      </c>
      <c r="R3667" t="s">
        <v>748</v>
      </c>
      <c r="S3667">
        <v>81</v>
      </c>
    </row>
    <row r="3668" spans="1:19" x14ac:dyDescent="0.25">
      <c r="A3668">
        <v>37479323</v>
      </c>
      <c r="B3668" t="s">
        <v>19008</v>
      </c>
      <c r="C3668" s="1" t="s">
        <v>19009</v>
      </c>
      <c r="E3668">
        <v>0</v>
      </c>
      <c r="F3668">
        <v>1</v>
      </c>
      <c r="H3668" t="s">
        <v>19010</v>
      </c>
      <c r="J3668" t="s">
        <v>19010</v>
      </c>
      <c r="O3668">
        <v>6388821</v>
      </c>
      <c r="P3668">
        <v>1</v>
      </c>
      <c r="Q3668">
        <v>1</v>
      </c>
      <c r="R3668" t="s">
        <v>19011</v>
      </c>
      <c r="S3668">
        <v>132</v>
      </c>
    </row>
    <row r="3669" spans="1:19" x14ac:dyDescent="0.25">
      <c r="A3669">
        <v>46187927</v>
      </c>
      <c r="B3669" t="s">
        <v>19012</v>
      </c>
      <c r="C3669" s="1" t="s">
        <v>19013</v>
      </c>
      <c r="E3669">
        <v>0</v>
      </c>
      <c r="F3669">
        <v>4</v>
      </c>
      <c r="H3669" t="s">
        <v>19014</v>
      </c>
      <c r="I3669">
        <v>2</v>
      </c>
      <c r="J3669" t="s">
        <v>19015</v>
      </c>
      <c r="K3669" t="s">
        <v>19015</v>
      </c>
      <c r="M3669">
        <v>7061238</v>
      </c>
      <c r="O3669">
        <v>7061238</v>
      </c>
      <c r="P3669">
        <v>1</v>
      </c>
      <c r="Q3669">
        <v>0</v>
      </c>
      <c r="R3669" t="s">
        <v>19016</v>
      </c>
      <c r="S3669">
        <v>28</v>
      </c>
    </row>
    <row r="3670" spans="1:19" x14ac:dyDescent="0.25">
      <c r="A3670">
        <v>21949406</v>
      </c>
      <c r="B3670" t="s">
        <v>19017</v>
      </c>
      <c r="C3670" s="1" t="s">
        <v>19018</v>
      </c>
      <c r="D3670">
        <v>21949699</v>
      </c>
      <c r="E3670">
        <v>2</v>
      </c>
      <c r="F3670">
        <v>0</v>
      </c>
      <c r="H3670" t="s">
        <v>19019</v>
      </c>
      <c r="J3670" t="s">
        <v>19020</v>
      </c>
      <c r="K3670" t="s">
        <v>19021</v>
      </c>
      <c r="M3670">
        <v>1004575</v>
      </c>
      <c r="O3670">
        <v>3324600</v>
      </c>
      <c r="P3670">
        <v>1</v>
      </c>
      <c r="Q3670">
        <v>0</v>
      </c>
      <c r="R3670" t="s">
        <v>5486</v>
      </c>
      <c r="S3670">
        <v>70</v>
      </c>
    </row>
    <row r="3671" spans="1:19" x14ac:dyDescent="0.25">
      <c r="A3671">
        <v>49660493</v>
      </c>
      <c r="B3671" t="s">
        <v>19022</v>
      </c>
      <c r="C3671" s="1" t="s">
        <v>19023</v>
      </c>
      <c r="D3671">
        <v>49661161</v>
      </c>
      <c r="E3671">
        <v>1</v>
      </c>
      <c r="F3671">
        <v>10</v>
      </c>
      <c r="H3671" t="s">
        <v>19024</v>
      </c>
      <c r="J3671" t="s">
        <v>19025</v>
      </c>
      <c r="K3671" t="s">
        <v>19025</v>
      </c>
      <c r="M3671">
        <v>214143</v>
      </c>
      <c r="O3671">
        <v>9403409</v>
      </c>
      <c r="P3671">
        <v>1</v>
      </c>
      <c r="Q3671">
        <v>0</v>
      </c>
      <c r="R3671" t="s">
        <v>110</v>
      </c>
      <c r="S3671">
        <v>44</v>
      </c>
    </row>
    <row r="3672" spans="1:19" x14ac:dyDescent="0.25">
      <c r="A3672">
        <v>9856602</v>
      </c>
      <c r="B3672" t="s">
        <v>19026</v>
      </c>
      <c r="C3672" s="1" t="s">
        <v>19027</v>
      </c>
      <c r="D3672">
        <v>9856624</v>
      </c>
      <c r="E3672">
        <v>3</v>
      </c>
      <c r="F3672">
        <v>0</v>
      </c>
      <c r="H3672" t="s">
        <v>19028</v>
      </c>
      <c r="I3672">
        <v>1</v>
      </c>
      <c r="J3672" t="s">
        <v>19029</v>
      </c>
      <c r="O3672">
        <v>1128290</v>
      </c>
      <c r="P3672">
        <v>1</v>
      </c>
      <c r="Q3672">
        <v>1</v>
      </c>
      <c r="R3672" t="s">
        <v>19030</v>
      </c>
      <c r="S3672">
        <v>2094</v>
      </c>
    </row>
    <row r="3673" spans="1:19" x14ac:dyDescent="0.25">
      <c r="A3673">
        <v>49163532</v>
      </c>
      <c r="B3673" t="s">
        <v>19031</v>
      </c>
      <c r="C3673" s="1" t="s">
        <v>19032</v>
      </c>
      <c r="E3673">
        <v>5</v>
      </c>
      <c r="F3673">
        <v>3</v>
      </c>
      <c r="H3673" t="s">
        <v>19033</v>
      </c>
      <c r="I3673">
        <v>1</v>
      </c>
      <c r="J3673" t="s">
        <v>19034</v>
      </c>
      <c r="O3673">
        <v>1675976</v>
      </c>
      <c r="P3673">
        <v>1</v>
      </c>
      <c r="Q3673">
        <v>5</v>
      </c>
      <c r="R3673" t="s">
        <v>19035</v>
      </c>
      <c r="S3673">
        <v>1003</v>
      </c>
    </row>
    <row r="3674" spans="1:19" x14ac:dyDescent="0.25">
      <c r="A3674">
        <v>44276232</v>
      </c>
      <c r="B3674" t="s">
        <v>19036</v>
      </c>
      <c r="C3674" s="1" t="s">
        <v>19037</v>
      </c>
      <c r="D3674">
        <v>44277012</v>
      </c>
      <c r="E3674">
        <v>4</v>
      </c>
      <c r="F3674">
        <v>6</v>
      </c>
      <c r="H3674" t="s">
        <v>19038</v>
      </c>
      <c r="J3674" t="s">
        <v>19039</v>
      </c>
      <c r="O3674">
        <v>5726464</v>
      </c>
      <c r="P3674">
        <v>1</v>
      </c>
      <c r="Q3674">
        <v>0</v>
      </c>
      <c r="R3674" t="s">
        <v>2771</v>
      </c>
      <c r="S3674">
        <v>815</v>
      </c>
    </row>
    <row r="3675" spans="1:19" x14ac:dyDescent="0.25">
      <c r="A3675">
        <v>33077068</v>
      </c>
      <c r="B3675" t="s">
        <v>19040</v>
      </c>
      <c r="C3675" s="1" t="s">
        <v>19041</v>
      </c>
      <c r="E3675">
        <v>1</v>
      </c>
      <c r="F3675">
        <v>8</v>
      </c>
      <c r="H3675" t="s">
        <v>19042</v>
      </c>
      <c r="J3675" t="s">
        <v>19043</v>
      </c>
      <c r="K3675" t="s">
        <v>19044</v>
      </c>
      <c r="M3675">
        <v>439673</v>
      </c>
      <c r="O3675">
        <v>439673</v>
      </c>
      <c r="P3675">
        <v>1</v>
      </c>
      <c r="Q3675">
        <v>0</v>
      </c>
      <c r="R3675" t="s">
        <v>19045</v>
      </c>
      <c r="S3675">
        <v>73</v>
      </c>
    </row>
    <row r="3676" spans="1:19" x14ac:dyDescent="0.25">
      <c r="A3676">
        <v>2425690</v>
      </c>
      <c r="B3676" t="s">
        <v>19046</v>
      </c>
      <c r="C3676" s="1" t="s">
        <v>19047</v>
      </c>
      <c r="D3676">
        <v>3236905</v>
      </c>
      <c r="E3676">
        <v>2</v>
      </c>
      <c r="F3676">
        <v>3</v>
      </c>
      <c r="H3676" t="s">
        <v>19048</v>
      </c>
      <c r="I3676">
        <v>2</v>
      </c>
      <c r="J3676" t="s">
        <v>19049</v>
      </c>
      <c r="K3676" t="s">
        <v>19050</v>
      </c>
      <c r="M3676">
        <v>3381</v>
      </c>
      <c r="O3676">
        <v>3381</v>
      </c>
      <c r="P3676">
        <v>1</v>
      </c>
      <c r="Q3676">
        <v>6</v>
      </c>
      <c r="R3676" t="s">
        <v>4991</v>
      </c>
      <c r="S3676">
        <v>1105</v>
      </c>
    </row>
    <row r="3677" spans="1:19" x14ac:dyDescent="0.25">
      <c r="A3677">
        <v>30304855</v>
      </c>
      <c r="B3677" t="s">
        <v>19051</v>
      </c>
      <c r="C3677" s="1" t="s">
        <v>19052</v>
      </c>
      <c r="E3677">
        <v>2</v>
      </c>
      <c r="F3677">
        <v>9</v>
      </c>
      <c r="H3677" t="s">
        <v>19053</v>
      </c>
      <c r="I3677">
        <v>1</v>
      </c>
      <c r="J3677" t="s">
        <v>19054</v>
      </c>
      <c r="O3677">
        <v>1141299</v>
      </c>
      <c r="P3677">
        <v>1</v>
      </c>
      <c r="Q3677">
        <v>0</v>
      </c>
      <c r="R3677" t="s">
        <v>19055</v>
      </c>
      <c r="S3677">
        <v>587</v>
      </c>
    </row>
    <row r="3678" spans="1:19" x14ac:dyDescent="0.25">
      <c r="A3678">
        <v>5947061</v>
      </c>
      <c r="B3678" t="s">
        <v>19056</v>
      </c>
      <c r="C3678" s="1" t="s">
        <v>19057</v>
      </c>
      <c r="D3678">
        <v>5947153</v>
      </c>
      <c r="E3678">
        <v>3</v>
      </c>
      <c r="F3678">
        <v>2</v>
      </c>
      <c r="H3678" t="s">
        <v>19058</v>
      </c>
      <c r="I3678">
        <v>3</v>
      </c>
      <c r="J3678" t="s">
        <v>19059</v>
      </c>
      <c r="K3678" t="s">
        <v>19059</v>
      </c>
      <c r="M3678">
        <v>4834</v>
      </c>
      <c r="O3678">
        <v>1090446</v>
      </c>
      <c r="P3678">
        <v>1</v>
      </c>
      <c r="Q3678">
        <v>9</v>
      </c>
      <c r="R3678" t="s">
        <v>19060</v>
      </c>
      <c r="S3678">
        <v>7478</v>
      </c>
    </row>
    <row r="3679" spans="1:19" x14ac:dyDescent="0.25">
      <c r="A3679">
        <v>38985020</v>
      </c>
      <c r="B3679" t="s">
        <v>19061</v>
      </c>
      <c r="C3679" s="1" t="s">
        <v>19062</v>
      </c>
      <c r="D3679">
        <v>38994912</v>
      </c>
      <c r="E3679">
        <v>1</v>
      </c>
      <c r="F3679">
        <v>0</v>
      </c>
      <c r="H3679" t="s">
        <v>19063</v>
      </c>
      <c r="J3679" t="s">
        <v>19064</v>
      </c>
      <c r="O3679">
        <v>5342949</v>
      </c>
      <c r="P3679">
        <v>1</v>
      </c>
      <c r="Q3679">
        <v>0</v>
      </c>
      <c r="R3679" t="s">
        <v>19065</v>
      </c>
      <c r="S3679">
        <v>31</v>
      </c>
    </row>
    <row r="3680" spans="1:19" x14ac:dyDescent="0.25">
      <c r="A3680">
        <v>30105963</v>
      </c>
      <c r="B3680" t="s">
        <v>19066</v>
      </c>
      <c r="C3680" s="1" t="s">
        <v>19067</v>
      </c>
      <c r="E3680">
        <v>0</v>
      </c>
      <c r="F3680">
        <v>2</v>
      </c>
      <c r="H3680" t="s">
        <v>19068</v>
      </c>
      <c r="J3680" t="s">
        <v>19068</v>
      </c>
      <c r="O3680">
        <v>4874374</v>
      </c>
      <c r="P3680">
        <v>1</v>
      </c>
      <c r="Q3680">
        <v>0</v>
      </c>
      <c r="R3680" t="s">
        <v>1020</v>
      </c>
      <c r="S3680">
        <v>152</v>
      </c>
    </row>
    <row r="3681" spans="1:19" x14ac:dyDescent="0.25">
      <c r="A3681">
        <v>41940486</v>
      </c>
      <c r="B3681" t="s">
        <v>19069</v>
      </c>
      <c r="C3681" s="1" t="s">
        <v>19070</v>
      </c>
      <c r="D3681">
        <v>41940693</v>
      </c>
      <c r="E3681">
        <v>1</v>
      </c>
      <c r="F3681">
        <v>2</v>
      </c>
      <c r="H3681" t="s">
        <v>19071</v>
      </c>
      <c r="J3681" t="s">
        <v>19072</v>
      </c>
      <c r="K3681" t="s">
        <v>19072</v>
      </c>
      <c r="M3681">
        <v>2033717</v>
      </c>
      <c r="O3681">
        <v>5300021</v>
      </c>
      <c r="P3681">
        <v>1</v>
      </c>
      <c r="Q3681">
        <v>1</v>
      </c>
      <c r="R3681" t="s">
        <v>19073</v>
      </c>
      <c r="S3681">
        <v>659</v>
      </c>
    </row>
    <row r="3682" spans="1:19" x14ac:dyDescent="0.25">
      <c r="A3682">
        <v>23296992</v>
      </c>
      <c r="B3682" t="s">
        <v>19074</v>
      </c>
      <c r="C3682" s="1" t="s">
        <v>19075</v>
      </c>
      <c r="D3682">
        <v>23297203</v>
      </c>
      <c r="E3682">
        <v>2</v>
      </c>
      <c r="F3682">
        <v>2</v>
      </c>
      <c r="H3682" t="s">
        <v>19076</v>
      </c>
      <c r="J3682" t="s">
        <v>19077</v>
      </c>
      <c r="O3682">
        <v>2224204</v>
      </c>
      <c r="P3682">
        <v>1</v>
      </c>
      <c r="Q3682">
        <v>0</v>
      </c>
      <c r="R3682" t="s">
        <v>11082</v>
      </c>
      <c r="S3682">
        <v>45</v>
      </c>
    </row>
    <row r="3683" spans="1:19" x14ac:dyDescent="0.25">
      <c r="A3683">
        <v>23900645</v>
      </c>
      <c r="B3683" t="s">
        <v>19078</v>
      </c>
      <c r="C3683" s="1" t="s">
        <v>19079</v>
      </c>
      <c r="E3683">
        <v>2</v>
      </c>
      <c r="F3683">
        <v>1</v>
      </c>
      <c r="H3683" t="s">
        <v>19080</v>
      </c>
      <c r="J3683" t="s">
        <v>19081</v>
      </c>
      <c r="O3683">
        <v>3566753</v>
      </c>
      <c r="P3683">
        <v>1</v>
      </c>
      <c r="Q3683">
        <v>0</v>
      </c>
      <c r="R3683" t="s">
        <v>19082</v>
      </c>
      <c r="S3683">
        <v>25</v>
      </c>
    </row>
    <row r="3684" spans="1:19" x14ac:dyDescent="0.25">
      <c r="A3684">
        <v>826408</v>
      </c>
      <c r="B3684" t="s">
        <v>19083</v>
      </c>
      <c r="C3684" s="1" t="s">
        <v>19084</v>
      </c>
      <c r="E3684">
        <v>3</v>
      </c>
      <c r="F3684">
        <v>1</v>
      </c>
      <c r="H3684" t="s">
        <v>19085</v>
      </c>
      <c r="J3684" t="s">
        <v>19086</v>
      </c>
      <c r="K3684" t="s">
        <v>19087</v>
      </c>
      <c r="M3684">
        <v>1016716</v>
      </c>
      <c r="N3684" t="s">
        <v>19088</v>
      </c>
      <c r="P3684">
        <v>1</v>
      </c>
      <c r="Q3684">
        <v>0</v>
      </c>
      <c r="R3684" t="s">
        <v>19089</v>
      </c>
      <c r="S3684">
        <v>5714</v>
      </c>
    </row>
    <row r="3685" spans="1:19" x14ac:dyDescent="0.25">
      <c r="A3685">
        <v>20684218</v>
      </c>
      <c r="B3685" t="s">
        <v>19090</v>
      </c>
      <c r="C3685" s="1" t="s">
        <v>19091</v>
      </c>
      <c r="D3685">
        <v>20684293</v>
      </c>
      <c r="E3685">
        <v>1</v>
      </c>
      <c r="F3685">
        <v>0</v>
      </c>
      <c r="H3685" t="s">
        <v>19092</v>
      </c>
      <c r="J3685" t="s">
        <v>19093</v>
      </c>
      <c r="O3685">
        <v>3119486</v>
      </c>
      <c r="P3685">
        <v>1</v>
      </c>
      <c r="Q3685">
        <v>1</v>
      </c>
      <c r="R3685" t="s">
        <v>19094</v>
      </c>
      <c r="S3685">
        <v>402</v>
      </c>
    </row>
    <row r="3686" spans="1:19" x14ac:dyDescent="0.25">
      <c r="A3686">
        <v>34886379</v>
      </c>
      <c r="B3686" t="s">
        <v>19095</v>
      </c>
      <c r="C3686" s="1" t="s">
        <v>19096</v>
      </c>
      <c r="D3686">
        <v>34886440</v>
      </c>
      <c r="E3686">
        <v>2</v>
      </c>
      <c r="F3686">
        <v>2</v>
      </c>
      <c r="H3686" t="s">
        <v>19097</v>
      </c>
      <c r="J3686" t="s">
        <v>19098</v>
      </c>
      <c r="O3686">
        <v>5730828</v>
      </c>
      <c r="P3686">
        <v>1</v>
      </c>
      <c r="Q3686">
        <v>-1</v>
      </c>
      <c r="R3686" t="s">
        <v>11870</v>
      </c>
      <c r="S3686">
        <v>45</v>
      </c>
    </row>
    <row r="3687" spans="1:19" x14ac:dyDescent="0.25">
      <c r="A3687">
        <v>49355946</v>
      </c>
      <c r="B3687" t="s">
        <v>19099</v>
      </c>
      <c r="C3687" s="1" t="s">
        <v>19100</v>
      </c>
      <c r="E3687">
        <v>0</v>
      </c>
      <c r="F3687">
        <v>1</v>
      </c>
      <c r="H3687" t="s">
        <v>19101</v>
      </c>
      <c r="J3687" t="s">
        <v>19101</v>
      </c>
      <c r="O3687">
        <v>5022317</v>
      </c>
      <c r="P3687">
        <v>1</v>
      </c>
      <c r="Q3687">
        <v>0</v>
      </c>
      <c r="R3687" t="s">
        <v>19102</v>
      </c>
      <c r="S3687">
        <v>37</v>
      </c>
    </row>
    <row r="3688" spans="1:19" x14ac:dyDescent="0.25">
      <c r="A3688">
        <v>23865568</v>
      </c>
      <c r="B3688" t="s">
        <v>19103</v>
      </c>
      <c r="C3688" s="1" t="s">
        <v>19104</v>
      </c>
      <c r="D3688">
        <v>23865613</v>
      </c>
      <c r="E3688">
        <v>1</v>
      </c>
      <c r="F3688">
        <v>1</v>
      </c>
      <c r="H3688" t="s">
        <v>19105</v>
      </c>
      <c r="J3688" t="s">
        <v>19106</v>
      </c>
      <c r="K3688" t="s">
        <v>19106</v>
      </c>
      <c r="M3688">
        <v>280842</v>
      </c>
      <c r="O3688">
        <v>3675541</v>
      </c>
      <c r="P3688">
        <v>1</v>
      </c>
      <c r="Q3688">
        <v>1</v>
      </c>
      <c r="R3688" t="s">
        <v>19107</v>
      </c>
      <c r="S3688">
        <v>23</v>
      </c>
    </row>
    <row r="3689" spans="1:19" x14ac:dyDescent="0.25">
      <c r="A3689">
        <v>42434194</v>
      </c>
      <c r="B3689" t="s">
        <v>19108</v>
      </c>
      <c r="C3689" s="1" t="s">
        <v>19109</v>
      </c>
      <c r="D3689">
        <v>42434301</v>
      </c>
      <c r="E3689">
        <v>1</v>
      </c>
      <c r="F3689">
        <v>5</v>
      </c>
      <c r="H3689" t="s">
        <v>19110</v>
      </c>
      <c r="J3689" t="s">
        <v>19111</v>
      </c>
      <c r="K3689" t="s">
        <v>19111</v>
      </c>
      <c r="L3689" t="s">
        <v>19112</v>
      </c>
      <c r="O3689">
        <v>7368724</v>
      </c>
      <c r="P3689">
        <v>1</v>
      </c>
      <c r="Q3689">
        <v>0</v>
      </c>
      <c r="R3689" t="s">
        <v>19113</v>
      </c>
      <c r="S3689">
        <v>270</v>
      </c>
    </row>
    <row r="3690" spans="1:19" x14ac:dyDescent="0.25">
      <c r="A3690">
        <v>11796993</v>
      </c>
      <c r="B3690" t="s">
        <v>19114</v>
      </c>
      <c r="C3690" s="1" t="s">
        <v>19115</v>
      </c>
      <c r="D3690">
        <v>11797083</v>
      </c>
      <c r="E3690">
        <v>2</v>
      </c>
      <c r="F3690">
        <v>0</v>
      </c>
      <c r="H3690" t="s">
        <v>19116</v>
      </c>
      <c r="J3690" t="s">
        <v>19117</v>
      </c>
      <c r="O3690">
        <v>1355857</v>
      </c>
      <c r="P3690">
        <v>1</v>
      </c>
      <c r="Q3690">
        <v>1</v>
      </c>
      <c r="R3690" t="s">
        <v>19118</v>
      </c>
      <c r="S3690">
        <v>130</v>
      </c>
    </row>
    <row r="3691" spans="1:19" x14ac:dyDescent="0.25">
      <c r="A3691">
        <v>14303193</v>
      </c>
      <c r="B3691" t="s">
        <v>19119</v>
      </c>
      <c r="C3691" s="1" t="s">
        <v>19120</v>
      </c>
      <c r="D3691">
        <v>14303212</v>
      </c>
      <c r="E3691">
        <v>1</v>
      </c>
      <c r="F3691">
        <v>0</v>
      </c>
      <c r="H3691" t="s">
        <v>19121</v>
      </c>
      <c r="J3691" t="s">
        <v>19122</v>
      </c>
      <c r="K3691" t="s">
        <v>19122</v>
      </c>
      <c r="M3691">
        <v>1505120</v>
      </c>
      <c r="O3691">
        <v>508343</v>
      </c>
      <c r="P3691">
        <v>1</v>
      </c>
      <c r="Q3691">
        <v>1</v>
      </c>
      <c r="R3691" t="s">
        <v>19123</v>
      </c>
      <c r="S3691">
        <v>245</v>
      </c>
    </row>
    <row r="3692" spans="1:19" x14ac:dyDescent="0.25">
      <c r="A3692">
        <v>48342794</v>
      </c>
      <c r="B3692" t="s">
        <v>19124</v>
      </c>
      <c r="C3692" s="1" t="s">
        <v>19125</v>
      </c>
      <c r="E3692">
        <v>0</v>
      </c>
      <c r="F3692">
        <v>0</v>
      </c>
      <c r="H3692" t="s">
        <v>19126</v>
      </c>
      <c r="J3692" t="s">
        <v>19127</v>
      </c>
      <c r="K3692" t="s">
        <v>19127</v>
      </c>
      <c r="M3692">
        <v>2947573</v>
      </c>
      <c r="O3692">
        <v>2947573</v>
      </c>
      <c r="P3692">
        <v>1</v>
      </c>
      <c r="Q3692">
        <v>0</v>
      </c>
      <c r="R3692" t="s">
        <v>19128</v>
      </c>
      <c r="S3692">
        <v>197</v>
      </c>
    </row>
    <row r="3693" spans="1:19" x14ac:dyDescent="0.25">
      <c r="A3693">
        <v>3106501</v>
      </c>
      <c r="B3693" t="s">
        <v>19129</v>
      </c>
      <c r="C3693" s="1" t="s">
        <v>19130</v>
      </c>
      <c r="D3693">
        <v>3107050</v>
      </c>
      <c r="E3693">
        <v>5</v>
      </c>
      <c r="F3693">
        <v>2</v>
      </c>
      <c r="H3693" t="s">
        <v>19131</v>
      </c>
      <c r="I3693">
        <v>2</v>
      </c>
      <c r="J3693" t="s">
        <v>19132</v>
      </c>
      <c r="K3693" t="s">
        <v>19132</v>
      </c>
      <c r="M3693">
        <v>4370109</v>
      </c>
      <c r="O3693">
        <v>371843</v>
      </c>
      <c r="P3693">
        <v>1</v>
      </c>
      <c r="Q3693">
        <v>6</v>
      </c>
      <c r="R3693" t="s">
        <v>19133</v>
      </c>
      <c r="S3693">
        <v>1142</v>
      </c>
    </row>
    <row r="3694" spans="1:19" x14ac:dyDescent="0.25">
      <c r="A3694">
        <v>37794613</v>
      </c>
      <c r="B3694" t="s">
        <v>19134</v>
      </c>
      <c r="C3694" s="1" t="s">
        <v>19135</v>
      </c>
      <c r="D3694">
        <v>37794931</v>
      </c>
      <c r="E3694">
        <v>1</v>
      </c>
      <c r="F3694">
        <v>0</v>
      </c>
      <c r="H3694" t="s">
        <v>19136</v>
      </c>
      <c r="J3694" t="s">
        <v>19137</v>
      </c>
      <c r="O3694">
        <v>594763</v>
      </c>
      <c r="P3694">
        <v>1</v>
      </c>
      <c r="Q3694">
        <v>1</v>
      </c>
      <c r="R3694" t="s">
        <v>7907</v>
      </c>
      <c r="S3694">
        <v>86</v>
      </c>
    </row>
    <row r="3695" spans="1:19" x14ac:dyDescent="0.25">
      <c r="A3695">
        <v>14610833</v>
      </c>
      <c r="B3695" t="s">
        <v>19138</v>
      </c>
      <c r="C3695" s="1" t="s">
        <v>19139</v>
      </c>
      <c r="E3695">
        <v>0</v>
      </c>
      <c r="F3695">
        <v>6</v>
      </c>
      <c r="H3695" t="s">
        <v>19140</v>
      </c>
      <c r="J3695" t="s">
        <v>19141</v>
      </c>
      <c r="K3695" t="s">
        <v>19141</v>
      </c>
      <c r="M3695">
        <v>100297</v>
      </c>
      <c r="O3695">
        <v>1125251</v>
      </c>
      <c r="P3695">
        <v>1</v>
      </c>
      <c r="Q3695">
        <v>0</v>
      </c>
      <c r="R3695" t="s">
        <v>19142</v>
      </c>
      <c r="S3695">
        <v>186</v>
      </c>
    </row>
    <row r="3696" spans="1:19" x14ac:dyDescent="0.25">
      <c r="A3696">
        <v>30375026</v>
      </c>
      <c r="B3696" t="s">
        <v>19143</v>
      </c>
      <c r="C3696" s="1" t="s">
        <v>19144</v>
      </c>
      <c r="D3696">
        <v>30375193</v>
      </c>
      <c r="E3696">
        <v>9</v>
      </c>
      <c r="F3696">
        <v>1</v>
      </c>
      <c r="H3696" t="s">
        <v>19145</v>
      </c>
      <c r="J3696" t="s">
        <v>19146</v>
      </c>
      <c r="O3696">
        <v>4800498</v>
      </c>
      <c r="P3696">
        <v>1</v>
      </c>
      <c r="Q3696">
        <v>0</v>
      </c>
      <c r="R3696" t="s">
        <v>871</v>
      </c>
      <c r="S3696">
        <v>114</v>
      </c>
    </row>
    <row r="3697" spans="1:19" x14ac:dyDescent="0.25">
      <c r="A3697">
        <v>45271150</v>
      </c>
      <c r="B3697" t="s">
        <v>19147</v>
      </c>
      <c r="C3697" s="1" t="s">
        <v>19148</v>
      </c>
      <c r="E3697">
        <v>2</v>
      </c>
      <c r="F3697">
        <v>1</v>
      </c>
      <c r="H3697" t="s">
        <v>19149</v>
      </c>
      <c r="J3697" t="s">
        <v>19150</v>
      </c>
      <c r="O3697">
        <v>8057782</v>
      </c>
      <c r="P3697">
        <v>1</v>
      </c>
      <c r="Q3697">
        <v>0</v>
      </c>
      <c r="R3697" t="s">
        <v>19151</v>
      </c>
      <c r="S3697">
        <v>290</v>
      </c>
    </row>
    <row r="3698" spans="1:19" x14ac:dyDescent="0.25">
      <c r="A3698">
        <v>2290076</v>
      </c>
      <c r="B3698" t="s">
        <v>19152</v>
      </c>
      <c r="C3698" s="1" t="s">
        <v>19153</v>
      </c>
      <c r="D3698">
        <v>2290112</v>
      </c>
      <c r="E3698">
        <v>6</v>
      </c>
      <c r="F3698">
        <v>0</v>
      </c>
      <c r="H3698" t="s">
        <v>19154</v>
      </c>
      <c r="I3698">
        <v>1</v>
      </c>
      <c r="J3698" t="s">
        <v>19155</v>
      </c>
      <c r="O3698">
        <v>195585</v>
      </c>
      <c r="P3698">
        <v>1</v>
      </c>
      <c r="Q3698">
        <v>16</v>
      </c>
      <c r="R3698" t="s">
        <v>19156</v>
      </c>
      <c r="S3698">
        <v>7086</v>
      </c>
    </row>
    <row r="3699" spans="1:19" x14ac:dyDescent="0.25">
      <c r="A3699">
        <v>43666578</v>
      </c>
      <c r="B3699" t="s">
        <v>19157</v>
      </c>
      <c r="C3699" s="1" t="s">
        <v>19158</v>
      </c>
      <c r="E3699">
        <v>0</v>
      </c>
      <c r="F3699">
        <v>3</v>
      </c>
      <c r="H3699" t="s">
        <v>19159</v>
      </c>
      <c r="J3699" t="s">
        <v>19159</v>
      </c>
      <c r="O3699">
        <v>5956901</v>
      </c>
      <c r="P3699">
        <v>1</v>
      </c>
      <c r="Q3699">
        <v>1</v>
      </c>
      <c r="R3699" t="s">
        <v>19160</v>
      </c>
      <c r="S3699">
        <v>219</v>
      </c>
    </row>
    <row r="3700" spans="1:19" x14ac:dyDescent="0.25">
      <c r="A3700">
        <v>24513679</v>
      </c>
      <c r="B3700" t="s">
        <v>19161</v>
      </c>
      <c r="C3700" s="1" t="s">
        <v>19162</v>
      </c>
      <c r="E3700">
        <v>1</v>
      </c>
      <c r="F3700">
        <v>2</v>
      </c>
      <c r="H3700" t="s">
        <v>19163</v>
      </c>
      <c r="I3700">
        <v>2</v>
      </c>
      <c r="J3700" t="s">
        <v>19164</v>
      </c>
      <c r="O3700">
        <v>1280282</v>
      </c>
      <c r="P3700">
        <v>1</v>
      </c>
      <c r="Q3700">
        <v>2</v>
      </c>
      <c r="R3700" t="s">
        <v>3754</v>
      </c>
      <c r="S3700">
        <v>213</v>
      </c>
    </row>
    <row r="3701" spans="1:19" x14ac:dyDescent="0.25">
      <c r="A3701">
        <v>4140189</v>
      </c>
      <c r="B3701" t="s">
        <v>19165</v>
      </c>
      <c r="C3701" s="1" t="s">
        <v>19166</v>
      </c>
      <c r="D3701">
        <v>4140462</v>
      </c>
      <c r="E3701">
        <v>3</v>
      </c>
      <c r="F3701">
        <v>0</v>
      </c>
      <c r="H3701" t="s">
        <v>19167</v>
      </c>
      <c r="I3701">
        <v>2</v>
      </c>
      <c r="J3701" t="s">
        <v>19168</v>
      </c>
      <c r="K3701" t="s">
        <v>19169</v>
      </c>
      <c r="M3701">
        <v>358013</v>
      </c>
      <c r="O3701">
        <v>358013</v>
      </c>
      <c r="P3701">
        <v>1</v>
      </c>
      <c r="Q3701">
        <v>8</v>
      </c>
      <c r="R3701" t="s">
        <v>19170</v>
      </c>
      <c r="S3701">
        <v>5764</v>
      </c>
    </row>
    <row r="3702" spans="1:19" x14ac:dyDescent="0.25">
      <c r="A3702">
        <v>53209223</v>
      </c>
      <c r="B3702" t="s">
        <v>19171</v>
      </c>
      <c r="C3702" s="1" t="s">
        <v>19172</v>
      </c>
      <c r="E3702">
        <v>1</v>
      </c>
      <c r="F3702">
        <v>0</v>
      </c>
      <c r="H3702" t="s">
        <v>19173</v>
      </c>
      <c r="I3702">
        <v>0</v>
      </c>
      <c r="J3702" t="s">
        <v>19174</v>
      </c>
      <c r="O3702">
        <v>2047445</v>
      </c>
      <c r="P3702">
        <v>1</v>
      </c>
      <c r="Q3702">
        <v>1</v>
      </c>
      <c r="R3702" t="s">
        <v>19175</v>
      </c>
      <c r="S3702">
        <v>17</v>
      </c>
    </row>
    <row r="3703" spans="1:19" x14ac:dyDescent="0.25">
      <c r="A3703">
        <v>28407499</v>
      </c>
      <c r="B3703" t="s">
        <v>19176</v>
      </c>
      <c r="C3703" t="s">
        <v>19177</v>
      </c>
      <c r="E3703">
        <v>1</v>
      </c>
      <c r="F3703">
        <v>0</v>
      </c>
      <c r="H3703" t="s">
        <v>19178</v>
      </c>
      <c r="J3703" t="s">
        <v>19179</v>
      </c>
      <c r="K3703" t="s">
        <v>19179</v>
      </c>
      <c r="M3703">
        <v>4234454</v>
      </c>
      <c r="O3703">
        <v>4234454</v>
      </c>
      <c r="P3703">
        <v>1</v>
      </c>
      <c r="Q3703">
        <v>0</v>
      </c>
      <c r="R3703" t="s">
        <v>19180</v>
      </c>
      <c r="S3703">
        <v>1032</v>
      </c>
    </row>
    <row r="3704" spans="1:19" x14ac:dyDescent="0.25">
      <c r="A3704">
        <v>15390849</v>
      </c>
      <c r="B3704" t="s">
        <v>19181</v>
      </c>
      <c r="C3704" s="1" t="s">
        <v>19182</v>
      </c>
      <c r="D3704">
        <v>15408438</v>
      </c>
      <c r="E3704">
        <v>1</v>
      </c>
      <c r="F3704">
        <v>1</v>
      </c>
      <c r="H3704" t="s">
        <v>19183</v>
      </c>
      <c r="I3704">
        <v>1</v>
      </c>
      <c r="J3704" t="s">
        <v>19184</v>
      </c>
      <c r="O3704">
        <v>62653</v>
      </c>
      <c r="P3704">
        <v>1</v>
      </c>
      <c r="Q3704">
        <v>0</v>
      </c>
      <c r="R3704" t="s">
        <v>19185</v>
      </c>
      <c r="S3704">
        <v>1949</v>
      </c>
    </row>
    <row r="3705" spans="1:19" x14ac:dyDescent="0.25">
      <c r="A3705">
        <v>9072012</v>
      </c>
      <c r="B3705" t="s">
        <v>19186</v>
      </c>
      <c r="C3705" s="1" t="s">
        <v>19187</v>
      </c>
      <c r="D3705">
        <v>9072186</v>
      </c>
      <c r="E3705">
        <v>2</v>
      </c>
      <c r="F3705">
        <v>4</v>
      </c>
      <c r="H3705" t="s">
        <v>19188</v>
      </c>
      <c r="J3705" t="s">
        <v>19189</v>
      </c>
      <c r="O3705">
        <v>832967</v>
      </c>
      <c r="P3705">
        <v>1</v>
      </c>
      <c r="Q3705">
        <v>0</v>
      </c>
      <c r="R3705" t="s">
        <v>8946</v>
      </c>
      <c r="S3705">
        <v>355</v>
      </c>
    </row>
    <row r="3706" spans="1:19" x14ac:dyDescent="0.25">
      <c r="A3706">
        <v>47597914</v>
      </c>
      <c r="B3706" t="s">
        <v>19190</v>
      </c>
      <c r="C3706" s="1" t="s">
        <v>19191</v>
      </c>
      <c r="E3706">
        <v>0</v>
      </c>
      <c r="F3706">
        <v>5</v>
      </c>
      <c r="H3706" t="s">
        <v>19192</v>
      </c>
      <c r="I3706">
        <v>2</v>
      </c>
      <c r="J3706" t="s">
        <v>19192</v>
      </c>
      <c r="O3706">
        <v>4732666</v>
      </c>
      <c r="P3706">
        <v>1</v>
      </c>
      <c r="Q3706">
        <v>1</v>
      </c>
      <c r="R3706" t="s">
        <v>19193</v>
      </c>
      <c r="S3706">
        <v>387</v>
      </c>
    </row>
    <row r="3707" spans="1:19" x14ac:dyDescent="0.25">
      <c r="A3707">
        <v>47768719</v>
      </c>
      <c r="B3707" t="s">
        <v>19194</v>
      </c>
      <c r="C3707" s="1" t="s">
        <v>19195</v>
      </c>
      <c r="D3707">
        <v>47774162</v>
      </c>
      <c r="E3707">
        <v>1</v>
      </c>
      <c r="F3707">
        <v>3</v>
      </c>
      <c r="H3707" t="s">
        <v>19196</v>
      </c>
      <c r="I3707">
        <v>1</v>
      </c>
      <c r="J3707" t="s">
        <v>19197</v>
      </c>
      <c r="O3707">
        <v>8719108</v>
      </c>
      <c r="P3707">
        <v>1</v>
      </c>
      <c r="Q3707">
        <v>1</v>
      </c>
      <c r="R3707" t="s">
        <v>19198</v>
      </c>
      <c r="S3707">
        <v>231</v>
      </c>
    </row>
    <row r="3708" spans="1:19" x14ac:dyDescent="0.25">
      <c r="A3708">
        <v>23186201</v>
      </c>
      <c r="B3708" t="s">
        <v>19199</v>
      </c>
      <c r="C3708" s="1" t="s">
        <v>19200</v>
      </c>
      <c r="D3708">
        <v>23186232</v>
      </c>
      <c r="E3708">
        <v>3</v>
      </c>
      <c r="F3708">
        <v>3</v>
      </c>
      <c r="H3708" t="s">
        <v>19201</v>
      </c>
      <c r="J3708" t="s">
        <v>19202</v>
      </c>
      <c r="N3708" t="s">
        <v>19203</v>
      </c>
      <c r="P3708">
        <v>1</v>
      </c>
      <c r="Q3708">
        <v>0</v>
      </c>
      <c r="R3708" t="s">
        <v>19204</v>
      </c>
      <c r="S3708">
        <v>803</v>
      </c>
    </row>
    <row r="3709" spans="1:19" x14ac:dyDescent="0.25">
      <c r="A3709">
        <v>1929029</v>
      </c>
      <c r="B3709" t="s">
        <v>19205</v>
      </c>
      <c r="C3709" s="1" t="s">
        <v>19206</v>
      </c>
      <c r="D3709">
        <v>1929265</v>
      </c>
      <c r="E3709">
        <v>3</v>
      </c>
      <c r="F3709">
        <v>2</v>
      </c>
      <c r="H3709" t="s">
        <v>19207</v>
      </c>
      <c r="J3709" t="s">
        <v>19208</v>
      </c>
      <c r="K3709" t="s">
        <v>19209</v>
      </c>
      <c r="M3709">
        <v>164299</v>
      </c>
      <c r="O3709">
        <v>164299</v>
      </c>
      <c r="P3709">
        <v>1</v>
      </c>
      <c r="Q3709">
        <v>0</v>
      </c>
      <c r="R3709" t="s">
        <v>19210</v>
      </c>
      <c r="S3709">
        <v>635</v>
      </c>
    </row>
    <row r="3710" spans="1:19" x14ac:dyDescent="0.25">
      <c r="A3710">
        <v>50247953</v>
      </c>
      <c r="B3710" t="s">
        <v>19211</v>
      </c>
      <c r="C3710" s="1" t="s">
        <v>19212</v>
      </c>
      <c r="E3710">
        <v>0</v>
      </c>
      <c r="F3710">
        <v>1</v>
      </c>
      <c r="H3710" t="s">
        <v>19213</v>
      </c>
      <c r="J3710" t="s">
        <v>19214</v>
      </c>
      <c r="K3710" t="s">
        <v>19214</v>
      </c>
      <c r="M3710">
        <v>6622186</v>
      </c>
      <c r="O3710">
        <v>6622186</v>
      </c>
      <c r="P3710">
        <v>1</v>
      </c>
      <c r="Q3710">
        <v>0</v>
      </c>
      <c r="R3710" t="s">
        <v>19215</v>
      </c>
      <c r="S3710">
        <v>37</v>
      </c>
    </row>
    <row r="3711" spans="1:19" x14ac:dyDescent="0.25">
      <c r="A3711">
        <v>22996422</v>
      </c>
      <c r="B3711" t="s">
        <v>19216</v>
      </c>
      <c r="C3711" s="1" t="s">
        <v>19217</v>
      </c>
      <c r="D3711">
        <v>22996829</v>
      </c>
      <c r="E3711">
        <v>2</v>
      </c>
      <c r="F3711">
        <v>6</v>
      </c>
      <c r="H3711" t="s">
        <v>19218</v>
      </c>
      <c r="J3711" t="s">
        <v>19219</v>
      </c>
      <c r="O3711">
        <v>2978301</v>
      </c>
      <c r="P3711">
        <v>1</v>
      </c>
      <c r="Q3711">
        <v>1</v>
      </c>
      <c r="R3711" t="s">
        <v>19220</v>
      </c>
      <c r="S3711">
        <v>74</v>
      </c>
    </row>
    <row r="3712" spans="1:19" x14ac:dyDescent="0.25">
      <c r="A3712">
        <v>11135973</v>
      </c>
      <c r="B3712" t="s">
        <v>19221</v>
      </c>
      <c r="C3712" s="1" t="s">
        <v>19222</v>
      </c>
      <c r="E3712">
        <v>2</v>
      </c>
      <c r="F3712">
        <v>4</v>
      </c>
      <c r="H3712" t="s">
        <v>19223</v>
      </c>
      <c r="I3712">
        <v>2</v>
      </c>
      <c r="J3712" t="s">
        <v>19224</v>
      </c>
      <c r="K3712" t="s">
        <v>19224</v>
      </c>
      <c r="M3712">
        <v>656600</v>
      </c>
      <c r="O3712">
        <v>1439562</v>
      </c>
      <c r="P3712">
        <v>1</v>
      </c>
      <c r="Q3712">
        <v>0</v>
      </c>
      <c r="R3712" t="s">
        <v>19225</v>
      </c>
      <c r="S3712">
        <v>244</v>
      </c>
    </row>
    <row r="3713" spans="1:19" x14ac:dyDescent="0.25">
      <c r="A3713">
        <v>38166985</v>
      </c>
      <c r="B3713" t="s">
        <v>19226</v>
      </c>
      <c r="C3713" s="1" t="s">
        <v>19227</v>
      </c>
      <c r="D3713">
        <v>38170081</v>
      </c>
      <c r="E3713">
        <v>1</v>
      </c>
      <c r="F3713">
        <v>2</v>
      </c>
      <c r="H3713" t="s">
        <v>19228</v>
      </c>
      <c r="J3713" t="s">
        <v>19229</v>
      </c>
      <c r="K3713" t="s">
        <v>19230</v>
      </c>
      <c r="M3713">
        <v>5642279</v>
      </c>
      <c r="O3713">
        <v>6541464</v>
      </c>
      <c r="P3713">
        <v>1</v>
      </c>
      <c r="Q3713">
        <v>2</v>
      </c>
      <c r="R3713" t="s">
        <v>2771</v>
      </c>
      <c r="S3713">
        <v>79</v>
      </c>
    </row>
    <row r="3714" spans="1:19" x14ac:dyDescent="0.25">
      <c r="A3714">
        <v>34663631</v>
      </c>
      <c r="B3714" t="s">
        <v>19231</v>
      </c>
      <c r="C3714" s="1" t="s">
        <v>19232</v>
      </c>
      <c r="D3714">
        <v>34663726</v>
      </c>
      <c r="E3714">
        <v>2</v>
      </c>
      <c r="F3714">
        <v>3</v>
      </c>
      <c r="H3714" t="s">
        <v>19233</v>
      </c>
      <c r="J3714" t="s">
        <v>19234</v>
      </c>
      <c r="K3714" t="s">
        <v>19234</v>
      </c>
      <c r="M3714">
        <v>2241614</v>
      </c>
      <c r="O3714">
        <v>2241614</v>
      </c>
      <c r="P3714">
        <v>1</v>
      </c>
      <c r="Q3714">
        <v>1</v>
      </c>
      <c r="R3714" t="s">
        <v>19235</v>
      </c>
      <c r="S3714">
        <v>205</v>
      </c>
    </row>
    <row r="3715" spans="1:19" x14ac:dyDescent="0.25">
      <c r="A3715">
        <v>10953824</v>
      </c>
      <c r="B3715" t="s">
        <v>19236</v>
      </c>
      <c r="C3715" s="1" t="s">
        <v>19237</v>
      </c>
      <c r="D3715">
        <v>10954141</v>
      </c>
      <c r="E3715">
        <v>3</v>
      </c>
      <c r="F3715">
        <v>2</v>
      </c>
      <c r="H3715" t="s">
        <v>19238</v>
      </c>
      <c r="J3715" t="s">
        <v>19239</v>
      </c>
      <c r="K3715" t="s">
        <v>19240</v>
      </c>
      <c r="M3715">
        <v>173634</v>
      </c>
      <c r="O3715">
        <v>173634</v>
      </c>
      <c r="P3715">
        <v>1</v>
      </c>
      <c r="Q3715">
        <v>0</v>
      </c>
      <c r="R3715" t="s">
        <v>19241</v>
      </c>
      <c r="S3715">
        <v>141</v>
      </c>
    </row>
    <row r="3716" spans="1:19" x14ac:dyDescent="0.25">
      <c r="A3716">
        <v>52340392</v>
      </c>
      <c r="B3716" t="s">
        <v>19242</v>
      </c>
      <c r="C3716" s="1" t="s">
        <v>19243</v>
      </c>
      <c r="D3716">
        <v>52340421</v>
      </c>
      <c r="E3716">
        <v>1</v>
      </c>
      <c r="F3716">
        <v>0</v>
      </c>
      <c r="H3716" t="s">
        <v>19244</v>
      </c>
      <c r="J3716" t="s">
        <v>19245</v>
      </c>
      <c r="O3716">
        <v>8942199</v>
      </c>
      <c r="P3716">
        <v>1</v>
      </c>
      <c r="Q3716">
        <v>-1</v>
      </c>
      <c r="R3716" t="s">
        <v>759</v>
      </c>
      <c r="S3716">
        <v>42</v>
      </c>
    </row>
    <row r="3717" spans="1:19" x14ac:dyDescent="0.25">
      <c r="A3717">
        <v>37247645</v>
      </c>
      <c r="B3717" t="s">
        <v>19246</v>
      </c>
      <c r="C3717" s="1" t="s">
        <v>19247</v>
      </c>
      <c r="D3717">
        <v>37247690</v>
      </c>
      <c r="E3717">
        <v>1</v>
      </c>
      <c r="F3717">
        <v>0</v>
      </c>
      <c r="H3717" t="s">
        <v>19248</v>
      </c>
      <c r="J3717" t="s">
        <v>19249</v>
      </c>
      <c r="O3717">
        <v>975566</v>
      </c>
      <c r="P3717">
        <v>1</v>
      </c>
      <c r="Q3717">
        <v>2</v>
      </c>
      <c r="R3717" t="s">
        <v>7728</v>
      </c>
      <c r="S3717">
        <v>257</v>
      </c>
    </row>
    <row r="3718" spans="1:19" x14ac:dyDescent="0.25">
      <c r="A3718">
        <v>8953410</v>
      </c>
      <c r="B3718" t="s">
        <v>19250</v>
      </c>
      <c r="C3718" t="s">
        <v>19251</v>
      </c>
      <c r="D3718">
        <v>8953507</v>
      </c>
      <c r="E3718">
        <v>3</v>
      </c>
      <c r="F3718">
        <v>5</v>
      </c>
      <c r="H3718" t="s">
        <v>19252</v>
      </c>
      <c r="J3718" t="s">
        <v>19253</v>
      </c>
      <c r="O3718">
        <v>993437</v>
      </c>
      <c r="P3718">
        <v>1</v>
      </c>
      <c r="Q3718">
        <v>3</v>
      </c>
      <c r="R3718" t="s">
        <v>19254</v>
      </c>
      <c r="S3718">
        <v>6274</v>
      </c>
    </row>
    <row r="3719" spans="1:19" x14ac:dyDescent="0.25">
      <c r="A3719">
        <v>15264104</v>
      </c>
      <c r="B3719" t="s">
        <v>19255</v>
      </c>
      <c r="C3719" s="1" t="s">
        <v>19256</v>
      </c>
      <c r="E3719">
        <v>1</v>
      </c>
      <c r="F3719">
        <v>2</v>
      </c>
      <c r="H3719" t="s">
        <v>19257</v>
      </c>
      <c r="I3719">
        <v>1</v>
      </c>
      <c r="J3719" t="s">
        <v>19258</v>
      </c>
      <c r="K3719" t="s">
        <v>19258</v>
      </c>
      <c r="M3719">
        <v>616443</v>
      </c>
      <c r="O3719">
        <v>1424385</v>
      </c>
      <c r="P3719">
        <v>1</v>
      </c>
      <c r="Q3719">
        <v>0</v>
      </c>
      <c r="R3719" t="s">
        <v>19259</v>
      </c>
      <c r="S3719">
        <v>3753</v>
      </c>
    </row>
    <row r="3720" spans="1:19" x14ac:dyDescent="0.25">
      <c r="A3720">
        <v>48446476</v>
      </c>
      <c r="B3720" t="s">
        <v>19260</v>
      </c>
      <c r="C3720" t="s">
        <v>19261</v>
      </c>
      <c r="E3720">
        <v>1</v>
      </c>
      <c r="F3720">
        <v>3</v>
      </c>
      <c r="H3720" t="s">
        <v>19262</v>
      </c>
      <c r="J3720" t="s">
        <v>19263</v>
      </c>
      <c r="O3720">
        <v>9268306</v>
      </c>
      <c r="P3720">
        <v>1</v>
      </c>
      <c r="Q3720">
        <v>-5</v>
      </c>
      <c r="R3720" t="s">
        <v>19264</v>
      </c>
      <c r="S3720">
        <v>294</v>
      </c>
    </row>
    <row r="3721" spans="1:19" x14ac:dyDescent="0.25">
      <c r="A3721">
        <v>26039814</v>
      </c>
      <c r="B3721" t="s">
        <v>19265</v>
      </c>
      <c r="C3721" s="1" t="s">
        <v>19266</v>
      </c>
      <c r="D3721">
        <v>26039987</v>
      </c>
      <c r="E3721">
        <v>1</v>
      </c>
      <c r="F3721">
        <v>0</v>
      </c>
      <c r="H3721" t="s">
        <v>19267</v>
      </c>
      <c r="J3721" t="s">
        <v>19268</v>
      </c>
      <c r="K3721" t="s">
        <v>19268</v>
      </c>
      <c r="M3721">
        <v>4370109</v>
      </c>
      <c r="O3721">
        <v>3244043</v>
      </c>
      <c r="P3721">
        <v>1</v>
      </c>
      <c r="Q3721">
        <v>0</v>
      </c>
      <c r="R3721" t="s">
        <v>19269</v>
      </c>
      <c r="S3721">
        <v>375</v>
      </c>
    </row>
    <row r="3722" spans="1:19" x14ac:dyDescent="0.25">
      <c r="A3722">
        <v>25879339</v>
      </c>
      <c r="B3722" t="s">
        <v>19270</v>
      </c>
      <c r="C3722" s="1" t="s">
        <v>19271</v>
      </c>
      <c r="E3722">
        <v>0</v>
      </c>
      <c r="F3722">
        <v>7</v>
      </c>
      <c r="H3722" t="s">
        <v>19272</v>
      </c>
      <c r="J3722" t="s">
        <v>19273</v>
      </c>
      <c r="K3722" t="s">
        <v>19273</v>
      </c>
      <c r="M3722">
        <v>1159869</v>
      </c>
      <c r="O3722">
        <v>1159869</v>
      </c>
      <c r="P3722">
        <v>1</v>
      </c>
      <c r="Q3722">
        <v>0</v>
      </c>
      <c r="R3722" t="s">
        <v>6912</v>
      </c>
      <c r="S3722">
        <v>176</v>
      </c>
    </row>
    <row r="3723" spans="1:19" x14ac:dyDescent="0.25">
      <c r="A3723">
        <v>1958911</v>
      </c>
      <c r="B3723" t="s">
        <v>19274</v>
      </c>
      <c r="C3723" s="1" t="s">
        <v>19275</v>
      </c>
      <c r="D3723">
        <v>1958935</v>
      </c>
      <c r="E3723">
        <v>3</v>
      </c>
      <c r="F3723">
        <v>0</v>
      </c>
      <c r="H3723" t="s">
        <v>19276</v>
      </c>
      <c r="J3723" t="s">
        <v>19277</v>
      </c>
      <c r="O3723">
        <v>121344</v>
      </c>
      <c r="P3723">
        <v>1</v>
      </c>
      <c r="Q3723">
        <v>1</v>
      </c>
      <c r="R3723" t="s">
        <v>19278</v>
      </c>
      <c r="S3723">
        <v>1256</v>
      </c>
    </row>
    <row r="3724" spans="1:19" x14ac:dyDescent="0.25">
      <c r="A3724">
        <v>36698973</v>
      </c>
      <c r="B3724" t="s">
        <v>19279</v>
      </c>
      <c r="C3724" s="1" t="s">
        <v>19280</v>
      </c>
      <c r="E3724">
        <v>2</v>
      </c>
      <c r="F3724">
        <v>0</v>
      </c>
      <c r="H3724" t="s">
        <v>19281</v>
      </c>
      <c r="J3724" t="s">
        <v>19282</v>
      </c>
      <c r="O3724">
        <v>1022191</v>
      </c>
      <c r="P3724">
        <v>1</v>
      </c>
      <c r="Q3724">
        <v>0</v>
      </c>
      <c r="R3724" t="s">
        <v>19283</v>
      </c>
      <c r="S3724">
        <v>49</v>
      </c>
    </row>
    <row r="3725" spans="1:19" x14ac:dyDescent="0.25">
      <c r="A3725">
        <v>42789674</v>
      </c>
      <c r="B3725" t="s">
        <v>19284</v>
      </c>
      <c r="C3725" s="1" t="s">
        <v>19285</v>
      </c>
      <c r="D3725">
        <v>42891765</v>
      </c>
      <c r="E3725">
        <v>2</v>
      </c>
      <c r="F3725">
        <v>0</v>
      </c>
      <c r="H3725" t="s">
        <v>19286</v>
      </c>
      <c r="J3725" t="s">
        <v>19287</v>
      </c>
      <c r="O3725">
        <v>1660502</v>
      </c>
      <c r="P3725">
        <v>1</v>
      </c>
      <c r="Q3725">
        <v>12</v>
      </c>
      <c r="R3725" t="s">
        <v>19288</v>
      </c>
      <c r="S3725">
        <v>276</v>
      </c>
    </row>
    <row r="3726" spans="1:19" x14ac:dyDescent="0.25">
      <c r="A3726">
        <v>22723778</v>
      </c>
      <c r="B3726" t="s">
        <v>19289</v>
      </c>
      <c r="C3726" s="1" t="s">
        <v>19290</v>
      </c>
      <c r="E3726">
        <v>1</v>
      </c>
      <c r="F3726">
        <v>1</v>
      </c>
      <c r="H3726" t="s">
        <v>19291</v>
      </c>
      <c r="J3726" t="s">
        <v>19292</v>
      </c>
      <c r="O3726">
        <v>1346356</v>
      </c>
      <c r="P3726">
        <v>1</v>
      </c>
      <c r="Q3726">
        <v>1</v>
      </c>
      <c r="R3726" t="s">
        <v>19293</v>
      </c>
      <c r="S3726">
        <v>801</v>
      </c>
    </row>
    <row r="3727" spans="1:19" x14ac:dyDescent="0.25">
      <c r="A3727">
        <v>3242475</v>
      </c>
      <c r="B3727" t="s">
        <v>19294</v>
      </c>
      <c r="C3727" s="1" t="s">
        <v>19295</v>
      </c>
      <c r="D3727">
        <v>3242586</v>
      </c>
      <c r="E3727">
        <v>2</v>
      </c>
      <c r="F3727">
        <v>8</v>
      </c>
      <c r="H3727" t="s">
        <v>19296</v>
      </c>
      <c r="J3727" t="s">
        <v>19297</v>
      </c>
      <c r="K3727" t="s">
        <v>19298</v>
      </c>
      <c r="M3727">
        <v>14065</v>
      </c>
      <c r="O3727">
        <v>383352</v>
      </c>
      <c r="P3727">
        <v>1</v>
      </c>
      <c r="Q3727">
        <v>0</v>
      </c>
      <c r="R3727" t="s">
        <v>759</v>
      </c>
      <c r="S3727">
        <v>190</v>
      </c>
    </row>
    <row r="3728" spans="1:19" x14ac:dyDescent="0.25">
      <c r="A3728">
        <v>35859823</v>
      </c>
      <c r="B3728" t="s">
        <v>19299</v>
      </c>
      <c r="C3728" s="1" t="s">
        <v>19300</v>
      </c>
      <c r="E3728">
        <v>1</v>
      </c>
      <c r="F3728">
        <v>0</v>
      </c>
      <c r="H3728" t="s">
        <v>19301</v>
      </c>
      <c r="J3728" t="s">
        <v>19302</v>
      </c>
      <c r="N3728" t="s">
        <v>19303</v>
      </c>
      <c r="P3728">
        <v>1</v>
      </c>
      <c r="Q3728">
        <v>0</v>
      </c>
      <c r="R3728" t="s">
        <v>4991</v>
      </c>
      <c r="S3728">
        <v>27</v>
      </c>
    </row>
    <row r="3729" spans="1:19" x14ac:dyDescent="0.25">
      <c r="A3729">
        <v>50585202</v>
      </c>
      <c r="B3729" t="s">
        <v>19304</v>
      </c>
      <c r="C3729" s="1" t="s">
        <v>19305</v>
      </c>
      <c r="E3729">
        <v>0</v>
      </c>
      <c r="F3729">
        <v>4</v>
      </c>
      <c r="H3729" t="s">
        <v>19306</v>
      </c>
      <c r="J3729" t="s">
        <v>19307</v>
      </c>
      <c r="O3729">
        <v>9864449</v>
      </c>
      <c r="P3729">
        <v>1</v>
      </c>
      <c r="Q3729">
        <v>0</v>
      </c>
      <c r="R3729" t="s">
        <v>19308</v>
      </c>
      <c r="S3729">
        <v>73</v>
      </c>
    </row>
    <row r="3730" spans="1:19" x14ac:dyDescent="0.25">
      <c r="A3730">
        <v>43299859</v>
      </c>
      <c r="B3730" t="s">
        <v>19309</v>
      </c>
      <c r="C3730" s="1" t="s">
        <v>19310</v>
      </c>
      <c r="E3730">
        <v>0</v>
      </c>
      <c r="F3730">
        <v>2</v>
      </c>
      <c r="H3730" t="s">
        <v>19311</v>
      </c>
      <c r="J3730" t="s">
        <v>19312</v>
      </c>
      <c r="K3730" t="s">
        <v>19312</v>
      </c>
      <c r="M3730">
        <v>7838320</v>
      </c>
      <c r="O3730">
        <v>7838320</v>
      </c>
      <c r="P3730">
        <v>1</v>
      </c>
      <c r="Q3730">
        <v>0</v>
      </c>
      <c r="R3730" t="s">
        <v>19313</v>
      </c>
      <c r="S3730">
        <v>90</v>
      </c>
    </row>
    <row r="3731" spans="1:19" x14ac:dyDescent="0.25">
      <c r="A3731">
        <v>14505384</v>
      </c>
      <c r="B3731" t="s">
        <v>19314</v>
      </c>
      <c r="C3731" s="1" t="s">
        <v>19315</v>
      </c>
      <c r="D3731">
        <v>14508595</v>
      </c>
      <c r="E3731">
        <v>1</v>
      </c>
      <c r="F3731">
        <v>0</v>
      </c>
      <c r="H3731" t="s">
        <v>19316</v>
      </c>
      <c r="J3731" t="s">
        <v>19317</v>
      </c>
      <c r="K3731" t="s">
        <v>19318</v>
      </c>
      <c r="M3731">
        <v>66696</v>
      </c>
      <c r="O3731">
        <v>66696</v>
      </c>
      <c r="P3731">
        <v>1</v>
      </c>
      <c r="Q3731">
        <v>1</v>
      </c>
      <c r="R3731" t="s">
        <v>19319</v>
      </c>
      <c r="S3731">
        <v>791</v>
      </c>
    </row>
    <row r="3732" spans="1:19" x14ac:dyDescent="0.25">
      <c r="A3732">
        <v>52961918</v>
      </c>
      <c r="B3732" t="s">
        <v>19320</v>
      </c>
      <c r="C3732" s="1" t="s">
        <v>19321</v>
      </c>
      <c r="E3732">
        <v>1</v>
      </c>
      <c r="F3732">
        <v>1</v>
      </c>
      <c r="H3732" t="s">
        <v>19322</v>
      </c>
      <c r="J3732" t="s">
        <v>19323</v>
      </c>
      <c r="K3732" t="s">
        <v>19324</v>
      </c>
      <c r="M3732">
        <v>10470754</v>
      </c>
      <c r="O3732">
        <v>10470754</v>
      </c>
      <c r="P3732">
        <v>1</v>
      </c>
      <c r="Q3732">
        <v>0</v>
      </c>
      <c r="R3732" t="s">
        <v>19325</v>
      </c>
      <c r="S3732">
        <v>79</v>
      </c>
    </row>
    <row r="3733" spans="1:19" x14ac:dyDescent="0.25">
      <c r="A3733">
        <v>12814028</v>
      </c>
      <c r="B3733" t="s">
        <v>19326</v>
      </c>
      <c r="C3733" s="1" t="s">
        <v>19327</v>
      </c>
      <c r="D3733">
        <v>16542998</v>
      </c>
      <c r="E3733">
        <v>1</v>
      </c>
      <c r="F3733">
        <v>0</v>
      </c>
      <c r="H3733" t="s">
        <v>19328</v>
      </c>
      <c r="J3733" t="s">
        <v>19329</v>
      </c>
      <c r="O3733">
        <v>967425</v>
      </c>
      <c r="P3733">
        <v>1</v>
      </c>
      <c r="Q3733">
        <v>0</v>
      </c>
      <c r="R3733" t="s">
        <v>19330</v>
      </c>
      <c r="S3733">
        <v>380</v>
      </c>
    </row>
    <row r="3734" spans="1:19" x14ac:dyDescent="0.25">
      <c r="A3734">
        <v>48856990</v>
      </c>
      <c r="B3734" t="s">
        <v>19331</v>
      </c>
      <c r="C3734" s="1" t="s">
        <v>19332</v>
      </c>
      <c r="E3734">
        <v>0</v>
      </c>
      <c r="F3734">
        <v>4</v>
      </c>
      <c r="H3734" t="s">
        <v>19333</v>
      </c>
      <c r="I3734">
        <v>0</v>
      </c>
      <c r="J3734" t="s">
        <v>19333</v>
      </c>
      <c r="O3734">
        <v>9300946</v>
      </c>
      <c r="P3734">
        <v>1</v>
      </c>
      <c r="Q3734">
        <v>0</v>
      </c>
      <c r="R3734" t="s">
        <v>3303</v>
      </c>
      <c r="S3734">
        <v>60</v>
      </c>
    </row>
    <row r="3735" spans="1:19" x14ac:dyDescent="0.25">
      <c r="A3735">
        <v>53266889</v>
      </c>
      <c r="B3735" t="s">
        <v>19334</v>
      </c>
      <c r="C3735" s="1" t="s">
        <v>19335</v>
      </c>
      <c r="E3735">
        <v>0</v>
      </c>
      <c r="F3735">
        <v>3</v>
      </c>
      <c r="H3735" t="s">
        <v>19336</v>
      </c>
      <c r="J3735" t="s">
        <v>19337</v>
      </c>
      <c r="K3735" t="s">
        <v>19337</v>
      </c>
      <c r="M3735">
        <v>10474999</v>
      </c>
      <c r="O3735">
        <v>10266460</v>
      </c>
      <c r="P3735">
        <v>1</v>
      </c>
      <c r="Q3735">
        <v>-1</v>
      </c>
      <c r="R3735" t="s">
        <v>19338</v>
      </c>
      <c r="S3735">
        <v>56</v>
      </c>
    </row>
    <row r="3736" spans="1:19" x14ac:dyDescent="0.25">
      <c r="A3736">
        <v>22901206</v>
      </c>
      <c r="B3736" t="s">
        <v>19339</v>
      </c>
      <c r="C3736" s="1" t="s">
        <v>19340</v>
      </c>
      <c r="D3736">
        <v>22906766</v>
      </c>
      <c r="E3736">
        <v>1</v>
      </c>
      <c r="F3736">
        <v>0</v>
      </c>
      <c r="H3736" t="s">
        <v>19341</v>
      </c>
      <c r="J3736" t="s">
        <v>19342</v>
      </c>
      <c r="K3736" t="s">
        <v>19342</v>
      </c>
      <c r="M3736">
        <v>4864925</v>
      </c>
      <c r="O3736">
        <v>2692962</v>
      </c>
      <c r="P3736">
        <v>1</v>
      </c>
      <c r="Q3736">
        <v>1</v>
      </c>
      <c r="R3736" t="s">
        <v>19343</v>
      </c>
      <c r="S3736">
        <v>722</v>
      </c>
    </row>
    <row r="3737" spans="1:19" x14ac:dyDescent="0.25">
      <c r="A3737">
        <v>35886926</v>
      </c>
      <c r="B3737" t="s">
        <v>19344</v>
      </c>
      <c r="C3737" s="1" t="s">
        <v>19345</v>
      </c>
      <c r="E3737">
        <v>1</v>
      </c>
      <c r="F3737">
        <v>0</v>
      </c>
      <c r="H3737" t="s">
        <v>19346</v>
      </c>
      <c r="J3737" t="s">
        <v>19347</v>
      </c>
      <c r="O3737">
        <v>6010624</v>
      </c>
      <c r="P3737">
        <v>1</v>
      </c>
      <c r="Q3737">
        <v>0</v>
      </c>
      <c r="R3737" t="s">
        <v>19348</v>
      </c>
      <c r="S3737">
        <v>52</v>
      </c>
    </row>
    <row r="3738" spans="1:19" x14ac:dyDescent="0.25">
      <c r="A3738">
        <v>41459734</v>
      </c>
      <c r="B3738" t="s">
        <v>19349</v>
      </c>
      <c r="C3738" s="1" t="s">
        <v>19350</v>
      </c>
      <c r="E3738">
        <v>2</v>
      </c>
      <c r="F3738">
        <v>0</v>
      </c>
      <c r="H3738" t="s">
        <v>19351</v>
      </c>
      <c r="J3738" t="s">
        <v>19352</v>
      </c>
      <c r="K3738" t="s">
        <v>19353</v>
      </c>
      <c r="M3738">
        <v>4369660</v>
      </c>
      <c r="O3738">
        <v>4369660</v>
      </c>
      <c r="P3738">
        <v>1</v>
      </c>
      <c r="Q3738">
        <v>-5</v>
      </c>
      <c r="R3738" t="s">
        <v>19354</v>
      </c>
      <c r="S3738">
        <v>362</v>
      </c>
    </row>
    <row r="3739" spans="1:19" x14ac:dyDescent="0.25">
      <c r="A3739">
        <v>53392816</v>
      </c>
      <c r="B3739" t="s">
        <v>19355</v>
      </c>
      <c r="C3739" s="1" t="s">
        <v>19356</v>
      </c>
      <c r="D3739">
        <v>53392891</v>
      </c>
      <c r="E3739">
        <v>3</v>
      </c>
      <c r="F3739">
        <v>9</v>
      </c>
      <c r="H3739" t="s">
        <v>19357</v>
      </c>
      <c r="J3739" t="s">
        <v>19358</v>
      </c>
      <c r="K3739" t="s">
        <v>19358</v>
      </c>
      <c r="M3739">
        <v>909882</v>
      </c>
      <c r="O3739">
        <v>1675307</v>
      </c>
      <c r="P3739">
        <v>1</v>
      </c>
      <c r="Q3739">
        <v>1</v>
      </c>
      <c r="R3739" t="s">
        <v>7990</v>
      </c>
      <c r="S3739">
        <v>62</v>
      </c>
    </row>
    <row r="3740" spans="1:19" x14ac:dyDescent="0.25">
      <c r="A3740">
        <v>4443963</v>
      </c>
      <c r="B3740" t="s">
        <v>19359</v>
      </c>
      <c r="C3740" t="s">
        <v>19360</v>
      </c>
      <c r="E3740">
        <v>2</v>
      </c>
      <c r="F3740">
        <v>3</v>
      </c>
      <c r="H3740" t="s">
        <v>19361</v>
      </c>
      <c r="J3740" t="s">
        <v>19362</v>
      </c>
      <c r="K3740" t="s">
        <v>19363</v>
      </c>
      <c r="M3740">
        <v>484290</v>
      </c>
      <c r="O3740">
        <v>484290</v>
      </c>
      <c r="P3740">
        <v>1</v>
      </c>
      <c r="Q3740">
        <v>0</v>
      </c>
      <c r="R3740" t="s">
        <v>19364</v>
      </c>
      <c r="S3740">
        <v>1514</v>
      </c>
    </row>
    <row r="3741" spans="1:19" x14ac:dyDescent="0.25">
      <c r="A3741">
        <v>16924059</v>
      </c>
      <c r="B3741" t="s">
        <v>19365</v>
      </c>
      <c r="C3741" s="1" t="s">
        <v>19366</v>
      </c>
      <c r="E3741">
        <v>1</v>
      </c>
      <c r="F3741">
        <v>0</v>
      </c>
      <c r="H3741" t="s">
        <v>19367</v>
      </c>
      <c r="J3741" t="s">
        <v>19368</v>
      </c>
      <c r="K3741" t="s">
        <v>19369</v>
      </c>
      <c r="M3741">
        <v>1114926</v>
      </c>
      <c r="O3741">
        <v>1114926</v>
      </c>
      <c r="P3741">
        <v>1</v>
      </c>
      <c r="Q3741">
        <v>1</v>
      </c>
      <c r="R3741" t="s">
        <v>19370</v>
      </c>
      <c r="S3741">
        <v>265</v>
      </c>
    </row>
    <row r="3742" spans="1:19" x14ac:dyDescent="0.25">
      <c r="A3742">
        <v>50432202</v>
      </c>
      <c r="B3742" t="s">
        <v>19371</v>
      </c>
      <c r="C3742" s="1" t="s">
        <v>19372</v>
      </c>
      <c r="D3742">
        <v>50439253</v>
      </c>
      <c r="E3742">
        <v>1</v>
      </c>
      <c r="F3742">
        <v>0</v>
      </c>
      <c r="H3742" t="s">
        <v>19373</v>
      </c>
      <c r="J3742" t="s">
        <v>19374</v>
      </c>
      <c r="K3742" t="s">
        <v>19374</v>
      </c>
      <c r="M3742">
        <v>8944059</v>
      </c>
      <c r="O3742">
        <v>8944059</v>
      </c>
      <c r="P3742">
        <v>1</v>
      </c>
      <c r="Q3742">
        <v>-1</v>
      </c>
      <c r="R3742" t="s">
        <v>19375</v>
      </c>
      <c r="S3742">
        <v>74</v>
      </c>
    </row>
    <row r="3743" spans="1:19" x14ac:dyDescent="0.25">
      <c r="A3743">
        <v>18512143</v>
      </c>
      <c r="B3743" t="s">
        <v>19376</v>
      </c>
      <c r="C3743" s="1" t="s">
        <v>19377</v>
      </c>
      <c r="D3743">
        <v>18512183</v>
      </c>
      <c r="E3743">
        <v>1</v>
      </c>
      <c r="F3743">
        <v>3</v>
      </c>
      <c r="H3743" t="s">
        <v>19378</v>
      </c>
      <c r="J3743" t="s">
        <v>19379</v>
      </c>
      <c r="O3743">
        <v>2463490</v>
      </c>
      <c r="P3743">
        <v>1</v>
      </c>
      <c r="Q3743">
        <v>1</v>
      </c>
      <c r="R3743" t="s">
        <v>19380</v>
      </c>
      <c r="S3743">
        <v>60</v>
      </c>
    </row>
    <row r="3744" spans="1:19" x14ac:dyDescent="0.25">
      <c r="A3744">
        <v>6323857</v>
      </c>
      <c r="B3744" t="s">
        <v>19381</v>
      </c>
      <c r="C3744" s="1" t="s">
        <v>19382</v>
      </c>
      <c r="E3744">
        <v>1</v>
      </c>
      <c r="F3744">
        <v>4</v>
      </c>
      <c r="H3744" t="s">
        <v>19383</v>
      </c>
      <c r="J3744" t="s">
        <v>19384</v>
      </c>
      <c r="K3744" t="s">
        <v>19384</v>
      </c>
      <c r="M3744">
        <v>128595</v>
      </c>
      <c r="O3744">
        <v>783320</v>
      </c>
      <c r="P3744">
        <v>1</v>
      </c>
      <c r="Q3744">
        <v>-1</v>
      </c>
      <c r="R3744" t="s">
        <v>19385</v>
      </c>
      <c r="S3744">
        <v>351</v>
      </c>
    </row>
    <row r="3745" spans="1:19" x14ac:dyDescent="0.25">
      <c r="A3745">
        <v>18730110</v>
      </c>
      <c r="B3745" t="s">
        <v>19386</v>
      </c>
      <c r="C3745" s="1" t="s">
        <v>19387</v>
      </c>
      <c r="D3745">
        <v>18730585</v>
      </c>
      <c r="E3745">
        <v>1</v>
      </c>
      <c r="F3745">
        <v>0</v>
      </c>
      <c r="H3745" t="s">
        <v>19388</v>
      </c>
      <c r="J3745" t="s">
        <v>19389</v>
      </c>
      <c r="O3745">
        <v>1639575</v>
      </c>
      <c r="P3745">
        <v>1</v>
      </c>
      <c r="Q3745">
        <v>0</v>
      </c>
      <c r="R3745" t="s">
        <v>19390</v>
      </c>
      <c r="S3745">
        <v>123</v>
      </c>
    </row>
    <row r="3746" spans="1:19" x14ac:dyDescent="0.25">
      <c r="A3746">
        <v>27992886</v>
      </c>
      <c r="B3746" t="s">
        <v>19391</v>
      </c>
      <c r="C3746" s="1" t="s">
        <v>19392</v>
      </c>
      <c r="E3746">
        <v>2</v>
      </c>
      <c r="F3746">
        <v>0</v>
      </c>
      <c r="H3746" t="s">
        <v>19393</v>
      </c>
      <c r="J3746" t="s">
        <v>19394</v>
      </c>
      <c r="O3746">
        <v>251556</v>
      </c>
      <c r="P3746">
        <v>1</v>
      </c>
      <c r="Q3746">
        <v>0</v>
      </c>
      <c r="R3746" t="s">
        <v>19395</v>
      </c>
      <c r="S3746">
        <v>83</v>
      </c>
    </row>
    <row r="3747" spans="1:19" x14ac:dyDescent="0.25">
      <c r="A3747">
        <v>16968818</v>
      </c>
      <c r="B3747" t="s">
        <v>19396</v>
      </c>
      <c r="C3747" s="1" t="s">
        <v>19397</v>
      </c>
      <c r="E3747">
        <v>3</v>
      </c>
      <c r="F3747">
        <v>3</v>
      </c>
      <c r="H3747" t="s">
        <v>19398</v>
      </c>
      <c r="I3747">
        <v>2</v>
      </c>
      <c r="J3747" t="s">
        <v>19399</v>
      </c>
      <c r="K3747" t="s">
        <v>19399</v>
      </c>
      <c r="M3747">
        <v>2402837</v>
      </c>
      <c r="O3747">
        <v>2402837</v>
      </c>
      <c r="P3747">
        <v>1</v>
      </c>
      <c r="Q3747">
        <v>5</v>
      </c>
      <c r="R3747" t="s">
        <v>19400</v>
      </c>
      <c r="S3747">
        <v>3097</v>
      </c>
    </row>
    <row r="3748" spans="1:19" x14ac:dyDescent="0.25">
      <c r="A3748">
        <v>45394101</v>
      </c>
      <c r="B3748" t="s">
        <v>19401</v>
      </c>
      <c r="C3748" s="1" t="s">
        <v>19402</v>
      </c>
      <c r="E3748">
        <v>1</v>
      </c>
      <c r="F3748">
        <v>2</v>
      </c>
      <c r="H3748" t="s">
        <v>19403</v>
      </c>
      <c r="J3748" t="s">
        <v>19404</v>
      </c>
      <c r="O3748">
        <v>7110904</v>
      </c>
      <c r="P3748">
        <v>1</v>
      </c>
      <c r="Q3748">
        <v>-3</v>
      </c>
      <c r="R3748" t="s">
        <v>1446</v>
      </c>
      <c r="S3748">
        <v>25</v>
      </c>
    </row>
    <row r="3749" spans="1:19" x14ac:dyDescent="0.25">
      <c r="A3749">
        <v>27766017</v>
      </c>
      <c r="B3749" t="s">
        <v>19405</v>
      </c>
      <c r="C3749" s="1" t="s">
        <v>19406</v>
      </c>
      <c r="D3749">
        <v>27766162</v>
      </c>
      <c r="E3749">
        <v>1</v>
      </c>
      <c r="F3749">
        <v>0</v>
      </c>
      <c r="H3749" t="s">
        <v>19407</v>
      </c>
      <c r="J3749" t="s">
        <v>19408</v>
      </c>
      <c r="K3749" t="s">
        <v>19408</v>
      </c>
      <c r="M3749">
        <v>3071284</v>
      </c>
      <c r="O3749">
        <v>2829397</v>
      </c>
      <c r="P3749">
        <v>1</v>
      </c>
      <c r="Q3749">
        <v>0</v>
      </c>
      <c r="R3749" t="s">
        <v>19409</v>
      </c>
      <c r="S3749">
        <v>27</v>
      </c>
    </row>
    <row r="3750" spans="1:19" x14ac:dyDescent="0.25">
      <c r="A3750">
        <v>32638265</v>
      </c>
      <c r="B3750" t="s">
        <v>19410</v>
      </c>
      <c r="C3750" s="1" t="s">
        <v>19411</v>
      </c>
      <c r="D3750">
        <v>32638305</v>
      </c>
      <c r="E3750">
        <v>2</v>
      </c>
      <c r="F3750">
        <v>0</v>
      </c>
      <c r="H3750" t="s">
        <v>19412</v>
      </c>
      <c r="J3750" t="s">
        <v>19413</v>
      </c>
      <c r="K3750" t="s">
        <v>19414</v>
      </c>
      <c r="M3750">
        <v>3832970</v>
      </c>
      <c r="O3750">
        <v>2272445</v>
      </c>
      <c r="P3750">
        <v>1</v>
      </c>
      <c r="Q3750">
        <v>2</v>
      </c>
      <c r="R3750" t="s">
        <v>19415</v>
      </c>
      <c r="S3750">
        <v>57</v>
      </c>
    </row>
    <row r="3751" spans="1:19" x14ac:dyDescent="0.25">
      <c r="A3751">
        <v>50949112</v>
      </c>
      <c r="B3751" t="s">
        <v>19416</v>
      </c>
      <c r="C3751" s="1" t="s">
        <v>19417</v>
      </c>
      <c r="D3751">
        <v>51043166</v>
      </c>
      <c r="E3751">
        <v>3</v>
      </c>
      <c r="F3751">
        <v>1</v>
      </c>
      <c r="H3751" t="s">
        <v>19418</v>
      </c>
      <c r="J3751" t="s">
        <v>19419</v>
      </c>
      <c r="K3751" t="s">
        <v>19420</v>
      </c>
      <c r="M3751">
        <v>7231592</v>
      </c>
      <c r="O3751">
        <v>7231592</v>
      </c>
      <c r="P3751">
        <v>1</v>
      </c>
      <c r="Q3751">
        <v>3</v>
      </c>
      <c r="R3751" t="s">
        <v>19421</v>
      </c>
      <c r="S3751">
        <v>250</v>
      </c>
    </row>
    <row r="3752" spans="1:19" x14ac:dyDescent="0.25">
      <c r="A3752">
        <v>26444041</v>
      </c>
      <c r="B3752" t="s">
        <v>19422</v>
      </c>
      <c r="C3752" s="1" t="s">
        <v>19423</v>
      </c>
      <c r="D3752">
        <v>26444204</v>
      </c>
      <c r="E3752">
        <v>2</v>
      </c>
      <c r="F3752">
        <v>0</v>
      </c>
      <c r="H3752" t="s">
        <v>19424</v>
      </c>
      <c r="J3752" t="s">
        <v>19425</v>
      </c>
      <c r="O3752">
        <v>40789</v>
      </c>
      <c r="P3752">
        <v>1</v>
      </c>
      <c r="Q3752">
        <v>-4</v>
      </c>
      <c r="R3752" t="s">
        <v>748</v>
      </c>
      <c r="S3752">
        <v>948</v>
      </c>
    </row>
    <row r="3753" spans="1:19" x14ac:dyDescent="0.25">
      <c r="A3753">
        <v>11421741</v>
      </c>
      <c r="B3753" t="s">
        <v>19426</v>
      </c>
      <c r="C3753" s="1" t="s">
        <v>19427</v>
      </c>
      <c r="D3753">
        <v>11421762</v>
      </c>
      <c r="E3753">
        <v>3</v>
      </c>
      <c r="F3753">
        <v>1</v>
      </c>
      <c r="H3753" t="s">
        <v>19428</v>
      </c>
      <c r="I3753">
        <v>9</v>
      </c>
      <c r="J3753" t="s">
        <v>19429</v>
      </c>
      <c r="K3753" t="s">
        <v>19429</v>
      </c>
      <c r="L3753" t="s">
        <v>19430</v>
      </c>
      <c r="M3753">
        <v>4370109</v>
      </c>
      <c r="O3753">
        <v>1377311</v>
      </c>
      <c r="P3753">
        <v>1</v>
      </c>
      <c r="Q3753">
        <v>58</v>
      </c>
      <c r="R3753" t="s">
        <v>19431</v>
      </c>
      <c r="S3753">
        <v>84024</v>
      </c>
    </row>
    <row r="3754" spans="1:19" x14ac:dyDescent="0.25">
      <c r="A3754">
        <v>48497757</v>
      </c>
      <c r="B3754" t="s">
        <v>19432</v>
      </c>
      <c r="C3754" s="1" t="s">
        <v>19433</v>
      </c>
      <c r="D3754">
        <v>48497945</v>
      </c>
      <c r="E3754">
        <v>2</v>
      </c>
      <c r="F3754">
        <v>0</v>
      </c>
      <c r="H3754" t="s">
        <v>19434</v>
      </c>
      <c r="J3754" t="s">
        <v>19435</v>
      </c>
      <c r="O3754">
        <v>5322443</v>
      </c>
      <c r="P3754">
        <v>1</v>
      </c>
      <c r="Q3754">
        <v>1</v>
      </c>
      <c r="R3754" t="s">
        <v>19436</v>
      </c>
      <c r="S3754">
        <v>31</v>
      </c>
    </row>
    <row r="3755" spans="1:19" x14ac:dyDescent="0.25">
      <c r="A3755">
        <v>27699226</v>
      </c>
      <c r="B3755" t="s">
        <v>19437</v>
      </c>
      <c r="C3755" s="1" t="s">
        <v>19438</v>
      </c>
      <c r="D3755">
        <v>27699390</v>
      </c>
      <c r="E3755">
        <v>2</v>
      </c>
      <c r="F3755">
        <v>0</v>
      </c>
      <c r="H3755" t="s">
        <v>19439</v>
      </c>
      <c r="J3755" t="s">
        <v>19440</v>
      </c>
      <c r="O3755">
        <v>4392705</v>
      </c>
      <c r="P3755">
        <v>1</v>
      </c>
      <c r="Q3755">
        <v>0</v>
      </c>
      <c r="R3755" t="s">
        <v>19441</v>
      </c>
      <c r="S3755">
        <v>219</v>
      </c>
    </row>
    <row r="3756" spans="1:19" x14ac:dyDescent="0.25">
      <c r="A3756">
        <v>30816965</v>
      </c>
      <c r="B3756" t="s">
        <v>19442</v>
      </c>
      <c r="C3756" s="1" t="s">
        <v>19443</v>
      </c>
      <c r="E3756">
        <v>0</v>
      </c>
      <c r="F3756">
        <v>2</v>
      </c>
      <c r="H3756" t="s">
        <v>19444</v>
      </c>
      <c r="J3756" t="s">
        <v>19445</v>
      </c>
      <c r="K3756" t="s">
        <v>19446</v>
      </c>
      <c r="M3756">
        <v>-1</v>
      </c>
      <c r="O3756">
        <v>2963977</v>
      </c>
      <c r="P3756">
        <v>1</v>
      </c>
      <c r="Q3756">
        <v>1</v>
      </c>
      <c r="R3756" t="s">
        <v>19447</v>
      </c>
      <c r="S3756">
        <v>800</v>
      </c>
    </row>
    <row r="3757" spans="1:19" x14ac:dyDescent="0.25">
      <c r="A3757">
        <v>31634394</v>
      </c>
      <c r="B3757" t="s">
        <v>19448</v>
      </c>
      <c r="C3757" s="1" t="s">
        <v>19449</v>
      </c>
      <c r="D3757">
        <v>31634444</v>
      </c>
      <c r="E3757">
        <v>4</v>
      </c>
      <c r="F3757">
        <v>0</v>
      </c>
      <c r="H3757" t="s">
        <v>19450</v>
      </c>
      <c r="J3757" t="s">
        <v>19451</v>
      </c>
      <c r="O3757">
        <v>4523606</v>
      </c>
      <c r="P3757">
        <v>1</v>
      </c>
      <c r="Q3757">
        <v>1</v>
      </c>
      <c r="R3757" t="s">
        <v>19452</v>
      </c>
      <c r="S3757">
        <v>57</v>
      </c>
    </row>
    <row r="3758" spans="1:19" x14ac:dyDescent="0.25">
      <c r="A3758">
        <v>33239260</v>
      </c>
      <c r="B3758" t="s">
        <v>19453</v>
      </c>
      <c r="C3758" s="1" t="s">
        <v>19454</v>
      </c>
      <c r="E3758">
        <v>1</v>
      </c>
      <c r="F3758">
        <v>5</v>
      </c>
      <c r="H3758" t="s">
        <v>19455</v>
      </c>
      <c r="J3758" t="s">
        <v>19456</v>
      </c>
      <c r="K3758" t="s">
        <v>19456</v>
      </c>
      <c r="M3758">
        <v>1033581</v>
      </c>
      <c r="O3758">
        <v>5467318</v>
      </c>
      <c r="P3758">
        <v>1</v>
      </c>
      <c r="Q3758">
        <v>1</v>
      </c>
      <c r="R3758" t="s">
        <v>19457</v>
      </c>
      <c r="S3758">
        <v>100</v>
      </c>
    </row>
    <row r="3759" spans="1:19" x14ac:dyDescent="0.25">
      <c r="A3759">
        <v>19921891</v>
      </c>
      <c r="B3759" t="s">
        <v>19458</v>
      </c>
      <c r="C3759" s="1" t="s">
        <v>19459</v>
      </c>
      <c r="E3759">
        <v>1</v>
      </c>
      <c r="F3759">
        <v>2</v>
      </c>
      <c r="H3759" t="s">
        <v>19460</v>
      </c>
      <c r="J3759" t="s">
        <v>19461</v>
      </c>
      <c r="K3759" t="s">
        <v>19461</v>
      </c>
      <c r="M3759">
        <v>573032</v>
      </c>
      <c r="O3759">
        <v>2981899</v>
      </c>
      <c r="P3759">
        <v>1</v>
      </c>
      <c r="Q3759">
        <v>0</v>
      </c>
      <c r="R3759" t="s">
        <v>19462</v>
      </c>
      <c r="S3759">
        <v>246</v>
      </c>
    </row>
    <row r="3760" spans="1:19" x14ac:dyDescent="0.25">
      <c r="A3760">
        <v>6251554</v>
      </c>
      <c r="B3760" t="s">
        <v>19463</v>
      </c>
      <c r="C3760" s="1" t="s">
        <v>19464</v>
      </c>
      <c r="D3760">
        <v>6251649</v>
      </c>
      <c r="E3760">
        <v>1</v>
      </c>
      <c r="F3760">
        <v>0</v>
      </c>
      <c r="H3760" t="s">
        <v>19465</v>
      </c>
      <c r="J3760" t="s">
        <v>19466</v>
      </c>
      <c r="O3760">
        <v>668008</v>
      </c>
      <c r="P3760">
        <v>1</v>
      </c>
      <c r="Q3760">
        <v>5</v>
      </c>
      <c r="R3760" t="s">
        <v>19467</v>
      </c>
      <c r="S3760">
        <v>85</v>
      </c>
    </row>
    <row r="3761" spans="1:19" x14ac:dyDescent="0.25">
      <c r="A3761">
        <v>6231122</v>
      </c>
      <c r="B3761" t="s">
        <v>19468</v>
      </c>
      <c r="C3761" s="1" t="s">
        <v>19469</v>
      </c>
      <c r="D3761">
        <v>6231148</v>
      </c>
      <c r="E3761">
        <v>4</v>
      </c>
      <c r="F3761">
        <v>0</v>
      </c>
      <c r="H3761" t="s">
        <v>19470</v>
      </c>
      <c r="J3761" t="s">
        <v>19471</v>
      </c>
      <c r="K3761" t="s">
        <v>19472</v>
      </c>
      <c r="M3761">
        <v>584862</v>
      </c>
      <c r="O3761">
        <v>288609</v>
      </c>
      <c r="P3761">
        <v>1</v>
      </c>
      <c r="Q3761">
        <v>2</v>
      </c>
      <c r="R3761" t="s">
        <v>351</v>
      </c>
      <c r="S3761">
        <v>148</v>
      </c>
    </row>
    <row r="3762" spans="1:19" x14ac:dyDescent="0.25">
      <c r="A3762">
        <v>18156830</v>
      </c>
      <c r="B3762" t="s">
        <v>19473</v>
      </c>
      <c r="C3762" s="1" t="s">
        <v>19474</v>
      </c>
      <c r="E3762">
        <v>2</v>
      </c>
      <c r="F3762">
        <v>1</v>
      </c>
      <c r="H3762" t="s">
        <v>19475</v>
      </c>
      <c r="J3762" t="s">
        <v>19476</v>
      </c>
      <c r="O3762">
        <v>2348772</v>
      </c>
      <c r="P3762">
        <v>1</v>
      </c>
      <c r="Q3762">
        <v>-1</v>
      </c>
      <c r="R3762" t="s">
        <v>19477</v>
      </c>
      <c r="S3762">
        <v>4723</v>
      </c>
    </row>
    <row r="3763" spans="1:19" x14ac:dyDescent="0.25">
      <c r="A3763">
        <v>28184389</v>
      </c>
      <c r="B3763" t="s">
        <v>19478</v>
      </c>
      <c r="C3763" s="1" t="s">
        <v>19479</v>
      </c>
      <c r="E3763">
        <v>2</v>
      </c>
      <c r="F3763">
        <v>6</v>
      </c>
      <c r="H3763" t="s">
        <v>19480</v>
      </c>
      <c r="J3763" t="s">
        <v>19481</v>
      </c>
      <c r="O3763">
        <v>4501295</v>
      </c>
      <c r="P3763">
        <v>1</v>
      </c>
      <c r="Q3763">
        <v>0</v>
      </c>
      <c r="R3763" t="s">
        <v>748</v>
      </c>
      <c r="S3763">
        <v>50</v>
      </c>
    </row>
    <row r="3764" spans="1:19" x14ac:dyDescent="0.25">
      <c r="A3764">
        <v>29405018</v>
      </c>
      <c r="B3764" t="s">
        <v>19482</v>
      </c>
      <c r="C3764" s="1" t="s">
        <v>19483</v>
      </c>
      <c r="D3764">
        <v>29405079</v>
      </c>
      <c r="E3764">
        <v>1</v>
      </c>
      <c r="F3764">
        <v>11</v>
      </c>
      <c r="H3764" t="s">
        <v>19484</v>
      </c>
      <c r="J3764" t="s">
        <v>19485</v>
      </c>
      <c r="K3764" t="s">
        <v>19485</v>
      </c>
      <c r="M3764">
        <v>3100115</v>
      </c>
      <c r="O3764">
        <v>3100115</v>
      </c>
      <c r="P3764">
        <v>1</v>
      </c>
      <c r="Q3764">
        <v>-5</v>
      </c>
      <c r="R3764" t="s">
        <v>408</v>
      </c>
      <c r="S3764">
        <v>197</v>
      </c>
    </row>
    <row r="3765" spans="1:19" x14ac:dyDescent="0.25">
      <c r="A3765">
        <v>12721119</v>
      </c>
      <c r="B3765" t="s">
        <v>19486</v>
      </c>
      <c r="C3765" s="1" t="s">
        <v>19487</v>
      </c>
      <c r="D3765">
        <v>12721292</v>
      </c>
      <c r="E3765">
        <v>1</v>
      </c>
      <c r="F3765">
        <v>0</v>
      </c>
      <c r="H3765" t="s">
        <v>19488</v>
      </c>
      <c r="J3765" t="s">
        <v>19489</v>
      </c>
      <c r="K3765" t="s">
        <v>19490</v>
      </c>
      <c r="M3765">
        <v>18061</v>
      </c>
      <c r="O3765">
        <v>1115753</v>
      </c>
      <c r="P3765">
        <v>1</v>
      </c>
      <c r="Q3765">
        <v>-2</v>
      </c>
      <c r="R3765" t="s">
        <v>19491</v>
      </c>
      <c r="S3765">
        <v>66</v>
      </c>
    </row>
    <row r="3766" spans="1:19" x14ac:dyDescent="0.25">
      <c r="A3766">
        <v>2926017</v>
      </c>
      <c r="B3766" t="s">
        <v>19492</v>
      </c>
      <c r="C3766" s="1" t="s">
        <v>19493</v>
      </c>
      <c r="D3766">
        <v>2926518</v>
      </c>
      <c r="E3766">
        <v>1</v>
      </c>
      <c r="F3766">
        <v>0</v>
      </c>
      <c r="H3766" t="s">
        <v>19494</v>
      </c>
      <c r="J3766" t="s">
        <v>19495</v>
      </c>
      <c r="K3766" t="s">
        <v>19496</v>
      </c>
      <c r="M3766">
        <v>-1</v>
      </c>
      <c r="O3766">
        <v>27687</v>
      </c>
      <c r="P3766">
        <v>1</v>
      </c>
      <c r="Q3766">
        <v>4</v>
      </c>
      <c r="R3766" t="s">
        <v>19497</v>
      </c>
      <c r="S3766">
        <v>300</v>
      </c>
    </row>
    <row r="3767" spans="1:19" x14ac:dyDescent="0.25">
      <c r="A3767">
        <v>52062415</v>
      </c>
      <c r="B3767" t="s">
        <v>19498</v>
      </c>
      <c r="C3767" s="1" t="s">
        <v>19499</v>
      </c>
      <c r="E3767">
        <v>1</v>
      </c>
      <c r="F3767">
        <v>4</v>
      </c>
      <c r="H3767" t="s">
        <v>19500</v>
      </c>
      <c r="I3767">
        <v>1</v>
      </c>
      <c r="J3767" t="s">
        <v>19501</v>
      </c>
      <c r="K3767" t="s">
        <v>19502</v>
      </c>
      <c r="M3767">
        <v>9640089</v>
      </c>
      <c r="O3767">
        <v>9640089</v>
      </c>
      <c r="P3767">
        <v>1</v>
      </c>
      <c r="Q3767">
        <v>0</v>
      </c>
      <c r="R3767" t="s">
        <v>9846</v>
      </c>
      <c r="S3767">
        <v>25</v>
      </c>
    </row>
    <row r="3768" spans="1:19" x14ac:dyDescent="0.25">
      <c r="A3768">
        <v>13961895</v>
      </c>
      <c r="B3768" t="s">
        <v>19503</v>
      </c>
      <c r="C3768" s="1" t="s">
        <v>19504</v>
      </c>
      <c r="D3768">
        <v>13962162</v>
      </c>
      <c r="E3768">
        <v>4</v>
      </c>
      <c r="F3768">
        <v>4</v>
      </c>
      <c r="H3768" t="s">
        <v>19505</v>
      </c>
      <c r="I3768">
        <v>1</v>
      </c>
      <c r="J3768" t="s">
        <v>19506</v>
      </c>
      <c r="K3768" t="s">
        <v>19507</v>
      </c>
      <c r="M3768">
        <v>1171887</v>
      </c>
      <c r="O3768">
        <v>1171887</v>
      </c>
      <c r="P3768">
        <v>1</v>
      </c>
      <c r="Q3768">
        <v>1</v>
      </c>
      <c r="R3768" t="s">
        <v>19508</v>
      </c>
      <c r="S3768">
        <v>1797</v>
      </c>
    </row>
    <row r="3769" spans="1:19" x14ac:dyDescent="0.25">
      <c r="A3769">
        <v>31098485</v>
      </c>
      <c r="B3769" t="s">
        <v>19509</v>
      </c>
      <c r="C3769" s="1" t="s">
        <v>19510</v>
      </c>
      <c r="D3769">
        <v>31099334</v>
      </c>
      <c r="E3769">
        <v>1</v>
      </c>
      <c r="F3769">
        <v>0</v>
      </c>
      <c r="H3769" t="s">
        <v>19511</v>
      </c>
      <c r="J3769" t="s">
        <v>19512</v>
      </c>
      <c r="K3769" t="s">
        <v>19513</v>
      </c>
      <c r="M3769">
        <v>13302</v>
      </c>
      <c r="O3769">
        <v>1939163</v>
      </c>
      <c r="P3769">
        <v>1</v>
      </c>
      <c r="Q3769">
        <v>0</v>
      </c>
      <c r="R3769" t="s">
        <v>19514</v>
      </c>
      <c r="S3769">
        <v>42</v>
      </c>
    </row>
    <row r="3770" spans="1:19" x14ac:dyDescent="0.25">
      <c r="A3770">
        <v>1837621</v>
      </c>
      <c r="B3770" t="s">
        <v>19515</v>
      </c>
      <c r="C3770" s="1" t="s">
        <v>19516</v>
      </c>
      <c r="D3770">
        <v>1843230</v>
      </c>
      <c r="E3770">
        <v>1</v>
      </c>
      <c r="F3770">
        <v>0</v>
      </c>
      <c r="H3770" t="s">
        <v>19517</v>
      </c>
      <c r="J3770" t="s">
        <v>19518</v>
      </c>
      <c r="O3770">
        <v>1766790</v>
      </c>
      <c r="P3770">
        <v>1</v>
      </c>
      <c r="Q3770">
        <v>0</v>
      </c>
      <c r="R3770" t="s">
        <v>19519</v>
      </c>
      <c r="S3770">
        <v>618</v>
      </c>
    </row>
    <row r="3771" spans="1:19" x14ac:dyDescent="0.25">
      <c r="A3771">
        <v>28862141</v>
      </c>
      <c r="B3771" t="s">
        <v>19520</v>
      </c>
      <c r="C3771" s="1" t="s">
        <v>19521</v>
      </c>
      <c r="E3771">
        <v>0</v>
      </c>
      <c r="F3771">
        <v>8</v>
      </c>
      <c r="H3771" t="s">
        <v>19522</v>
      </c>
      <c r="J3771" t="s">
        <v>19523</v>
      </c>
      <c r="K3771" t="s">
        <v>19523</v>
      </c>
      <c r="M3771">
        <v>1064428</v>
      </c>
      <c r="O3771">
        <v>1064428</v>
      </c>
      <c r="P3771">
        <v>1</v>
      </c>
      <c r="Q3771">
        <v>0</v>
      </c>
      <c r="R3771" t="s">
        <v>10671</v>
      </c>
      <c r="S3771">
        <v>507</v>
      </c>
    </row>
    <row r="3772" spans="1:19" x14ac:dyDescent="0.25">
      <c r="A3772">
        <v>47258682</v>
      </c>
      <c r="B3772" t="s">
        <v>19524</v>
      </c>
      <c r="C3772" s="1" t="s">
        <v>19525</v>
      </c>
      <c r="E3772">
        <v>1</v>
      </c>
      <c r="F3772">
        <v>4</v>
      </c>
      <c r="H3772" t="s">
        <v>19526</v>
      </c>
      <c r="J3772" t="s">
        <v>19527</v>
      </c>
      <c r="K3772" t="s">
        <v>19528</v>
      </c>
      <c r="M3772">
        <v>7224597</v>
      </c>
      <c r="O3772">
        <v>8924057</v>
      </c>
      <c r="P3772">
        <v>1</v>
      </c>
      <c r="Q3772">
        <v>1</v>
      </c>
      <c r="R3772" t="s">
        <v>19529</v>
      </c>
      <c r="S3772">
        <v>87</v>
      </c>
    </row>
    <row r="3773" spans="1:19" x14ac:dyDescent="0.25">
      <c r="A3773">
        <v>844817</v>
      </c>
      <c r="B3773" t="s">
        <v>19530</v>
      </c>
      <c r="C3773" s="1" t="s">
        <v>19531</v>
      </c>
      <c r="E3773">
        <v>4</v>
      </c>
      <c r="F3773">
        <v>0</v>
      </c>
      <c r="H3773" t="s">
        <v>19532</v>
      </c>
      <c r="J3773" t="s">
        <v>19533</v>
      </c>
      <c r="N3773" t="s">
        <v>19534</v>
      </c>
      <c r="P3773">
        <v>1</v>
      </c>
      <c r="Q3773">
        <v>2</v>
      </c>
      <c r="R3773" t="s">
        <v>19535</v>
      </c>
      <c r="S3773">
        <v>5477</v>
      </c>
    </row>
    <row r="3774" spans="1:19" x14ac:dyDescent="0.25">
      <c r="A3774">
        <v>39505329</v>
      </c>
      <c r="B3774" t="s">
        <v>19536</v>
      </c>
      <c r="C3774" s="1" t="s">
        <v>19537</v>
      </c>
      <c r="E3774">
        <v>2</v>
      </c>
      <c r="F3774">
        <v>0</v>
      </c>
      <c r="H3774" t="s">
        <v>19538</v>
      </c>
      <c r="J3774" t="s">
        <v>19539</v>
      </c>
      <c r="K3774" t="s">
        <v>19540</v>
      </c>
      <c r="M3774">
        <v>1447675</v>
      </c>
      <c r="O3774">
        <v>6834096</v>
      </c>
      <c r="P3774">
        <v>1</v>
      </c>
      <c r="Q3774">
        <v>1</v>
      </c>
      <c r="R3774" t="s">
        <v>19541</v>
      </c>
      <c r="S3774">
        <v>66</v>
      </c>
    </row>
    <row r="3775" spans="1:19" x14ac:dyDescent="0.25">
      <c r="A3775">
        <v>5415962</v>
      </c>
      <c r="B3775" t="s">
        <v>19542</v>
      </c>
      <c r="C3775" s="1" t="s">
        <v>19543</v>
      </c>
      <c r="D3775">
        <v>5417948</v>
      </c>
      <c r="E3775">
        <v>1</v>
      </c>
      <c r="F3775">
        <v>2</v>
      </c>
      <c r="H3775" t="s">
        <v>19544</v>
      </c>
      <c r="J3775" t="s">
        <v>19545</v>
      </c>
      <c r="O3775">
        <v>262296</v>
      </c>
      <c r="P3775">
        <v>1</v>
      </c>
      <c r="Q3775">
        <v>0</v>
      </c>
      <c r="R3775" t="s">
        <v>19546</v>
      </c>
      <c r="S3775">
        <v>191</v>
      </c>
    </row>
    <row r="3776" spans="1:19" x14ac:dyDescent="0.25">
      <c r="A3776">
        <v>30832251</v>
      </c>
      <c r="B3776" t="s">
        <v>19547</v>
      </c>
      <c r="C3776" s="1" t="s">
        <v>19548</v>
      </c>
      <c r="E3776">
        <v>0</v>
      </c>
      <c r="F3776">
        <v>3</v>
      </c>
      <c r="H3776" t="s">
        <v>19549</v>
      </c>
      <c r="J3776" t="s">
        <v>19549</v>
      </c>
      <c r="O3776">
        <v>1966583</v>
      </c>
      <c r="P3776">
        <v>1</v>
      </c>
      <c r="Q3776">
        <v>1</v>
      </c>
      <c r="R3776" t="s">
        <v>19550</v>
      </c>
      <c r="S3776">
        <v>568</v>
      </c>
    </row>
    <row r="3777" spans="1:19" x14ac:dyDescent="0.25">
      <c r="A3777">
        <v>48032216</v>
      </c>
      <c r="B3777" t="s">
        <v>19551</v>
      </c>
      <c r="C3777" s="1" t="s">
        <v>19552</v>
      </c>
      <c r="E3777">
        <v>2</v>
      </c>
      <c r="F3777">
        <v>0</v>
      </c>
      <c r="H3777" t="s">
        <v>19553</v>
      </c>
      <c r="J3777" t="s">
        <v>19554</v>
      </c>
      <c r="K3777" t="s">
        <v>19554</v>
      </c>
      <c r="M3777">
        <v>5233410</v>
      </c>
      <c r="O3777">
        <v>2059687</v>
      </c>
      <c r="P3777">
        <v>1</v>
      </c>
      <c r="Q3777">
        <v>-1</v>
      </c>
      <c r="R3777" t="s">
        <v>19555</v>
      </c>
      <c r="S3777">
        <v>576</v>
      </c>
    </row>
    <row r="3778" spans="1:19" x14ac:dyDescent="0.25">
      <c r="A3778">
        <v>28330479</v>
      </c>
      <c r="B3778" t="s">
        <v>19556</v>
      </c>
      <c r="C3778" s="1" t="s">
        <v>19557</v>
      </c>
      <c r="E3778">
        <v>1</v>
      </c>
      <c r="F3778">
        <v>0</v>
      </c>
      <c r="H3778" t="s">
        <v>19558</v>
      </c>
      <c r="J3778" t="s">
        <v>19559</v>
      </c>
      <c r="K3778" t="s">
        <v>19559</v>
      </c>
      <c r="M3778">
        <v>4209951</v>
      </c>
      <c r="O3778">
        <v>4209951</v>
      </c>
      <c r="P3778">
        <v>1</v>
      </c>
      <c r="Q3778">
        <v>0</v>
      </c>
      <c r="R3778" t="s">
        <v>19560</v>
      </c>
      <c r="S3778">
        <v>805</v>
      </c>
    </row>
    <row r="3779" spans="1:19" x14ac:dyDescent="0.25">
      <c r="A3779">
        <v>47594823</v>
      </c>
      <c r="B3779" t="s">
        <v>19561</v>
      </c>
      <c r="C3779" t="s">
        <v>19562</v>
      </c>
      <c r="E3779">
        <v>0</v>
      </c>
      <c r="F3779">
        <v>7</v>
      </c>
      <c r="H3779" t="s">
        <v>19563</v>
      </c>
      <c r="J3779" t="s">
        <v>19563</v>
      </c>
      <c r="O3779">
        <v>2032021</v>
      </c>
      <c r="P3779">
        <v>1</v>
      </c>
      <c r="Q3779">
        <v>0</v>
      </c>
      <c r="R3779" t="s">
        <v>19564</v>
      </c>
      <c r="S3779">
        <v>66</v>
      </c>
    </row>
    <row r="3780" spans="1:19" x14ac:dyDescent="0.25">
      <c r="A3780">
        <v>26419163</v>
      </c>
      <c r="B3780" t="s">
        <v>19565</v>
      </c>
      <c r="C3780" s="1" t="s">
        <v>19566</v>
      </c>
      <c r="D3780">
        <v>26419422</v>
      </c>
      <c r="E3780">
        <v>1</v>
      </c>
      <c r="F3780">
        <v>0</v>
      </c>
      <c r="H3780" t="s">
        <v>19567</v>
      </c>
      <c r="J3780" t="s">
        <v>19568</v>
      </c>
      <c r="K3780" t="s">
        <v>19569</v>
      </c>
      <c r="M3780">
        <v>447156</v>
      </c>
      <c r="O3780">
        <v>2196410</v>
      </c>
      <c r="P3780">
        <v>1</v>
      </c>
      <c r="Q3780">
        <v>-1</v>
      </c>
      <c r="R3780" t="s">
        <v>19570</v>
      </c>
      <c r="S3780">
        <v>1404</v>
      </c>
    </row>
    <row r="3781" spans="1:19" x14ac:dyDescent="0.25">
      <c r="A3781">
        <v>37051115</v>
      </c>
      <c r="B3781" t="s">
        <v>19571</v>
      </c>
      <c r="C3781" s="1" t="s">
        <v>19572</v>
      </c>
      <c r="D3781">
        <v>37051198</v>
      </c>
      <c r="E3781">
        <v>4</v>
      </c>
      <c r="F3781">
        <v>2</v>
      </c>
      <c r="H3781" t="s">
        <v>19573</v>
      </c>
      <c r="J3781" t="s">
        <v>19574</v>
      </c>
      <c r="K3781" t="s">
        <v>19575</v>
      </c>
      <c r="L3781" t="s">
        <v>19576</v>
      </c>
      <c r="O3781">
        <v>6235738</v>
      </c>
      <c r="P3781">
        <v>1</v>
      </c>
      <c r="Q3781">
        <v>2</v>
      </c>
      <c r="R3781" t="s">
        <v>19577</v>
      </c>
      <c r="S3781">
        <v>703</v>
      </c>
    </row>
    <row r="3782" spans="1:19" x14ac:dyDescent="0.25">
      <c r="A3782">
        <v>18341902</v>
      </c>
      <c r="B3782" t="s">
        <v>19578</v>
      </c>
      <c r="C3782" s="1" t="s">
        <v>19579</v>
      </c>
      <c r="D3782">
        <v>18342275</v>
      </c>
      <c r="E3782">
        <v>3</v>
      </c>
      <c r="F3782">
        <v>2</v>
      </c>
      <c r="H3782" t="s">
        <v>19580</v>
      </c>
      <c r="J3782" t="s">
        <v>19581</v>
      </c>
      <c r="K3782" t="s">
        <v>19581</v>
      </c>
      <c r="M3782">
        <v>1284902</v>
      </c>
      <c r="O3782">
        <v>1284902</v>
      </c>
      <c r="P3782">
        <v>1</v>
      </c>
      <c r="Q3782">
        <v>2</v>
      </c>
      <c r="R3782" t="s">
        <v>19582</v>
      </c>
      <c r="S3782">
        <v>350</v>
      </c>
    </row>
    <row r="3783" spans="1:19" x14ac:dyDescent="0.25">
      <c r="A3783">
        <v>36098070</v>
      </c>
      <c r="B3783" t="s">
        <v>19583</v>
      </c>
      <c r="C3783" s="1" t="s">
        <v>19584</v>
      </c>
      <c r="D3783">
        <v>36098184</v>
      </c>
      <c r="E3783">
        <v>1</v>
      </c>
      <c r="F3783">
        <v>2</v>
      </c>
      <c r="H3783" t="s">
        <v>19585</v>
      </c>
      <c r="J3783" t="s">
        <v>19586</v>
      </c>
      <c r="O3783">
        <v>4503339</v>
      </c>
      <c r="P3783">
        <v>1</v>
      </c>
      <c r="Q3783">
        <v>1</v>
      </c>
      <c r="R3783" t="s">
        <v>19587</v>
      </c>
      <c r="S3783">
        <v>1600</v>
      </c>
    </row>
    <row r="3784" spans="1:19" x14ac:dyDescent="0.25">
      <c r="A3784">
        <v>16141747</v>
      </c>
      <c r="B3784" t="s">
        <v>19588</v>
      </c>
      <c r="C3784" s="1" t="s">
        <v>19589</v>
      </c>
      <c r="D3784">
        <v>16146839</v>
      </c>
      <c r="E3784">
        <v>1</v>
      </c>
      <c r="F3784">
        <v>8</v>
      </c>
      <c r="H3784" t="s">
        <v>19590</v>
      </c>
      <c r="I3784">
        <v>1</v>
      </c>
      <c r="J3784" t="s">
        <v>19591</v>
      </c>
      <c r="O3784">
        <v>1430927</v>
      </c>
      <c r="P3784">
        <v>1</v>
      </c>
      <c r="Q3784">
        <v>9</v>
      </c>
      <c r="R3784" t="s">
        <v>19592</v>
      </c>
      <c r="S3784">
        <v>562</v>
      </c>
    </row>
    <row r="3785" spans="1:19" x14ac:dyDescent="0.25">
      <c r="A3785">
        <v>39789171</v>
      </c>
      <c r="B3785" t="s">
        <v>19593</v>
      </c>
      <c r="C3785" s="1" t="s">
        <v>19594</v>
      </c>
      <c r="D3785">
        <v>39789854</v>
      </c>
      <c r="E3785">
        <v>1</v>
      </c>
      <c r="F3785">
        <v>0</v>
      </c>
      <c r="H3785" t="s">
        <v>19595</v>
      </c>
      <c r="J3785" t="s">
        <v>19596</v>
      </c>
      <c r="O3785">
        <v>4435003</v>
      </c>
      <c r="P3785">
        <v>1</v>
      </c>
      <c r="Q3785">
        <v>-1</v>
      </c>
      <c r="R3785" t="s">
        <v>19597</v>
      </c>
      <c r="S3785">
        <v>36</v>
      </c>
    </row>
    <row r="3786" spans="1:19" x14ac:dyDescent="0.25">
      <c r="A3786">
        <v>1236171</v>
      </c>
      <c r="B3786" t="s">
        <v>19598</v>
      </c>
      <c r="C3786" s="1" t="s">
        <v>19599</v>
      </c>
      <c r="E3786">
        <v>3</v>
      </c>
      <c r="F3786">
        <v>2</v>
      </c>
      <c r="H3786" t="s">
        <v>19600</v>
      </c>
      <c r="I3786">
        <v>2</v>
      </c>
      <c r="J3786" t="s">
        <v>19601</v>
      </c>
      <c r="K3786" t="s">
        <v>19602</v>
      </c>
      <c r="M3786">
        <v>143804</v>
      </c>
      <c r="O3786">
        <v>151412</v>
      </c>
      <c r="P3786">
        <v>1</v>
      </c>
      <c r="Q3786">
        <v>2</v>
      </c>
      <c r="R3786" t="s">
        <v>19603</v>
      </c>
      <c r="S3786">
        <v>7515</v>
      </c>
    </row>
    <row r="3787" spans="1:19" x14ac:dyDescent="0.25">
      <c r="A3787">
        <v>21364201</v>
      </c>
      <c r="B3787" t="s">
        <v>19604</v>
      </c>
      <c r="C3787" s="1" t="s">
        <v>19605</v>
      </c>
      <c r="E3787">
        <v>2</v>
      </c>
      <c r="F3787">
        <v>1</v>
      </c>
      <c r="H3787" t="s">
        <v>19606</v>
      </c>
      <c r="J3787" t="s">
        <v>19607</v>
      </c>
      <c r="K3787" t="s">
        <v>19607</v>
      </c>
      <c r="M3787">
        <v>2558053</v>
      </c>
      <c r="O3787">
        <v>2558053</v>
      </c>
      <c r="P3787">
        <v>1</v>
      </c>
      <c r="Q3787">
        <v>0</v>
      </c>
      <c r="R3787" t="s">
        <v>19608</v>
      </c>
      <c r="S3787">
        <v>78</v>
      </c>
    </row>
    <row r="3788" spans="1:19" x14ac:dyDescent="0.25">
      <c r="A3788">
        <v>14252032</v>
      </c>
      <c r="B3788" t="s">
        <v>19609</v>
      </c>
      <c r="C3788" s="1" t="s">
        <v>19610</v>
      </c>
      <c r="D3788">
        <v>14252260</v>
      </c>
      <c r="E3788">
        <v>1</v>
      </c>
      <c r="F3788">
        <v>7</v>
      </c>
      <c r="H3788" t="s">
        <v>19611</v>
      </c>
      <c r="J3788" t="s">
        <v>19612</v>
      </c>
      <c r="O3788">
        <v>1457863</v>
      </c>
      <c r="P3788">
        <v>1</v>
      </c>
      <c r="Q3788">
        <v>0</v>
      </c>
      <c r="R3788" t="s">
        <v>19613</v>
      </c>
      <c r="S3788">
        <v>108</v>
      </c>
    </row>
    <row r="3789" spans="1:19" x14ac:dyDescent="0.25">
      <c r="A3789">
        <v>24213870</v>
      </c>
      <c r="B3789" t="s">
        <v>19614</v>
      </c>
      <c r="C3789" s="1" t="s">
        <v>19615</v>
      </c>
      <c r="D3789">
        <v>24250630</v>
      </c>
      <c r="E3789">
        <v>2</v>
      </c>
      <c r="F3789">
        <v>7</v>
      </c>
      <c r="H3789" t="s">
        <v>19616</v>
      </c>
      <c r="J3789" t="s">
        <v>19617</v>
      </c>
      <c r="K3789" t="s">
        <v>19618</v>
      </c>
      <c r="M3789">
        <v>2059483</v>
      </c>
      <c r="O3789">
        <v>1570179</v>
      </c>
      <c r="P3789">
        <v>1</v>
      </c>
      <c r="Q3789">
        <v>1</v>
      </c>
      <c r="R3789" t="s">
        <v>19619</v>
      </c>
      <c r="S3789">
        <v>3597</v>
      </c>
    </row>
    <row r="3790" spans="1:19" x14ac:dyDescent="0.25">
      <c r="A3790">
        <v>48500986</v>
      </c>
      <c r="B3790" t="s">
        <v>19620</v>
      </c>
      <c r="C3790" s="1" t="s">
        <v>19621</v>
      </c>
      <c r="E3790">
        <v>0</v>
      </c>
      <c r="F3790">
        <v>4</v>
      </c>
      <c r="H3790" t="s">
        <v>19622</v>
      </c>
      <c r="J3790" t="s">
        <v>19623</v>
      </c>
      <c r="K3790" t="s">
        <v>19623</v>
      </c>
      <c r="M3790">
        <v>415448</v>
      </c>
      <c r="O3790">
        <v>8663953</v>
      </c>
      <c r="P3790">
        <v>1</v>
      </c>
      <c r="Q3790">
        <v>0</v>
      </c>
      <c r="R3790" t="s">
        <v>19624</v>
      </c>
      <c r="S3790">
        <v>46</v>
      </c>
    </row>
    <row r="3791" spans="1:19" x14ac:dyDescent="0.25">
      <c r="A3791">
        <v>39680623</v>
      </c>
      <c r="B3791" t="s">
        <v>19625</v>
      </c>
      <c r="C3791" s="1" t="s">
        <v>19626</v>
      </c>
      <c r="D3791">
        <v>39681032</v>
      </c>
      <c r="E3791">
        <v>1</v>
      </c>
      <c r="F3791">
        <v>1</v>
      </c>
      <c r="H3791" t="s">
        <v>19627</v>
      </c>
      <c r="I3791">
        <v>1</v>
      </c>
      <c r="J3791" t="s">
        <v>19628</v>
      </c>
      <c r="K3791" t="s">
        <v>19629</v>
      </c>
      <c r="M3791">
        <v>-1</v>
      </c>
      <c r="O3791">
        <v>6832855</v>
      </c>
      <c r="P3791">
        <v>1</v>
      </c>
      <c r="Q3791">
        <v>3</v>
      </c>
      <c r="R3791" t="s">
        <v>19630</v>
      </c>
      <c r="S3791">
        <v>1475</v>
      </c>
    </row>
    <row r="3792" spans="1:19" x14ac:dyDescent="0.25">
      <c r="A3792">
        <v>4998224</v>
      </c>
      <c r="B3792" t="s">
        <v>19631</v>
      </c>
      <c r="C3792" s="1" t="s">
        <v>19632</v>
      </c>
      <c r="D3792">
        <v>4998263</v>
      </c>
      <c r="E3792">
        <v>1</v>
      </c>
      <c r="F3792">
        <v>3</v>
      </c>
      <c r="H3792" t="s">
        <v>19633</v>
      </c>
      <c r="J3792" t="s">
        <v>19634</v>
      </c>
      <c r="O3792">
        <v>247245</v>
      </c>
      <c r="P3792">
        <v>1</v>
      </c>
      <c r="Q3792">
        <v>0</v>
      </c>
      <c r="R3792" t="s">
        <v>19635</v>
      </c>
      <c r="S3792">
        <v>86</v>
      </c>
    </row>
    <row r="3793" spans="1:19" x14ac:dyDescent="0.25">
      <c r="A3793">
        <v>19488987</v>
      </c>
      <c r="B3793" t="s">
        <v>19636</v>
      </c>
      <c r="C3793" s="1" t="s">
        <v>19637</v>
      </c>
      <c r="E3793">
        <v>0</v>
      </c>
      <c r="F3793">
        <v>3</v>
      </c>
      <c r="H3793" t="s">
        <v>19638</v>
      </c>
      <c r="J3793" t="s">
        <v>19639</v>
      </c>
      <c r="K3793" t="s">
        <v>19639</v>
      </c>
      <c r="M3793">
        <v>321731</v>
      </c>
      <c r="O3793">
        <v>2902211</v>
      </c>
      <c r="P3793">
        <v>1</v>
      </c>
      <c r="Q3793">
        <v>0</v>
      </c>
      <c r="R3793" t="s">
        <v>19640</v>
      </c>
      <c r="S3793">
        <v>166</v>
      </c>
    </row>
    <row r="3794" spans="1:19" x14ac:dyDescent="0.25">
      <c r="A3794">
        <v>38599146</v>
      </c>
      <c r="B3794" t="s">
        <v>19641</v>
      </c>
      <c r="C3794" s="1" t="s">
        <v>19642</v>
      </c>
      <c r="E3794">
        <v>0</v>
      </c>
      <c r="F3794">
        <v>3</v>
      </c>
      <c r="H3794" t="s">
        <v>19643</v>
      </c>
      <c r="J3794" t="s">
        <v>19644</v>
      </c>
      <c r="O3794">
        <v>4085017</v>
      </c>
      <c r="P3794">
        <v>1</v>
      </c>
      <c r="Q3794">
        <v>0</v>
      </c>
      <c r="R3794" t="s">
        <v>229</v>
      </c>
      <c r="S3794">
        <v>95</v>
      </c>
    </row>
    <row r="3795" spans="1:19" x14ac:dyDescent="0.25">
      <c r="A3795">
        <v>10035536</v>
      </c>
      <c r="B3795" t="s">
        <v>19645</v>
      </c>
      <c r="C3795" s="1" t="s">
        <v>19646</v>
      </c>
      <c r="E3795">
        <v>1</v>
      </c>
      <c r="F3795">
        <v>0</v>
      </c>
      <c r="H3795" t="s">
        <v>19647</v>
      </c>
      <c r="J3795" t="s">
        <v>19648</v>
      </c>
      <c r="K3795" t="s">
        <v>19649</v>
      </c>
      <c r="M3795">
        <v>1116389</v>
      </c>
      <c r="O3795">
        <v>1116389</v>
      </c>
      <c r="P3795">
        <v>1</v>
      </c>
      <c r="Q3795">
        <v>1</v>
      </c>
      <c r="R3795" t="s">
        <v>19650</v>
      </c>
      <c r="S3795">
        <v>708</v>
      </c>
    </row>
    <row r="3796" spans="1:19" x14ac:dyDescent="0.25">
      <c r="A3796">
        <v>18234545</v>
      </c>
      <c r="B3796" t="s">
        <v>19651</v>
      </c>
      <c r="C3796" s="1" t="s">
        <v>19652</v>
      </c>
      <c r="D3796">
        <v>18234922</v>
      </c>
      <c r="E3796">
        <v>2</v>
      </c>
      <c r="F3796">
        <v>6</v>
      </c>
      <c r="H3796" t="s">
        <v>19653</v>
      </c>
      <c r="J3796" t="s">
        <v>19654</v>
      </c>
      <c r="K3796" t="s">
        <v>19655</v>
      </c>
      <c r="M3796">
        <v>867418</v>
      </c>
      <c r="O3796">
        <v>867418</v>
      </c>
      <c r="P3796">
        <v>1</v>
      </c>
      <c r="Q3796">
        <v>3</v>
      </c>
      <c r="R3796" t="s">
        <v>19656</v>
      </c>
      <c r="S3796">
        <v>450</v>
      </c>
    </row>
    <row r="3797" spans="1:19" x14ac:dyDescent="0.25">
      <c r="A3797">
        <v>33984063</v>
      </c>
      <c r="B3797" t="s">
        <v>19657</v>
      </c>
      <c r="C3797" s="1" t="s">
        <v>19658</v>
      </c>
      <c r="E3797">
        <v>1</v>
      </c>
      <c r="F3797">
        <v>7</v>
      </c>
      <c r="H3797" t="s">
        <v>19659</v>
      </c>
      <c r="I3797">
        <v>2</v>
      </c>
      <c r="J3797" t="s">
        <v>19660</v>
      </c>
      <c r="K3797" t="s">
        <v>19660</v>
      </c>
      <c r="M3797">
        <v>3907229</v>
      </c>
      <c r="O3797">
        <v>3907229</v>
      </c>
      <c r="P3797">
        <v>1</v>
      </c>
      <c r="Q3797">
        <v>0</v>
      </c>
      <c r="R3797" t="s">
        <v>19661</v>
      </c>
      <c r="S3797">
        <v>898</v>
      </c>
    </row>
    <row r="3798" spans="1:19" x14ac:dyDescent="0.25">
      <c r="A3798">
        <v>45205658</v>
      </c>
      <c r="B3798" t="s">
        <v>19662</v>
      </c>
      <c r="C3798" s="1" t="s">
        <v>19663</v>
      </c>
      <c r="E3798">
        <v>0</v>
      </c>
      <c r="F3798">
        <v>4</v>
      </c>
      <c r="H3798" t="s">
        <v>19664</v>
      </c>
      <c r="J3798" t="s">
        <v>19664</v>
      </c>
      <c r="O3798">
        <v>6459632</v>
      </c>
      <c r="P3798">
        <v>1</v>
      </c>
      <c r="Q3798">
        <v>1</v>
      </c>
      <c r="R3798" t="s">
        <v>19665</v>
      </c>
      <c r="S3798">
        <v>177</v>
      </c>
    </row>
    <row r="3799" spans="1:19" x14ac:dyDescent="0.25">
      <c r="A3799">
        <v>35944121</v>
      </c>
      <c r="B3799" t="s">
        <v>19666</v>
      </c>
      <c r="C3799" s="1" t="s">
        <v>19667</v>
      </c>
      <c r="E3799">
        <v>1</v>
      </c>
      <c r="F3799">
        <v>2</v>
      </c>
      <c r="H3799" t="s">
        <v>19668</v>
      </c>
      <c r="J3799" t="s">
        <v>19669</v>
      </c>
      <c r="K3799" t="s">
        <v>19670</v>
      </c>
      <c r="M3799">
        <v>1364733</v>
      </c>
      <c r="O3799">
        <v>1364733</v>
      </c>
      <c r="P3799">
        <v>1</v>
      </c>
      <c r="Q3799">
        <v>0</v>
      </c>
      <c r="R3799" t="s">
        <v>19671</v>
      </c>
      <c r="S3799">
        <v>104</v>
      </c>
    </row>
    <row r="3800" spans="1:19" x14ac:dyDescent="0.25">
      <c r="A3800">
        <v>13691020</v>
      </c>
      <c r="B3800" t="s">
        <v>19672</v>
      </c>
      <c r="C3800" s="1" t="s">
        <v>19673</v>
      </c>
      <c r="E3800">
        <v>1</v>
      </c>
      <c r="F3800">
        <v>0</v>
      </c>
      <c r="H3800" t="s">
        <v>19674</v>
      </c>
      <c r="J3800" t="s">
        <v>19675</v>
      </c>
      <c r="K3800" t="s">
        <v>19676</v>
      </c>
      <c r="M3800">
        <v>1064809</v>
      </c>
      <c r="O3800">
        <v>1064809</v>
      </c>
      <c r="P3800">
        <v>1</v>
      </c>
      <c r="Q3800">
        <v>0</v>
      </c>
      <c r="R3800" t="s">
        <v>19677</v>
      </c>
      <c r="S3800">
        <v>886</v>
      </c>
    </row>
    <row r="3801" spans="1:19" x14ac:dyDescent="0.25">
      <c r="A3801">
        <v>46432666</v>
      </c>
      <c r="B3801" t="s">
        <v>19678</v>
      </c>
      <c r="C3801" s="1" t="s">
        <v>19679</v>
      </c>
      <c r="E3801">
        <v>1</v>
      </c>
      <c r="F3801">
        <v>4</v>
      </c>
      <c r="H3801" t="s">
        <v>19680</v>
      </c>
      <c r="J3801" t="s">
        <v>19681</v>
      </c>
      <c r="K3801" t="s">
        <v>19682</v>
      </c>
      <c r="M3801">
        <v>8360119</v>
      </c>
      <c r="O3801">
        <v>8360119</v>
      </c>
      <c r="P3801">
        <v>1</v>
      </c>
      <c r="Q3801">
        <v>0</v>
      </c>
      <c r="R3801" t="s">
        <v>19683</v>
      </c>
      <c r="S3801">
        <v>210</v>
      </c>
    </row>
    <row r="3802" spans="1:19" x14ac:dyDescent="0.25">
      <c r="A3802">
        <v>36231081</v>
      </c>
      <c r="B3802" t="s">
        <v>19684</v>
      </c>
      <c r="C3802" t="s">
        <v>19685</v>
      </c>
      <c r="E3802">
        <v>2</v>
      </c>
      <c r="F3802">
        <v>0</v>
      </c>
      <c r="H3802" t="s">
        <v>19686</v>
      </c>
      <c r="J3802" t="s">
        <v>19687</v>
      </c>
      <c r="O3802">
        <v>1141299</v>
      </c>
      <c r="P3802">
        <v>1</v>
      </c>
      <c r="Q3802">
        <v>0</v>
      </c>
      <c r="R3802" t="s">
        <v>19688</v>
      </c>
      <c r="S3802">
        <v>253</v>
      </c>
    </row>
    <row r="3803" spans="1:19" x14ac:dyDescent="0.25">
      <c r="A3803">
        <v>4790391</v>
      </c>
      <c r="B3803" t="s">
        <v>19689</v>
      </c>
      <c r="C3803" s="1" t="s">
        <v>19690</v>
      </c>
      <c r="D3803">
        <v>5251463</v>
      </c>
      <c r="E3803">
        <v>2</v>
      </c>
      <c r="F3803">
        <v>0</v>
      </c>
      <c r="H3803" t="s">
        <v>19691</v>
      </c>
      <c r="J3803" t="s">
        <v>19692</v>
      </c>
      <c r="O3803">
        <v>544007</v>
      </c>
      <c r="P3803">
        <v>1</v>
      </c>
      <c r="Q3803">
        <v>1</v>
      </c>
      <c r="R3803" t="s">
        <v>19693</v>
      </c>
      <c r="S3803">
        <v>1004</v>
      </c>
    </row>
    <row r="3804" spans="1:19" x14ac:dyDescent="0.25">
      <c r="A3804">
        <v>19307738</v>
      </c>
      <c r="B3804" t="s">
        <v>19694</v>
      </c>
      <c r="C3804" s="1" t="s">
        <v>19695</v>
      </c>
      <c r="D3804">
        <v>19307815</v>
      </c>
      <c r="E3804">
        <v>2</v>
      </c>
      <c r="F3804">
        <v>2</v>
      </c>
      <c r="H3804" t="s">
        <v>19696</v>
      </c>
      <c r="J3804" t="s">
        <v>19697</v>
      </c>
      <c r="K3804" t="s">
        <v>19697</v>
      </c>
      <c r="M3804">
        <v>3134674</v>
      </c>
      <c r="O3804">
        <v>2847975</v>
      </c>
      <c r="P3804">
        <v>1</v>
      </c>
      <c r="Q3804">
        <v>2</v>
      </c>
      <c r="R3804" t="s">
        <v>19698</v>
      </c>
      <c r="S3804">
        <v>175</v>
      </c>
    </row>
    <row r="3805" spans="1:19" x14ac:dyDescent="0.25">
      <c r="A3805">
        <v>49232946</v>
      </c>
      <c r="B3805" t="s">
        <v>19699</v>
      </c>
      <c r="C3805" s="1" t="s">
        <v>19700</v>
      </c>
      <c r="E3805">
        <v>0</v>
      </c>
      <c r="F3805">
        <v>3</v>
      </c>
      <c r="H3805" t="s">
        <v>19701</v>
      </c>
      <c r="J3805" t="s">
        <v>19702</v>
      </c>
      <c r="K3805" t="s">
        <v>19702</v>
      </c>
      <c r="M3805">
        <v>134204</v>
      </c>
      <c r="O3805">
        <v>7753519</v>
      </c>
      <c r="P3805">
        <v>1</v>
      </c>
      <c r="Q3805">
        <v>0</v>
      </c>
      <c r="R3805" t="s">
        <v>19703</v>
      </c>
      <c r="S3805">
        <v>40</v>
      </c>
    </row>
    <row r="3806" spans="1:19" x14ac:dyDescent="0.25">
      <c r="A3806">
        <v>46713746</v>
      </c>
      <c r="B3806" t="s">
        <v>19704</v>
      </c>
      <c r="C3806" s="1" t="s">
        <v>19705</v>
      </c>
      <c r="E3806">
        <v>0</v>
      </c>
      <c r="F3806">
        <v>2</v>
      </c>
      <c r="H3806" t="s">
        <v>19706</v>
      </c>
      <c r="J3806" t="s">
        <v>19706</v>
      </c>
      <c r="O3806">
        <v>8766274</v>
      </c>
      <c r="P3806">
        <v>1</v>
      </c>
      <c r="Q3806">
        <v>2</v>
      </c>
      <c r="R3806" t="s">
        <v>19707</v>
      </c>
      <c r="S3806">
        <v>364</v>
      </c>
    </row>
    <row r="3807" spans="1:19" x14ac:dyDescent="0.25">
      <c r="A3807">
        <v>29895231</v>
      </c>
      <c r="B3807" t="s">
        <v>19708</v>
      </c>
      <c r="C3807" t="s">
        <v>19709</v>
      </c>
      <c r="E3807">
        <v>0</v>
      </c>
      <c r="F3807">
        <v>2</v>
      </c>
      <c r="H3807" t="s">
        <v>19710</v>
      </c>
      <c r="J3807" t="s">
        <v>19710</v>
      </c>
      <c r="O3807">
        <v>2470823</v>
      </c>
      <c r="P3807">
        <v>1</v>
      </c>
      <c r="Q3807">
        <v>3</v>
      </c>
      <c r="R3807" t="s">
        <v>19711</v>
      </c>
      <c r="S3807">
        <v>299</v>
      </c>
    </row>
    <row r="3808" spans="1:19" x14ac:dyDescent="0.25">
      <c r="A3808">
        <v>20880310</v>
      </c>
      <c r="B3808" t="s">
        <v>19712</v>
      </c>
      <c r="C3808" t="s">
        <v>19713</v>
      </c>
      <c r="D3808">
        <v>20931652</v>
      </c>
      <c r="E3808">
        <v>1</v>
      </c>
      <c r="F3808">
        <v>2</v>
      </c>
      <c r="H3808" t="s">
        <v>19714</v>
      </c>
      <c r="J3808" t="s">
        <v>19715</v>
      </c>
      <c r="O3808">
        <v>457208</v>
      </c>
      <c r="P3808">
        <v>1</v>
      </c>
      <c r="Q3808">
        <v>0</v>
      </c>
      <c r="R3808" t="s">
        <v>19716</v>
      </c>
      <c r="S3808">
        <v>646</v>
      </c>
    </row>
    <row r="3809" spans="1:19" x14ac:dyDescent="0.25">
      <c r="A3809">
        <v>47739156</v>
      </c>
      <c r="B3809" t="s">
        <v>19717</v>
      </c>
      <c r="C3809" s="1" t="s">
        <v>19718</v>
      </c>
      <c r="E3809">
        <v>1</v>
      </c>
      <c r="F3809">
        <v>1</v>
      </c>
      <c r="H3809" t="s">
        <v>19719</v>
      </c>
      <c r="J3809" t="s">
        <v>19720</v>
      </c>
      <c r="O3809">
        <v>7227929</v>
      </c>
      <c r="P3809">
        <v>1</v>
      </c>
      <c r="Q3809">
        <v>-1</v>
      </c>
      <c r="R3809" t="s">
        <v>19721</v>
      </c>
      <c r="S3809">
        <v>45</v>
      </c>
    </row>
    <row r="3810" spans="1:19" x14ac:dyDescent="0.25">
      <c r="A3810">
        <v>35974119</v>
      </c>
      <c r="B3810" t="s">
        <v>19722</v>
      </c>
      <c r="C3810" s="1" t="s">
        <v>19723</v>
      </c>
      <c r="D3810">
        <v>35974977</v>
      </c>
      <c r="E3810">
        <v>1</v>
      </c>
      <c r="F3810">
        <v>4</v>
      </c>
      <c r="H3810" t="s">
        <v>19724</v>
      </c>
      <c r="J3810" t="s">
        <v>19725</v>
      </c>
      <c r="K3810" t="s">
        <v>19726</v>
      </c>
      <c r="M3810">
        <v>330315</v>
      </c>
      <c r="O3810">
        <v>5928991</v>
      </c>
      <c r="P3810">
        <v>1</v>
      </c>
      <c r="Q3810">
        <v>1</v>
      </c>
      <c r="R3810" t="s">
        <v>19727</v>
      </c>
      <c r="S3810">
        <v>39</v>
      </c>
    </row>
    <row r="3811" spans="1:19" x14ac:dyDescent="0.25">
      <c r="A3811">
        <v>27362894</v>
      </c>
      <c r="B3811" t="s">
        <v>19728</v>
      </c>
      <c r="C3811" s="1" t="s">
        <v>19729</v>
      </c>
      <c r="E3811">
        <v>2</v>
      </c>
      <c r="F3811">
        <v>0</v>
      </c>
      <c r="H3811" t="s">
        <v>19730</v>
      </c>
      <c r="J3811" t="s">
        <v>19731</v>
      </c>
      <c r="O3811">
        <v>1157878</v>
      </c>
      <c r="P3811">
        <v>1</v>
      </c>
      <c r="Q3811">
        <v>0</v>
      </c>
      <c r="R3811" t="s">
        <v>19732</v>
      </c>
      <c r="S3811">
        <v>388</v>
      </c>
    </row>
    <row r="3812" spans="1:19" x14ac:dyDescent="0.25">
      <c r="A3812">
        <v>52050582</v>
      </c>
      <c r="B3812" t="s">
        <v>19733</v>
      </c>
      <c r="C3812" s="1" t="s">
        <v>19734</v>
      </c>
      <c r="E3812">
        <v>0</v>
      </c>
      <c r="F3812">
        <v>0</v>
      </c>
      <c r="H3812" t="s">
        <v>19735</v>
      </c>
      <c r="J3812" t="s">
        <v>19736</v>
      </c>
      <c r="K3812" t="s">
        <v>19736</v>
      </c>
      <c r="M3812">
        <v>2939594</v>
      </c>
      <c r="O3812">
        <v>2939594</v>
      </c>
      <c r="P3812">
        <v>1</v>
      </c>
      <c r="Q3812">
        <v>0</v>
      </c>
      <c r="R3812" t="s">
        <v>19737</v>
      </c>
      <c r="S3812">
        <v>22</v>
      </c>
    </row>
    <row r="3813" spans="1:19" x14ac:dyDescent="0.25">
      <c r="A3813">
        <v>31970607</v>
      </c>
      <c r="B3813" t="s">
        <v>19738</v>
      </c>
      <c r="C3813" s="1" t="s">
        <v>19739</v>
      </c>
      <c r="E3813">
        <v>1</v>
      </c>
      <c r="F3813">
        <v>5</v>
      </c>
      <c r="H3813" t="s">
        <v>19740</v>
      </c>
      <c r="J3813" t="s">
        <v>19741</v>
      </c>
      <c r="O3813">
        <v>2929795</v>
      </c>
      <c r="P3813">
        <v>1</v>
      </c>
      <c r="Q3813">
        <v>11</v>
      </c>
      <c r="R3813" t="s">
        <v>19742</v>
      </c>
      <c r="S3813">
        <v>740</v>
      </c>
    </row>
    <row r="3814" spans="1:19" x14ac:dyDescent="0.25">
      <c r="A3814">
        <v>34750839</v>
      </c>
      <c r="B3814" t="s">
        <v>19743</v>
      </c>
      <c r="C3814" s="1" t="s">
        <v>19744</v>
      </c>
      <c r="D3814">
        <v>34752068</v>
      </c>
      <c r="E3814">
        <v>2</v>
      </c>
      <c r="F3814">
        <v>0</v>
      </c>
      <c r="H3814" t="s">
        <v>19745</v>
      </c>
      <c r="J3814" t="s">
        <v>19746</v>
      </c>
      <c r="K3814" t="s">
        <v>19746</v>
      </c>
      <c r="M3814">
        <v>4244780</v>
      </c>
      <c r="O3814">
        <v>5749852</v>
      </c>
      <c r="P3814">
        <v>1</v>
      </c>
      <c r="Q3814">
        <v>0</v>
      </c>
      <c r="R3814" t="s">
        <v>19747</v>
      </c>
      <c r="S3814">
        <v>424</v>
      </c>
    </row>
    <row r="3815" spans="1:19" x14ac:dyDescent="0.25">
      <c r="A3815">
        <v>18461710</v>
      </c>
      <c r="B3815" t="s">
        <v>19748</v>
      </c>
      <c r="C3815" s="1" t="s">
        <v>19749</v>
      </c>
      <c r="D3815">
        <v>18462077</v>
      </c>
      <c r="E3815">
        <v>1</v>
      </c>
      <c r="F3815">
        <v>0</v>
      </c>
      <c r="H3815" t="s">
        <v>19750</v>
      </c>
      <c r="J3815" t="s">
        <v>19751</v>
      </c>
      <c r="K3815" t="s">
        <v>19751</v>
      </c>
      <c r="M3815">
        <v>899271</v>
      </c>
      <c r="O3815">
        <v>899271</v>
      </c>
      <c r="P3815">
        <v>1</v>
      </c>
      <c r="Q3815">
        <v>0</v>
      </c>
      <c r="R3815" t="s">
        <v>19752</v>
      </c>
      <c r="S3815">
        <v>1553</v>
      </c>
    </row>
    <row r="3816" spans="1:19" x14ac:dyDescent="0.25">
      <c r="A3816">
        <v>14345397</v>
      </c>
      <c r="B3816" t="s">
        <v>19753</v>
      </c>
      <c r="C3816" s="1" t="s">
        <v>19754</v>
      </c>
      <c r="D3816">
        <v>14345425</v>
      </c>
      <c r="E3816">
        <v>4</v>
      </c>
      <c r="F3816">
        <v>4</v>
      </c>
      <c r="H3816" t="s">
        <v>19755</v>
      </c>
      <c r="J3816" t="s">
        <v>19756</v>
      </c>
      <c r="K3816" t="s">
        <v>19757</v>
      </c>
      <c r="M3816">
        <v>68587</v>
      </c>
      <c r="O3816">
        <v>1084865</v>
      </c>
      <c r="P3816">
        <v>1</v>
      </c>
      <c r="Q3816">
        <v>0</v>
      </c>
      <c r="R3816" t="s">
        <v>213</v>
      </c>
      <c r="S3816">
        <v>622</v>
      </c>
    </row>
    <row r="3817" spans="1:19" x14ac:dyDescent="0.25">
      <c r="A3817">
        <v>11386893</v>
      </c>
      <c r="B3817" t="s">
        <v>19758</v>
      </c>
      <c r="C3817" s="1" t="s">
        <v>19759</v>
      </c>
      <c r="E3817">
        <v>1</v>
      </c>
      <c r="F3817">
        <v>0</v>
      </c>
      <c r="H3817" t="s">
        <v>19760</v>
      </c>
      <c r="J3817" t="s">
        <v>19761</v>
      </c>
      <c r="K3817" t="s">
        <v>19761</v>
      </c>
      <c r="M3817">
        <v>1118919</v>
      </c>
      <c r="O3817">
        <v>1118919</v>
      </c>
      <c r="P3817">
        <v>1</v>
      </c>
      <c r="Q3817">
        <v>0</v>
      </c>
      <c r="R3817" t="s">
        <v>19762</v>
      </c>
      <c r="S3817">
        <v>459</v>
      </c>
    </row>
    <row r="3818" spans="1:19" x14ac:dyDescent="0.25">
      <c r="A3818">
        <v>16220216</v>
      </c>
      <c r="B3818" t="s">
        <v>19763</v>
      </c>
      <c r="C3818" s="1" t="s">
        <v>19764</v>
      </c>
      <c r="E3818">
        <v>2</v>
      </c>
      <c r="F3818">
        <v>0</v>
      </c>
      <c r="H3818" t="s">
        <v>19765</v>
      </c>
      <c r="J3818" t="s">
        <v>19766</v>
      </c>
      <c r="O3818">
        <v>1361315</v>
      </c>
      <c r="P3818">
        <v>1</v>
      </c>
      <c r="Q3818">
        <v>3</v>
      </c>
      <c r="R3818" t="s">
        <v>19767</v>
      </c>
      <c r="S3818">
        <v>6082</v>
      </c>
    </row>
    <row r="3819" spans="1:19" x14ac:dyDescent="0.25">
      <c r="A3819">
        <v>53309208</v>
      </c>
      <c r="B3819" t="s">
        <v>19768</v>
      </c>
      <c r="C3819" s="1" t="s">
        <v>19769</v>
      </c>
      <c r="E3819">
        <v>1</v>
      </c>
      <c r="F3819">
        <v>1</v>
      </c>
      <c r="H3819" t="s">
        <v>19770</v>
      </c>
      <c r="J3819" t="s">
        <v>19771</v>
      </c>
      <c r="K3819" t="s">
        <v>19772</v>
      </c>
      <c r="M3819">
        <v>10654434</v>
      </c>
      <c r="O3819">
        <v>10654434</v>
      </c>
      <c r="P3819">
        <v>1</v>
      </c>
      <c r="Q3819">
        <v>0</v>
      </c>
      <c r="R3819" t="s">
        <v>19773</v>
      </c>
      <c r="S3819">
        <v>27</v>
      </c>
    </row>
    <row r="3820" spans="1:19" x14ac:dyDescent="0.25">
      <c r="A3820">
        <v>16021455</v>
      </c>
      <c r="B3820" t="s">
        <v>19774</v>
      </c>
      <c r="C3820" s="1" t="s">
        <v>19775</v>
      </c>
      <c r="D3820">
        <v>16021551</v>
      </c>
      <c r="E3820">
        <v>1</v>
      </c>
      <c r="F3820">
        <v>1</v>
      </c>
      <c r="H3820" t="s">
        <v>19776</v>
      </c>
      <c r="J3820" t="s">
        <v>19777</v>
      </c>
      <c r="O3820">
        <v>1939432</v>
      </c>
      <c r="P3820">
        <v>1</v>
      </c>
      <c r="Q3820">
        <v>0</v>
      </c>
      <c r="R3820" t="s">
        <v>19778</v>
      </c>
      <c r="S3820">
        <v>194</v>
      </c>
    </row>
    <row r="3821" spans="1:19" x14ac:dyDescent="0.25">
      <c r="A3821">
        <v>5203330</v>
      </c>
      <c r="B3821" t="s">
        <v>19779</v>
      </c>
      <c r="C3821" s="1" t="s">
        <v>19780</v>
      </c>
      <c r="D3821">
        <v>5203396</v>
      </c>
      <c r="E3821">
        <v>3</v>
      </c>
      <c r="F3821">
        <v>0</v>
      </c>
      <c r="H3821" t="s">
        <v>19781</v>
      </c>
      <c r="J3821" t="s">
        <v>19782</v>
      </c>
      <c r="K3821" t="s">
        <v>19783</v>
      </c>
      <c r="M3821">
        <v>179057</v>
      </c>
      <c r="O3821">
        <v>179057</v>
      </c>
      <c r="P3821">
        <v>1</v>
      </c>
      <c r="Q3821">
        <v>1</v>
      </c>
      <c r="R3821" t="s">
        <v>4844</v>
      </c>
      <c r="S3821">
        <v>139</v>
      </c>
    </row>
    <row r="3822" spans="1:19" x14ac:dyDescent="0.25">
      <c r="A3822">
        <v>11216734</v>
      </c>
      <c r="B3822" t="s">
        <v>19784</v>
      </c>
      <c r="C3822" s="1" t="s">
        <v>19785</v>
      </c>
      <c r="E3822">
        <v>1</v>
      </c>
      <c r="F3822">
        <v>2</v>
      </c>
      <c r="H3822" t="s">
        <v>19786</v>
      </c>
      <c r="J3822" t="s">
        <v>19787</v>
      </c>
      <c r="K3822" t="s">
        <v>19787</v>
      </c>
      <c r="M3822">
        <v>432294</v>
      </c>
      <c r="O3822">
        <v>1339617</v>
      </c>
      <c r="P3822">
        <v>1</v>
      </c>
      <c r="Q3822">
        <v>1</v>
      </c>
      <c r="R3822" t="s">
        <v>19788</v>
      </c>
      <c r="S3822">
        <v>100</v>
      </c>
    </row>
    <row r="3823" spans="1:19" x14ac:dyDescent="0.25">
      <c r="A3823">
        <v>12865779</v>
      </c>
      <c r="B3823" t="s">
        <v>19789</v>
      </c>
      <c r="C3823" s="1" t="s">
        <v>19790</v>
      </c>
      <c r="E3823">
        <v>0</v>
      </c>
      <c r="F3823">
        <v>4</v>
      </c>
      <c r="H3823" t="s">
        <v>19791</v>
      </c>
      <c r="J3823" t="s">
        <v>19791</v>
      </c>
      <c r="K3823" t="s">
        <v>19792</v>
      </c>
      <c r="M3823">
        <v>-1</v>
      </c>
      <c r="O3823">
        <v>692228</v>
      </c>
      <c r="P3823">
        <v>1</v>
      </c>
      <c r="Q3823">
        <v>1</v>
      </c>
      <c r="R3823" t="s">
        <v>19793</v>
      </c>
      <c r="S3823">
        <v>122</v>
      </c>
    </row>
    <row r="3824" spans="1:19" x14ac:dyDescent="0.25">
      <c r="A3824">
        <v>21373738</v>
      </c>
      <c r="B3824" t="s">
        <v>19794</v>
      </c>
      <c r="C3824" s="1" t="s">
        <v>19795</v>
      </c>
      <c r="D3824">
        <v>21373831</v>
      </c>
      <c r="E3824">
        <v>7</v>
      </c>
      <c r="F3824">
        <v>2</v>
      </c>
      <c r="H3824" t="s">
        <v>19796</v>
      </c>
      <c r="I3824">
        <v>4</v>
      </c>
      <c r="J3824" t="s">
        <v>19797</v>
      </c>
      <c r="K3824" t="s">
        <v>19798</v>
      </c>
      <c r="M3824">
        <v>1393766</v>
      </c>
      <c r="O3824">
        <v>2849331</v>
      </c>
      <c r="P3824">
        <v>1</v>
      </c>
      <c r="Q3824">
        <v>4</v>
      </c>
      <c r="R3824" t="s">
        <v>351</v>
      </c>
      <c r="S3824">
        <v>187003</v>
      </c>
    </row>
    <row r="3825" spans="1:19" x14ac:dyDescent="0.25">
      <c r="A3825">
        <v>47711377</v>
      </c>
      <c r="B3825" t="s">
        <v>19799</v>
      </c>
      <c r="C3825" s="1" t="s">
        <v>19800</v>
      </c>
      <c r="E3825">
        <v>1</v>
      </c>
      <c r="F3825">
        <v>1</v>
      </c>
      <c r="H3825" t="s">
        <v>19801</v>
      </c>
      <c r="J3825" t="s">
        <v>19802</v>
      </c>
      <c r="K3825" t="s">
        <v>19803</v>
      </c>
      <c r="M3825">
        <v>8094213</v>
      </c>
      <c r="O3825">
        <v>1193722</v>
      </c>
      <c r="P3825">
        <v>1</v>
      </c>
      <c r="Q3825">
        <v>0</v>
      </c>
      <c r="R3825" t="s">
        <v>19804</v>
      </c>
      <c r="S3825">
        <v>263</v>
      </c>
    </row>
    <row r="3826" spans="1:19" x14ac:dyDescent="0.25">
      <c r="A3826">
        <v>51333403</v>
      </c>
      <c r="B3826" t="s">
        <v>19805</v>
      </c>
      <c r="C3826" s="1" t="s">
        <v>19806</v>
      </c>
      <c r="D3826">
        <v>51333861</v>
      </c>
      <c r="E3826">
        <v>1</v>
      </c>
      <c r="F3826">
        <v>2</v>
      </c>
      <c r="H3826" t="s">
        <v>19807</v>
      </c>
      <c r="J3826" t="s">
        <v>19808</v>
      </c>
      <c r="O3826">
        <v>2766859</v>
      </c>
      <c r="P3826">
        <v>1</v>
      </c>
      <c r="Q3826">
        <v>0</v>
      </c>
      <c r="R3826" t="s">
        <v>19809</v>
      </c>
      <c r="S3826">
        <v>31</v>
      </c>
    </row>
    <row r="3827" spans="1:19" x14ac:dyDescent="0.25">
      <c r="A3827">
        <v>3035868</v>
      </c>
      <c r="B3827" t="s">
        <v>19810</v>
      </c>
      <c r="C3827" t="s">
        <v>19811</v>
      </c>
      <c r="D3827">
        <v>3035910</v>
      </c>
      <c r="E3827">
        <v>3</v>
      </c>
      <c r="F3827">
        <v>0</v>
      </c>
      <c r="G3827" t="s">
        <v>19812</v>
      </c>
      <c r="H3827" t="s">
        <v>19812</v>
      </c>
      <c r="I3827">
        <v>6</v>
      </c>
      <c r="J3827" t="s">
        <v>19813</v>
      </c>
      <c r="K3827" t="s">
        <v>19813</v>
      </c>
      <c r="M3827">
        <v>1033581</v>
      </c>
      <c r="O3827">
        <v>136141</v>
      </c>
      <c r="P3827">
        <v>1</v>
      </c>
      <c r="Q3827">
        <v>9</v>
      </c>
      <c r="R3827" t="s">
        <v>19814</v>
      </c>
      <c r="S3827">
        <v>5705</v>
      </c>
    </row>
    <row r="3828" spans="1:19" x14ac:dyDescent="0.25">
      <c r="A3828">
        <v>29126081</v>
      </c>
      <c r="B3828" t="s">
        <v>19815</v>
      </c>
      <c r="C3828" s="1" t="s">
        <v>19816</v>
      </c>
      <c r="D3828">
        <v>29126237</v>
      </c>
      <c r="E3828">
        <v>1</v>
      </c>
      <c r="F3828">
        <v>9</v>
      </c>
      <c r="H3828" t="s">
        <v>19817</v>
      </c>
      <c r="J3828" t="s">
        <v>19818</v>
      </c>
      <c r="K3828" t="s">
        <v>19818</v>
      </c>
      <c r="M3828">
        <v>3412090</v>
      </c>
      <c r="O3828">
        <v>3412090</v>
      </c>
      <c r="P3828">
        <v>1</v>
      </c>
      <c r="Q3828">
        <v>3</v>
      </c>
      <c r="R3828" t="s">
        <v>19819</v>
      </c>
      <c r="S3828">
        <v>274</v>
      </c>
    </row>
    <row r="3829" spans="1:19" x14ac:dyDescent="0.25">
      <c r="A3829">
        <v>40238171</v>
      </c>
      <c r="B3829" t="s">
        <v>19820</v>
      </c>
      <c r="C3829" s="1" t="s">
        <v>19821</v>
      </c>
      <c r="D3829">
        <v>40239791</v>
      </c>
      <c r="E3829">
        <v>2</v>
      </c>
      <c r="F3829">
        <v>4</v>
      </c>
      <c r="H3829" t="s">
        <v>19822</v>
      </c>
      <c r="J3829" t="s">
        <v>19823</v>
      </c>
      <c r="K3829" t="s">
        <v>19824</v>
      </c>
      <c r="M3829">
        <v>3266234</v>
      </c>
      <c r="O3829">
        <v>3266234</v>
      </c>
      <c r="P3829">
        <v>1</v>
      </c>
      <c r="Q3829">
        <v>-1</v>
      </c>
      <c r="R3829" t="s">
        <v>19825</v>
      </c>
      <c r="S3829">
        <v>48</v>
      </c>
    </row>
    <row r="3830" spans="1:19" x14ac:dyDescent="0.25">
      <c r="A3830">
        <v>42050143</v>
      </c>
      <c r="B3830" t="s">
        <v>19826</v>
      </c>
      <c r="C3830" s="1" t="s">
        <v>19827</v>
      </c>
      <c r="D3830">
        <v>42050694</v>
      </c>
      <c r="E3830">
        <v>2</v>
      </c>
      <c r="F3830">
        <v>7</v>
      </c>
      <c r="H3830" t="s">
        <v>19828</v>
      </c>
      <c r="I3830">
        <v>0</v>
      </c>
      <c r="J3830" t="s">
        <v>19829</v>
      </c>
      <c r="K3830" t="s">
        <v>19830</v>
      </c>
      <c r="M3830">
        <v>-1</v>
      </c>
      <c r="O3830">
        <v>3644938</v>
      </c>
      <c r="P3830">
        <v>1</v>
      </c>
      <c r="Q3830">
        <v>7</v>
      </c>
      <c r="R3830" t="s">
        <v>19831</v>
      </c>
      <c r="S3830">
        <v>377</v>
      </c>
    </row>
    <row r="3831" spans="1:19" x14ac:dyDescent="0.25">
      <c r="A3831">
        <v>35178625</v>
      </c>
      <c r="B3831" t="s">
        <v>19832</v>
      </c>
      <c r="C3831" s="1" t="s">
        <v>19833</v>
      </c>
      <c r="D3831">
        <v>35178740</v>
      </c>
      <c r="E3831">
        <v>1</v>
      </c>
      <c r="F3831">
        <v>0</v>
      </c>
      <c r="H3831" t="s">
        <v>19834</v>
      </c>
      <c r="J3831" t="s">
        <v>19835</v>
      </c>
      <c r="K3831" t="s">
        <v>19835</v>
      </c>
      <c r="M3831">
        <v>2612238</v>
      </c>
      <c r="O3831">
        <v>2612238</v>
      </c>
      <c r="P3831">
        <v>1</v>
      </c>
      <c r="Q3831">
        <v>0</v>
      </c>
      <c r="R3831" t="s">
        <v>19836</v>
      </c>
      <c r="S3831">
        <v>457</v>
      </c>
    </row>
    <row r="3832" spans="1:19" x14ac:dyDescent="0.25">
      <c r="A3832">
        <v>42230961</v>
      </c>
      <c r="B3832" t="s">
        <v>19837</v>
      </c>
      <c r="C3832" s="1" t="s">
        <v>19838</v>
      </c>
      <c r="D3832">
        <v>42231899</v>
      </c>
      <c r="E3832">
        <v>2</v>
      </c>
      <c r="F3832">
        <v>0</v>
      </c>
      <c r="H3832" t="s">
        <v>19839</v>
      </c>
      <c r="J3832" t="s">
        <v>19840</v>
      </c>
      <c r="O3832">
        <v>619586</v>
      </c>
      <c r="P3832">
        <v>1</v>
      </c>
      <c r="Q3832">
        <v>0</v>
      </c>
      <c r="R3832" t="s">
        <v>19841</v>
      </c>
      <c r="S3832">
        <v>66</v>
      </c>
    </row>
    <row r="3833" spans="1:19" x14ac:dyDescent="0.25">
      <c r="A3833">
        <v>24350854</v>
      </c>
      <c r="B3833" t="s">
        <v>19842</v>
      </c>
      <c r="C3833" s="1" t="s">
        <v>19843</v>
      </c>
      <c r="D3833">
        <v>24350992</v>
      </c>
      <c r="E3833">
        <v>1</v>
      </c>
      <c r="F3833">
        <v>8</v>
      </c>
      <c r="H3833" t="s">
        <v>19844</v>
      </c>
      <c r="J3833" t="s">
        <v>19845</v>
      </c>
      <c r="K3833" t="s">
        <v>19846</v>
      </c>
      <c r="M3833">
        <v>1582860</v>
      </c>
      <c r="O3833">
        <v>1582860</v>
      </c>
      <c r="P3833">
        <v>1</v>
      </c>
      <c r="Q3833">
        <v>0</v>
      </c>
      <c r="R3833" t="s">
        <v>19847</v>
      </c>
      <c r="S3833">
        <v>409</v>
      </c>
    </row>
    <row r="3834" spans="1:19" x14ac:dyDescent="0.25">
      <c r="A3834">
        <v>43925314</v>
      </c>
      <c r="B3834" t="s">
        <v>19848</v>
      </c>
      <c r="C3834" s="1" t="s">
        <v>19849</v>
      </c>
      <c r="E3834">
        <v>1</v>
      </c>
      <c r="F3834">
        <v>0</v>
      </c>
      <c r="H3834" t="s">
        <v>19850</v>
      </c>
      <c r="J3834" t="s">
        <v>19851</v>
      </c>
      <c r="O3834">
        <v>462794</v>
      </c>
      <c r="P3834">
        <v>1</v>
      </c>
      <c r="Q3834">
        <v>0</v>
      </c>
      <c r="R3834" t="s">
        <v>19852</v>
      </c>
      <c r="S3834">
        <v>257</v>
      </c>
    </row>
    <row r="3835" spans="1:19" x14ac:dyDescent="0.25">
      <c r="A3835">
        <v>45226880</v>
      </c>
      <c r="B3835" t="s">
        <v>19853</v>
      </c>
      <c r="C3835" s="1" t="s">
        <v>19854</v>
      </c>
      <c r="E3835">
        <v>1</v>
      </c>
      <c r="F3835">
        <v>0</v>
      </c>
      <c r="H3835" t="s">
        <v>19855</v>
      </c>
      <c r="I3835">
        <v>2</v>
      </c>
      <c r="J3835" t="s">
        <v>19856</v>
      </c>
      <c r="K3835" t="s">
        <v>19856</v>
      </c>
      <c r="M3835">
        <v>7212686</v>
      </c>
      <c r="O3835">
        <v>8308338</v>
      </c>
      <c r="P3835">
        <v>1</v>
      </c>
      <c r="Q3835">
        <v>5</v>
      </c>
      <c r="R3835" t="s">
        <v>19857</v>
      </c>
      <c r="S3835">
        <v>4101</v>
      </c>
    </row>
    <row r="3836" spans="1:19" x14ac:dyDescent="0.25">
      <c r="A3836">
        <v>4467777</v>
      </c>
      <c r="B3836" t="s">
        <v>19858</v>
      </c>
      <c r="C3836" t="s">
        <v>19859</v>
      </c>
      <c r="E3836">
        <v>1</v>
      </c>
      <c r="F3836">
        <v>0</v>
      </c>
      <c r="H3836" t="s">
        <v>19860</v>
      </c>
      <c r="J3836" t="s">
        <v>19861</v>
      </c>
      <c r="O3836">
        <v>545658</v>
      </c>
      <c r="P3836">
        <v>1</v>
      </c>
      <c r="Q3836">
        <v>1</v>
      </c>
      <c r="R3836" t="s">
        <v>2494</v>
      </c>
      <c r="S3836">
        <v>118</v>
      </c>
    </row>
    <row r="3837" spans="1:19" x14ac:dyDescent="0.25">
      <c r="A3837">
        <v>19856787</v>
      </c>
      <c r="B3837" t="s">
        <v>19862</v>
      </c>
      <c r="C3837" s="1" t="s">
        <v>19863</v>
      </c>
      <c r="D3837">
        <v>19856847</v>
      </c>
      <c r="E3837">
        <v>3</v>
      </c>
      <c r="F3837">
        <v>0</v>
      </c>
      <c r="H3837" t="s">
        <v>19864</v>
      </c>
      <c r="J3837" t="s">
        <v>19865</v>
      </c>
      <c r="K3837" t="s">
        <v>19865</v>
      </c>
      <c r="M3837">
        <v>4385913</v>
      </c>
      <c r="O3837">
        <v>1573412</v>
      </c>
      <c r="P3837">
        <v>1</v>
      </c>
      <c r="Q3837">
        <v>0</v>
      </c>
      <c r="R3837" t="s">
        <v>10727</v>
      </c>
      <c r="S3837">
        <v>59</v>
      </c>
    </row>
    <row r="3838" spans="1:19" x14ac:dyDescent="0.25">
      <c r="A3838">
        <v>24458488</v>
      </c>
      <c r="B3838" t="s">
        <v>19866</v>
      </c>
      <c r="C3838" s="1" t="s">
        <v>19867</v>
      </c>
      <c r="E3838">
        <v>1</v>
      </c>
      <c r="F3838">
        <v>3</v>
      </c>
      <c r="H3838" t="s">
        <v>19868</v>
      </c>
      <c r="J3838" t="s">
        <v>19869</v>
      </c>
      <c r="K3838" t="s">
        <v>19870</v>
      </c>
      <c r="M3838">
        <v>472495</v>
      </c>
      <c r="O3838">
        <v>1610904</v>
      </c>
      <c r="P3838">
        <v>1</v>
      </c>
      <c r="Q3838">
        <v>0</v>
      </c>
      <c r="R3838" t="s">
        <v>19871</v>
      </c>
      <c r="S3838">
        <v>76</v>
      </c>
    </row>
    <row r="3839" spans="1:19" x14ac:dyDescent="0.25">
      <c r="A3839">
        <v>41637758</v>
      </c>
      <c r="B3839" t="s">
        <v>19872</v>
      </c>
      <c r="C3839" s="1" t="s">
        <v>19873</v>
      </c>
      <c r="E3839">
        <v>1</v>
      </c>
      <c r="F3839">
        <v>5</v>
      </c>
      <c r="H3839" t="s">
        <v>19874</v>
      </c>
      <c r="J3839" t="s">
        <v>19875</v>
      </c>
      <c r="K3839" t="s">
        <v>19876</v>
      </c>
      <c r="M3839">
        <v>7415480</v>
      </c>
      <c r="O3839">
        <v>7415480</v>
      </c>
      <c r="P3839">
        <v>1</v>
      </c>
      <c r="Q3839">
        <v>1</v>
      </c>
      <c r="R3839" t="s">
        <v>19877</v>
      </c>
      <c r="S3839">
        <v>61</v>
      </c>
    </row>
    <row r="3840" spans="1:19" x14ac:dyDescent="0.25">
      <c r="A3840">
        <v>42617265</v>
      </c>
      <c r="B3840" t="s">
        <v>19878</v>
      </c>
      <c r="C3840" s="1" t="s">
        <v>19879</v>
      </c>
      <c r="E3840">
        <v>0</v>
      </c>
      <c r="F3840">
        <v>5</v>
      </c>
      <c r="H3840" t="s">
        <v>19880</v>
      </c>
      <c r="J3840" t="s">
        <v>19881</v>
      </c>
      <c r="K3840" t="s">
        <v>19881</v>
      </c>
      <c r="M3840">
        <v>5928946</v>
      </c>
      <c r="O3840">
        <v>5928946</v>
      </c>
      <c r="P3840">
        <v>1</v>
      </c>
      <c r="Q3840">
        <v>0</v>
      </c>
      <c r="R3840" t="s">
        <v>19882</v>
      </c>
      <c r="S3840">
        <v>53</v>
      </c>
    </row>
    <row r="3841" spans="1:19" x14ac:dyDescent="0.25">
      <c r="A3841">
        <v>28082733</v>
      </c>
      <c r="B3841" t="s">
        <v>19883</v>
      </c>
      <c r="C3841" s="1" t="s">
        <v>19884</v>
      </c>
      <c r="E3841">
        <v>1</v>
      </c>
      <c r="F3841">
        <v>0</v>
      </c>
      <c r="H3841" t="s">
        <v>19885</v>
      </c>
      <c r="J3841" t="s">
        <v>19886</v>
      </c>
      <c r="O3841">
        <v>2268997</v>
      </c>
      <c r="P3841">
        <v>1</v>
      </c>
      <c r="Q3841">
        <v>0</v>
      </c>
      <c r="R3841" t="s">
        <v>19887</v>
      </c>
      <c r="S3841">
        <v>366</v>
      </c>
    </row>
    <row r="3842" spans="1:19" x14ac:dyDescent="0.25">
      <c r="A3842">
        <v>13166552</v>
      </c>
      <c r="B3842" t="s">
        <v>19888</v>
      </c>
      <c r="C3842" s="1" t="s">
        <v>19889</v>
      </c>
      <c r="D3842">
        <v>13253697</v>
      </c>
      <c r="E3842">
        <v>1</v>
      </c>
      <c r="F3842">
        <v>0</v>
      </c>
      <c r="H3842" t="s">
        <v>19890</v>
      </c>
      <c r="I3842">
        <v>7</v>
      </c>
      <c r="J3842" t="s">
        <v>19891</v>
      </c>
      <c r="K3842" t="s">
        <v>19892</v>
      </c>
      <c r="M3842">
        <v>170521</v>
      </c>
      <c r="O3842">
        <v>170521</v>
      </c>
      <c r="P3842">
        <v>1</v>
      </c>
      <c r="Q3842">
        <v>12</v>
      </c>
      <c r="R3842" t="s">
        <v>19893</v>
      </c>
      <c r="S3842">
        <v>1277</v>
      </c>
    </row>
    <row r="3843" spans="1:19" x14ac:dyDescent="0.25">
      <c r="A3843">
        <v>37200591</v>
      </c>
      <c r="B3843" t="s">
        <v>19894</v>
      </c>
      <c r="C3843" s="1" t="s">
        <v>19895</v>
      </c>
      <c r="E3843">
        <v>1</v>
      </c>
      <c r="F3843">
        <v>0</v>
      </c>
      <c r="H3843" t="s">
        <v>19896</v>
      </c>
      <c r="J3843" t="s">
        <v>19897</v>
      </c>
      <c r="O3843">
        <v>2414556</v>
      </c>
      <c r="P3843">
        <v>1</v>
      </c>
      <c r="Q3843">
        <v>2</v>
      </c>
      <c r="R3843" t="s">
        <v>19898</v>
      </c>
      <c r="S3843">
        <v>243</v>
      </c>
    </row>
    <row r="3844" spans="1:19" x14ac:dyDescent="0.25">
      <c r="A3844">
        <v>37508647</v>
      </c>
      <c r="B3844" t="s">
        <v>19899</v>
      </c>
      <c r="C3844" s="1" t="s">
        <v>19900</v>
      </c>
      <c r="E3844">
        <v>0</v>
      </c>
      <c r="F3844">
        <v>3</v>
      </c>
      <c r="H3844" t="s">
        <v>19901</v>
      </c>
      <c r="J3844" t="s">
        <v>19901</v>
      </c>
      <c r="O3844">
        <v>5697743</v>
      </c>
      <c r="P3844">
        <v>1</v>
      </c>
      <c r="Q3844">
        <v>0</v>
      </c>
      <c r="R3844" t="s">
        <v>19902</v>
      </c>
      <c r="S3844">
        <v>90</v>
      </c>
    </row>
    <row r="3845" spans="1:19" x14ac:dyDescent="0.25">
      <c r="A3845">
        <v>50628934</v>
      </c>
      <c r="B3845" t="s">
        <v>19903</v>
      </c>
      <c r="C3845" s="1" t="s">
        <v>19904</v>
      </c>
      <c r="D3845">
        <v>50630481</v>
      </c>
      <c r="E3845">
        <v>1</v>
      </c>
      <c r="F3845">
        <v>3</v>
      </c>
      <c r="H3845" t="s">
        <v>19905</v>
      </c>
      <c r="J3845" t="s">
        <v>19906</v>
      </c>
      <c r="O3845">
        <v>4939530</v>
      </c>
      <c r="P3845">
        <v>1</v>
      </c>
      <c r="Q3845">
        <v>-1</v>
      </c>
      <c r="R3845" t="s">
        <v>125</v>
      </c>
      <c r="S3845">
        <v>21</v>
      </c>
    </row>
    <row r="3846" spans="1:19" x14ac:dyDescent="0.25">
      <c r="A3846">
        <v>50449844</v>
      </c>
      <c r="B3846" t="s">
        <v>19907</v>
      </c>
      <c r="C3846" s="1" t="s">
        <v>19908</v>
      </c>
      <c r="D3846">
        <v>50449938</v>
      </c>
      <c r="E3846">
        <v>2</v>
      </c>
      <c r="F3846">
        <v>0</v>
      </c>
      <c r="H3846" t="s">
        <v>19909</v>
      </c>
      <c r="J3846" t="s">
        <v>19910</v>
      </c>
      <c r="K3846" t="s">
        <v>19910</v>
      </c>
      <c r="M3846">
        <v>919578</v>
      </c>
      <c r="O3846">
        <v>919578</v>
      </c>
      <c r="P3846">
        <v>1</v>
      </c>
      <c r="Q3846">
        <v>12</v>
      </c>
      <c r="R3846" t="s">
        <v>3500</v>
      </c>
      <c r="S3846">
        <v>702</v>
      </c>
    </row>
    <row r="3847" spans="1:19" x14ac:dyDescent="0.25">
      <c r="A3847">
        <v>24069937</v>
      </c>
      <c r="B3847" t="s">
        <v>19911</v>
      </c>
      <c r="C3847" s="1" t="s">
        <v>19912</v>
      </c>
      <c r="E3847">
        <v>2</v>
      </c>
      <c r="F3847">
        <v>3</v>
      </c>
      <c r="H3847" t="s">
        <v>19913</v>
      </c>
      <c r="J3847" t="s">
        <v>19914</v>
      </c>
      <c r="K3847" t="s">
        <v>19915</v>
      </c>
      <c r="M3847">
        <v>1470607</v>
      </c>
      <c r="O3847">
        <v>3694136</v>
      </c>
      <c r="P3847">
        <v>1</v>
      </c>
      <c r="Q3847">
        <v>0</v>
      </c>
      <c r="R3847" t="s">
        <v>19916</v>
      </c>
      <c r="S3847">
        <v>157</v>
      </c>
    </row>
    <row r="3848" spans="1:19" x14ac:dyDescent="0.25">
      <c r="A3848">
        <v>42043897</v>
      </c>
      <c r="B3848" t="s">
        <v>19917</v>
      </c>
      <c r="C3848" s="1" t="s">
        <v>19918</v>
      </c>
      <c r="E3848">
        <v>0</v>
      </c>
      <c r="F3848">
        <v>3</v>
      </c>
      <c r="H3848" t="s">
        <v>19919</v>
      </c>
      <c r="J3848" t="s">
        <v>19920</v>
      </c>
      <c r="K3848" t="s">
        <v>19920</v>
      </c>
      <c r="M3848">
        <v>3597276</v>
      </c>
      <c r="O3848">
        <v>7516447</v>
      </c>
      <c r="P3848">
        <v>1</v>
      </c>
      <c r="Q3848">
        <v>0</v>
      </c>
      <c r="R3848" t="s">
        <v>19921</v>
      </c>
      <c r="S3848">
        <v>62</v>
      </c>
    </row>
    <row r="3849" spans="1:19" x14ac:dyDescent="0.25">
      <c r="A3849">
        <v>12505400</v>
      </c>
      <c r="B3849" t="s">
        <v>19922</v>
      </c>
      <c r="C3849" s="1" t="s">
        <v>19923</v>
      </c>
      <c r="E3849">
        <v>1</v>
      </c>
      <c r="F3849">
        <v>5</v>
      </c>
      <c r="H3849" t="s">
        <v>19924</v>
      </c>
      <c r="J3849" t="s">
        <v>19925</v>
      </c>
      <c r="K3849" t="s">
        <v>19926</v>
      </c>
      <c r="M3849">
        <v>279482</v>
      </c>
      <c r="O3849">
        <v>1684636</v>
      </c>
      <c r="P3849">
        <v>1</v>
      </c>
      <c r="Q3849">
        <v>1</v>
      </c>
      <c r="R3849" t="s">
        <v>19927</v>
      </c>
      <c r="S3849">
        <v>79</v>
      </c>
    </row>
    <row r="3850" spans="1:19" x14ac:dyDescent="0.25">
      <c r="A3850">
        <v>19405228</v>
      </c>
      <c r="B3850" t="s">
        <v>19928</v>
      </c>
      <c r="C3850" s="1" t="s">
        <v>19929</v>
      </c>
      <c r="D3850">
        <v>19405602</v>
      </c>
      <c r="E3850">
        <v>5</v>
      </c>
      <c r="F3850">
        <v>2</v>
      </c>
      <c r="H3850" t="s">
        <v>19930</v>
      </c>
      <c r="I3850">
        <v>2</v>
      </c>
      <c r="J3850" t="s">
        <v>19931</v>
      </c>
      <c r="K3850" t="s">
        <v>19932</v>
      </c>
      <c r="M3850">
        <v>1226963</v>
      </c>
      <c r="O3850">
        <v>2744216</v>
      </c>
      <c r="P3850">
        <v>1</v>
      </c>
      <c r="Q3850">
        <v>4</v>
      </c>
      <c r="R3850" t="s">
        <v>19933</v>
      </c>
      <c r="S3850">
        <v>5567</v>
      </c>
    </row>
    <row r="3851" spans="1:19" x14ac:dyDescent="0.25">
      <c r="A3851">
        <v>21347993</v>
      </c>
      <c r="B3851" t="s">
        <v>19934</v>
      </c>
      <c r="C3851" s="1" t="s">
        <v>19935</v>
      </c>
      <c r="E3851">
        <v>1</v>
      </c>
      <c r="F3851">
        <v>0</v>
      </c>
      <c r="H3851" t="s">
        <v>19936</v>
      </c>
      <c r="J3851" t="s">
        <v>19937</v>
      </c>
      <c r="O3851">
        <v>2344353</v>
      </c>
      <c r="P3851">
        <v>1</v>
      </c>
      <c r="Q3851">
        <v>0</v>
      </c>
      <c r="R3851" t="s">
        <v>19938</v>
      </c>
      <c r="S3851">
        <v>1788</v>
      </c>
    </row>
    <row r="3852" spans="1:19" x14ac:dyDescent="0.25">
      <c r="A3852">
        <v>10707434</v>
      </c>
      <c r="B3852" t="s">
        <v>19939</v>
      </c>
      <c r="C3852" s="1" t="s">
        <v>19940</v>
      </c>
      <c r="D3852">
        <v>10707791</v>
      </c>
      <c r="E3852">
        <v>2</v>
      </c>
      <c r="F3852">
        <v>0</v>
      </c>
      <c r="H3852" t="s">
        <v>19941</v>
      </c>
      <c r="I3852">
        <v>9</v>
      </c>
      <c r="J3852" t="s">
        <v>19942</v>
      </c>
      <c r="O3852">
        <v>1160965</v>
      </c>
      <c r="P3852">
        <v>1</v>
      </c>
      <c r="Q3852">
        <v>19</v>
      </c>
      <c r="R3852" t="s">
        <v>19943</v>
      </c>
      <c r="S3852">
        <v>16898</v>
      </c>
    </row>
    <row r="3853" spans="1:19" x14ac:dyDescent="0.25">
      <c r="A3853">
        <v>16253264</v>
      </c>
      <c r="B3853" t="s">
        <v>19944</v>
      </c>
      <c r="C3853" s="1" t="s">
        <v>19945</v>
      </c>
      <c r="E3853">
        <v>1</v>
      </c>
      <c r="F3853">
        <v>0</v>
      </c>
      <c r="H3853" t="s">
        <v>19946</v>
      </c>
      <c r="J3853" t="s">
        <v>19947</v>
      </c>
      <c r="K3853" t="s">
        <v>19948</v>
      </c>
      <c r="M3853">
        <v>2144390</v>
      </c>
      <c r="O3853">
        <v>2325065</v>
      </c>
      <c r="P3853">
        <v>1</v>
      </c>
      <c r="Q3853">
        <v>0</v>
      </c>
      <c r="R3853" t="s">
        <v>19949</v>
      </c>
      <c r="S3853">
        <v>947</v>
      </c>
    </row>
    <row r="3854" spans="1:19" x14ac:dyDescent="0.25">
      <c r="A3854">
        <v>891899</v>
      </c>
      <c r="B3854" t="s">
        <v>19950</v>
      </c>
      <c r="C3854" s="1" t="s">
        <v>19951</v>
      </c>
      <c r="E3854">
        <v>2</v>
      </c>
      <c r="F3854">
        <v>2</v>
      </c>
      <c r="H3854" t="s">
        <v>19952</v>
      </c>
      <c r="J3854" t="s">
        <v>19953</v>
      </c>
      <c r="N3854" t="s">
        <v>19954</v>
      </c>
      <c r="P3854">
        <v>1</v>
      </c>
      <c r="Q3854">
        <v>0</v>
      </c>
      <c r="R3854" t="s">
        <v>19955</v>
      </c>
      <c r="S3854">
        <v>94</v>
      </c>
    </row>
    <row r="3855" spans="1:19" x14ac:dyDescent="0.25">
      <c r="A3855">
        <v>30895798</v>
      </c>
      <c r="B3855" t="s">
        <v>19956</v>
      </c>
      <c r="C3855" s="1" t="s">
        <v>19957</v>
      </c>
      <c r="D3855">
        <v>30900017</v>
      </c>
      <c r="E3855">
        <v>3</v>
      </c>
      <c r="F3855">
        <v>2</v>
      </c>
      <c r="H3855" t="s">
        <v>19958</v>
      </c>
      <c r="I3855">
        <v>0</v>
      </c>
      <c r="J3855" t="s">
        <v>19959</v>
      </c>
      <c r="O3855">
        <v>5020301</v>
      </c>
      <c r="P3855">
        <v>1</v>
      </c>
      <c r="Q3855">
        <v>0</v>
      </c>
      <c r="R3855" t="s">
        <v>19960</v>
      </c>
      <c r="S3855">
        <v>7393</v>
      </c>
    </row>
    <row r="3856" spans="1:19" x14ac:dyDescent="0.25">
      <c r="A3856">
        <v>26436975</v>
      </c>
      <c r="B3856" t="s">
        <v>19961</v>
      </c>
      <c r="C3856" s="1" t="s">
        <v>19962</v>
      </c>
      <c r="E3856">
        <v>0</v>
      </c>
      <c r="F3856">
        <v>11</v>
      </c>
      <c r="H3856" t="s">
        <v>19963</v>
      </c>
      <c r="J3856" t="s">
        <v>19964</v>
      </c>
      <c r="K3856" t="s">
        <v>19964</v>
      </c>
      <c r="M3856">
        <v>1904015</v>
      </c>
      <c r="O3856">
        <v>1904015</v>
      </c>
      <c r="P3856">
        <v>1</v>
      </c>
      <c r="Q3856">
        <v>0</v>
      </c>
      <c r="R3856" t="s">
        <v>19965</v>
      </c>
      <c r="S3856">
        <v>282</v>
      </c>
    </row>
    <row r="3857" spans="1:19" x14ac:dyDescent="0.25">
      <c r="A3857">
        <v>22156972</v>
      </c>
      <c r="B3857" t="s">
        <v>19966</v>
      </c>
      <c r="C3857" s="1" t="s">
        <v>19967</v>
      </c>
      <c r="D3857">
        <v>22157337</v>
      </c>
      <c r="E3857">
        <v>3</v>
      </c>
      <c r="F3857">
        <v>2</v>
      </c>
      <c r="H3857" t="s">
        <v>19968</v>
      </c>
      <c r="J3857" t="s">
        <v>19969</v>
      </c>
      <c r="K3857" t="s">
        <v>19970</v>
      </c>
      <c r="M3857">
        <v>1779730</v>
      </c>
      <c r="O3857">
        <v>1779730</v>
      </c>
      <c r="P3857">
        <v>1</v>
      </c>
      <c r="Q3857">
        <v>1</v>
      </c>
      <c r="R3857" t="s">
        <v>19971</v>
      </c>
      <c r="S3857">
        <v>548</v>
      </c>
    </row>
    <row r="3858" spans="1:19" x14ac:dyDescent="0.25">
      <c r="A3858">
        <v>2001953</v>
      </c>
      <c r="B3858" t="s">
        <v>19972</v>
      </c>
      <c r="C3858" s="1" t="s">
        <v>19973</v>
      </c>
      <c r="E3858">
        <v>4</v>
      </c>
      <c r="F3858">
        <v>0</v>
      </c>
      <c r="H3858" t="s">
        <v>19974</v>
      </c>
      <c r="I3858">
        <v>2</v>
      </c>
      <c r="J3858" t="s">
        <v>19975</v>
      </c>
      <c r="O3858">
        <v>68183</v>
      </c>
      <c r="P3858">
        <v>1</v>
      </c>
      <c r="Q3858">
        <v>5</v>
      </c>
      <c r="R3858" t="s">
        <v>19976</v>
      </c>
      <c r="S3858">
        <v>135</v>
      </c>
    </row>
    <row r="3859" spans="1:19" x14ac:dyDescent="0.25">
      <c r="A3859">
        <v>34871375</v>
      </c>
      <c r="B3859" t="s">
        <v>19977</v>
      </c>
      <c r="C3859" t="s">
        <v>19978</v>
      </c>
      <c r="E3859">
        <v>1</v>
      </c>
      <c r="F3859">
        <v>2</v>
      </c>
      <c r="H3859" t="s">
        <v>19979</v>
      </c>
      <c r="J3859" t="s">
        <v>19980</v>
      </c>
      <c r="K3859" t="s">
        <v>19980</v>
      </c>
      <c r="M3859">
        <v>1772830</v>
      </c>
      <c r="N3859" t="s">
        <v>5713</v>
      </c>
      <c r="P3859">
        <v>1</v>
      </c>
      <c r="Q3859">
        <v>0</v>
      </c>
      <c r="R3859" t="s">
        <v>6962</v>
      </c>
      <c r="S3859">
        <v>90</v>
      </c>
    </row>
    <row r="3860" spans="1:19" x14ac:dyDescent="0.25">
      <c r="A3860">
        <v>25382740</v>
      </c>
      <c r="B3860" t="s">
        <v>19981</v>
      </c>
      <c r="C3860" s="1" t="s">
        <v>19982</v>
      </c>
      <c r="E3860">
        <v>1</v>
      </c>
      <c r="F3860">
        <v>4</v>
      </c>
      <c r="H3860" t="s">
        <v>19983</v>
      </c>
      <c r="J3860" t="s">
        <v>19984</v>
      </c>
      <c r="O3860">
        <v>3956176</v>
      </c>
      <c r="P3860">
        <v>1</v>
      </c>
      <c r="Q3860">
        <v>0</v>
      </c>
      <c r="R3860" t="s">
        <v>19985</v>
      </c>
      <c r="S3860">
        <v>721</v>
      </c>
    </row>
    <row r="3861" spans="1:19" x14ac:dyDescent="0.25">
      <c r="A3861">
        <v>49304074</v>
      </c>
      <c r="B3861" t="s">
        <v>19986</v>
      </c>
      <c r="C3861" s="1" t="s">
        <v>19987</v>
      </c>
      <c r="D3861">
        <v>49309951</v>
      </c>
      <c r="E3861">
        <v>1</v>
      </c>
      <c r="F3861">
        <v>0</v>
      </c>
      <c r="H3861" t="s">
        <v>19988</v>
      </c>
      <c r="J3861" t="s">
        <v>19989</v>
      </c>
      <c r="K3861" t="s">
        <v>19990</v>
      </c>
      <c r="M3861">
        <v>215552</v>
      </c>
      <c r="O3861">
        <v>7597368</v>
      </c>
      <c r="P3861">
        <v>1</v>
      </c>
      <c r="Q3861">
        <v>1</v>
      </c>
      <c r="R3861" t="s">
        <v>19991</v>
      </c>
      <c r="S3861">
        <v>46</v>
      </c>
    </row>
    <row r="3862" spans="1:19" x14ac:dyDescent="0.25">
      <c r="A3862">
        <v>51070845</v>
      </c>
      <c r="B3862" t="s">
        <v>19992</v>
      </c>
      <c r="C3862" s="1" t="s">
        <v>19993</v>
      </c>
      <c r="E3862">
        <v>0</v>
      </c>
      <c r="F3862">
        <v>5</v>
      </c>
      <c r="H3862" t="s">
        <v>19994</v>
      </c>
      <c r="I3862">
        <v>1</v>
      </c>
      <c r="J3862" t="s">
        <v>19995</v>
      </c>
      <c r="K3862" t="s">
        <v>19995</v>
      </c>
      <c r="M3862">
        <v>130015</v>
      </c>
      <c r="O3862">
        <v>130015</v>
      </c>
      <c r="P3862">
        <v>1</v>
      </c>
      <c r="Q3862">
        <v>1</v>
      </c>
      <c r="R3862" t="s">
        <v>19996</v>
      </c>
      <c r="S3862">
        <v>39</v>
      </c>
    </row>
    <row r="3863" spans="1:19" x14ac:dyDescent="0.25">
      <c r="A3863">
        <v>33562206</v>
      </c>
      <c r="B3863" t="s">
        <v>19997</v>
      </c>
      <c r="C3863" s="1" t="s">
        <v>19998</v>
      </c>
      <c r="E3863">
        <v>1</v>
      </c>
      <c r="F3863">
        <v>3</v>
      </c>
      <c r="H3863" t="s">
        <v>19999</v>
      </c>
      <c r="J3863" t="s">
        <v>20000</v>
      </c>
      <c r="O3863">
        <v>1989793</v>
      </c>
      <c r="P3863">
        <v>1</v>
      </c>
      <c r="Q3863">
        <v>0</v>
      </c>
      <c r="R3863" t="s">
        <v>20001</v>
      </c>
      <c r="S3863">
        <v>145</v>
      </c>
    </row>
    <row r="3864" spans="1:19" x14ac:dyDescent="0.25">
      <c r="A3864">
        <v>19871346</v>
      </c>
      <c r="B3864" t="s">
        <v>20002</v>
      </c>
      <c r="C3864" s="1" t="s">
        <v>20003</v>
      </c>
      <c r="D3864">
        <v>19910856</v>
      </c>
      <c r="E3864">
        <v>1</v>
      </c>
      <c r="F3864">
        <v>2</v>
      </c>
      <c r="H3864" t="s">
        <v>20004</v>
      </c>
      <c r="J3864" t="s">
        <v>20005</v>
      </c>
      <c r="O3864">
        <v>1170221</v>
      </c>
      <c r="P3864">
        <v>1</v>
      </c>
      <c r="Q3864">
        <v>1</v>
      </c>
      <c r="R3864" t="s">
        <v>20006</v>
      </c>
      <c r="S3864">
        <v>583</v>
      </c>
    </row>
    <row r="3865" spans="1:19" x14ac:dyDescent="0.25">
      <c r="A3865">
        <v>29076017</v>
      </c>
      <c r="B3865" t="s">
        <v>20007</v>
      </c>
      <c r="C3865" s="1" t="s">
        <v>20008</v>
      </c>
      <c r="E3865">
        <v>1</v>
      </c>
      <c r="F3865">
        <v>0</v>
      </c>
      <c r="H3865" t="s">
        <v>20009</v>
      </c>
      <c r="J3865" t="s">
        <v>20010</v>
      </c>
      <c r="K3865" t="s">
        <v>20011</v>
      </c>
      <c r="M3865">
        <v>4209604</v>
      </c>
      <c r="O3865">
        <v>4675995</v>
      </c>
      <c r="P3865">
        <v>1</v>
      </c>
      <c r="Q3865">
        <v>0</v>
      </c>
      <c r="R3865" t="s">
        <v>20012</v>
      </c>
      <c r="S3865">
        <v>226</v>
      </c>
    </row>
    <row r="3866" spans="1:19" x14ac:dyDescent="0.25">
      <c r="A3866">
        <v>53474469</v>
      </c>
      <c r="B3866" t="s">
        <v>20013</v>
      </c>
      <c r="C3866" s="1" t="s">
        <v>20014</v>
      </c>
      <c r="E3866">
        <v>1</v>
      </c>
      <c r="F3866">
        <v>0</v>
      </c>
      <c r="H3866" t="s">
        <v>20015</v>
      </c>
      <c r="J3866" t="s">
        <v>20016</v>
      </c>
      <c r="K3866" t="s">
        <v>20016</v>
      </c>
      <c r="M3866">
        <v>77764</v>
      </c>
      <c r="O3866">
        <v>6819487</v>
      </c>
      <c r="P3866">
        <v>1</v>
      </c>
      <c r="Q3866">
        <v>0</v>
      </c>
      <c r="R3866" t="s">
        <v>20017</v>
      </c>
      <c r="S3866">
        <v>12</v>
      </c>
    </row>
    <row r="3867" spans="1:19" x14ac:dyDescent="0.25">
      <c r="A3867">
        <v>4937814</v>
      </c>
      <c r="B3867" t="s">
        <v>20018</v>
      </c>
      <c r="C3867" t="s">
        <v>20019</v>
      </c>
      <c r="D3867">
        <v>4937845</v>
      </c>
      <c r="E3867">
        <v>6</v>
      </c>
      <c r="F3867">
        <v>6</v>
      </c>
      <c r="H3867" t="s">
        <v>20020</v>
      </c>
      <c r="I3867">
        <v>1</v>
      </c>
      <c r="J3867" t="s">
        <v>20021</v>
      </c>
      <c r="K3867" t="s">
        <v>20021</v>
      </c>
      <c r="M3867">
        <v>892493</v>
      </c>
      <c r="O3867">
        <v>608728</v>
      </c>
      <c r="P3867">
        <v>1</v>
      </c>
      <c r="Q3867">
        <v>3</v>
      </c>
      <c r="R3867" t="s">
        <v>2771</v>
      </c>
      <c r="S3867">
        <v>13087</v>
      </c>
    </row>
    <row r="3868" spans="1:19" x14ac:dyDescent="0.25">
      <c r="A3868">
        <v>22048434</v>
      </c>
      <c r="B3868" t="s">
        <v>20022</v>
      </c>
      <c r="C3868" s="1" t="s">
        <v>20023</v>
      </c>
      <c r="D3868">
        <v>22048518</v>
      </c>
      <c r="E3868">
        <v>2</v>
      </c>
      <c r="F3868">
        <v>0</v>
      </c>
      <c r="H3868" t="s">
        <v>20024</v>
      </c>
      <c r="I3868">
        <v>1</v>
      </c>
      <c r="J3868" t="s">
        <v>20025</v>
      </c>
      <c r="K3868" t="s">
        <v>20026</v>
      </c>
      <c r="M3868">
        <v>-1</v>
      </c>
      <c r="O3868">
        <v>1754452</v>
      </c>
      <c r="P3868">
        <v>1</v>
      </c>
      <c r="Q3868">
        <v>0</v>
      </c>
      <c r="R3868" t="s">
        <v>20027</v>
      </c>
      <c r="S3868">
        <v>178</v>
      </c>
    </row>
    <row r="3869" spans="1:19" x14ac:dyDescent="0.25">
      <c r="A3869">
        <v>40717350</v>
      </c>
      <c r="B3869" t="s">
        <v>20028</v>
      </c>
      <c r="C3869" t="s">
        <v>20029</v>
      </c>
      <c r="E3869">
        <v>1</v>
      </c>
      <c r="F3869">
        <v>6</v>
      </c>
      <c r="H3869" t="s">
        <v>20030</v>
      </c>
      <c r="J3869" t="s">
        <v>20031</v>
      </c>
      <c r="K3869" t="s">
        <v>20032</v>
      </c>
      <c r="M3869">
        <v>6282279</v>
      </c>
      <c r="O3869">
        <v>6282279</v>
      </c>
      <c r="P3869">
        <v>1</v>
      </c>
      <c r="Q3869">
        <v>2</v>
      </c>
      <c r="R3869" t="s">
        <v>20033</v>
      </c>
      <c r="S3869">
        <v>591</v>
      </c>
    </row>
    <row r="3870" spans="1:19" x14ac:dyDescent="0.25">
      <c r="A3870">
        <v>31412404</v>
      </c>
      <c r="B3870" t="s">
        <v>20034</v>
      </c>
      <c r="C3870" s="1" t="s">
        <v>20035</v>
      </c>
      <c r="E3870">
        <v>1</v>
      </c>
      <c r="F3870">
        <v>1</v>
      </c>
      <c r="H3870" t="s">
        <v>20036</v>
      </c>
      <c r="J3870" t="s">
        <v>20037</v>
      </c>
      <c r="O3870">
        <v>2229234</v>
      </c>
      <c r="P3870">
        <v>1</v>
      </c>
      <c r="Q3870">
        <v>4</v>
      </c>
      <c r="R3870" t="s">
        <v>20038</v>
      </c>
      <c r="S3870">
        <v>731</v>
      </c>
    </row>
    <row r="3871" spans="1:19" x14ac:dyDescent="0.25">
      <c r="A3871">
        <v>39578206</v>
      </c>
      <c r="B3871" t="s">
        <v>20039</v>
      </c>
      <c r="C3871" s="1" t="s">
        <v>20040</v>
      </c>
      <c r="D3871">
        <v>39578300</v>
      </c>
      <c r="E3871">
        <v>1</v>
      </c>
      <c r="F3871">
        <v>8</v>
      </c>
      <c r="H3871" t="s">
        <v>20041</v>
      </c>
      <c r="J3871" t="s">
        <v>20042</v>
      </c>
      <c r="O3871">
        <v>3500191</v>
      </c>
      <c r="P3871">
        <v>1</v>
      </c>
      <c r="Q3871">
        <v>1</v>
      </c>
      <c r="R3871" t="s">
        <v>20043</v>
      </c>
      <c r="S3871">
        <v>141</v>
      </c>
    </row>
    <row r="3872" spans="1:19" x14ac:dyDescent="0.25">
      <c r="A3872">
        <v>2498874</v>
      </c>
      <c r="B3872" t="s">
        <v>20044</v>
      </c>
      <c r="C3872" t="s">
        <v>20045</v>
      </c>
      <c r="D3872">
        <v>2504122</v>
      </c>
      <c r="E3872">
        <v>1</v>
      </c>
      <c r="F3872">
        <v>0</v>
      </c>
      <c r="H3872" t="s">
        <v>20046</v>
      </c>
      <c r="J3872" t="s">
        <v>20047</v>
      </c>
      <c r="K3872" t="s">
        <v>20047</v>
      </c>
      <c r="M3872">
        <v>1066031</v>
      </c>
      <c r="O3872">
        <v>299766</v>
      </c>
      <c r="P3872">
        <v>1</v>
      </c>
      <c r="Q3872">
        <v>0</v>
      </c>
      <c r="R3872" t="s">
        <v>20048</v>
      </c>
      <c r="S3872">
        <v>210</v>
      </c>
    </row>
    <row r="3873" spans="1:19" x14ac:dyDescent="0.25">
      <c r="A3873">
        <v>13421819</v>
      </c>
      <c r="B3873" t="s">
        <v>20049</v>
      </c>
      <c r="C3873" s="1" t="s">
        <v>20050</v>
      </c>
      <c r="E3873">
        <v>3</v>
      </c>
      <c r="F3873">
        <v>0</v>
      </c>
      <c r="H3873" t="s">
        <v>20051</v>
      </c>
      <c r="J3873" t="s">
        <v>20052</v>
      </c>
      <c r="K3873" t="s">
        <v>20053</v>
      </c>
      <c r="M3873">
        <v>396458</v>
      </c>
      <c r="O3873">
        <v>1471980</v>
      </c>
      <c r="P3873">
        <v>1</v>
      </c>
      <c r="Q3873">
        <v>0</v>
      </c>
      <c r="R3873" t="s">
        <v>1446</v>
      </c>
      <c r="S3873">
        <v>123</v>
      </c>
    </row>
    <row r="3874" spans="1:19" x14ac:dyDescent="0.25">
      <c r="A3874">
        <v>45419237</v>
      </c>
      <c r="B3874" t="s">
        <v>20054</v>
      </c>
      <c r="C3874" s="1" t="s">
        <v>20055</v>
      </c>
      <c r="E3874">
        <v>1</v>
      </c>
      <c r="F3874">
        <v>9</v>
      </c>
      <c r="H3874" t="s">
        <v>20056</v>
      </c>
      <c r="J3874" t="s">
        <v>20057</v>
      </c>
      <c r="K3874" t="s">
        <v>20057</v>
      </c>
      <c r="M3874">
        <v>8394715</v>
      </c>
      <c r="O3874">
        <v>8394715</v>
      </c>
      <c r="P3874">
        <v>1</v>
      </c>
      <c r="Q3874">
        <v>-2</v>
      </c>
      <c r="R3874" t="s">
        <v>20058</v>
      </c>
      <c r="S3874">
        <v>909</v>
      </c>
    </row>
    <row r="3875" spans="1:19" x14ac:dyDescent="0.25">
      <c r="A3875">
        <v>21529630</v>
      </c>
      <c r="B3875" t="s">
        <v>20059</v>
      </c>
      <c r="C3875" s="1" t="s">
        <v>20060</v>
      </c>
      <c r="E3875">
        <v>2</v>
      </c>
      <c r="F3875">
        <v>0</v>
      </c>
      <c r="H3875" t="s">
        <v>20061</v>
      </c>
      <c r="J3875" t="s">
        <v>20062</v>
      </c>
      <c r="K3875" t="s">
        <v>20063</v>
      </c>
      <c r="M3875">
        <v>-1</v>
      </c>
      <c r="O3875">
        <v>1285745</v>
      </c>
      <c r="P3875">
        <v>1</v>
      </c>
      <c r="Q3875">
        <v>1</v>
      </c>
      <c r="R3875" t="s">
        <v>20064</v>
      </c>
      <c r="S3875">
        <v>484</v>
      </c>
    </row>
    <row r="3876" spans="1:19" x14ac:dyDescent="0.25">
      <c r="A3876">
        <v>24066064</v>
      </c>
      <c r="B3876" t="s">
        <v>20065</v>
      </c>
      <c r="C3876" t="s">
        <v>20066</v>
      </c>
      <c r="E3876">
        <v>0</v>
      </c>
      <c r="F3876">
        <v>0</v>
      </c>
      <c r="H3876" t="s">
        <v>20067</v>
      </c>
      <c r="J3876" t="s">
        <v>20067</v>
      </c>
      <c r="O3876">
        <v>2570434</v>
      </c>
      <c r="P3876">
        <v>1</v>
      </c>
      <c r="Q3876">
        <v>1</v>
      </c>
      <c r="R3876" t="s">
        <v>20068</v>
      </c>
      <c r="S3876">
        <v>29</v>
      </c>
    </row>
    <row r="3877" spans="1:19" x14ac:dyDescent="0.25">
      <c r="A3877">
        <v>13698779</v>
      </c>
      <c r="B3877" t="s">
        <v>20069</v>
      </c>
      <c r="C3877" s="1" t="s">
        <v>20070</v>
      </c>
      <c r="D3877">
        <v>13698860</v>
      </c>
      <c r="E3877">
        <v>2</v>
      </c>
      <c r="F3877">
        <v>0</v>
      </c>
      <c r="H3877" t="s">
        <v>20071</v>
      </c>
      <c r="I3877">
        <v>3</v>
      </c>
      <c r="J3877" t="s">
        <v>20072</v>
      </c>
      <c r="K3877" t="s">
        <v>20073</v>
      </c>
      <c r="M3877">
        <v>-1</v>
      </c>
      <c r="O3877">
        <v>1060044</v>
      </c>
      <c r="P3877">
        <v>1</v>
      </c>
      <c r="Q3877">
        <v>10</v>
      </c>
      <c r="R3877" t="s">
        <v>20074</v>
      </c>
      <c r="S3877">
        <v>18577</v>
      </c>
    </row>
    <row r="3878" spans="1:19" x14ac:dyDescent="0.25">
      <c r="A3878">
        <v>10422470</v>
      </c>
      <c r="B3878" t="s">
        <v>20075</v>
      </c>
      <c r="C3878" s="1" t="s">
        <v>20076</v>
      </c>
      <c r="E3878">
        <v>0</v>
      </c>
      <c r="F3878">
        <v>3</v>
      </c>
      <c r="H3878" t="s">
        <v>20077</v>
      </c>
      <c r="J3878" t="s">
        <v>20077</v>
      </c>
      <c r="O3878">
        <v>585618</v>
      </c>
      <c r="P3878">
        <v>1</v>
      </c>
      <c r="Q3878">
        <v>2</v>
      </c>
      <c r="R3878" t="s">
        <v>20078</v>
      </c>
      <c r="S3878">
        <v>394</v>
      </c>
    </row>
    <row r="3879" spans="1:19" x14ac:dyDescent="0.25">
      <c r="A3879">
        <v>34959577</v>
      </c>
      <c r="B3879" t="s">
        <v>20079</v>
      </c>
      <c r="C3879" s="1" t="s">
        <v>20080</v>
      </c>
      <c r="D3879">
        <v>34959833</v>
      </c>
      <c r="E3879">
        <v>1</v>
      </c>
      <c r="F3879">
        <v>2</v>
      </c>
      <c r="H3879" t="s">
        <v>20081</v>
      </c>
      <c r="J3879" t="s">
        <v>20082</v>
      </c>
      <c r="K3879" t="s">
        <v>20082</v>
      </c>
      <c r="M3879">
        <v>5201265</v>
      </c>
      <c r="O3879">
        <v>5201265</v>
      </c>
      <c r="P3879">
        <v>1</v>
      </c>
      <c r="Q3879">
        <v>1</v>
      </c>
      <c r="R3879" t="s">
        <v>20083</v>
      </c>
      <c r="S3879">
        <v>57</v>
      </c>
    </row>
    <row r="3880" spans="1:19" x14ac:dyDescent="0.25">
      <c r="A3880">
        <v>31204754</v>
      </c>
      <c r="B3880" t="s">
        <v>20084</v>
      </c>
      <c r="C3880" t="s">
        <v>20085</v>
      </c>
      <c r="E3880">
        <v>0</v>
      </c>
      <c r="F3880">
        <v>2</v>
      </c>
      <c r="H3880" t="s">
        <v>20086</v>
      </c>
      <c r="J3880" t="s">
        <v>20086</v>
      </c>
      <c r="O3880">
        <v>5037166</v>
      </c>
      <c r="P3880">
        <v>1</v>
      </c>
      <c r="Q3880">
        <v>0</v>
      </c>
      <c r="R3880" t="s">
        <v>20087</v>
      </c>
      <c r="S3880">
        <v>53</v>
      </c>
    </row>
    <row r="3881" spans="1:19" x14ac:dyDescent="0.25">
      <c r="A3881">
        <v>53020373</v>
      </c>
      <c r="B3881" t="s">
        <v>20088</v>
      </c>
      <c r="C3881" s="1" t="s">
        <v>20089</v>
      </c>
      <c r="D3881">
        <v>53020399</v>
      </c>
      <c r="E3881">
        <v>2</v>
      </c>
      <c r="F3881">
        <v>4</v>
      </c>
      <c r="H3881" t="s">
        <v>20090</v>
      </c>
      <c r="J3881" t="s">
        <v>20091</v>
      </c>
      <c r="K3881" t="s">
        <v>20091</v>
      </c>
      <c r="M3881">
        <v>6895166</v>
      </c>
      <c r="O3881">
        <v>7432124</v>
      </c>
      <c r="P3881">
        <v>1</v>
      </c>
      <c r="Q3881">
        <v>1</v>
      </c>
      <c r="R3881" t="s">
        <v>20092</v>
      </c>
      <c r="S3881">
        <v>30</v>
      </c>
    </row>
    <row r="3882" spans="1:19" x14ac:dyDescent="0.25">
      <c r="A3882">
        <v>48554445</v>
      </c>
      <c r="B3882" t="s">
        <v>20093</v>
      </c>
      <c r="C3882" s="1" t="s">
        <v>20094</v>
      </c>
      <c r="E3882">
        <v>0</v>
      </c>
      <c r="F3882">
        <v>0</v>
      </c>
      <c r="H3882" t="s">
        <v>20095</v>
      </c>
      <c r="J3882" t="s">
        <v>20095</v>
      </c>
      <c r="O3882">
        <v>1572989</v>
      </c>
      <c r="P3882">
        <v>1</v>
      </c>
      <c r="Q3882">
        <v>0</v>
      </c>
      <c r="R3882" t="s">
        <v>20096</v>
      </c>
      <c r="S3882">
        <v>13</v>
      </c>
    </row>
    <row r="3883" spans="1:19" x14ac:dyDescent="0.25">
      <c r="A3883">
        <v>17246696</v>
      </c>
      <c r="B3883" t="s">
        <v>20097</v>
      </c>
      <c r="C3883" s="1" t="s">
        <v>20098</v>
      </c>
      <c r="E3883">
        <v>1</v>
      </c>
      <c r="F3883">
        <v>2</v>
      </c>
      <c r="H3883" t="s">
        <v>20099</v>
      </c>
      <c r="J3883" t="s">
        <v>20100</v>
      </c>
      <c r="K3883" t="s">
        <v>20101</v>
      </c>
      <c r="M3883">
        <v>1479092</v>
      </c>
      <c r="O3883">
        <v>1479092</v>
      </c>
      <c r="P3883">
        <v>1</v>
      </c>
      <c r="Q3883">
        <v>-3</v>
      </c>
      <c r="R3883" t="s">
        <v>20102</v>
      </c>
      <c r="S3883">
        <v>732</v>
      </c>
    </row>
    <row r="3884" spans="1:19" x14ac:dyDescent="0.25">
      <c r="A3884">
        <v>19839343</v>
      </c>
      <c r="B3884" t="s">
        <v>20103</v>
      </c>
      <c r="C3884" s="1" t="s">
        <v>20104</v>
      </c>
      <c r="D3884">
        <v>19840342</v>
      </c>
      <c r="E3884">
        <v>2</v>
      </c>
      <c r="F3884">
        <v>2</v>
      </c>
      <c r="H3884" t="s">
        <v>20105</v>
      </c>
      <c r="I3884">
        <v>1</v>
      </c>
      <c r="J3884" t="s">
        <v>20106</v>
      </c>
      <c r="K3884" t="s">
        <v>20106</v>
      </c>
      <c r="M3884">
        <v>1159643</v>
      </c>
      <c r="O3884">
        <v>467875</v>
      </c>
      <c r="P3884">
        <v>1</v>
      </c>
      <c r="Q3884">
        <v>0</v>
      </c>
      <c r="R3884" t="s">
        <v>2494</v>
      </c>
      <c r="S3884">
        <v>698</v>
      </c>
    </row>
    <row r="3885" spans="1:19" x14ac:dyDescent="0.25">
      <c r="A3885">
        <v>48199893</v>
      </c>
      <c r="B3885" t="s">
        <v>20107</v>
      </c>
      <c r="C3885" s="1" t="s">
        <v>20108</v>
      </c>
      <c r="E3885">
        <v>0</v>
      </c>
      <c r="F3885">
        <v>5</v>
      </c>
      <c r="H3885" t="s">
        <v>20109</v>
      </c>
      <c r="J3885" t="s">
        <v>20110</v>
      </c>
      <c r="K3885" t="s">
        <v>20110</v>
      </c>
      <c r="M3885">
        <v>5416766</v>
      </c>
      <c r="O3885">
        <v>5416766</v>
      </c>
      <c r="P3885">
        <v>1</v>
      </c>
      <c r="Q3885">
        <v>0</v>
      </c>
      <c r="R3885" t="s">
        <v>20111</v>
      </c>
      <c r="S3885">
        <v>323</v>
      </c>
    </row>
    <row r="3886" spans="1:19" x14ac:dyDescent="0.25">
      <c r="A3886">
        <v>11354930</v>
      </c>
      <c r="B3886" t="s">
        <v>20112</v>
      </c>
      <c r="C3886" s="1" t="s">
        <v>20113</v>
      </c>
      <c r="E3886">
        <v>1</v>
      </c>
      <c r="F3886">
        <v>1</v>
      </c>
      <c r="H3886" t="s">
        <v>20114</v>
      </c>
      <c r="J3886" t="s">
        <v>20115</v>
      </c>
      <c r="O3886">
        <v>1505527</v>
      </c>
      <c r="P3886">
        <v>1</v>
      </c>
      <c r="Q3886">
        <v>0</v>
      </c>
      <c r="R3886" t="s">
        <v>20116</v>
      </c>
      <c r="S3886">
        <v>1901</v>
      </c>
    </row>
    <row r="3887" spans="1:19" x14ac:dyDescent="0.25">
      <c r="A3887">
        <v>49432110</v>
      </c>
      <c r="B3887" t="s">
        <v>20117</v>
      </c>
      <c r="C3887" s="1" t="s">
        <v>20118</v>
      </c>
      <c r="E3887">
        <v>1</v>
      </c>
      <c r="F3887">
        <v>3</v>
      </c>
      <c r="H3887" t="s">
        <v>20119</v>
      </c>
      <c r="I3887">
        <v>1</v>
      </c>
      <c r="J3887" t="s">
        <v>20120</v>
      </c>
      <c r="O3887">
        <v>4044050</v>
      </c>
      <c r="P3887">
        <v>1</v>
      </c>
      <c r="Q3887">
        <v>3</v>
      </c>
      <c r="R3887" t="s">
        <v>20121</v>
      </c>
      <c r="S3887">
        <v>213</v>
      </c>
    </row>
    <row r="3888" spans="1:19" x14ac:dyDescent="0.25">
      <c r="A3888">
        <v>47134027</v>
      </c>
      <c r="B3888" t="s">
        <v>20122</v>
      </c>
      <c r="C3888" s="1" t="s">
        <v>20123</v>
      </c>
      <c r="E3888">
        <v>1</v>
      </c>
      <c r="F3888">
        <v>6</v>
      </c>
      <c r="H3888" t="s">
        <v>20124</v>
      </c>
      <c r="J3888" t="s">
        <v>20125</v>
      </c>
      <c r="K3888" t="s">
        <v>20125</v>
      </c>
      <c r="M3888">
        <v>6172725</v>
      </c>
      <c r="O3888">
        <v>6172725</v>
      </c>
      <c r="P3888">
        <v>1</v>
      </c>
      <c r="Q3888">
        <v>-5</v>
      </c>
      <c r="R3888" t="s">
        <v>20126</v>
      </c>
      <c r="S3888">
        <v>93</v>
      </c>
    </row>
    <row r="3889" spans="1:19" x14ac:dyDescent="0.25">
      <c r="A3889">
        <v>13062061</v>
      </c>
      <c r="B3889" t="s">
        <v>20127</v>
      </c>
      <c r="C3889" t="s">
        <v>20128</v>
      </c>
      <c r="E3889">
        <v>1</v>
      </c>
      <c r="F3889">
        <v>1</v>
      </c>
      <c r="H3889" t="s">
        <v>20129</v>
      </c>
      <c r="I3889">
        <v>1</v>
      </c>
      <c r="J3889" t="s">
        <v>20130</v>
      </c>
      <c r="K3889" t="s">
        <v>20131</v>
      </c>
      <c r="M3889">
        <v>838285</v>
      </c>
      <c r="O3889">
        <v>838285</v>
      </c>
      <c r="P3889">
        <v>1</v>
      </c>
      <c r="Q3889">
        <v>8</v>
      </c>
      <c r="R3889" t="s">
        <v>20132</v>
      </c>
      <c r="S3889">
        <v>1260</v>
      </c>
    </row>
    <row r="3890" spans="1:19" x14ac:dyDescent="0.25">
      <c r="A3890">
        <v>36189625</v>
      </c>
      <c r="B3890" t="s">
        <v>20133</v>
      </c>
      <c r="C3890" s="1" t="s">
        <v>20134</v>
      </c>
      <c r="D3890">
        <v>36189912</v>
      </c>
      <c r="E3890">
        <v>1</v>
      </c>
      <c r="F3890">
        <v>1</v>
      </c>
      <c r="H3890" t="s">
        <v>20135</v>
      </c>
      <c r="J3890" t="s">
        <v>20136</v>
      </c>
      <c r="O3890">
        <v>3508796</v>
      </c>
      <c r="P3890">
        <v>1</v>
      </c>
      <c r="Q3890">
        <v>0</v>
      </c>
      <c r="R3890" t="s">
        <v>20137</v>
      </c>
      <c r="S3890">
        <v>624</v>
      </c>
    </row>
    <row r="3891" spans="1:19" x14ac:dyDescent="0.25">
      <c r="A3891">
        <v>48344523</v>
      </c>
      <c r="B3891" t="s">
        <v>20138</v>
      </c>
      <c r="C3891" s="1" t="s">
        <v>20139</v>
      </c>
      <c r="D3891">
        <v>48345081</v>
      </c>
      <c r="E3891">
        <v>2</v>
      </c>
      <c r="F3891">
        <v>0</v>
      </c>
      <c r="H3891" t="s">
        <v>20140</v>
      </c>
      <c r="J3891" t="s">
        <v>20141</v>
      </c>
      <c r="K3891" t="s">
        <v>20142</v>
      </c>
      <c r="M3891">
        <v>3729797</v>
      </c>
      <c r="O3891">
        <v>2228143</v>
      </c>
      <c r="P3891">
        <v>1</v>
      </c>
      <c r="Q3891">
        <v>0</v>
      </c>
      <c r="R3891" t="s">
        <v>20143</v>
      </c>
      <c r="S3891">
        <v>58</v>
      </c>
    </row>
    <row r="3892" spans="1:19" x14ac:dyDescent="0.25">
      <c r="A3892">
        <v>35428911</v>
      </c>
      <c r="B3892" t="s">
        <v>20144</v>
      </c>
      <c r="C3892" s="1" t="s">
        <v>20145</v>
      </c>
      <c r="E3892">
        <v>1</v>
      </c>
      <c r="F3892">
        <v>1</v>
      </c>
      <c r="H3892" t="s">
        <v>20146</v>
      </c>
      <c r="J3892" t="s">
        <v>20147</v>
      </c>
      <c r="K3892" t="s">
        <v>20147</v>
      </c>
      <c r="M3892">
        <v>5332926</v>
      </c>
      <c r="O3892">
        <v>5332926</v>
      </c>
      <c r="P3892">
        <v>1</v>
      </c>
      <c r="Q3892">
        <v>0</v>
      </c>
      <c r="R3892" t="s">
        <v>20148</v>
      </c>
      <c r="S3892">
        <v>696</v>
      </c>
    </row>
    <row r="3893" spans="1:19" x14ac:dyDescent="0.25">
      <c r="A3893">
        <v>5868698</v>
      </c>
      <c r="B3893" t="s">
        <v>20149</v>
      </c>
      <c r="C3893" s="1" t="s">
        <v>20150</v>
      </c>
      <c r="D3893">
        <v>5870058</v>
      </c>
      <c r="E3893">
        <v>1</v>
      </c>
      <c r="F3893">
        <v>7</v>
      </c>
      <c r="H3893" t="s">
        <v>20151</v>
      </c>
      <c r="J3893" t="s">
        <v>20152</v>
      </c>
      <c r="K3893" t="s">
        <v>20153</v>
      </c>
      <c r="M3893">
        <v>630321</v>
      </c>
      <c r="O3893">
        <v>426176</v>
      </c>
      <c r="P3893">
        <v>1</v>
      </c>
      <c r="Q3893">
        <v>0</v>
      </c>
      <c r="R3893" t="s">
        <v>20154</v>
      </c>
      <c r="S3893">
        <v>569</v>
      </c>
    </row>
    <row r="3894" spans="1:19" x14ac:dyDescent="0.25">
      <c r="A3894">
        <v>8315368</v>
      </c>
      <c r="B3894" t="s">
        <v>20155</v>
      </c>
      <c r="C3894" s="1" t="s">
        <v>20156</v>
      </c>
      <c r="D3894">
        <v>8315432</v>
      </c>
      <c r="E3894">
        <v>2</v>
      </c>
      <c r="F3894">
        <v>0</v>
      </c>
      <c r="H3894" t="s">
        <v>20157</v>
      </c>
      <c r="J3894" t="s">
        <v>20158</v>
      </c>
      <c r="K3894" t="s">
        <v>20158</v>
      </c>
      <c r="M3894">
        <v>275264</v>
      </c>
      <c r="O3894">
        <v>275264</v>
      </c>
      <c r="P3894">
        <v>1</v>
      </c>
      <c r="Q3894">
        <v>0</v>
      </c>
      <c r="R3894" t="s">
        <v>20159</v>
      </c>
      <c r="S3894">
        <v>64</v>
      </c>
    </row>
    <row r="3895" spans="1:19" x14ac:dyDescent="0.25">
      <c r="A3895">
        <v>30686407</v>
      </c>
      <c r="B3895" t="s">
        <v>20160</v>
      </c>
      <c r="C3895" s="1" t="s">
        <v>20161</v>
      </c>
      <c r="D3895">
        <v>30687448</v>
      </c>
      <c r="E3895">
        <v>3</v>
      </c>
      <c r="F3895">
        <v>5</v>
      </c>
      <c r="H3895" t="s">
        <v>20162</v>
      </c>
      <c r="J3895" t="s">
        <v>20163</v>
      </c>
      <c r="K3895" t="s">
        <v>20164</v>
      </c>
      <c r="M3895">
        <v>76337</v>
      </c>
      <c r="O3895">
        <v>4611566</v>
      </c>
      <c r="P3895">
        <v>1</v>
      </c>
      <c r="Q3895">
        <v>0</v>
      </c>
      <c r="R3895" t="s">
        <v>20165</v>
      </c>
      <c r="S3895">
        <v>420</v>
      </c>
    </row>
    <row r="3896" spans="1:19" x14ac:dyDescent="0.25">
      <c r="A3896">
        <v>22580832</v>
      </c>
      <c r="B3896" t="s">
        <v>20166</v>
      </c>
      <c r="C3896" s="1" t="s">
        <v>20167</v>
      </c>
      <c r="D3896">
        <v>22586071</v>
      </c>
      <c r="E3896">
        <v>1</v>
      </c>
      <c r="F3896">
        <v>0</v>
      </c>
      <c r="H3896" t="s">
        <v>20168</v>
      </c>
      <c r="I3896">
        <v>1</v>
      </c>
      <c r="J3896" t="s">
        <v>20169</v>
      </c>
      <c r="K3896" t="s">
        <v>20170</v>
      </c>
      <c r="M3896">
        <v>2456013</v>
      </c>
      <c r="O3896">
        <v>2456013</v>
      </c>
      <c r="P3896">
        <v>1</v>
      </c>
      <c r="Q3896">
        <v>0</v>
      </c>
      <c r="R3896" t="s">
        <v>20171</v>
      </c>
      <c r="S3896">
        <v>218</v>
      </c>
    </row>
    <row r="3897" spans="1:19" x14ac:dyDescent="0.25">
      <c r="A3897">
        <v>4188393</v>
      </c>
      <c r="B3897" t="s">
        <v>20172</v>
      </c>
      <c r="C3897" s="1" t="s">
        <v>20173</v>
      </c>
      <c r="E3897">
        <v>2</v>
      </c>
      <c r="F3897">
        <v>0</v>
      </c>
      <c r="H3897" t="s">
        <v>20174</v>
      </c>
      <c r="J3897" t="s">
        <v>20175</v>
      </c>
      <c r="O3897">
        <v>17803</v>
      </c>
      <c r="P3897">
        <v>1</v>
      </c>
      <c r="Q3897">
        <v>3</v>
      </c>
      <c r="R3897" t="s">
        <v>20176</v>
      </c>
      <c r="S3897">
        <v>1337</v>
      </c>
    </row>
    <row r="3898" spans="1:19" x14ac:dyDescent="0.25">
      <c r="A3898">
        <v>26993122</v>
      </c>
      <c r="B3898" t="s">
        <v>20177</v>
      </c>
      <c r="C3898" s="1" t="s">
        <v>20178</v>
      </c>
      <c r="D3898">
        <v>27013944</v>
      </c>
      <c r="E3898">
        <v>2</v>
      </c>
      <c r="F3898">
        <v>0</v>
      </c>
      <c r="H3898" t="s">
        <v>20179</v>
      </c>
      <c r="I3898">
        <v>1</v>
      </c>
      <c r="J3898" t="s">
        <v>20180</v>
      </c>
      <c r="O3898">
        <v>3322744</v>
      </c>
      <c r="P3898">
        <v>1</v>
      </c>
      <c r="Q3898">
        <v>3</v>
      </c>
      <c r="R3898" t="s">
        <v>20181</v>
      </c>
      <c r="S3898">
        <v>451</v>
      </c>
    </row>
    <row r="3899" spans="1:19" x14ac:dyDescent="0.25">
      <c r="A3899">
        <v>57382</v>
      </c>
      <c r="B3899" t="s">
        <v>20182</v>
      </c>
      <c r="C3899" t="s">
        <v>20183</v>
      </c>
      <c r="D3899">
        <v>209637</v>
      </c>
      <c r="E3899">
        <v>7</v>
      </c>
      <c r="F3899">
        <v>0</v>
      </c>
      <c r="H3899" t="s">
        <v>20184</v>
      </c>
      <c r="I3899">
        <v>1</v>
      </c>
      <c r="J3899" t="s">
        <v>20185</v>
      </c>
      <c r="K3899" t="s">
        <v>20186</v>
      </c>
      <c r="L3899" t="s">
        <v>20187</v>
      </c>
      <c r="M3899">
        <v>123</v>
      </c>
      <c r="N3899" t="s">
        <v>20188</v>
      </c>
      <c r="O3899">
        <v>5285</v>
      </c>
      <c r="P3899">
        <v>1</v>
      </c>
      <c r="Q3899">
        <v>6</v>
      </c>
      <c r="R3899" t="s">
        <v>20189</v>
      </c>
      <c r="S3899">
        <v>5104</v>
      </c>
    </row>
    <row r="3900" spans="1:19" x14ac:dyDescent="0.25">
      <c r="A3900">
        <v>34594733</v>
      </c>
      <c r="B3900" t="s">
        <v>20190</v>
      </c>
      <c r="C3900" s="1" t="s">
        <v>20191</v>
      </c>
      <c r="E3900">
        <v>1</v>
      </c>
      <c r="F3900">
        <v>4</v>
      </c>
      <c r="H3900" t="s">
        <v>20192</v>
      </c>
      <c r="J3900" t="s">
        <v>20193</v>
      </c>
      <c r="K3900" t="s">
        <v>20194</v>
      </c>
      <c r="M3900">
        <v>1743880</v>
      </c>
      <c r="O3900">
        <v>5612092</v>
      </c>
      <c r="P3900">
        <v>1</v>
      </c>
      <c r="Q3900">
        <v>-2</v>
      </c>
      <c r="R3900" t="s">
        <v>20195</v>
      </c>
      <c r="S3900">
        <v>97</v>
      </c>
    </row>
    <row r="3901" spans="1:19" x14ac:dyDescent="0.25">
      <c r="A3901">
        <v>40718990</v>
      </c>
      <c r="B3901" t="s">
        <v>20196</v>
      </c>
      <c r="C3901" s="1" t="s">
        <v>20197</v>
      </c>
      <c r="E3901">
        <v>1</v>
      </c>
      <c r="F3901">
        <v>0</v>
      </c>
      <c r="H3901" t="s">
        <v>20198</v>
      </c>
      <c r="J3901" t="s">
        <v>20199</v>
      </c>
      <c r="K3901" t="s">
        <v>20199</v>
      </c>
      <c r="M3901">
        <v>5392865</v>
      </c>
      <c r="O3901">
        <v>5392865</v>
      </c>
      <c r="P3901">
        <v>1</v>
      </c>
      <c r="Q3901">
        <v>0</v>
      </c>
      <c r="R3901" t="s">
        <v>20200</v>
      </c>
      <c r="S3901">
        <v>174</v>
      </c>
    </row>
    <row r="3902" spans="1:19" x14ac:dyDescent="0.25">
      <c r="A3902">
        <v>30259382</v>
      </c>
      <c r="B3902" t="s">
        <v>20201</v>
      </c>
      <c r="C3902" s="1" t="s">
        <v>20202</v>
      </c>
      <c r="D3902">
        <v>30259616</v>
      </c>
      <c r="E3902">
        <v>2</v>
      </c>
      <c r="F3902">
        <v>2</v>
      </c>
      <c r="H3902" t="s">
        <v>20203</v>
      </c>
      <c r="J3902" t="s">
        <v>20204</v>
      </c>
      <c r="O3902">
        <v>4435197</v>
      </c>
      <c r="P3902">
        <v>1</v>
      </c>
      <c r="Q3902">
        <v>-6</v>
      </c>
      <c r="R3902" t="s">
        <v>20205</v>
      </c>
      <c r="S3902">
        <v>319</v>
      </c>
    </row>
    <row r="3903" spans="1:19" x14ac:dyDescent="0.25">
      <c r="A3903">
        <v>11701966</v>
      </c>
      <c r="B3903" t="s">
        <v>20206</v>
      </c>
      <c r="C3903" s="1" t="s">
        <v>20207</v>
      </c>
      <c r="E3903">
        <v>1</v>
      </c>
      <c r="F3903">
        <v>0</v>
      </c>
      <c r="H3903" t="s">
        <v>20208</v>
      </c>
      <c r="J3903" t="s">
        <v>20209</v>
      </c>
      <c r="K3903" t="s">
        <v>20210</v>
      </c>
      <c r="M3903">
        <v>-1</v>
      </c>
      <c r="O3903">
        <v>1512179</v>
      </c>
      <c r="P3903">
        <v>1</v>
      </c>
      <c r="Q3903">
        <v>-2</v>
      </c>
      <c r="R3903" t="s">
        <v>20211</v>
      </c>
      <c r="S3903">
        <v>1916</v>
      </c>
    </row>
    <row r="3904" spans="1:19" x14ac:dyDescent="0.25">
      <c r="A3904">
        <v>44392504</v>
      </c>
      <c r="B3904" t="s">
        <v>20212</v>
      </c>
      <c r="C3904" s="1" t="s">
        <v>20213</v>
      </c>
      <c r="E3904">
        <v>1</v>
      </c>
      <c r="F3904">
        <v>2</v>
      </c>
      <c r="H3904" t="s">
        <v>20214</v>
      </c>
      <c r="J3904" t="s">
        <v>20215</v>
      </c>
      <c r="K3904" t="s">
        <v>20216</v>
      </c>
      <c r="M3904">
        <v>1907997</v>
      </c>
      <c r="O3904">
        <v>1907997</v>
      </c>
      <c r="P3904">
        <v>1</v>
      </c>
      <c r="Q3904">
        <v>0</v>
      </c>
      <c r="R3904" t="s">
        <v>20217</v>
      </c>
      <c r="S3904">
        <v>713</v>
      </c>
    </row>
    <row r="3905" spans="1:19" x14ac:dyDescent="0.25">
      <c r="A3905">
        <v>17243754</v>
      </c>
      <c r="B3905" t="s">
        <v>20218</v>
      </c>
      <c r="C3905" s="1" t="s">
        <v>20219</v>
      </c>
      <c r="E3905">
        <v>4</v>
      </c>
      <c r="F3905">
        <v>0</v>
      </c>
      <c r="H3905" t="s">
        <v>20220</v>
      </c>
      <c r="J3905" t="s">
        <v>20221</v>
      </c>
      <c r="K3905" t="s">
        <v>20222</v>
      </c>
      <c r="M3905">
        <v>402331</v>
      </c>
      <c r="O3905">
        <v>1240638</v>
      </c>
      <c r="P3905">
        <v>1</v>
      </c>
      <c r="Q3905">
        <v>6</v>
      </c>
      <c r="R3905" t="s">
        <v>20223</v>
      </c>
      <c r="S3905">
        <v>27960</v>
      </c>
    </row>
    <row r="3906" spans="1:19" x14ac:dyDescent="0.25">
      <c r="A3906">
        <v>43336819</v>
      </c>
      <c r="B3906" t="s">
        <v>20224</v>
      </c>
      <c r="C3906" s="1" t="s">
        <v>20225</v>
      </c>
      <c r="D3906">
        <v>43337466</v>
      </c>
      <c r="E3906">
        <v>1</v>
      </c>
      <c r="F3906">
        <v>11</v>
      </c>
      <c r="H3906" t="s">
        <v>20226</v>
      </c>
      <c r="J3906" t="s">
        <v>20227</v>
      </c>
      <c r="K3906" t="s">
        <v>20227</v>
      </c>
      <c r="M3906">
        <v>1110897</v>
      </c>
      <c r="O3906">
        <v>7664924</v>
      </c>
      <c r="P3906">
        <v>1</v>
      </c>
      <c r="Q3906">
        <v>0</v>
      </c>
      <c r="R3906" t="s">
        <v>19436</v>
      </c>
      <c r="S3906">
        <v>44</v>
      </c>
    </row>
    <row r="3907" spans="1:19" x14ac:dyDescent="0.25">
      <c r="A3907">
        <v>33103415</v>
      </c>
      <c r="B3907" t="s">
        <v>20228</v>
      </c>
      <c r="C3907" s="1" t="s">
        <v>20229</v>
      </c>
      <c r="E3907">
        <v>0</v>
      </c>
      <c r="F3907">
        <v>1</v>
      </c>
      <c r="H3907" t="s">
        <v>20230</v>
      </c>
      <c r="I3907">
        <v>1</v>
      </c>
      <c r="J3907" t="s">
        <v>20231</v>
      </c>
      <c r="K3907" t="s">
        <v>20231</v>
      </c>
      <c r="M3907">
        <v>531766</v>
      </c>
      <c r="O3907">
        <v>5438313</v>
      </c>
      <c r="P3907">
        <v>1</v>
      </c>
      <c r="Q3907">
        <v>1</v>
      </c>
      <c r="R3907" t="s">
        <v>4991</v>
      </c>
      <c r="S3907">
        <v>206</v>
      </c>
    </row>
    <row r="3908" spans="1:19" x14ac:dyDescent="0.25">
      <c r="A3908">
        <v>52307721</v>
      </c>
      <c r="B3908" t="s">
        <v>20232</v>
      </c>
      <c r="C3908" s="1" t="s">
        <v>20233</v>
      </c>
      <c r="E3908">
        <v>0</v>
      </c>
      <c r="F3908">
        <v>0</v>
      </c>
      <c r="H3908" t="s">
        <v>20234</v>
      </c>
      <c r="J3908" t="s">
        <v>20234</v>
      </c>
      <c r="O3908">
        <v>4395882</v>
      </c>
      <c r="P3908">
        <v>1</v>
      </c>
      <c r="Q3908">
        <v>0</v>
      </c>
      <c r="R3908" t="s">
        <v>20235</v>
      </c>
      <c r="S3908">
        <v>18</v>
      </c>
    </row>
    <row r="3909" spans="1:19" x14ac:dyDescent="0.25">
      <c r="A3909">
        <v>52539029</v>
      </c>
      <c r="B3909" t="s">
        <v>20236</v>
      </c>
      <c r="C3909" s="1" t="s">
        <v>20237</v>
      </c>
      <c r="D3909">
        <v>52540378</v>
      </c>
      <c r="E3909">
        <v>1</v>
      </c>
      <c r="F3909">
        <v>3</v>
      </c>
      <c r="H3909" t="s">
        <v>20238</v>
      </c>
      <c r="I3909">
        <v>1</v>
      </c>
      <c r="J3909" t="s">
        <v>20239</v>
      </c>
      <c r="O3909">
        <v>4108376</v>
      </c>
      <c r="P3909">
        <v>1</v>
      </c>
      <c r="Q3909">
        <v>1</v>
      </c>
      <c r="R3909" t="s">
        <v>20240</v>
      </c>
      <c r="S3909">
        <v>38</v>
      </c>
    </row>
    <row r="3910" spans="1:19" x14ac:dyDescent="0.25">
      <c r="A3910">
        <v>22870524</v>
      </c>
      <c r="B3910" t="s">
        <v>20241</v>
      </c>
      <c r="C3910" s="1" t="s">
        <v>20242</v>
      </c>
      <c r="E3910">
        <v>1</v>
      </c>
      <c r="F3910">
        <v>1</v>
      </c>
      <c r="H3910" t="s">
        <v>20243</v>
      </c>
      <c r="I3910">
        <v>1</v>
      </c>
      <c r="J3910" t="s">
        <v>20244</v>
      </c>
      <c r="O3910">
        <v>544574</v>
      </c>
      <c r="P3910">
        <v>1</v>
      </c>
      <c r="Q3910">
        <v>2</v>
      </c>
      <c r="R3910" t="s">
        <v>20245</v>
      </c>
      <c r="S3910">
        <v>719</v>
      </c>
    </row>
    <row r="3911" spans="1:19" x14ac:dyDescent="0.25">
      <c r="A3911">
        <v>22242783</v>
      </c>
      <c r="B3911" t="s">
        <v>20246</v>
      </c>
      <c r="C3911" s="1" t="s">
        <v>20247</v>
      </c>
      <c r="D3911">
        <v>22242921</v>
      </c>
      <c r="E3911">
        <v>1</v>
      </c>
      <c r="F3911">
        <v>3</v>
      </c>
      <c r="H3911" t="s">
        <v>20248</v>
      </c>
      <c r="I3911">
        <v>0</v>
      </c>
      <c r="J3911" t="s">
        <v>20249</v>
      </c>
      <c r="K3911" t="s">
        <v>20249</v>
      </c>
      <c r="M3911">
        <v>424830</v>
      </c>
      <c r="O3911">
        <v>1621789</v>
      </c>
      <c r="P3911">
        <v>1</v>
      </c>
      <c r="Q3911">
        <v>2</v>
      </c>
      <c r="R3911" t="s">
        <v>20250</v>
      </c>
      <c r="S3911">
        <v>11991</v>
      </c>
    </row>
    <row r="3912" spans="1:19" x14ac:dyDescent="0.25">
      <c r="A3912">
        <v>22246735</v>
      </c>
      <c r="B3912" t="s">
        <v>20251</v>
      </c>
      <c r="C3912" s="1" t="s">
        <v>20252</v>
      </c>
      <c r="E3912">
        <v>1</v>
      </c>
      <c r="F3912">
        <v>0</v>
      </c>
      <c r="H3912" t="s">
        <v>20253</v>
      </c>
      <c r="J3912" t="s">
        <v>20254</v>
      </c>
      <c r="O3912">
        <v>1982042</v>
      </c>
      <c r="P3912">
        <v>1</v>
      </c>
      <c r="Q3912">
        <v>0</v>
      </c>
      <c r="R3912" t="s">
        <v>20255</v>
      </c>
      <c r="S3912">
        <v>258</v>
      </c>
    </row>
    <row r="3913" spans="1:19" x14ac:dyDescent="0.25">
      <c r="A3913">
        <v>49124851</v>
      </c>
      <c r="B3913" t="s">
        <v>20256</v>
      </c>
      <c r="C3913" s="1" t="s">
        <v>20257</v>
      </c>
      <c r="E3913">
        <v>1</v>
      </c>
      <c r="F3913">
        <v>0</v>
      </c>
      <c r="H3913" t="s">
        <v>20258</v>
      </c>
      <c r="I3913">
        <v>0</v>
      </c>
      <c r="J3913" t="s">
        <v>20259</v>
      </c>
      <c r="K3913" t="s">
        <v>20259</v>
      </c>
      <c r="M3913">
        <v>2649012</v>
      </c>
      <c r="O3913">
        <v>8501553</v>
      </c>
      <c r="P3913">
        <v>1</v>
      </c>
      <c r="Q3913">
        <v>0</v>
      </c>
      <c r="R3913" t="s">
        <v>2771</v>
      </c>
      <c r="S3913">
        <v>51</v>
      </c>
    </row>
    <row r="3914" spans="1:19" x14ac:dyDescent="0.25">
      <c r="A3914">
        <v>42655854</v>
      </c>
      <c r="B3914" t="s">
        <v>20260</v>
      </c>
      <c r="C3914" s="1" t="s">
        <v>20261</v>
      </c>
      <c r="E3914">
        <v>0</v>
      </c>
      <c r="F3914">
        <v>3</v>
      </c>
      <c r="H3914" t="s">
        <v>20262</v>
      </c>
      <c r="J3914" t="s">
        <v>20263</v>
      </c>
      <c r="K3914" t="s">
        <v>20263</v>
      </c>
      <c r="M3914">
        <v>522444</v>
      </c>
      <c r="O3914">
        <v>7189444</v>
      </c>
      <c r="P3914">
        <v>1</v>
      </c>
      <c r="Q3914">
        <v>0</v>
      </c>
      <c r="R3914" t="s">
        <v>17866</v>
      </c>
      <c r="S3914">
        <v>30</v>
      </c>
    </row>
    <row r="3915" spans="1:19" x14ac:dyDescent="0.25">
      <c r="A3915">
        <v>12183790</v>
      </c>
      <c r="B3915" t="s">
        <v>20264</v>
      </c>
      <c r="C3915" s="1" t="s">
        <v>20265</v>
      </c>
      <c r="D3915">
        <v>12184013</v>
      </c>
      <c r="E3915">
        <v>2</v>
      </c>
      <c r="F3915">
        <v>0</v>
      </c>
      <c r="H3915" t="s">
        <v>20266</v>
      </c>
      <c r="J3915" t="s">
        <v>20267</v>
      </c>
      <c r="K3915" t="s">
        <v>20268</v>
      </c>
      <c r="M3915">
        <v>1195080</v>
      </c>
      <c r="O3915">
        <v>987795</v>
      </c>
      <c r="P3915">
        <v>1</v>
      </c>
      <c r="Q3915">
        <v>1</v>
      </c>
      <c r="R3915" t="s">
        <v>20269</v>
      </c>
      <c r="S3915">
        <v>785</v>
      </c>
    </row>
    <row r="3916" spans="1:19" x14ac:dyDescent="0.25">
      <c r="A3916">
        <v>27701233</v>
      </c>
      <c r="B3916" t="s">
        <v>20270</v>
      </c>
      <c r="C3916" s="1" t="s">
        <v>20271</v>
      </c>
      <c r="E3916">
        <v>3</v>
      </c>
      <c r="F3916">
        <v>0</v>
      </c>
      <c r="H3916" t="s">
        <v>20272</v>
      </c>
      <c r="J3916" t="s">
        <v>20273</v>
      </c>
      <c r="K3916" t="s">
        <v>20273</v>
      </c>
      <c r="M3916">
        <v>3836127</v>
      </c>
      <c r="O3916">
        <v>3836127</v>
      </c>
      <c r="P3916">
        <v>1</v>
      </c>
      <c r="Q3916">
        <v>0</v>
      </c>
      <c r="R3916" t="s">
        <v>20274</v>
      </c>
      <c r="S3916">
        <v>1598</v>
      </c>
    </row>
    <row r="3917" spans="1:19" x14ac:dyDescent="0.25">
      <c r="A3917">
        <v>31226925</v>
      </c>
      <c r="B3917" t="s">
        <v>20275</v>
      </c>
      <c r="C3917" s="1" t="s">
        <v>20276</v>
      </c>
      <c r="E3917">
        <v>1</v>
      </c>
      <c r="F3917">
        <v>0</v>
      </c>
      <c r="H3917" t="s">
        <v>20277</v>
      </c>
      <c r="J3917" t="s">
        <v>20278</v>
      </c>
      <c r="O3917">
        <v>2298986</v>
      </c>
      <c r="P3917">
        <v>1</v>
      </c>
      <c r="Q3917">
        <v>2</v>
      </c>
      <c r="R3917" t="s">
        <v>20279</v>
      </c>
      <c r="S3917">
        <v>1315</v>
      </c>
    </row>
    <row r="3918" spans="1:19" x14ac:dyDescent="0.25">
      <c r="A3918">
        <v>25390769</v>
      </c>
      <c r="B3918" t="s">
        <v>20280</v>
      </c>
      <c r="C3918" s="1" t="s">
        <v>20281</v>
      </c>
      <c r="D3918">
        <v>26388758</v>
      </c>
      <c r="E3918">
        <v>1</v>
      </c>
      <c r="F3918">
        <v>7</v>
      </c>
      <c r="H3918" t="s">
        <v>20282</v>
      </c>
      <c r="J3918" t="s">
        <v>20283</v>
      </c>
      <c r="O3918">
        <v>253756</v>
      </c>
      <c r="P3918">
        <v>1</v>
      </c>
      <c r="Q3918">
        <v>0</v>
      </c>
      <c r="R3918" t="s">
        <v>20284</v>
      </c>
      <c r="S3918">
        <v>69</v>
      </c>
    </row>
    <row r="3919" spans="1:19" x14ac:dyDescent="0.25">
      <c r="A3919">
        <v>52200128</v>
      </c>
      <c r="B3919" t="s">
        <v>20285</v>
      </c>
      <c r="C3919" s="1" t="s">
        <v>20286</v>
      </c>
      <c r="E3919">
        <v>0</v>
      </c>
      <c r="F3919">
        <v>5</v>
      </c>
      <c r="H3919" t="s">
        <v>20287</v>
      </c>
      <c r="J3919" t="s">
        <v>20288</v>
      </c>
      <c r="K3919" t="s">
        <v>20288</v>
      </c>
      <c r="M3919">
        <v>1623047</v>
      </c>
      <c r="O3919">
        <v>10324349</v>
      </c>
      <c r="P3919">
        <v>1</v>
      </c>
      <c r="Q3919">
        <v>0</v>
      </c>
      <c r="R3919" t="s">
        <v>20289</v>
      </c>
      <c r="S3919">
        <v>34</v>
      </c>
    </row>
    <row r="3920" spans="1:19" x14ac:dyDescent="0.25">
      <c r="A3920">
        <v>14297211</v>
      </c>
      <c r="B3920" t="s">
        <v>20290</v>
      </c>
      <c r="C3920" s="1" t="s">
        <v>20291</v>
      </c>
      <c r="E3920">
        <v>2</v>
      </c>
      <c r="F3920">
        <v>8</v>
      </c>
      <c r="H3920" t="s">
        <v>20292</v>
      </c>
      <c r="J3920" t="s">
        <v>20293</v>
      </c>
      <c r="K3920" t="s">
        <v>20294</v>
      </c>
      <c r="M3920">
        <v>1420197</v>
      </c>
      <c r="O3920">
        <v>1972949</v>
      </c>
      <c r="P3920">
        <v>1</v>
      </c>
      <c r="Q3920">
        <v>9</v>
      </c>
      <c r="R3920" t="s">
        <v>20295</v>
      </c>
      <c r="S3920">
        <v>425</v>
      </c>
    </row>
    <row r="3921" spans="1:19" x14ac:dyDescent="0.25">
      <c r="A3921">
        <v>45892703</v>
      </c>
      <c r="B3921" t="s">
        <v>20296</v>
      </c>
      <c r="C3921" t="s">
        <v>20297</v>
      </c>
      <c r="D3921">
        <v>50458298</v>
      </c>
      <c r="E3921">
        <v>1</v>
      </c>
      <c r="F3921">
        <v>0</v>
      </c>
      <c r="H3921" t="s">
        <v>20298</v>
      </c>
      <c r="I3921">
        <v>1</v>
      </c>
      <c r="J3921" t="s">
        <v>20299</v>
      </c>
      <c r="O3921">
        <v>2179483</v>
      </c>
      <c r="P3921">
        <v>1</v>
      </c>
      <c r="Q3921">
        <v>1</v>
      </c>
      <c r="R3921" t="s">
        <v>20300</v>
      </c>
      <c r="S3921">
        <v>100</v>
      </c>
    </row>
    <row r="3922" spans="1:19" x14ac:dyDescent="0.25">
      <c r="A3922">
        <v>8738919</v>
      </c>
      <c r="B3922" t="s">
        <v>20301</v>
      </c>
      <c r="C3922" s="1" t="s">
        <v>20302</v>
      </c>
      <c r="E3922">
        <v>1</v>
      </c>
      <c r="F3922">
        <v>0</v>
      </c>
      <c r="H3922" t="s">
        <v>20303</v>
      </c>
      <c r="J3922" t="s">
        <v>20304</v>
      </c>
      <c r="K3922" t="s">
        <v>20304</v>
      </c>
      <c r="M3922">
        <v>128421</v>
      </c>
      <c r="O3922">
        <v>893342</v>
      </c>
      <c r="P3922">
        <v>1</v>
      </c>
      <c r="Q3922">
        <v>1</v>
      </c>
      <c r="R3922" t="s">
        <v>20305</v>
      </c>
      <c r="S3922">
        <v>590</v>
      </c>
    </row>
    <row r="3923" spans="1:19" x14ac:dyDescent="0.25">
      <c r="A3923">
        <v>47360182</v>
      </c>
      <c r="B3923" t="s">
        <v>20306</v>
      </c>
      <c r="C3923" s="1" t="s">
        <v>20307</v>
      </c>
      <c r="D3923">
        <v>47521719</v>
      </c>
      <c r="E3923">
        <v>1</v>
      </c>
      <c r="F3923">
        <v>3</v>
      </c>
      <c r="H3923" t="s">
        <v>20308</v>
      </c>
      <c r="I3923">
        <v>1</v>
      </c>
      <c r="J3923" t="s">
        <v>20309</v>
      </c>
      <c r="O3923">
        <v>724314</v>
      </c>
      <c r="P3923">
        <v>1</v>
      </c>
      <c r="Q3923">
        <v>4</v>
      </c>
      <c r="R3923" t="s">
        <v>20310</v>
      </c>
      <c r="S3923">
        <v>610</v>
      </c>
    </row>
    <row r="3924" spans="1:19" x14ac:dyDescent="0.25">
      <c r="A3924">
        <v>28001236</v>
      </c>
      <c r="B3924" t="s">
        <v>20311</v>
      </c>
      <c r="C3924" t="s">
        <v>20312</v>
      </c>
      <c r="E3924">
        <v>1</v>
      </c>
      <c r="F3924">
        <v>0</v>
      </c>
      <c r="H3924" t="s">
        <v>20313</v>
      </c>
      <c r="J3924" t="s">
        <v>20314</v>
      </c>
      <c r="O3924">
        <v>1055980</v>
      </c>
      <c r="P3924">
        <v>1</v>
      </c>
      <c r="Q3924">
        <v>0</v>
      </c>
      <c r="R3924" t="s">
        <v>20315</v>
      </c>
      <c r="S3924">
        <v>655</v>
      </c>
    </row>
    <row r="3925" spans="1:19" x14ac:dyDescent="0.25">
      <c r="A3925">
        <v>10026733</v>
      </c>
      <c r="B3925" t="s">
        <v>20316</v>
      </c>
      <c r="C3925" s="1" t="s">
        <v>20317</v>
      </c>
      <c r="E3925">
        <v>2</v>
      </c>
      <c r="F3925">
        <v>1</v>
      </c>
      <c r="H3925" t="s">
        <v>20318</v>
      </c>
      <c r="J3925" t="s">
        <v>20319</v>
      </c>
      <c r="K3925" t="s">
        <v>20320</v>
      </c>
      <c r="M3925">
        <v>765890</v>
      </c>
      <c r="O3925">
        <v>728747</v>
      </c>
      <c r="P3925">
        <v>1</v>
      </c>
      <c r="Q3925">
        <v>0</v>
      </c>
      <c r="R3925" t="s">
        <v>20321</v>
      </c>
      <c r="S3925">
        <v>421</v>
      </c>
    </row>
    <row r="3926" spans="1:19" x14ac:dyDescent="0.25">
      <c r="A3926">
        <v>48733597</v>
      </c>
      <c r="B3926" t="s">
        <v>20322</v>
      </c>
      <c r="C3926" s="1" t="s">
        <v>20323</v>
      </c>
      <c r="E3926">
        <v>1</v>
      </c>
      <c r="F3926">
        <v>5</v>
      </c>
      <c r="H3926" t="s">
        <v>20324</v>
      </c>
      <c r="J3926" t="s">
        <v>20325</v>
      </c>
      <c r="K3926" t="s">
        <v>20325</v>
      </c>
      <c r="M3926">
        <v>9193372</v>
      </c>
      <c r="N3926" t="s">
        <v>20326</v>
      </c>
      <c r="P3926">
        <v>1</v>
      </c>
      <c r="Q3926">
        <v>0</v>
      </c>
      <c r="R3926" t="s">
        <v>6516</v>
      </c>
      <c r="S3926">
        <v>26</v>
      </c>
    </row>
    <row r="3927" spans="1:19" x14ac:dyDescent="0.25">
      <c r="A3927">
        <v>31868158</v>
      </c>
      <c r="B3927" t="s">
        <v>20327</v>
      </c>
      <c r="C3927" s="1" t="s">
        <v>20328</v>
      </c>
      <c r="D3927">
        <v>31868379</v>
      </c>
      <c r="E3927">
        <v>4</v>
      </c>
      <c r="F3927">
        <v>0</v>
      </c>
      <c r="H3927" t="s">
        <v>20329</v>
      </c>
      <c r="J3927" t="s">
        <v>20330</v>
      </c>
      <c r="K3927" t="s">
        <v>20331</v>
      </c>
      <c r="L3927" t="s">
        <v>20332</v>
      </c>
      <c r="O3927">
        <v>5062077</v>
      </c>
      <c r="P3927">
        <v>1</v>
      </c>
      <c r="Q3927">
        <v>0</v>
      </c>
      <c r="R3927" t="s">
        <v>20333</v>
      </c>
      <c r="S3927">
        <v>1333</v>
      </c>
    </row>
    <row r="3928" spans="1:19" x14ac:dyDescent="0.25">
      <c r="A3928">
        <v>39478094</v>
      </c>
      <c r="B3928" t="s">
        <v>20334</v>
      </c>
      <c r="C3928" s="1" t="s">
        <v>20335</v>
      </c>
      <c r="D3928">
        <v>39478427</v>
      </c>
      <c r="E3928">
        <v>1</v>
      </c>
      <c r="F3928">
        <v>3</v>
      </c>
      <c r="H3928" t="s">
        <v>20336</v>
      </c>
      <c r="J3928" t="s">
        <v>20337</v>
      </c>
      <c r="K3928" t="s">
        <v>20338</v>
      </c>
      <c r="M3928">
        <v>-1</v>
      </c>
      <c r="O3928">
        <v>430053</v>
      </c>
      <c r="P3928">
        <v>1</v>
      </c>
      <c r="Q3928">
        <v>0</v>
      </c>
      <c r="R3928" t="s">
        <v>20339</v>
      </c>
      <c r="S3928">
        <v>925</v>
      </c>
    </row>
    <row r="3929" spans="1:19" x14ac:dyDescent="0.25">
      <c r="A3929">
        <v>15189695</v>
      </c>
      <c r="B3929" t="s">
        <v>20340</v>
      </c>
      <c r="C3929" s="1" t="s">
        <v>20341</v>
      </c>
      <c r="E3929">
        <v>1</v>
      </c>
      <c r="F3929">
        <v>1</v>
      </c>
      <c r="H3929" t="s">
        <v>20342</v>
      </c>
      <c r="J3929" t="s">
        <v>20343</v>
      </c>
      <c r="K3929" t="s">
        <v>20343</v>
      </c>
      <c r="M3929">
        <v>569101</v>
      </c>
      <c r="O3929">
        <v>2129534</v>
      </c>
      <c r="P3929">
        <v>1</v>
      </c>
      <c r="Q3929">
        <v>0</v>
      </c>
      <c r="R3929" t="s">
        <v>20344</v>
      </c>
      <c r="S3929">
        <v>301</v>
      </c>
    </row>
    <row r="3930" spans="1:19" x14ac:dyDescent="0.25">
      <c r="A3930">
        <v>31785243</v>
      </c>
      <c r="B3930" t="s">
        <v>20345</v>
      </c>
      <c r="C3930" s="1" t="s">
        <v>20346</v>
      </c>
      <c r="D3930">
        <v>31785569</v>
      </c>
      <c r="E3930">
        <v>2</v>
      </c>
      <c r="F3930">
        <v>0</v>
      </c>
      <c r="H3930" t="s">
        <v>20347</v>
      </c>
      <c r="J3930" t="s">
        <v>20348</v>
      </c>
      <c r="O3930">
        <v>1013512</v>
      </c>
      <c r="P3930">
        <v>1</v>
      </c>
      <c r="Q3930">
        <v>0</v>
      </c>
      <c r="R3930" t="s">
        <v>20349</v>
      </c>
      <c r="S3930">
        <v>109</v>
      </c>
    </row>
    <row r="3931" spans="1:19" x14ac:dyDescent="0.25">
      <c r="A3931">
        <v>47794731</v>
      </c>
      <c r="B3931" t="s">
        <v>20350</v>
      </c>
      <c r="C3931" s="1" t="s">
        <v>20351</v>
      </c>
      <c r="E3931">
        <v>0</v>
      </c>
      <c r="F3931">
        <v>2</v>
      </c>
      <c r="H3931" t="s">
        <v>20352</v>
      </c>
      <c r="J3931" t="s">
        <v>20352</v>
      </c>
      <c r="O3931">
        <v>7290767</v>
      </c>
      <c r="P3931">
        <v>1</v>
      </c>
      <c r="Q3931">
        <v>0</v>
      </c>
      <c r="R3931" t="s">
        <v>9149</v>
      </c>
      <c r="S3931">
        <v>18</v>
      </c>
    </row>
    <row r="3932" spans="1:19" x14ac:dyDescent="0.25">
      <c r="A3932">
        <v>6939820</v>
      </c>
      <c r="B3932" t="s">
        <v>20353</v>
      </c>
      <c r="C3932" s="1" t="s">
        <v>20354</v>
      </c>
      <c r="E3932">
        <v>0</v>
      </c>
      <c r="F3932">
        <v>0</v>
      </c>
      <c r="H3932" t="s">
        <v>20355</v>
      </c>
      <c r="J3932" t="s">
        <v>20356</v>
      </c>
      <c r="K3932" t="s">
        <v>20356</v>
      </c>
      <c r="M3932">
        <v>387076</v>
      </c>
      <c r="O3932">
        <v>372887</v>
      </c>
      <c r="P3932">
        <v>1</v>
      </c>
      <c r="Q3932">
        <v>1</v>
      </c>
      <c r="R3932" t="s">
        <v>20357</v>
      </c>
      <c r="S3932">
        <v>228</v>
      </c>
    </row>
    <row r="3933" spans="1:19" x14ac:dyDescent="0.25">
      <c r="A3933">
        <v>18920282</v>
      </c>
      <c r="B3933" t="s">
        <v>20358</v>
      </c>
      <c r="C3933" s="1" t="s">
        <v>20359</v>
      </c>
      <c r="D3933">
        <v>18920358</v>
      </c>
      <c r="E3933">
        <v>3</v>
      </c>
      <c r="F3933">
        <v>1</v>
      </c>
      <c r="H3933" t="s">
        <v>20360</v>
      </c>
      <c r="I3933">
        <v>1</v>
      </c>
      <c r="J3933" t="s">
        <v>20361</v>
      </c>
      <c r="O3933">
        <v>1260138</v>
      </c>
      <c r="P3933">
        <v>1</v>
      </c>
      <c r="Q3933">
        <v>2</v>
      </c>
      <c r="R3933" t="s">
        <v>20362</v>
      </c>
      <c r="S3933">
        <v>2207</v>
      </c>
    </row>
    <row r="3934" spans="1:19" x14ac:dyDescent="0.25">
      <c r="A3934">
        <v>33614725</v>
      </c>
      <c r="B3934" t="s">
        <v>20363</v>
      </c>
      <c r="C3934" s="1" t="s">
        <v>20364</v>
      </c>
      <c r="D3934">
        <v>33614877</v>
      </c>
      <c r="E3934">
        <v>1</v>
      </c>
      <c r="F3934">
        <v>3</v>
      </c>
      <c r="H3934" t="s">
        <v>20365</v>
      </c>
      <c r="J3934" t="s">
        <v>20366</v>
      </c>
      <c r="K3934" t="s">
        <v>20367</v>
      </c>
      <c r="M3934">
        <v>1164847</v>
      </c>
      <c r="O3934">
        <v>1164847</v>
      </c>
      <c r="P3934">
        <v>1</v>
      </c>
      <c r="Q3934">
        <v>-3</v>
      </c>
      <c r="R3934" t="s">
        <v>20368</v>
      </c>
      <c r="S3934">
        <v>107</v>
      </c>
    </row>
    <row r="3935" spans="1:19" x14ac:dyDescent="0.25">
      <c r="A3935">
        <v>47954656</v>
      </c>
      <c r="B3935" t="s">
        <v>20369</v>
      </c>
      <c r="C3935" s="1" t="s">
        <v>20370</v>
      </c>
      <c r="E3935">
        <v>1</v>
      </c>
      <c r="F3935">
        <v>2</v>
      </c>
      <c r="H3935" t="s">
        <v>20371</v>
      </c>
      <c r="J3935" t="s">
        <v>20372</v>
      </c>
      <c r="O3935">
        <v>9134428</v>
      </c>
      <c r="P3935">
        <v>1</v>
      </c>
      <c r="Q3935">
        <v>2</v>
      </c>
      <c r="R3935" t="s">
        <v>20373</v>
      </c>
      <c r="S3935">
        <v>52</v>
      </c>
    </row>
    <row r="3936" spans="1:19" x14ac:dyDescent="0.25">
      <c r="A3936">
        <v>12468449</v>
      </c>
      <c r="B3936" t="s">
        <v>20374</v>
      </c>
      <c r="C3936" s="1" t="s">
        <v>20375</v>
      </c>
      <c r="E3936">
        <v>3</v>
      </c>
      <c r="F3936">
        <v>0</v>
      </c>
      <c r="H3936" t="s">
        <v>20376</v>
      </c>
      <c r="J3936" t="s">
        <v>20377</v>
      </c>
      <c r="N3936" t="s">
        <v>20378</v>
      </c>
      <c r="P3936">
        <v>1</v>
      </c>
      <c r="Q3936">
        <v>1</v>
      </c>
      <c r="R3936" t="s">
        <v>20379</v>
      </c>
      <c r="S3936">
        <v>1605</v>
      </c>
    </row>
    <row r="3937" spans="1:19" x14ac:dyDescent="0.25">
      <c r="A3937">
        <v>9570368</v>
      </c>
      <c r="B3937" t="s">
        <v>20380</v>
      </c>
      <c r="C3937" s="1" t="s">
        <v>20381</v>
      </c>
      <c r="D3937">
        <v>9572395</v>
      </c>
      <c r="E3937">
        <v>2</v>
      </c>
      <c r="F3937">
        <v>0</v>
      </c>
      <c r="H3937" t="s">
        <v>20382</v>
      </c>
      <c r="I3937">
        <v>2</v>
      </c>
      <c r="J3937" t="s">
        <v>20383</v>
      </c>
      <c r="K3937" t="s">
        <v>20384</v>
      </c>
      <c r="M3937">
        <v>139010</v>
      </c>
      <c r="O3937">
        <v>146633</v>
      </c>
      <c r="P3937">
        <v>1</v>
      </c>
      <c r="Q3937">
        <v>5</v>
      </c>
      <c r="R3937" t="s">
        <v>20385</v>
      </c>
      <c r="S3937">
        <v>6558</v>
      </c>
    </row>
    <row r="3938" spans="1:19" x14ac:dyDescent="0.25">
      <c r="A3938">
        <v>52424427</v>
      </c>
      <c r="B3938" t="s">
        <v>20386</v>
      </c>
      <c r="C3938" s="1" t="s">
        <v>20387</v>
      </c>
      <c r="D3938">
        <v>52424641</v>
      </c>
      <c r="E3938">
        <v>2</v>
      </c>
      <c r="F3938">
        <v>0</v>
      </c>
      <c r="H3938" t="s">
        <v>20388</v>
      </c>
      <c r="J3938" t="s">
        <v>20389</v>
      </c>
      <c r="O3938">
        <v>10274964</v>
      </c>
      <c r="P3938">
        <v>1</v>
      </c>
      <c r="Q3938">
        <v>0</v>
      </c>
      <c r="R3938" t="s">
        <v>20390</v>
      </c>
      <c r="S3938">
        <v>35</v>
      </c>
    </row>
    <row r="3939" spans="1:19" x14ac:dyDescent="0.25">
      <c r="A3939">
        <v>26676455</v>
      </c>
      <c r="B3939" t="s">
        <v>20391</v>
      </c>
      <c r="C3939" s="1" t="s">
        <v>20392</v>
      </c>
      <c r="E3939">
        <v>0</v>
      </c>
      <c r="F3939">
        <v>0</v>
      </c>
      <c r="H3939" t="s">
        <v>20393</v>
      </c>
      <c r="I3939">
        <v>2</v>
      </c>
      <c r="J3939" t="s">
        <v>20394</v>
      </c>
      <c r="K3939" t="s">
        <v>20394</v>
      </c>
      <c r="M3939">
        <v>4198669</v>
      </c>
      <c r="O3939">
        <v>4198669</v>
      </c>
      <c r="P3939">
        <v>1</v>
      </c>
      <c r="Q3939">
        <v>3</v>
      </c>
      <c r="R3939" t="s">
        <v>20395</v>
      </c>
      <c r="S3939">
        <v>1335</v>
      </c>
    </row>
    <row r="3940" spans="1:19" x14ac:dyDescent="0.25">
      <c r="A3940">
        <v>9125623</v>
      </c>
      <c r="B3940" t="s">
        <v>20396</v>
      </c>
      <c r="C3940" s="1" t="s">
        <v>20397</v>
      </c>
      <c r="D3940">
        <v>9862256</v>
      </c>
      <c r="E3940">
        <v>2</v>
      </c>
      <c r="F3940">
        <v>0</v>
      </c>
      <c r="H3940" t="s">
        <v>20398</v>
      </c>
      <c r="J3940" t="s">
        <v>20399</v>
      </c>
      <c r="K3940" t="s">
        <v>20399</v>
      </c>
      <c r="M3940">
        <v>11829</v>
      </c>
      <c r="O3940">
        <v>688201</v>
      </c>
      <c r="P3940">
        <v>1</v>
      </c>
      <c r="Q3940">
        <v>1</v>
      </c>
      <c r="R3940" t="s">
        <v>20400</v>
      </c>
      <c r="S3940">
        <v>328</v>
      </c>
    </row>
    <row r="3941" spans="1:19" x14ac:dyDescent="0.25">
      <c r="A3941">
        <v>38637793</v>
      </c>
      <c r="B3941" t="s">
        <v>20401</v>
      </c>
      <c r="C3941" s="1" t="s">
        <v>20402</v>
      </c>
      <c r="E3941">
        <v>1</v>
      </c>
      <c r="F3941">
        <v>2</v>
      </c>
      <c r="H3941" t="s">
        <v>20403</v>
      </c>
      <c r="J3941" t="s">
        <v>20404</v>
      </c>
      <c r="O3941">
        <v>3193951</v>
      </c>
      <c r="P3941">
        <v>1</v>
      </c>
      <c r="Q3941">
        <v>0</v>
      </c>
      <c r="R3941" t="s">
        <v>20405</v>
      </c>
      <c r="S3941">
        <v>35</v>
      </c>
    </row>
    <row r="3942" spans="1:19" x14ac:dyDescent="0.25">
      <c r="A3942">
        <v>37902039</v>
      </c>
      <c r="B3942" t="s">
        <v>20406</v>
      </c>
      <c r="C3942" s="1" t="s">
        <v>20407</v>
      </c>
      <c r="D3942">
        <v>37902201</v>
      </c>
      <c r="E3942">
        <v>1</v>
      </c>
      <c r="F3942">
        <v>0</v>
      </c>
      <c r="H3942" t="s">
        <v>20408</v>
      </c>
      <c r="J3942" t="s">
        <v>20409</v>
      </c>
      <c r="O3942">
        <v>722271</v>
      </c>
      <c r="P3942">
        <v>1</v>
      </c>
      <c r="Q3942">
        <v>1</v>
      </c>
      <c r="R3942" t="s">
        <v>20410</v>
      </c>
      <c r="S3942">
        <v>59</v>
      </c>
    </row>
    <row r="3943" spans="1:19" x14ac:dyDescent="0.25">
      <c r="A3943">
        <v>7098205</v>
      </c>
      <c r="B3943" t="s">
        <v>20411</v>
      </c>
      <c r="C3943" s="1" t="s">
        <v>20412</v>
      </c>
      <c r="D3943">
        <v>7098262</v>
      </c>
      <c r="E3943">
        <v>8</v>
      </c>
      <c r="F3943">
        <v>0</v>
      </c>
      <c r="H3943" t="s">
        <v>20413</v>
      </c>
      <c r="I3943">
        <v>3</v>
      </c>
      <c r="J3943" t="s">
        <v>20414</v>
      </c>
      <c r="O3943">
        <v>255961</v>
      </c>
      <c r="P3943">
        <v>1</v>
      </c>
      <c r="Q3943">
        <v>18</v>
      </c>
      <c r="R3943" t="s">
        <v>20415</v>
      </c>
      <c r="S3943">
        <v>17178</v>
      </c>
    </row>
    <row r="3944" spans="1:19" x14ac:dyDescent="0.25">
      <c r="A3944">
        <v>2470227</v>
      </c>
      <c r="B3944" t="s">
        <v>20416</v>
      </c>
      <c r="C3944" s="1" t="s">
        <v>20417</v>
      </c>
      <c r="D3944">
        <v>2470266</v>
      </c>
      <c r="E3944">
        <v>1</v>
      </c>
      <c r="F3944">
        <v>0</v>
      </c>
      <c r="H3944" t="s">
        <v>20418</v>
      </c>
      <c r="J3944" t="s">
        <v>20419</v>
      </c>
      <c r="K3944" t="s">
        <v>20419</v>
      </c>
      <c r="M3944">
        <v>918472</v>
      </c>
      <c r="O3944">
        <v>296560</v>
      </c>
      <c r="P3944">
        <v>1</v>
      </c>
      <c r="Q3944">
        <v>0</v>
      </c>
      <c r="R3944" t="s">
        <v>20420</v>
      </c>
      <c r="S3944">
        <v>482</v>
      </c>
    </row>
    <row r="3945" spans="1:19" x14ac:dyDescent="0.25">
      <c r="A3945">
        <v>30683575</v>
      </c>
      <c r="B3945" t="s">
        <v>20421</v>
      </c>
      <c r="C3945" t="s">
        <v>20422</v>
      </c>
      <c r="E3945">
        <v>0</v>
      </c>
      <c r="F3945">
        <v>2</v>
      </c>
      <c r="H3945" t="s">
        <v>20423</v>
      </c>
      <c r="J3945" t="s">
        <v>20424</v>
      </c>
      <c r="K3945" t="s">
        <v>20424</v>
      </c>
      <c r="M3945">
        <v>3669649</v>
      </c>
      <c r="O3945">
        <v>3669649</v>
      </c>
      <c r="P3945">
        <v>1</v>
      </c>
      <c r="Q3945">
        <v>0</v>
      </c>
      <c r="R3945" t="s">
        <v>20425</v>
      </c>
      <c r="S3945">
        <v>88</v>
      </c>
    </row>
    <row r="3946" spans="1:19" x14ac:dyDescent="0.25">
      <c r="A3946">
        <v>38305344</v>
      </c>
      <c r="B3946" t="s">
        <v>20426</v>
      </c>
      <c r="C3946" s="1" t="s">
        <v>20427</v>
      </c>
      <c r="E3946">
        <v>1</v>
      </c>
      <c r="F3946">
        <v>0</v>
      </c>
      <c r="H3946" t="s">
        <v>20428</v>
      </c>
      <c r="J3946" t="s">
        <v>20429</v>
      </c>
      <c r="O3946">
        <v>981208</v>
      </c>
      <c r="P3946">
        <v>1</v>
      </c>
      <c r="Q3946">
        <v>2</v>
      </c>
      <c r="R3946" t="s">
        <v>20430</v>
      </c>
      <c r="S3946">
        <v>244</v>
      </c>
    </row>
    <row r="3947" spans="1:19" x14ac:dyDescent="0.25">
      <c r="A3947">
        <v>3309012</v>
      </c>
      <c r="B3947" t="s">
        <v>20431</v>
      </c>
      <c r="C3947" s="1" t="s">
        <v>20432</v>
      </c>
      <c r="D3947">
        <v>3309340</v>
      </c>
      <c r="E3947">
        <v>3</v>
      </c>
      <c r="F3947">
        <v>0</v>
      </c>
      <c r="H3947" t="s">
        <v>20433</v>
      </c>
      <c r="I3947">
        <v>3</v>
      </c>
      <c r="J3947" t="s">
        <v>20434</v>
      </c>
      <c r="O3947">
        <v>168188</v>
      </c>
      <c r="P3947">
        <v>1</v>
      </c>
      <c r="Q3947">
        <v>7</v>
      </c>
      <c r="R3947" t="s">
        <v>20435</v>
      </c>
      <c r="S3947">
        <v>18463</v>
      </c>
    </row>
    <row r="3948" spans="1:19" x14ac:dyDescent="0.25">
      <c r="A3948">
        <v>42608229</v>
      </c>
      <c r="B3948" t="s">
        <v>20436</v>
      </c>
      <c r="C3948" s="1" t="s">
        <v>20437</v>
      </c>
      <c r="E3948">
        <v>1</v>
      </c>
      <c r="F3948">
        <v>0</v>
      </c>
      <c r="H3948" t="s">
        <v>20438</v>
      </c>
      <c r="J3948" t="s">
        <v>20439</v>
      </c>
      <c r="O3948">
        <v>5386998</v>
      </c>
      <c r="P3948">
        <v>1</v>
      </c>
      <c r="Q3948">
        <v>0</v>
      </c>
      <c r="R3948" t="s">
        <v>14701</v>
      </c>
      <c r="S3948">
        <v>289</v>
      </c>
    </row>
    <row r="3949" spans="1:19" x14ac:dyDescent="0.25">
      <c r="A3949">
        <v>3002211</v>
      </c>
      <c r="B3949" t="s">
        <v>20440</v>
      </c>
      <c r="C3949" s="1" t="s">
        <v>20441</v>
      </c>
      <c r="D3949">
        <v>3003823</v>
      </c>
      <c r="E3949">
        <v>1</v>
      </c>
      <c r="F3949">
        <v>2</v>
      </c>
      <c r="H3949" t="s">
        <v>20442</v>
      </c>
      <c r="J3949" t="s">
        <v>20443</v>
      </c>
      <c r="O3949">
        <v>361904</v>
      </c>
      <c r="P3949">
        <v>1</v>
      </c>
      <c r="Q3949">
        <v>0</v>
      </c>
      <c r="R3949" t="s">
        <v>20444</v>
      </c>
      <c r="S3949">
        <v>349</v>
      </c>
    </row>
    <row r="3950" spans="1:19" x14ac:dyDescent="0.25">
      <c r="A3950">
        <v>48479534</v>
      </c>
      <c r="B3950" t="s">
        <v>20445</v>
      </c>
      <c r="C3950" s="1" t="s">
        <v>20446</v>
      </c>
      <c r="D3950">
        <v>48510980</v>
      </c>
      <c r="E3950">
        <v>2</v>
      </c>
      <c r="F3950">
        <v>0</v>
      </c>
      <c r="H3950" t="s">
        <v>20447</v>
      </c>
      <c r="J3950" t="s">
        <v>20448</v>
      </c>
      <c r="K3950" t="s">
        <v>20449</v>
      </c>
      <c r="M3950">
        <v>2814241</v>
      </c>
      <c r="O3950">
        <v>2814241</v>
      </c>
      <c r="P3950">
        <v>1</v>
      </c>
      <c r="Q3950">
        <v>0</v>
      </c>
      <c r="R3950" t="s">
        <v>20450</v>
      </c>
      <c r="S3950">
        <v>62</v>
      </c>
    </row>
    <row r="3951" spans="1:19" x14ac:dyDescent="0.25">
      <c r="A3951">
        <v>46485383</v>
      </c>
      <c r="B3951" t="s">
        <v>20451</v>
      </c>
      <c r="C3951" s="1" t="s">
        <v>20452</v>
      </c>
      <c r="E3951">
        <v>0</v>
      </c>
      <c r="F3951">
        <v>5</v>
      </c>
      <c r="H3951" t="s">
        <v>20453</v>
      </c>
      <c r="J3951" t="s">
        <v>20454</v>
      </c>
      <c r="K3951" t="s">
        <v>20454</v>
      </c>
      <c r="M3951">
        <v>666238</v>
      </c>
      <c r="O3951">
        <v>666238</v>
      </c>
      <c r="P3951">
        <v>1</v>
      </c>
      <c r="Q3951">
        <v>0</v>
      </c>
      <c r="R3951" t="s">
        <v>20455</v>
      </c>
      <c r="S3951">
        <v>91</v>
      </c>
    </row>
    <row r="3952" spans="1:19" x14ac:dyDescent="0.25">
      <c r="A3952">
        <v>52075779</v>
      </c>
      <c r="B3952" t="s">
        <v>20456</v>
      </c>
      <c r="C3952" s="1" t="s">
        <v>20457</v>
      </c>
      <c r="E3952">
        <v>0</v>
      </c>
      <c r="F3952">
        <v>4</v>
      </c>
      <c r="H3952" t="s">
        <v>20458</v>
      </c>
      <c r="J3952" t="s">
        <v>20459</v>
      </c>
      <c r="K3952" t="s">
        <v>20459</v>
      </c>
      <c r="M3952">
        <v>8440367</v>
      </c>
      <c r="O3952">
        <v>10194465</v>
      </c>
      <c r="P3952">
        <v>1</v>
      </c>
      <c r="Q3952">
        <v>1</v>
      </c>
      <c r="R3952" t="s">
        <v>229</v>
      </c>
      <c r="S3952">
        <v>314</v>
      </c>
    </row>
    <row r="3953" spans="1:19" x14ac:dyDescent="0.25">
      <c r="A3953">
        <v>30473900</v>
      </c>
      <c r="B3953" t="s">
        <v>20460</v>
      </c>
      <c r="C3953" s="1" t="s">
        <v>20461</v>
      </c>
      <c r="E3953">
        <v>1</v>
      </c>
      <c r="F3953">
        <v>0</v>
      </c>
      <c r="H3953" t="s">
        <v>20462</v>
      </c>
      <c r="J3953" t="s">
        <v>20463</v>
      </c>
      <c r="O3953">
        <v>1228276</v>
      </c>
      <c r="P3953">
        <v>1</v>
      </c>
      <c r="Q3953">
        <v>0</v>
      </c>
      <c r="R3953" t="s">
        <v>20464</v>
      </c>
      <c r="S3953">
        <v>169</v>
      </c>
    </row>
    <row r="3954" spans="1:19" x14ac:dyDescent="0.25">
      <c r="A3954">
        <v>41234004</v>
      </c>
      <c r="B3954" t="s">
        <v>20465</v>
      </c>
      <c r="C3954" s="1" t="s">
        <v>20466</v>
      </c>
      <c r="E3954">
        <v>1</v>
      </c>
      <c r="F3954">
        <v>0</v>
      </c>
      <c r="H3954" t="s">
        <v>20467</v>
      </c>
      <c r="I3954">
        <v>3</v>
      </c>
      <c r="J3954" t="s">
        <v>20468</v>
      </c>
      <c r="O3954">
        <v>4728340</v>
      </c>
      <c r="P3954">
        <v>1</v>
      </c>
      <c r="Q3954">
        <v>5</v>
      </c>
      <c r="R3954" t="s">
        <v>20469</v>
      </c>
      <c r="S3954">
        <v>520</v>
      </c>
    </row>
    <row r="3955" spans="1:19" x14ac:dyDescent="0.25">
      <c r="A3955">
        <v>6243990</v>
      </c>
      <c r="B3955" t="s">
        <v>20470</v>
      </c>
      <c r="C3955" s="1" t="s">
        <v>20471</v>
      </c>
      <c r="D3955">
        <v>6244852</v>
      </c>
      <c r="E3955">
        <v>1</v>
      </c>
      <c r="F3955">
        <v>0</v>
      </c>
      <c r="H3955" t="s">
        <v>20472</v>
      </c>
      <c r="J3955" t="s">
        <v>20473</v>
      </c>
      <c r="O3955">
        <v>693483</v>
      </c>
      <c r="P3955">
        <v>1</v>
      </c>
      <c r="Q3955">
        <v>0</v>
      </c>
      <c r="R3955" t="s">
        <v>20474</v>
      </c>
      <c r="S3955">
        <v>1851</v>
      </c>
    </row>
    <row r="3956" spans="1:19" x14ac:dyDescent="0.25">
      <c r="A3956">
        <v>14957040</v>
      </c>
      <c r="B3956" t="s">
        <v>20475</v>
      </c>
      <c r="C3956" s="1" t="s">
        <v>20476</v>
      </c>
      <c r="E3956">
        <v>1</v>
      </c>
      <c r="F3956">
        <v>0</v>
      </c>
      <c r="H3956" t="s">
        <v>20477</v>
      </c>
      <c r="J3956" t="s">
        <v>20478</v>
      </c>
      <c r="O3956">
        <v>2086905</v>
      </c>
      <c r="P3956">
        <v>1</v>
      </c>
      <c r="Q3956">
        <v>0</v>
      </c>
      <c r="R3956" t="s">
        <v>20479</v>
      </c>
      <c r="S3956">
        <v>128</v>
      </c>
    </row>
    <row r="3957" spans="1:19" x14ac:dyDescent="0.25">
      <c r="A3957">
        <v>49570405</v>
      </c>
      <c r="B3957" t="s">
        <v>20480</v>
      </c>
      <c r="C3957" s="1" t="s">
        <v>20481</v>
      </c>
      <c r="D3957">
        <v>49570458</v>
      </c>
      <c r="E3957">
        <v>2</v>
      </c>
      <c r="F3957">
        <v>2</v>
      </c>
      <c r="H3957" t="s">
        <v>20482</v>
      </c>
      <c r="J3957" t="s">
        <v>20483</v>
      </c>
      <c r="O3957">
        <v>2170269</v>
      </c>
      <c r="P3957">
        <v>1</v>
      </c>
      <c r="Q3957">
        <v>1</v>
      </c>
      <c r="R3957" t="s">
        <v>20484</v>
      </c>
      <c r="S3957">
        <v>33</v>
      </c>
    </row>
    <row r="3958" spans="1:19" x14ac:dyDescent="0.25">
      <c r="A3958">
        <v>15537486</v>
      </c>
      <c r="B3958" t="s">
        <v>20485</v>
      </c>
      <c r="C3958" s="1" t="s">
        <v>20486</v>
      </c>
      <c r="E3958">
        <v>1</v>
      </c>
      <c r="F3958">
        <v>2</v>
      </c>
      <c r="H3958" t="s">
        <v>20487</v>
      </c>
      <c r="J3958" t="s">
        <v>20488</v>
      </c>
      <c r="O3958">
        <v>878914</v>
      </c>
      <c r="P3958">
        <v>1</v>
      </c>
      <c r="Q3958">
        <v>1</v>
      </c>
      <c r="R3958" t="s">
        <v>20489</v>
      </c>
      <c r="S3958">
        <v>683</v>
      </c>
    </row>
    <row r="3959" spans="1:19" x14ac:dyDescent="0.25">
      <c r="A3959">
        <v>3788768</v>
      </c>
      <c r="B3959" t="s">
        <v>20490</v>
      </c>
      <c r="C3959" s="1" t="s">
        <v>20491</v>
      </c>
      <c r="D3959">
        <v>3788817</v>
      </c>
      <c r="E3959">
        <v>1</v>
      </c>
      <c r="F3959">
        <v>1</v>
      </c>
      <c r="H3959" t="s">
        <v>20492</v>
      </c>
      <c r="I3959">
        <v>1</v>
      </c>
      <c r="J3959" t="s">
        <v>20493</v>
      </c>
      <c r="O3959">
        <v>277256</v>
      </c>
      <c r="P3959">
        <v>1</v>
      </c>
      <c r="Q3959">
        <v>3</v>
      </c>
      <c r="R3959" t="s">
        <v>20494</v>
      </c>
      <c r="S3959">
        <v>242</v>
      </c>
    </row>
    <row r="3960" spans="1:19" x14ac:dyDescent="0.25">
      <c r="A3960">
        <v>41369844</v>
      </c>
      <c r="B3960" t="s">
        <v>20495</v>
      </c>
      <c r="C3960" s="1" t="s">
        <v>20496</v>
      </c>
      <c r="E3960">
        <v>1</v>
      </c>
      <c r="F3960">
        <v>7</v>
      </c>
      <c r="H3960" t="s">
        <v>20497</v>
      </c>
      <c r="J3960" t="s">
        <v>20498</v>
      </c>
      <c r="K3960" t="s">
        <v>20499</v>
      </c>
      <c r="M3960">
        <v>4568023</v>
      </c>
      <c r="O3960">
        <v>4568023</v>
      </c>
      <c r="P3960">
        <v>1</v>
      </c>
      <c r="Q3960">
        <v>0</v>
      </c>
      <c r="R3960" t="s">
        <v>20500</v>
      </c>
      <c r="S3960">
        <v>81</v>
      </c>
    </row>
    <row r="3961" spans="1:19" x14ac:dyDescent="0.25">
      <c r="A3961">
        <v>12856702</v>
      </c>
      <c r="B3961" t="s">
        <v>20501</v>
      </c>
      <c r="C3961" s="1" t="s">
        <v>20502</v>
      </c>
      <c r="E3961">
        <v>2</v>
      </c>
      <c r="F3961">
        <v>2</v>
      </c>
      <c r="H3961" t="s">
        <v>20503</v>
      </c>
      <c r="J3961" t="s">
        <v>20504</v>
      </c>
      <c r="O3961">
        <v>874323</v>
      </c>
      <c r="P3961">
        <v>1</v>
      </c>
      <c r="Q3961">
        <v>0</v>
      </c>
      <c r="R3961" t="s">
        <v>20505</v>
      </c>
      <c r="S3961">
        <v>587</v>
      </c>
    </row>
    <row r="3962" spans="1:19" x14ac:dyDescent="0.25">
      <c r="A3962">
        <v>6666740</v>
      </c>
      <c r="B3962" t="s">
        <v>20506</v>
      </c>
      <c r="C3962" s="1" t="s">
        <v>20507</v>
      </c>
      <c r="E3962">
        <v>0</v>
      </c>
      <c r="F3962">
        <v>3</v>
      </c>
      <c r="H3962" t="s">
        <v>20508</v>
      </c>
      <c r="I3962">
        <v>0</v>
      </c>
      <c r="J3962" t="s">
        <v>20509</v>
      </c>
      <c r="O3962">
        <v>841036</v>
      </c>
      <c r="P3962">
        <v>1</v>
      </c>
      <c r="Q3962">
        <v>3</v>
      </c>
      <c r="R3962" t="s">
        <v>20510</v>
      </c>
      <c r="S3962">
        <v>1343</v>
      </c>
    </row>
    <row r="3963" spans="1:19" x14ac:dyDescent="0.25">
      <c r="A3963">
        <v>15914138</v>
      </c>
      <c r="B3963" t="s">
        <v>20511</v>
      </c>
      <c r="C3963" s="1" t="s">
        <v>20512</v>
      </c>
      <c r="E3963">
        <v>1</v>
      </c>
      <c r="F3963">
        <v>0</v>
      </c>
      <c r="H3963" t="s">
        <v>20513</v>
      </c>
      <c r="J3963" t="s">
        <v>20514</v>
      </c>
      <c r="K3963" t="s">
        <v>20515</v>
      </c>
      <c r="M3963">
        <v>112196</v>
      </c>
      <c r="O3963">
        <v>821423</v>
      </c>
      <c r="P3963">
        <v>1</v>
      </c>
      <c r="Q3963">
        <v>0</v>
      </c>
      <c r="R3963" t="s">
        <v>20516</v>
      </c>
      <c r="S3963">
        <v>68</v>
      </c>
    </row>
    <row r="3964" spans="1:19" x14ac:dyDescent="0.25">
      <c r="A3964">
        <v>13884287</v>
      </c>
      <c r="B3964" t="s">
        <v>20517</v>
      </c>
      <c r="C3964" s="1" t="s">
        <v>20518</v>
      </c>
      <c r="D3964">
        <v>13884337</v>
      </c>
      <c r="E3964">
        <v>1</v>
      </c>
      <c r="F3964">
        <v>0</v>
      </c>
      <c r="H3964" t="s">
        <v>20519</v>
      </c>
      <c r="I3964">
        <v>0</v>
      </c>
      <c r="J3964" t="s">
        <v>20520</v>
      </c>
      <c r="O3964">
        <v>347165</v>
      </c>
      <c r="P3964">
        <v>1</v>
      </c>
      <c r="Q3964">
        <v>0</v>
      </c>
      <c r="R3964" t="s">
        <v>229</v>
      </c>
      <c r="S3964">
        <v>130</v>
      </c>
    </row>
    <row r="3965" spans="1:19" x14ac:dyDescent="0.25">
      <c r="A3965">
        <v>15535133</v>
      </c>
      <c r="B3965" t="s">
        <v>20521</v>
      </c>
      <c r="C3965" s="1" t="s">
        <v>20522</v>
      </c>
      <c r="E3965">
        <v>6</v>
      </c>
      <c r="F3965">
        <v>6</v>
      </c>
      <c r="H3965" t="s">
        <v>20523</v>
      </c>
      <c r="I3965">
        <v>4</v>
      </c>
      <c r="J3965" t="s">
        <v>20524</v>
      </c>
      <c r="K3965" t="s">
        <v>20525</v>
      </c>
      <c r="M3965">
        <v>303</v>
      </c>
      <c r="O3965">
        <v>303</v>
      </c>
      <c r="P3965">
        <v>1</v>
      </c>
      <c r="Q3965">
        <v>20</v>
      </c>
      <c r="R3965" t="s">
        <v>20526</v>
      </c>
      <c r="S3965">
        <v>3611</v>
      </c>
    </row>
    <row r="3966" spans="1:19" x14ac:dyDescent="0.25">
      <c r="A3966">
        <v>15000544</v>
      </c>
      <c r="B3966" t="s">
        <v>20527</v>
      </c>
      <c r="C3966" t="s">
        <v>20528</v>
      </c>
      <c r="D3966">
        <v>15000609</v>
      </c>
      <c r="E3966">
        <v>5</v>
      </c>
      <c r="F3966">
        <v>2</v>
      </c>
      <c r="H3966" t="s">
        <v>20529</v>
      </c>
      <c r="I3966">
        <v>8</v>
      </c>
      <c r="J3966" t="s">
        <v>20530</v>
      </c>
      <c r="K3966" t="s">
        <v>20531</v>
      </c>
      <c r="M3966">
        <v>5050060</v>
      </c>
      <c r="O3966">
        <v>232695</v>
      </c>
      <c r="P3966">
        <v>1</v>
      </c>
      <c r="Q3966">
        <v>22</v>
      </c>
      <c r="R3966" t="s">
        <v>20532</v>
      </c>
      <c r="S3966">
        <v>168812</v>
      </c>
    </row>
    <row r="3967" spans="1:19" x14ac:dyDescent="0.25">
      <c r="A3967">
        <v>3181108</v>
      </c>
      <c r="B3967" t="s">
        <v>20533</v>
      </c>
      <c r="C3967" t="s">
        <v>20534</v>
      </c>
      <c r="D3967">
        <v>3181300</v>
      </c>
      <c r="E3967">
        <v>1</v>
      </c>
      <c r="F3967">
        <v>0</v>
      </c>
      <c r="H3967" t="s">
        <v>20535</v>
      </c>
      <c r="J3967" t="s">
        <v>20536</v>
      </c>
      <c r="O3967">
        <v>200477</v>
      </c>
      <c r="P3967">
        <v>1</v>
      </c>
      <c r="Q3967">
        <v>0</v>
      </c>
      <c r="R3967" t="s">
        <v>20537</v>
      </c>
      <c r="S3967">
        <v>3119</v>
      </c>
    </row>
    <row r="3968" spans="1:19" x14ac:dyDescent="0.25">
      <c r="A3968">
        <v>48282167</v>
      </c>
      <c r="B3968" t="s">
        <v>20538</v>
      </c>
      <c r="C3968" s="1" t="s">
        <v>20539</v>
      </c>
      <c r="D3968">
        <v>48282334</v>
      </c>
      <c r="E3968">
        <v>2</v>
      </c>
      <c r="F3968">
        <v>3</v>
      </c>
      <c r="H3968" t="s">
        <v>20540</v>
      </c>
      <c r="J3968" t="s">
        <v>20541</v>
      </c>
      <c r="O3968">
        <v>5082865</v>
      </c>
      <c r="P3968">
        <v>1</v>
      </c>
      <c r="Q3968">
        <v>0</v>
      </c>
      <c r="R3968" t="s">
        <v>1446</v>
      </c>
      <c r="S3968">
        <v>48</v>
      </c>
    </row>
    <row r="3969" spans="1:19" x14ac:dyDescent="0.25">
      <c r="A3969">
        <v>21142561</v>
      </c>
      <c r="B3969" t="s">
        <v>20542</v>
      </c>
      <c r="C3969" s="1" t="s">
        <v>20543</v>
      </c>
      <c r="E3969">
        <v>1</v>
      </c>
      <c r="F3969">
        <v>0</v>
      </c>
      <c r="H3969" t="s">
        <v>20544</v>
      </c>
      <c r="J3969" t="s">
        <v>20545</v>
      </c>
      <c r="K3969" t="s">
        <v>20545</v>
      </c>
      <c r="M3969">
        <v>1518974</v>
      </c>
      <c r="O3969">
        <v>3178028</v>
      </c>
      <c r="P3969">
        <v>1</v>
      </c>
      <c r="Q3969">
        <v>-1</v>
      </c>
      <c r="R3969" t="s">
        <v>20546</v>
      </c>
      <c r="S3969">
        <v>358</v>
      </c>
    </row>
    <row r="3970" spans="1:19" x14ac:dyDescent="0.25">
      <c r="A3970">
        <v>33474665</v>
      </c>
      <c r="B3970" t="s">
        <v>20547</v>
      </c>
      <c r="C3970" s="1" t="s">
        <v>20548</v>
      </c>
      <c r="D3970">
        <v>33474934</v>
      </c>
      <c r="E3970">
        <v>1</v>
      </c>
      <c r="F3970">
        <v>4</v>
      </c>
      <c r="H3970" t="s">
        <v>20549</v>
      </c>
      <c r="J3970" t="s">
        <v>20550</v>
      </c>
      <c r="K3970" t="s">
        <v>20551</v>
      </c>
      <c r="M3970">
        <v>3026283</v>
      </c>
      <c r="O3970">
        <v>3026283</v>
      </c>
      <c r="P3970">
        <v>1</v>
      </c>
      <c r="Q3970">
        <v>0</v>
      </c>
      <c r="R3970" t="s">
        <v>20552</v>
      </c>
      <c r="S3970">
        <v>52</v>
      </c>
    </row>
    <row r="3971" spans="1:19" x14ac:dyDescent="0.25">
      <c r="A3971">
        <v>44532386</v>
      </c>
      <c r="B3971" t="s">
        <v>20553</v>
      </c>
      <c r="C3971" s="1" t="s">
        <v>20554</v>
      </c>
      <c r="D3971">
        <v>44532821</v>
      </c>
      <c r="E3971">
        <v>3</v>
      </c>
      <c r="F3971">
        <v>3</v>
      </c>
      <c r="H3971" t="s">
        <v>20555</v>
      </c>
      <c r="J3971" t="s">
        <v>20556</v>
      </c>
      <c r="K3971" t="s">
        <v>20557</v>
      </c>
      <c r="M3971">
        <v>4014959</v>
      </c>
      <c r="O3971">
        <v>8116719</v>
      </c>
      <c r="P3971">
        <v>1</v>
      </c>
      <c r="Q3971">
        <v>2</v>
      </c>
      <c r="R3971" t="s">
        <v>20558</v>
      </c>
      <c r="S3971">
        <v>553</v>
      </c>
    </row>
    <row r="3972" spans="1:19" x14ac:dyDescent="0.25">
      <c r="A3972">
        <v>35268390</v>
      </c>
      <c r="B3972" t="s">
        <v>20559</v>
      </c>
      <c r="C3972" s="1" t="s">
        <v>20560</v>
      </c>
      <c r="D3972">
        <v>35293761</v>
      </c>
      <c r="E3972">
        <v>1</v>
      </c>
      <c r="F3972">
        <v>0</v>
      </c>
      <c r="H3972" t="s">
        <v>20561</v>
      </c>
      <c r="J3972" t="s">
        <v>20562</v>
      </c>
      <c r="O3972">
        <v>1311058</v>
      </c>
      <c r="P3972">
        <v>1</v>
      </c>
      <c r="Q3972">
        <v>0</v>
      </c>
      <c r="R3972" t="s">
        <v>20563</v>
      </c>
      <c r="S3972">
        <v>50</v>
      </c>
    </row>
    <row r="3973" spans="1:19" x14ac:dyDescent="0.25">
      <c r="A3973">
        <v>12734996</v>
      </c>
      <c r="B3973" t="s">
        <v>20564</v>
      </c>
      <c r="C3973" s="1" t="s">
        <v>20565</v>
      </c>
      <c r="E3973">
        <v>1</v>
      </c>
      <c r="F3973">
        <v>2</v>
      </c>
      <c r="H3973" t="s">
        <v>20566</v>
      </c>
      <c r="J3973" t="s">
        <v>20567</v>
      </c>
      <c r="K3973" t="s">
        <v>20568</v>
      </c>
      <c r="M3973">
        <v>1044591</v>
      </c>
      <c r="O3973">
        <v>1172859</v>
      </c>
      <c r="P3973">
        <v>1</v>
      </c>
      <c r="Q3973">
        <v>0</v>
      </c>
      <c r="R3973" t="s">
        <v>20569</v>
      </c>
      <c r="S3973">
        <v>227</v>
      </c>
    </row>
    <row r="3974" spans="1:19" x14ac:dyDescent="0.25">
      <c r="A3974">
        <v>45900206</v>
      </c>
      <c r="B3974" t="s">
        <v>20570</v>
      </c>
      <c r="C3974" s="1" t="s">
        <v>20571</v>
      </c>
      <c r="D3974">
        <v>46135805</v>
      </c>
      <c r="E3974">
        <v>5</v>
      </c>
      <c r="F3974">
        <v>0</v>
      </c>
      <c r="H3974" t="s">
        <v>20572</v>
      </c>
      <c r="J3974" t="s">
        <v>20573</v>
      </c>
      <c r="O3974">
        <v>3735428</v>
      </c>
      <c r="P3974">
        <v>1</v>
      </c>
      <c r="Q3974">
        <v>1</v>
      </c>
      <c r="R3974" t="s">
        <v>20574</v>
      </c>
      <c r="S3974">
        <v>486</v>
      </c>
    </row>
    <row r="3975" spans="1:19" x14ac:dyDescent="0.25">
      <c r="A3975">
        <v>28596265</v>
      </c>
      <c r="B3975" t="s">
        <v>20575</v>
      </c>
      <c r="C3975" s="1" t="s">
        <v>20576</v>
      </c>
      <c r="E3975">
        <v>1</v>
      </c>
      <c r="F3975">
        <v>5</v>
      </c>
      <c r="H3975" t="s">
        <v>20577</v>
      </c>
      <c r="J3975" t="s">
        <v>20578</v>
      </c>
      <c r="O3975">
        <v>1582712</v>
      </c>
      <c r="P3975">
        <v>1</v>
      </c>
      <c r="Q3975">
        <v>0</v>
      </c>
      <c r="R3975" t="s">
        <v>20579</v>
      </c>
      <c r="S3975">
        <v>67</v>
      </c>
    </row>
    <row r="3976" spans="1:19" x14ac:dyDescent="0.25">
      <c r="A3976">
        <v>53049407</v>
      </c>
      <c r="B3976" t="s">
        <v>20580</v>
      </c>
      <c r="C3976" s="1" t="s">
        <v>20581</v>
      </c>
      <c r="D3976">
        <v>53049997</v>
      </c>
      <c r="E3976">
        <v>2</v>
      </c>
      <c r="F3976">
        <v>0</v>
      </c>
      <c r="H3976" t="s">
        <v>20582</v>
      </c>
      <c r="J3976" t="s">
        <v>20583</v>
      </c>
      <c r="K3976" t="s">
        <v>20584</v>
      </c>
      <c r="M3976">
        <v>501017</v>
      </c>
      <c r="O3976">
        <v>501017</v>
      </c>
      <c r="P3976">
        <v>1</v>
      </c>
      <c r="Q3976">
        <v>0</v>
      </c>
      <c r="R3976" t="s">
        <v>9028</v>
      </c>
      <c r="S3976">
        <v>25</v>
      </c>
    </row>
    <row r="3977" spans="1:19" x14ac:dyDescent="0.25">
      <c r="A3977">
        <v>47870024</v>
      </c>
      <c r="B3977" t="s">
        <v>20585</v>
      </c>
      <c r="C3977" s="1" t="s">
        <v>20586</v>
      </c>
      <c r="E3977">
        <v>1</v>
      </c>
      <c r="F3977">
        <v>4</v>
      </c>
      <c r="H3977" t="s">
        <v>20587</v>
      </c>
      <c r="J3977" t="s">
        <v>20588</v>
      </c>
      <c r="O3977">
        <v>9040637</v>
      </c>
      <c r="P3977">
        <v>1</v>
      </c>
      <c r="Q3977">
        <v>3</v>
      </c>
      <c r="R3977" t="s">
        <v>275</v>
      </c>
      <c r="S3977">
        <v>60</v>
      </c>
    </row>
    <row r="3978" spans="1:19" x14ac:dyDescent="0.25">
      <c r="A3978">
        <v>41857747</v>
      </c>
      <c r="B3978" t="s">
        <v>20589</v>
      </c>
      <c r="C3978" s="1" t="s">
        <v>20590</v>
      </c>
      <c r="E3978">
        <v>0</v>
      </c>
      <c r="F3978">
        <v>4</v>
      </c>
      <c r="H3978" t="s">
        <v>20591</v>
      </c>
      <c r="J3978" t="s">
        <v>20592</v>
      </c>
      <c r="K3978" t="s">
        <v>20592</v>
      </c>
      <c r="M3978">
        <v>1017065</v>
      </c>
      <c r="O3978">
        <v>7149748</v>
      </c>
      <c r="P3978">
        <v>1</v>
      </c>
      <c r="Q3978">
        <v>0</v>
      </c>
      <c r="R3978" t="s">
        <v>20593</v>
      </c>
      <c r="S3978">
        <v>501</v>
      </c>
    </row>
    <row r="3979" spans="1:19" x14ac:dyDescent="0.25">
      <c r="A3979">
        <v>5333914</v>
      </c>
      <c r="B3979" t="s">
        <v>20594</v>
      </c>
      <c r="C3979" s="1" t="s">
        <v>20595</v>
      </c>
      <c r="D3979">
        <v>5333944</v>
      </c>
      <c r="E3979">
        <v>3</v>
      </c>
      <c r="F3979">
        <v>0</v>
      </c>
      <c r="H3979" t="s">
        <v>20596</v>
      </c>
      <c r="I3979">
        <v>4</v>
      </c>
      <c r="J3979" t="s">
        <v>20597</v>
      </c>
      <c r="K3979" t="s">
        <v>20598</v>
      </c>
      <c r="M3979">
        <v>313758</v>
      </c>
      <c r="O3979">
        <v>588498</v>
      </c>
      <c r="P3979">
        <v>1</v>
      </c>
      <c r="Q3979">
        <v>3</v>
      </c>
      <c r="R3979" t="s">
        <v>819</v>
      </c>
      <c r="S3979">
        <v>1248</v>
      </c>
    </row>
    <row r="3980" spans="1:19" x14ac:dyDescent="0.25">
      <c r="A3980">
        <v>15936339</v>
      </c>
      <c r="B3980" t="s">
        <v>20599</v>
      </c>
      <c r="C3980" s="1" t="s">
        <v>20600</v>
      </c>
      <c r="D3980">
        <v>15936788</v>
      </c>
      <c r="E3980">
        <v>1</v>
      </c>
      <c r="F3980">
        <v>5</v>
      </c>
      <c r="H3980" t="s">
        <v>20601</v>
      </c>
      <c r="J3980" t="s">
        <v>20602</v>
      </c>
      <c r="K3980" t="s">
        <v>20603</v>
      </c>
      <c r="M3980">
        <v>888587</v>
      </c>
      <c r="O3980">
        <v>256882</v>
      </c>
      <c r="P3980">
        <v>1</v>
      </c>
      <c r="Q3980">
        <v>0</v>
      </c>
      <c r="R3980" t="s">
        <v>20604</v>
      </c>
      <c r="S3980">
        <v>225</v>
      </c>
    </row>
    <row r="3981" spans="1:19" x14ac:dyDescent="0.25">
      <c r="A3981">
        <v>44401997</v>
      </c>
      <c r="B3981" t="s">
        <v>20605</v>
      </c>
      <c r="C3981" s="1" t="s">
        <v>20606</v>
      </c>
      <c r="D3981">
        <v>44402032</v>
      </c>
      <c r="E3981">
        <v>1</v>
      </c>
      <c r="F3981">
        <v>1</v>
      </c>
      <c r="H3981" t="s">
        <v>20607</v>
      </c>
      <c r="J3981" t="s">
        <v>20608</v>
      </c>
      <c r="K3981" t="s">
        <v>20609</v>
      </c>
      <c r="M3981">
        <v>2483257</v>
      </c>
      <c r="O3981">
        <v>7308485</v>
      </c>
      <c r="P3981">
        <v>1</v>
      </c>
      <c r="Q3981">
        <v>0</v>
      </c>
      <c r="R3981" t="s">
        <v>20610</v>
      </c>
      <c r="S3981">
        <v>381</v>
      </c>
    </row>
    <row r="3982" spans="1:19" x14ac:dyDescent="0.25">
      <c r="A3982">
        <v>10454805</v>
      </c>
      <c r="B3982" t="s">
        <v>20611</v>
      </c>
      <c r="C3982" s="1" t="s">
        <v>20612</v>
      </c>
      <c r="D3982">
        <v>10455381</v>
      </c>
      <c r="E3982">
        <v>1</v>
      </c>
      <c r="F3982">
        <v>1</v>
      </c>
      <c r="H3982" t="s">
        <v>20613</v>
      </c>
      <c r="I3982">
        <v>5</v>
      </c>
      <c r="J3982" t="s">
        <v>20614</v>
      </c>
      <c r="O3982">
        <v>927589</v>
      </c>
      <c r="P3982">
        <v>1</v>
      </c>
      <c r="Q3982">
        <v>28</v>
      </c>
      <c r="R3982" t="s">
        <v>20615</v>
      </c>
      <c r="S3982">
        <v>10410</v>
      </c>
    </row>
    <row r="3983" spans="1:19" x14ac:dyDescent="0.25">
      <c r="A3983">
        <v>34697186</v>
      </c>
      <c r="B3983" t="s">
        <v>20616</v>
      </c>
      <c r="C3983" s="1" t="s">
        <v>20617</v>
      </c>
      <c r="E3983">
        <v>0</v>
      </c>
      <c r="F3983">
        <v>9</v>
      </c>
      <c r="H3983" t="s">
        <v>20618</v>
      </c>
      <c r="I3983">
        <v>0</v>
      </c>
      <c r="J3983" t="s">
        <v>20619</v>
      </c>
      <c r="K3983" t="s">
        <v>20619</v>
      </c>
      <c r="M3983">
        <v>2272172</v>
      </c>
      <c r="O3983">
        <v>490507</v>
      </c>
      <c r="P3983">
        <v>1</v>
      </c>
      <c r="Q3983">
        <v>0</v>
      </c>
      <c r="R3983" t="s">
        <v>20620</v>
      </c>
      <c r="S3983">
        <v>146</v>
      </c>
    </row>
    <row r="3984" spans="1:19" x14ac:dyDescent="0.25">
      <c r="A3984">
        <v>28782284</v>
      </c>
      <c r="B3984" t="s">
        <v>20621</v>
      </c>
      <c r="C3984" s="1" t="s">
        <v>20622</v>
      </c>
      <c r="E3984">
        <v>2</v>
      </c>
      <c r="F3984">
        <v>2</v>
      </c>
      <c r="H3984" t="s">
        <v>20623</v>
      </c>
      <c r="J3984" t="s">
        <v>20624</v>
      </c>
      <c r="K3984" t="s">
        <v>20625</v>
      </c>
      <c r="M3984">
        <v>1209964</v>
      </c>
      <c r="O3984">
        <v>1209964</v>
      </c>
      <c r="P3984">
        <v>1</v>
      </c>
      <c r="Q3984">
        <v>-1</v>
      </c>
      <c r="R3984" t="s">
        <v>20626</v>
      </c>
      <c r="S3984">
        <v>75</v>
      </c>
    </row>
    <row r="3985" spans="1:19" x14ac:dyDescent="0.25">
      <c r="A3985">
        <v>29432520</v>
      </c>
      <c r="B3985" t="s">
        <v>20627</v>
      </c>
      <c r="C3985" s="1" t="s">
        <v>20628</v>
      </c>
      <c r="E3985">
        <v>1</v>
      </c>
      <c r="F3985">
        <v>3</v>
      </c>
      <c r="H3985" t="s">
        <v>20629</v>
      </c>
      <c r="J3985" t="s">
        <v>20630</v>
      </c>
      <c r="O3985">
        <v>1142970</v>
      </c>
      <c r="P3985">
        <v>1</v>
      </c>
      <c r="Q3985">
        <v>3</v>
      </c>
      <c r="R3985" t="s">
        <v>20631</v>
      </c>
      <c r="S3985">
        <v>1301</v>
      </c>
    </row>
    <row r="3986" spans="1:19" x14ac:dyDescent="0.25">
      <c r="A3986">
        <v>29805476</v>
      </c>
      <c r="B3986" t="s">
        <v>20632</v>
      </c>
      <c r="C3986" s="1" t="s">
        <v>20633</v>
      </c>
      <c r="D3986">
        <v>29805637</v>
      </c>
      <c r="E3986">
        <v>3</v>
      </c>
      <c r="F3986">
        <v>0</v>
      </c>
      <c r="H3986" t="s">
        <v>20634</v>
      </c>
      <c r="J3986" t="s">
        <v>20635</v>
      </c>
      <c r="O3986">
        <v>3884381</v>
      </c>
      <c r="P3986">
        <v>1</v>
      </c>
      <c r="Q3986">
        <v>0</v>
      </c>
      <c r="R3986" t="s">
        <v>20636</v>
      </c>
      <c r="S3986">
        <v>157</v>
      </c>
    </row>
    <row r="3987" spans="1:19" x14ac:dyDescent="0.25">
      <c r="A3987">
        <v>31700718</v>
      </c>
      <c r="B3987" t="s">
        <v>20637</v>
      </c>
      <c r="C3987" s="1" t="s">
        <v>20638</v>
      </c>
      <c r="D3987">
        <v>31702460</v>
      </c>
      <c r="E3987">
        <v>1</v>
      </c>
      <c r="F3987">
        <v>0</v>
      </c>
      <c r="H3987" t="s">
        <v>20639</v>
      </c>
      <c r="J3987" t="s">
        <v>20640</v>
      </c>
      <c r="K3987" t="s">
        <v>20641</v>
      </c>
      <c r="M3987">
        <v>144983</v>
      </c>
      <c r="O3987">
        <v>144983</v>
      </c>
      <c r="P3987">
        <v>1</v>
      </c>
      <c r="Q3987">
        <v>1</v>
      </c>
      <c r="R3987" t="s">
        <v>20642</v>
      </c>
      <c r="S3987">
        <v>133</v>
      </c>
    </row>
    <row r="3988" spans="1:19" x14ac:dyDescent="0.25">
      <c r="A3988">
        <v>9911772</v>
      </c>
      <c r="B3988" t="s">
        <v>20643</v>
      </c>
      <c r="C3988" s="1" t="s">
        <v>20644</v>
      </c>
      <c r="E3988">
        <v>0</v>
      </c>
      <c r="F3988">
        <v>1</v>
      </c>
      <c r="H3988" t="s">
        <v>20645</v>
      </c>
      <c r="J3988" t="s">
        <v>20645</v>
      </c>
      <c r="O3988">
        <v>647177</v>
      </c>
      <c r="P3988">
        <v>1</v>
      </c>
      <c r="Q3988">
        <v>2</v>
      </c>
      <c r="R3988" t="s">
        <v>20646</v>
      </c>
      <c r="S3988">
        <v>938</v>
      </c>
    </row>
    <row r="3989" spans="1:19" x14ac:dyDescent="0.25">
      <c r="A3989">
        <v>31183276</v>
      </c>
      <c r="B3989" t="s">
        <v>20647</v>
      </c>
      <c r="C3989" s="1" t="s">
        <v>20648</v>
      </c>
      <c r="D3989">
        <v>31184326</v>
      </c>
      <c r="E3989">
        <v>1</v>
      </c>
      <c r="F3989">
        <v>0</v>
      </c>
      <c r="H3989" t="s">
        <v>20649</v>
      </c>
      <c r="J3989" t="s">
        <v>20650</v>
      </c>
      <c r="K3989" t="s">
        <v>20650</v>
      </c>
      <c r="M3989">
        <v>2019384</v>
      </c>
      <c r="O3989">
        <v>5073490</v>
      </c>
      <c r="P3989">
        <v>1</v>
      </c>
      <c r="Q3989">
        <v>0</v>
      </c>
      <c r="R3989" t="s">
        <v>20651</v>
      </c>
      <c r="S3989">
        <v>68</v>
      </c>
    </row>
    <row r="3990" spans="1:19" x14ac:dyDescent="0.25">
      <c r="A3990">
        <v>15345391</v>
      </c>
      <c r="B3990" t="s">
        <v>20652</v>
      </c>
      <c r="C3990" s="1" t="s">
        <v>20653</v>
      </c>
      <c r="D3990">
        <v>15348764</v>
      </c>
      <c r="E3990">
        <v>1</v>
      </c>
      <c r="F3990">
        <v>6</v>
      </c>
      <c r="H3990" t="s">
        <v>20654</v>
      </c>
      <c r="J3990" t="s">
        <v>20655</v>
      </c>
      <c r="K3990" t="s">
        <v>20656</v>
      </c>
      <c r="M3990">
        <v>2146105</v>
      </c>
      <c r="O3990">
        <v>2146105</v>
      </c>
      <c r="P3990">
        <v>1</v>
      </c>
      <c r="Q3990">
        <v>2</v>
      </c>
      <c r="R3990" t="s">
        <v>20657</v>
      </c>
      <c r="S3990">
        <v>1345</v>
      </c>
    </row>
    <row r="3991" spans="1:19" x14ac:dyDescent="0.25">
      <c r="A3991">
        <v>8246493</v>
      </c>
      <c r="B3991" t="s">
        <v>20658</v>
      </c>
      <c r="C3991" s="1" t="s">
        <v>20659</v>
      </c>
      <c r="D3991">
        <v>8248236</v>
      </c>
      <c r="E3991">
        <v>4</v>
      </c>
      <c r="F3991">
        <v>2</v>
      </c>
      <c r="H3991" t="s">
        <v>20660</v>
      </c>
      <c r="I3991">
        <v>3</v>
      </c>
      <c r="J3991" t="s">
        <v>20661</v>
      </c>
      <c r="K3991" t="s">
        <v>20662</v>
      </c>
      <c r="M3991">
        <v>208257</v>
      </c>
      <c r="O3991">
        <v>784533</v>
      </c>
      <c r="P3991">
        <v>1</v>
      </c>
      <c r="Q3991">
        <v>1</v>
      </c>
      <c r="R3991" t="s">
        <v>20663</v>
      </c>
      <c r="S3991">
        <v>255</v>
      </c>
    </row>
    <row r="3992" spans="1:19" x14ac:dyDescent="0.25">
      <c r="A3992">
        <v>36344144</v>
      </c>
      <c r="B3992" t="s">
        <v>20664</v>
      </c>
      <c r="C3992" s="1" t="s">
        <v>20665</v>
      </c>
      <c r="D3992">
        <v>36344449</v>
      </c>
      <c r="E3992">
        <v>1</v>
      </c>
      <c r="F3992">
        <v>3</v>
      </c>
      <c r="H3992" t="s">
        <v>20666</v>
      </c>
      <c r="J3992" t="s">
        <v>20667</v>
      </c>
      <c r="K3992" t="s">
        <v>20668</v>
      </c>
      <c r="M3992">
        <v>3478527</v>
      </c>
      <c r="O3992">
        <v>3478527</v>
      </c>
      <c r="P3992">
        <v>1</v>
      </c>
      <c r="Q3992">
        <v>0</v>
      </c>
      <c r="R3992" t="s">
        <v>20669</v>
      </c>
      <c r="S3992">
        <v>33</v>
      </c>
    </row>
    <row r="3993" spans="1:19" x14ac:dyDescent="0.25">
      <c r="A3993">
        <v>43329871</v>
      </c>
      <c r="B3993" t="s">
        <v>20670</v>
      </c>
      <c r="C3993" s="1" t="s">
        <v>20671</v>
      </c>
      <c r="D3993">
        <v>43330489</v>
      </c>
      <c r="E3993">
        <v>1</v>
      </c>
      <c r="F3993">
        <v>2</v>
      </c>
      <c r="H3993" t="s">
        <v>20672</v>
      </c>
      <c r="J3993" t="s">
        <v>20673</v>
      </c>
      <c r="K3993" t="s">
        <v>20674</v>
      </c>
      <c r="M3993">
        <v>6495054</v>
      </c>
      <c r="O3993">
        <v>6495054</v>
      </c>
      <c r="P3993">
        <v>1</v>
      </c>
      <c r="Q3993">
        <v>1</v>
      </c>
      <c r="R3993" t="s">
        <v>20675</v>
      </c>
      <c r="S3993">
        <v>994</v>
      </c>
    </row>
    <row r="3994" spans="1:19" x14ac:dyDescent="0.25">
      <c r="A3994">
        <v>6298890</v>
      </c>
      <c r="B3994" t="s">
        <v>20676</v>
      </c>
      <c r="C3994" s="1" t="s">
        <v>20677</v>
      </c>
      <c r="D3994">
        <v>6299043</v>
      </c>
      <c r="E3994">
        <v>2</v>
      </c>
      <c r="F3994">
        <v>0</v>
      </c>
      <c r="H3994" t="s">
        <v>20678</v>
      </c>
      <c r="I3994">
        <v>1</v>
      </c>
      <c r="J3994" t="s">
        <v>20679</v>
      </c>
      <c r="K3994" t="s">
        <v>20680</v>
      </c>
      <c r="M3994">
        <v>5696</v>
      </c>
      <c r="O3994">
        <v>399229</v>
      </c>
      <c r="P3994">
        <v>1</v>
      </c>
      <c r="Q3994">
        <v>8</v>
      </c>
      <c r="R3994" t="s">
        <v>20681</v>
      </c>
      <c r="S3994">
        <v>7329</v>
      </c>
    </row>
    <row r="3995" spans="1:19" x14ac:dyDescent="0.25">
      <c r="A3995">
        <v>2284648</v>
      </c>
      <c r="B3995" t="s">
        <v>20682</v>
      </c>
      <c r="C3995" s="1" t="s">
        <v>20683</v>
      </c>
      <c r="D3995">
        <v>2303074</v>
      </c>
      <c r="E3995">
        <v>2</v>
      </c>
      <c r="F3995">
        <v>0</v>
      </c>
      <c r="H3995" t="s">
        <v>20684</v>
      </c>
      <c r="J3995" t="s">
        <v>20685</v>
      </c>
      <c r="K3995" t="s">
        <v>20686</v>
      </c>
      <c r="M3995">
        <v>42610</v>
      </c>
      <c r="O3995">
        <v>42610</v>
      </c>
      <c r="P3995">
        <v>1</v>
      </c>
      <c r="Q3995">
        <v>8</v>
      </c>
      <c r="R3995" t="s">
        <v>20687</v>
      </c>
      <c r="S3995">
        <v>1715</v>
      </c>
    </row>
    <row r="3996" spans="1:19" x14ac:dyDescent="0.25">
      <c r="A3996">
        <v>23157781</v>
      </c>
      <c r="B3996" t="s">
        <v>20688</v>
      </c>
      <c r="C3996" s="1" t="s">
        <v>20689</v>
      </c>
      <c r="E3996">
        <v>1</v>
      </c>
      <c r="F3996">
        <v>0</v>
      </c>
      <c r="H3996" t="s">
        <v>20690</v>
      </c>
      <c r="J3996" t="s">
        <v>20691</v>
      </c>
      <c r="K3996" t="s">
        <v>20692</v>
      </c>
      <c r="M3996">
        <v>-1</v>
      </c>
      <c r="O3996">
        <v>1235929</v>
      </c>
      <c r="P3996">
        <v>1</v>
      </c>
      <c r="Q3996">
        <v>0</v>
      </c>
      <c r="R3996" t="s">
        <v>20693</v>
      </c>
      <c r="S3996">
        <v>276</v>
      </c>
    </row>
    <row r="3997" spans="1:19" x14ac:dyDescent="0.25">
      <c r="A3997">
        <v>23253668</v>
      </c>
      <c r="B3997" t="s">
        <v>20694</v>
      </c>
      <c r="C3997" s="1" t="s">
        <v>20695</v>
      </c>
      <c r="E3997">
        <v>0</v>
      </c>
      <c r="F3997">
        <v>2</v>
      </c>
      <c r="H3997" t="s">
        <v>20696</v>
      </c>
      <c r="J3997" t="s">
        <v>20696</v>
      </c>
      <c r="O3997">
        <v>3270454</v>
      </c>
      <c r="P3997">
        <v>1</v>
      </c>
      <c r="Q3997">
        <v>0</v>
      </c>
      <c r="R3997" t="s">
        <v>20697</v>
      </c>
      <c r="S3997">
        <v>41</v>
      </c>
    </row>
    <row r="3998" spans="1:19" x14ac:dyDescent="0.25">
      <c r="A3998">
        <v>47613853</v>
      </c>
      <c r="B3998" t="s">
        <v>20698</v>
      </c>
      <c r="C3998" s="1" t="s">
        <v>20699</v>
      </c>
      <c r="D3998">
        <v>47613895</v>
      </c>
      <c r="E3998">
        <v>1</v>
      </c>
      <c r="F3998">
        <v>0</v>
      </c>
      <c r="H3998" t="s">
        <v>20700</v>
      </c>
      <c r="J3998" t="s">
        <v>20701</v>
      </c>
      <c r="O3998">
        <v>9044912</v>
      </c>
      <c r="P3998">
        <v>1</v>
      </c>
      <c r="Q3998">
        <v>0</v>
      </c>
      <c r="R3998" t="s">
        <v>3303</v>
      </c>
      <c r="S3998">
        <v>179</v>
      </c>
    </row>
    <row r="3999" spans="1:19" x14ac:dyDescent="0.25">
      <c r="A3999">
        <v>19777705</v>
      </c>
      <c r="B3999" t="s">
        <v>20702</v>
      </c>
      <c r="C3999" s="1" t="s">
        <v>20703</v>
      </c>
      <c r="D3999">
        <v>19788428</v>
      </c>
      <c r="E3999">
        <v>1</v>
      </c>
      <c r="F3999">
        <v>0</v>
      </c>
      <c r="H3999" t="s">
        <v>20704</v>
      </c>
      <c r="J3999" t="s">
        <v>20705</v>
      </c>
      <c r="O3999">
        <v>2954116</v>
      </c>
      <c r="P3999">
        <v>1</v>
      </c>
      <c r="Q3999">
        <v>2</v>
      </c>
      <c r="R3999" t="s">
        <v>20706</v>
      </c>
      <c r="S3999">
        <v>1997</v>
      </c>
    </row>
    <row r="4000" spans="1:19" x14ac:dyDescent="0.25">
      <c r="A4000">
        <v>47407124</v>
      </c>
      <c r="B4000" t="s">
        <v>20707</v>
      </c>
      <c r="C4000" s="1" t="s">
        <v>20708</v>
      </c>
      <c r="E4000">
        <v>0</v>
      </c>
      <c r="F4000">
        <v>0</v>
      </c>
      <c r="H4000" t="s">
        <v>20709</v>
      </c>
      <c r="I4000">
        <v>1</v>
      </c>
      <c r="J4000" t="s">
        <v>20710</v>
      </c>
      <c r="K4000" t="s">
        <v>20710</v>
      </c>
      <c r="M4000">
        <v>2227743</v>
      </c>
      <c r="O4000">
        <v>8842308</v>
      </c>
      <c r="P4000">
        <v>1</v>
      </c>
      <c r="Q4000">
        <v>2</v>
      </c>
      <c r="R4000" t="s">
        <v>275</v>
      </c>
      <c r="S4000">
        <v>71</v>
      </c>
    </row>
    <row r="4001" spans="1:19" x14ac:dyDescent="0.25">
      <c r="A4001">
        <v>24465803</v>
      </c>
      <c r="B4001" t="s">
        <v>20711</v>
      </c>
      <c r="C4001" s="1" t="s">
        <v>20712</v>
      </c>
      <c r="E4001">
        <v>1</v>
      </c>
      <c r="F4001">
        <v>4</v>
      </c>
      <c r="H4001" t="s">
        <v>20713</v>
      </c>
      <c r="J4001" t="s">
        <v>20714</v>
      </c>
      <c r="K4001" t="s">
        <v>20715</v>
      </c>
      <c r="M4001">
        <v>2640879</v>
      </c>
      <c r="O4001">
        <v>2640879</v>
      </c>
      <c r="P4001">
        <v>1</v>
      </c>
      <c r="Q4001">
        <v>2</v>
      </c>
      <c r="R4001" t="s">
        <v>20716</v>
      </c>
      <c r="S4001">
        <v>393</v>
      </c>
    </row>
    <row r="4002" spans="1:19" x14ac:dyDescent="0.25">
      <c r="A4002">
        <v>11738774</v>
      </c>
      <c r="B4002" t="s">
        <v>20717</v>
      </c>
      <c r="C4002" t="s">
        <v>20718</v>
      </c>
      <c r="E4002">
        <v>0</v>
      </c>
      <c r="F4002">
        <v>4</v>
      </c>
      <c r="H4002" t="s">
        <v>20719</v>
      </c>
      <c r="J4002" t="s">
        <v>20720</v>
      </c>
      <c r="K4002" t="s">
        <v>20720</v>
      </c>
      <c r="L4002" t="s">
        <v>20721</v>
      </c>
      <c r="O4002">
        <v>434656</v>
      </c>
      <c r="P4002">
        <v>1</v>
      </c>
      <c r="Q4002">
        <v>0</v>
      </c>
      <c r="R4002" t="s">
        <v>20722</v>
      </c>
      <c r="S4002">
        <v>240</v>
      </c>
    </row>
    <row r="4003" spans="1:19" x14ac:dyDescent="0.25">
      <c r="A4003">
        <v>32225792</v>
      </c>
      <c r="B4003" t="s">
        <v>20723</v>
      </c>
      <c r="C4003" s="1" t="s">
        <v>20724</v>
      </c>
      <c r="E4003">
        <v>0</v>
      </c>
      <c r="F4003">
        <v>0</v>
      </c>
      <c r="H4003" t="s">
        <v>20725</v>
      </c>
      <c r="J4003" t="s">
        <v>20725</v>
      </c>
      <c r="O4003">
        <v>4345260</v>
      </c>
      <c r="P4003">
        <v>1</v>
      </c>
      <c r="Q4003">
        <v>1</v>
      </c>
      <c r="R4003" t="s">
        <v>351</v>
      </c>
      <c r="S4003">
        <v>21</v>
      </c>
    </row>
    <row r="4004" spans="1:19" x14ac:dyDescent="0.25">
      <c r="A4004">
        <v>36091546</v>
      </c>
      <c r="B4004" t="s">
        <v>20726</v>
      </c>
      <c r="C4004" s="1" t="s">
        <v>20727</v>
      </c>
      <c r="E4004">
        <v>2</v>
      </c>
      <c r="F4004">
        <v>0</v>
      </c>
      <c r="H4004" t="s">
        <v>20728</v>
      </c>
      <c r="J4004" t="s">
        <v>20729</v>
      </c>
      <c r="O4004">
        <v>3188168</v>
      </c>
      <c r="P4004">
        <v>1</v>
      </c>
      <c r="Q4004">
        <v>0</v>
      </c>
      <c r="R4004" t="s">
        <v>20730</v>
      </c>
      <c r="S4004">
        <v>55</v>
      </c>
    </row>
    <row r="4005" spans="1:19" x14ac:dyDescent="0.25">
      <c r="A4005">
        <v>20497877</v>
      </c>
      <c r="B4005" t="s">
        <v>20731</v>
      </c>
      <c r="C4005" s="1" t="s">
        <v>20732</v>
      </c>
      <c r="D4005">
        <v>20497956</v>
      </c>
      <c r="E4005">
        <v>2</v>
      </c>
      <c r="F4005">
        <v>5</v>
      </c>
      <c r="H4005" t="s">
        <v>20733</v>
      </c>
      <c r="J4005" t="s">
        <v>20734</v>
      </c>
      <c r="K4005" t="s">
        <v>20734</v>
      </c>
      <c r="M4005">
        <v>2555451</v>
      </c>
      <c r="O4005">
        <v>2899833</v>
      </c>
      <c r="P4005">
        <v>1</v>
      </c>
      <c r="Q4005">
        <v>2</v>
      </c>
      <c r="R4005" t="s">
        <v>351</v>
      </c>
      <c r="S4005">
        <v>112</v>
      </c>
    </row>
    <row r="4006" spans="1:19" x14ac:dyDescent="0.25">
      <c r="A4006">
        <v>20249015</v>
      </c>
      <c r="B4006" t="s">
        <v>20735</v>
      </c>
      <c r="C4006" s="1" t="s">
        <v>20736</v>
      </c>
      <c r="D4006">
        <v>20261003</v>
      </c>
      <c r="E4006">
        <v>1</v>
      </c>
      <c r="F4006">
        <v>0</v>
      </c>
      <c r="H4006" t="s">
        <v>20737</v>
      </c>
      <c r="J4006" t="s">
        <v>20738</v>
      </c>
      <c r="K4006" t="s">
        <v>20739</v>
      </c>
      <c r="M4006">
        <v>169691</v>
      </c>
      <c r="O4006">
        <v>169691</v>
      </c>
      <c r="P4006">
        <v>1</v>
      </c>
      <c r="Q4006">
        <v>-1</v>
      </c>
      <c r="R4006" t="s">
        <v>20740</v>
      </c>
      <c r="S4006">
        <v>290</v>
      </c>
    </row>
    <row r="4007" spans="1:19" x14ac:dyDescent="0.25">
      <c r="A4007">
        <v>12153708</v>
      </c>
      <c r="B4007" t="s">
        <v>20741</v>
      </c>
      <c r="C4007" s="1" t="s">
        <v>20742</v>
      </c>
      <c r="D4007">
        <v>12153801</v>
      </c>
      <c r="E4007">
        <v>4</v>
      </c>
      <c r="F4007">
        <v>1</v>
      </c>
      <c r="H4007" t="s">
        <v>20743</v>
      </c>
      <c r="I4007">
        <v>2</v>
      </c>
      <c r="J4007" t="s">
        <v>20744</v>
      </c>
      <c r="K4007" t="s">
        <v>20745</v>
      </c>
      <c r="M4007">
        <v>4999394</v>
      </c>
      <c r="O4007">
        <v>1197249</v>
      </c>
      <c r="P4007">
        <v>1</v>
      </c>
      <c r="Q4007">
        <v>11</v>
      </c>
      <c r="R4007" t="s">
        <v>20746</v>
      </c>
      <c r="S4007">
        <v>9821</v>
      </c>
    </row>
    <row r="4008" spans="1:19" x14ac:dyDescent="0.25">
      <c r="A4008">
        <v>48103749</v>
      </c>
      <c r="B4008" t="s">
        <v>20747</v>
      </c>
      <c r="C4008" s="1" t="s">
        <v>20748</v>
      </c>
      <c r="D4008">
        <v>48104732</v>
      </c>
      <c r="E4008">
        <v>1</v>
      </c>
      <c r="F4008">
        <v>6</v>
      </c>
      <c r="H4008" t="s">
        <v>20749</v>
      </c>
      <c r="J4008" t="s">
        <v>20750</v>
      </c>
      <c r="K4008" t="s">
        <v>20751</v>
      </c>
      <c r="M4008">
        <v>8709941</v>
      </c>
      <c r="O4008">
        <v>8709941</v>
      </c>
      <c r="P4008">
        <v>1</v>
      </c>
      <c r="Q4008">
        <v>0</v>
      </c>
      <c r="R4008" t="s">
        <v>12692</v>
      </c>
      <c r="S4008">
        <v>68</v>
      </c>
    </row>
    <row r="4009" spans="1:19" x14ac:dyDescent="0.25">
      <c r="A4009">
        <v>41312129</v>
      </c>
      <c r="B4009" t="s">
        <v>20752</v>
      </c>
      <c r="C4009" s="1" t="s">
        <v>20753</v>
      </c>
      <c r="E4009">
        <v>0</v>
      </c>
      <c r="F4009">
        <v>1</v>
      </c>
      <c r="H4009" t="s">
        <v>20754</v>
      </c>
      <c r="J4009" t="s">
        <v>20755</v>
      </c>
      <c r="K4009" t="s">
        <v>20755</v>
      </c>
      <c r="M4009">
        <v>472495</v>
      </c>
      <c r="O4009">
        <v>5396853</v>
      </c>
      <c r="P4009">
        <v>1</v>
      </c>
      <c r="Q4009">
        <v>1</v>
      </c>
      <c r="R4009" t="s">
        <v>20756</v>
      </c>
      <c r="S4009">
        <v>361</v>
      </c>
    </row>
    <row r="4010" spans="1:19" x14ac:dyDescent="0.25">
      <c r="A4010">
        <v>12213523</v>
      </c>
      <c r="B4010" t="s">
        <v>20757</v>
      </c>
      <c r="C4010" s="1" t="s">
        <v>20758</v>
      </c>
      <c r="E4010">
        <v>0</v>
      </c>
      <c r="F4010">
        <v>0</v>
      </c>
      <c r="H4010" t="s">
        <v>20759</v>
      </c>
      <c r="J4010" t="s">
        <v>20759</v>
      </c>
      <c r="O4010">
        <v>1638394</v>
      </c>
      <c r="P4010">
        <v>1</v>
      </c>
      <c r="Q4010">
        <v>1</v>
      </c>
      <c r="R4010" t="s">
        <v>20760</v>
      </c>
      <c r="S4010">
        <v>280</v>
      </c>
    </row>
    <row r="4011" spans="1:19" x14ac:dyDescent="0.25">
      <c r="A4011">
        <v>35068053</v>
      </c>
      <c r="B4011" t="s">
        <v>20761</v>
      </c>
      <c r="C4011" s="1" t="s">
        <v>20762</v>
      </c>
      <c r="E4011">
        <v>0</v>
      </c>
      <c r="F4011">
        <v>0</v>
      </c>
      <c r="H4011" t="s">
        <v>20763</v>
      </c>
      <c r="I4011">
        <v>0</v>
      </c>
      <c r="J4011" t="s">
        <v>20763</v>
      </c>
      <c r="O4011">
        <v>2705414</v>
      </c>
      <c r="P4011">
        <v>1</v>
      </c>
      <c r="Q4011">
        <v>1</v>
      </c>
      <c r="R4011" t="s">
        <v>1159</v>
      </c>
      <c r="S4011">
        <v>257</v>
      </c>
    </row>
    <row r="4012" spans="1:19" x14ac:dyDescent="0.25">
      <c r="A4012">
        <v>40342813</v>
      </c>
      <c r="B4012" t="s">
        <v>20764</v>
      </c>
      <c r="C4012" s="1" t="s">
        <v>20765</v>
      </c>
      <c r="D4012">
        <v>40351125</v>
      </c>
      <c r="E4012">
        <v>2</v>
      </c>
      <c r="F4012">
        <v>0</v>
      </c>
      <c r="H4012" t="s">
        <v>20766</v>
      </c>
      <c r="I4012">
        <v>0</v>
      </c>
      <c r="J4012" t="s">
        <v>20767</v>
      </c>
      <c r="O4012">
        <v>692422</v>
      </c>
      <c r="P4012">
        <v>1</v>
      </c>
      <c r="Q4012">
        <v>2</v>
      </c>
      <c r="R4012" t="s">
        <v>20768</v>
      </c>
      <c r="S4012">
        <v>96</v>
      </c>
    </row>
    <row r="4013" spans="1:19" x14ac:dyDescent="0.25">
      <c r="A4013">
        <v>17557710</v>
      </c>
      <c r="B4013" t="s">
        <v>20769</v>
      </c>
      <c r="C4013" s="1" t="s">
        <v>20770</v>
      </c>
      <c r="E4013">
        <v>0</v>
      </c>
      <c r="F4013">
        <v>4</v>
      </c>
      <c r="H4013" t="s">
        <v>20771</v>
      </c>
      <c r="J4013" t="s">
        <v>20772</v>
      </c>
      <c r="K4013" t="s">
        <v>20772</v>
      </c>
      <c r="M4013">
        <v>1070669</v>
      </c>
      <c r="O4013">
        <v>1070669</v>
      </c>
      <c r="P4013">
        <v>1</v>
      </c>
      <c r="Q4013">
        <v>1</v>
      </c>
      <c r="R4013" t="s">
        <v>20773</v>
      </c>
      <c r="S4013">
        <v>963</v>
      </c>
    </row>
    <row r="4014" spans="1:19" x14ac:dyDescent="0.25">
      <c r="A4014">
        <v>29929465</v>
      </c>
      <c r="B4014" t="s">
        <v>20774</v>
      </c>
      <c r="C4014" s="1" t="s">
        <v>20775</v>
      </c>
      <c r="D4014">
        <v>29947942</v>
      </c>
      <c r="E4014">
        <v>3</v>
      </c>
      <c r="F4014">
        <v>5</v>
      </c>
      <c r="H4014" t="s">
        <v>20776</v>
      </c>
      <c r="J4014" t="s">
        <v>20777</v>
      </c>
      <c r="K4014" t="s">
        <v>20777</v>
      </c>
      <c r="M4014">
        <v>2654449</v>
      </c>
      <c r="O4014">
        <v>2654449</v>
      </c>
      <c r="P4014">
        <v>1</v>
      </c>
      <c r="Q4014">
        <v>1</v>
      </c>
      <c r="R4014" t="s">
        <v>20778</v>
      </c>
      <c r="S4014">
        <v>227</v>
      </c>
    </row>
    <row r="4015" spans="1:19" x14ac:dyDescent="0.25">
      <c r="A4015">
        <v>13156614</v>
      </c>
      <c r="B4015" t="s">
        <v>20779</v>
      </c>
      <c r="C4015" s="1" t="s">
        <v>20780</v>
      </c>
      <c r="E4015">
        <v>3</v>
      </c>
      <c r="F4015">
        <v>0</v>
      </c>
      <c r="H4015" t="s">
        <v>20781</v>
      </c>
      <c r="J4015" t="s">
        <v>20782</v>
      </c>
      <c r="O4015">
        <v>1652535</v>
      </c>
      <c r="P4015">
        <v>1</v>
      </c>
      <c r="Q4015">
        <v>0</v>
      </c>
      <c r="R4015" t="s">
        <v>7913</v>
      </c>
      <c r="S4015">
        <v>70</v>
      </c>
    </row>
    <row r="4016" spans="1:19" x14ac:dyDescent="0.25">
      <c r="A4016">
        <v>50876307</v>
      </c>
      <c r="B4016" t="s">
        <v>20783</v>
      </c>
      <c r="C4016" s="1" t="s">
        <v>20784</v>
      </c>
      <c r="E4016">
        <v>2</v>
      </c>
      <c r="F4016">
        <v>0</v>
      </c>
      <c r="H4016" t="s">
        <v>20785</v>
      </c>
      <c r="J4016" t="s">
        <v>20786</v>
      </c>
      <c r="O4016">
        <v>4069219</v>
      </c>
      <c r="P4016">
        <v>1</v>
      </c>
      <c r="Q4016">
        <v>0</v>
      </c>
      <c r="R4016" t="s">
        <v>20787</v>
      </c>
      <c r="S4016">
        <v>32</v>
      </c>
    </row>
    <row r="4017" spans="1:19" x14ac:dyDescent="0.25">
      <c r="A4017">
        <v>11785698</v>
      </c>
      <c r="B4017" t="s">
        <v>20788</v>
      </c>
      <c r="C4017" s="1" t="s">
        <v>20789</v>
      </c>
      <c r="D4017">
        <v>15486442</v>
      </c>
      <c r="E4017">
        <v>3</v>
      </c>
      <c r="F4017">
        <v>0</v>
      </c>
      <c r="H4017" t="s">
        <v>20790</v>
      </c>
      <c r="I4017">
        <v>1</v>
      </c>
      <c r="J4017" t="s">
        <v>20791</v>
      </c>
      <c r="K4017" t="s">
        <v>20792</v>
      </c>
      <c r="M4017">
        <v>-1</v>
      </c>
      <c r="O4017">
        <v>1572490</v>
      </c>
      <c r="P4017">
        <v>1</v>
      </c>
      <c r="Q4017">
        <v>10</v>
      </c>
      <c r="R4017" t="s">
        <v>20793</v>
      </c>
      <c r="S4017">
        <v>13461</v>
      </c>
    </row>
    <row r="4018" spans="1:19" x14ac:dyDescent="0.25">
      <c r="A4018">
        <v>37153846</v>
      </c>
      <c r="B4018" t="s">
        <v>20794</v>
      </c>
      <c r="C4018" s="1" t="s">
        <v>20795</v>
      </c>
      <c r="E4018">
        <v>1</v>
      </c>
      <c r="F4018">
        <v>2</v>
      </c>
      <c r="H4018" t="s">
        <v>20796</v>
      </c>
      <c r="J4018" t="s">
        <v>20797</v>
      </c>
      <c r="K4018" t="s">
        <v>20798</v>
      </c>
      <c r="M4018">
        <v>334934</v>
      </c>
      <c r="O4018">
        <v>334934</v>
      </c>
      <c r="P4018">
        <v>1</v>
      </c>
      <c r="Q4018">
        <v>1</v>
      </c>
      <c r="R4018" t="s">
        <v>20799</v>
      </c>
      <c r="S4018">
        <v>506</v>
      </c>
    </row>
    <row r="4019" spans="1:19" x14ac:dyDescent="0.25">
      <c r="A4019">
        <v>32854776</v>
      </c>
      <c r="B4019" t="s">
        <v>20800</v>
      </c>
      <c r="C4019" s="1" t="s">
        <v>20801</v>
      </c>
      <c r="E4019">
        <v>2</v>
      </c>
      <c r="F4019">
        <v>2</v>
      </c>
      <c r="H4019" t="s">
        <v>20802</v>
      </c>
      <c r="J4019" t="s">
        <v>20803</v>
      </c>
      <c r="O4019">
        <v>2108150</v>
      </c>
      <c r="P4019">
        <v>1</v>
      </c>
      <c r="Q4019">
        <v>1</v>
      </c>
      <c r="R4019" t="s">
        <v>20804</v>
      </c>
      <c r="S4019">
        <v>36</v>
      </c>
    </row>
    <row r="4020" spans="1:19" x14ac:dyDescent="0.25">
      <c r="A4020">
        <v>26470028</v>
      </c>
      <c r="B4020" t="s">
        <v>20805</v>
      </c>
      <c r="C4020" s="1" t="s">
        <v>20806</v>
      </c>
      <c r="D4020">
        <v>26470186</v>
      </c>
      <c r="E4020">
        <v>1</v>
      </c>
      <c r="F4020">
        <v>0</v>
      </c>
      <c r="H4020" t="s">
        <v>20807</v>
      </c>
      <c r="J4020" t="s">
        <v>20808</v>
      </c>
      <c r="K4020" t="s">
        <v>20808</v>
      </c>
      <c r="M4020">
        <v>821093</v>
      </c>
      <c r="O4020">
        <v>3925915</v>
      </c>
      <c r="P4020">
        <v>1</v>
      </c>
      <c r="Q4020">
        <v>1</v>
      </c>
      <c r="R4020" t="s">
        <v>20809</v>
      </c>
      <c r="S4020">
        <v>534</v>
      </c>
    </row>
    <row r="4021" spans="1:19" x14ac:dyDescent="0.25">
      <c r="A4021">
        <v>24441177</v>
      </c>
      <c r="B4021" t="s">
        <v>20810</v>
      </c>
      <c r="C4021" s="1" t="s">
        <v>20811</v>
      </c>
      <c r="D4021">
        <v>24442212</v>
      </c>
      <c r="E4021">
        <v>1</v>
      </c>
      <c r="F4021">
        <v>0</v>
      </c>
      <c r="H4021" t="s">
        <v>20812</v>
      </c>
      <c r="J4021" t="s">
        <v>20813</v>
      </c>
      <c r="O4021">
        <v>3781164</v>
      </c>
      <c r="P4021">
        <v>1</v>
      </c>
      <c r="Q4021">
        <v>0</v>
      </c>
      <c r="R4021" t="s">
        <v>20814</v>
      </c>
      <c r="S4021">
        <v>98</v>
      </c>
    </row>
    <row r="4022" spans="1:19" x14ac:dyDescent="0.25">
      <c r="A4022">
        <v>11947430</v>
      </c>
      <c r="B4022" t="s">
        <v>20815</v>
      </c>
      <c r="C4022" s="1" t="s">
        <v>20816</v>
      </c>
      <c r="D4022">
        <v>11947481</v>
      </c>
      <c r="E4022">
        <v>1</v>
      </c>
      <c r="F4022">
        <v>0</v>
      </c>
      <c r="H4022" t="s">
        <v>20817</v>
      </c>
      <c r="J4022" t="s">
        <v>20818</v>
      </c>
      <c r="O4022">
        <v>1174696</v>
      </c>
      <c r="P4022">
        <v>1</v>
      </c>
      <c r="Q4022">
        <v>0</v>
      </c>
      <c r="R4022" t="s">
        <v>2494</v>
      </c>
      <c r="S4022">
        <v>33</v>
      </c>
    </row>
    <row r="4023" spans="1:19" x14ac:dyDescent="0.25">
      <c r="A4023">
        <v>17307295</v>
      </c>
      <c r="B4023" t="s">
        <v>20819</v>
      </c>
      <c r="C4023" s="1" t="s">
        <v>20820</v>
      </c>
      <c r="D4023">
        <v>23507865</v>
      </c>
      <c r="E4023">
        <v>1</v>
      </c>
      <c r="F4023">
        <v>0</v>
      </c>
      <c r="H4023" t="s">
        <v>20821</v>
      </c>
      <c r="I4023">
        <v>0</v>
      </c>
      <c r="J4023" t="s">
        <v>20822</v>
      </c>
      <c r="O4023">
        <v>207795</v>
      </c>
      <c r="P4023">
        <v>1</v>
      </c>
      <c r="Q4023">
        <v>2</v>
      </c>
      <c r="R4023" t="s">
        <v>20823</v>
      </c>
      <c r="S4023">
        <v>72</v>
      </c>
    </row>
    <row r="4024" spans="1:19" x14ac:dyDescent="0.25">
      <c r="A4024">
        <v>11201119</v>
      </c>
      <c r="B4024" t="s">
        <v>20824</v>
      </c>
      <c r="C4024" s="1" t="s">
        <v>20825</v>
      </c>
      <c r="E4024">
        <v>2</v>
      </c>
      <c r="F4024">
        <v>0</v>
      </c>
      <c r="H4024" t="s">
        <v>20826</v>
      </c>
      <c r="J4024" t="s">
        <v>20827</v>
      </c>
      <c r="O4024">
        <v>1265960</v>
      </c>
      <c r="P4024">
        <v>1</v>
      </c>
      <c r="Q4024">
        <v>1</v>
      </c>
      <c r="R4024" t="s">
        <v>20828</v>
      </c>
      <c r="S4024">
        <v>671</v>
      </c>
    </row>
    <row r="4025" spans="1:19" x14ac:dyDescent="0.25">
      <c r="A4025">
        <v>9624154</v>
      </c>
      <c r="B4025" t="s">
        <v>20829</v>
      </c>
      <c r="C4025" s="1" t="s">
        <v>20830</v>
      </c>
      <c r="D4025">
        <v>9624191</v>
      </c>
      <c r="E4025">
        <v>3</v>
      </c>
      <c r="F4025">
        <v>8</v>
      </c>
      <c r="H4025" t="s">
        <v>20831</v>
      </c>
      <c r="J4025" t="s">
        <v>20832</v>
      </c>
      <c r="K4025" t="s">
        <v>20832</v>
      </c>
      <c r="M4025">
        <v>398242</v>
      </c>
      <c r="O4025">
        <v>498485</v>
      </c>
      <c r="P4025">
        <v>1</v>
      </c>
      <c r="Q4025">
        <v>1</v>
      </c>
      <c r="R4025" t="s">
        <v>2122</v>
      </c>
      <c r="S4025">
        <v>896</v>
      </c>
    </row>
    <row r="4026" spans="1:19" x14ac:dyDescent="0.25">
      <c r="A4026">
        <v>29500180</v>
      </c>
      <c r="B4026" t="s">
        <v>20833</v>
      </c>
      <c r="C4026" s="1" t="s">
        <v>20834</v>
      </c>
      <c r="E4026">
        <v>1</v>
      </c>
      <c r="F4026">
        <v>7</v>
      </c>
      <c r="H4026" t="s">
        <v>20835</v>
      </c>
      <c r="J4026" t="s">
        <v>20836</v>
      </c>
      <c r="K4026" t="s">
        <v>20836</v>
      </c>
      <c r="M4026">
        <v>1495574</v>
      </c>
      <c r="O4026">
        <v>1495574</v>
      </c>
      <c r="P4026">
        <v>1</v>
      </c>
      <c r="Q4026">
        <v>0</v>
      </c>
      <c r="R4026" t="s">
        <v>20837</v>
      </c>
      <c r="S4026">
        <v>242</v>
      </c>
    </row>
    <row r="4027" spans="1:19" x14ac:dyDescent="0.25">
      <c r="A4027">
        <v>42597024</v>
      </c>
      <c r="B4027" t="s">
        <v>20838</v>
      </c>
      <c r="C4027" s="1" t="s">
        <v>20839</v>
      </c>
      <c r="E4027">
        <v>1</v>
      </c>
      <c r="F4027">
        <v>7</v>
      </c>
      <c r="H4027" t="s">
        <v>20840</v>
      </c>
      <c r="J4027" t="s">
        <v>20841</v>
      </c>
      <c r="O4027">
        <v>7616255</v>
      </c>
      <c r="P4027">
        <v>1</v>
      </c>
      <c r="Q4027">
        <v>1</v>
      </c>
      <c r="R4027" t="s">
        <v>20842</v>
      </c>
      <c r="S4027">
        <v>1352</v>
      </c>
    </row>
    <row r="4028" spans="1:19" x14ac:dyDescent="0.25">
      <c r="A4028">
        <v>6777634</v>
      </c>
      <c r="B4028" t="s">
        <v>20843</v>
      </c>
      <c r="C4028" s="1" t="s">
        <v>20844</v>
      </c>
      <c r="E4028">
        <v>5</v>
      </c>
      <c r="F4028">
        <v>0</v>
      </c>
      <c r="H4028" t="s">
        <v>20845</v>
      </c>
      <c r="I4028">
        <v>11</v>
      </c>
      <c r="J4028" t="s">
        <v>20846</v>
      </c>
      <c r="K4028" t="s">
        <v>20847</v>
      </c>
      <c r="M4028">
        <v>363674</v>
      </c>
      <c r="O4028">
        <v>856149</v>
      </c>
      <c r="P4028">
        <v>1</v>
      </c>
      <c r="Q4028">
        <v>30</v>
      </c>
      <c r="R4028" t="s">
        <v>20848</v>
      </c>
      <c r="S4028">
        <v>45320</v>
      </c>
    </row>
    <row r="4029" spans="1:19" x14ac:dyDescent="0.25">
      <c r="A4029">
        <v>27935710</v>
      </c>
      <c r="B4029" t="s">
        <v>20849</v>
      </c>
      <c r="C4029" s="1" t="s">
        <v>20850</v>
      </c>
      <c r="E4029">
        <v>2</v>
      </c>
      <c r="F4029">
        <v>4</v>
      </c>
      <c r="H4029" t="s">
        <v>20851</v>
      </c>
      <c r="J4029" t="s">
        <v>20852</v>
      </c>
      <c r="K4029" t="s">
        <v>20853</v>
      </c>
      <c r="M4029">
        <v>2740386</v>
      </c>
      <c r="O4029">
        <v>3766089</v>
      </c>
      <c r="P4029">
        <v>1</v>
      </c>
      <c r="Q4029">
        <v>2</v>
      </c>
      <c r="R4029" t="s">
        <v>12608</v>
      </c>
      <c r="S4029">
        <v>248</v>
      </c>
    </row>
    <row r="4030" spans="1:19" x14ac:dyDescent="0.25">
      <c r="A4030">
        <v>22125692</v>
      </c>
      <c r="B4030" t="s">
        <v>20854</v>
      </c>
      <c r="C4030" s="1" t="s">
        <v>20855</v>
      </c>
      <c r="D4030">
        <v>22127848</v>
      </c>
      <c r="E4030">
        <v>1</v>
      </c>
      <c r="F4030">
        <v>0</v>
      </c>
      <c r="H4030" t="s">
        <v>20856</v>
      </c>
      <c r="J4030" t="s">
        <v>20857</v>
      </c>
      <c r="K4030" t="s">
        <v>20858</v>
      </c>
      <c r="M4030">
        <v>-1</v>
      </c>
      <c r="O4030">
        <v>3297071</v>
      </c>
      <c r="P4030">
        <v>1</v>
      </c>
      <c r="Q4030">
        <v>0</v>
      </c>
      <c r="R4030" t="s">
        <v>1767</v>
      </c>
      <c r="S4030">
        <v>183</v>
      </c>
    </row>
    <row r="4031" spans="1:19" x14ac:dyDescent="0.25">
      <c r="A4031">
        <v>11369732</v>
      </c>
      <c r="B4031" t="s">
        <v>20859</v>
      </c>
      <c r="C4031" s="1" t="s">
        <v>20860</v>
      </c>
      <c r="D4031">
        <v>11369795</v>
      </c>
      <c r="E4031">
        <v>2</v>
      </c>
      <c r="F4031">
        <v>1</v>
      </c>
      <c r="H4031" t="s">
        <v>20861</v>
      </c>
      <c r="J4031" t="s">
        <v>20862</v>
      </c>
      <c r="O4031">
        <v>1505587</v>
      </c>
      <c r="P4031">
        <v>1</v>
      </c>
      <c r="Q4031">
        <v>0</v>
      </c>
      <c r="R4031" t="s">
        <v>7543</v>
      </c>
      <c r="S4031">
        <v>15137</v>
      </c>
    </row>
    <row r="4032" spans="1:19" x14ac:dyDescent="0.25">
      <c r="A4032">
        <v>15573431</v>
      </c>
      <c r="B4032" t="s">
        <v>20863</v>
      </c>
      <c r="C4032" s="1" t="s">
        <v>20864</v>
      </c>
      <c r="D4032">
        <v>15575297</v>
      </c>
      <c r="E4032">
        <v>1</v>
      </c>
      <c r="F4032">
        <v>2</v>
      </c>
      <c r="H4032" t="s">
        <v>20865</v>
      </c>
      <c r="I4032">
        <v>1</v>
      </c>
      <c r="J4032" t="s">
        <v>20866</v>
      </c>
      <c r="K4032" t="s">
        <v>20866</v>
      </c>
      <c r="M4032">
        <v>2199566</v>
      </c>
      <c r="O4032">
        <v>2199566</v>
      </c>
      <c r="P4032">
        <v>1</v>
      </c>
      <c r="Q4032">
        <v>2</v>
      </c>
      <c r="R4032" t="s">
        <v>20867</v>
      </c>
      <c r="S4032">
        <v>1970</v>
      </c>
    </row>
    <row r="4033" spans="1:19" x14ac:dyDescent="0.25">
      <c r="A4033">
        <v>25242699</v>
      </c>
      <c r="B4033" t="s">
        <v>20868</v>
      </c>
      <c r="C4033" s="1" t="s">
        <v>20869</v>
      </c>
      <c r="E4033">
        <v>3</v>
      </c>
      <c r="F4033">
        <v>5</v>
      </c>
      <c r="H4033" t="s">
        <v>20870</v>
      </c>
      <c r="J4033" t="s">
        <v>20871</v>
      </c>
      <c r="O4033">
        <v>1775598</v>
      </c>
      <c r="P4033">
        <v>1</v>
      </c>
      <c r="Q4033">
        <v>0</v>
      </c>
      <c r="R4033" t="s">
        <v>4859</v>
      </c>
      <c r="S4033">
        <v>104</v>
      </c>
    </row>
    <row r="4034" spans="1:19" x14ac:dyDescent="0.25">
      <c r="A4034">
        <v>1263723</v>
      </c>
      <c r="B4034" t="s">
        <v>20872</v>
      </c>
      <c r="C4034" s="1" t="s">
        <v>20873</v>
      </c>
      <c r="D4034">
        <v>1263845</v>
      </c>
      <c r="E4034">
        <v>1</v>
      </c>
      <c r="F4034">
        <v>0</v>
      </c>
      <c r="H4034" t="s">
        <v>20874</v>
      </c>
      <c r="I4034">
        <v>6</v>
      </c>
      <c r="J4034" t="s">
        <v>20875</v>
      </c>
      <c r="O4034">
        <v>104200</v>
      </c>
      <c r="P4034">
        <v>1</v>
      </c>
      <c r="Q4034">
        <v>6</v>
      </c>
      <c r="R4034" t="s">
        <v>20876</v>
      </c>
      <c r="S4034">
        <v>4091</v>
      </c>
    </row>
    <row r="4035" spans="1:19" x14ac:dyDescent="0.25">
      <c r="A4035">
        <v>31386151</v>
      </c>
      <c r="B4035" t="s">
        <v>20877</v>
      </c>
      <c r="C4035" s="1" t="s">
        <v>20878</v>
      </c>
      <c r="E4035">
        <v>0</v>
      </c>
      <c r="F4035">
        <v>2</v>
      </c>
      <c r="H4035" t="s">
        <v>20879</v>
      </c>
      <c r="J4035" t="s">
        <v>20880</v>
      </c>
      <c r="K4035" t="s">
        <v>20880</v>
      </c>
      <c r="M4035">
        <v>1704458</v>
      </c>
      <c r="O4035">
        <v>5111489</v>
      </c>
      <c r="P4035">
        <v>1</v>
      </c>
      <c r="Q4035">
        <v>0</v>
      </c>
      <c r="R4035" t="s">
        <v>1374</v>
      </c>
      <c r="S4035">
        <v>273</v>
      </c>
    </row>
    <row r="4036" spans="1:19" x14ac:dyDescent="0.25">
      <c r="A4036">
        <v>32071723</v>
      </c>
      <c r="B4036" t="s">
        <v>20881</v>
      </c>
      <c r="C4036" s="1" t="s">
        <v>20882</v>
      </c>
      <c r="D4036">
        <v>32071872</v>
      </c>
      <c r="E4036">
        <v>1</v>
      </c>
      <c r="F4036">
        <v>0</v>
      </c>
      <c r="H4036" t="s">
        <v>20883</v>
      </c>
      <c r="J4036" t="s">
        <v>20884</v>
      </c>
      <c r="O4036">
        <v>4571259</v>
      </c>
      <c r="P4036">
        <v>1</v>
      </c>
      <c r="Q4036">
        <v>1</v>
      </c>
      <c r="R4036" t="s">
        <v>20885</v>
      </c>
      <c r="S4036">
        <v>508</v>
      </c>
    </row>
    <row r="4037" spans="1:19" x14ac:dyDescent="0.25">
      <c r="A4037">
        <v>8937766</v>
      </c>
      <c r="B4037" t="s">
        <v>20886</v>
      </c>
      <c r="C4037" s="1" t="s">
        <v>20887</v>
      </c>
      <c r="E4037">
        <v>1</v>
      </c>
      <c r="F4037">
        <v>0</v>
      </c>
      <c r="H4037" t="s">
        <v>20888</v>
      </c>
      <c r="J4037" t="s">
        <v>20889</v>
      </c>
      <c r="K4037" t="s">
        <v>20889</v>
      </c>
      <c r="M4037">
        <v>930481</v>
      </c>
      <c r="O4037">
        <v>1159976</v>
      </c>
      <c r="P4037">
        <v>1</v>
      </c>
      <c r="Q4037">
        <v>2</v>
      </c>
      <c r="R4037" t="s">
        <v>5746</v>
      </c>
      <c r="S4037">
        <v>839</v>
      </c>
    </row>
    <row r="4038" spans="1:19" x14ac:dyDescent="0.25">
      <c r="A4038">
        <v>44186090</v>
      </c>
      <c r="B4038" t="s">
        <v>20890</v>
      </c>
      <c r="C4038" s="1" t="s">
        <v>20891</v>
      </c>
      <c r="E4038">
        <v>0</v>
      </c>
      <c r="F4038">
        <v>4</v>
      </c>
      <c r="H4038" t="s">
        <v>20892</v>
      </c>
      <c r="J4038" t="s">
        <v>20892</v>
      </c>
      <c r="O4038">
        <v>5104668</v>
      </c>
      <c r="P4038">
        <v>1</v>
      </c>
      <c r="Q4038">
        <v>0</v>
      </c>
      <c r="R4038" t="s">
        <v>20893</v>
      </c>
      <c r="S4038">
        <v>16</v>
      </c>
    </row>
    <row r="4039" spans="1:19" x14ac:dyDescent="0.25">
      <c r="A4039">
        <v>26665835</v>
      </c>
      <c r="B4039" t="s">
        <v>20894</v>
      </c>
      <c r="C4039" s="1" t="s">
        <v>20895</v>
      </c>
      <c r="D4039">
        <v>26666014</v>
      </c>
      <c r="E4039">
        <v>1</v>
      </c>
      <c r="F4039">
        <v>3</v>
      </c>
      <c r="H4039" t="s">
        <v>20896</v>
      </c>
      <c r="J4039" t="s">
        <v>20897</v>
      </c>
      <c r="K4039" t="s">
        <v>20898</v>
      </c>
      <c r="M4039">
        <v>3366929</v>
      </c>
      <c r="O4039">
        <v>4200449</v>
      </c>
      <c r="P4039">
        <v>1</v>
      </c>
      <c r="Q4039">
        <v>0</v>
      </c>
      <c r="R4039" t="s">
        <v>20899</v>
      </c>
      <c r="S4039">
        <v>593</v>
      </c>
    </row>
    <row r="4040" spans="1:19" x14ac:dyDescent="0.25">
      <c r="A4040">
        <v>44042239</v>
      </c>
      <c r="B4040" t="s">
        <v>20900</v>
      </c>
      <c r="C4040" s="1" t="s">
        <v>20901</v>
      </c>
      <c r="E4040">
        <v>1</v>
      </c>
      <c r="F4040">
        <v>2</v>
      </c>
      <c r="H4040" t="s">
        <v>20902</v>
      </c>
      <c r="J4040" t="s">
        <v>20903</v>
      </c>
      <c r="O4040">
        <v>5658982</v>
      </c>
      <c r="P4040">
        <v>1</v>
      </c>
      <c r="Q4040">
        <v>1</v>
      </c>
      <c r="R4040" t="s">
        <v>20904</v>
      </c>
      <c r="S4040">
        <v>392</v>
      </c>
    </row>
    <row r="4041" spans="1:19" x14ac:dyDescent="0.25">
      <c r="A4041">
        <v>48340628</v>
      </c>
      <c r="B4041" t="s">
        <v>20905</v>
      </c>
      <c r="C4041" s="1" t="s">
        <v>20906</v>
      </c>
      <c r="D4041">
        <v>48340670</v>
      </c>
      <c r="E4041">
        <v>2</v>
      </c>
      <c r="F4041">
        <v>0</v>
      </c>
      <c r="H4041" t="s">
        <v>20907</v>
      </c>
      <c r="I4041">
        <v>0</v>
      </c>
      <c r="J4041" t="s">
        <v>20908</v>
      </c>
      <c r="O4041">
        <v>5140756</v>
      </c>
      <c r="P4041">
        <v>1</v>
      </c>
      <c r="Q4041">
        <v>1</v>
      </c>
      <c r="R4041" t="s">
        <v>20909</v>
      </c>
      <c r="S4041">
        <v>749</v>
      </c>
    </row>
    <row r="4042" spans="1:19" x14ac:dyDescent="0.25">
      <c r="A4042">
        <v>35533921</v>
      </c>
      <c r="B4042" t="s">
        <v>20910</v>
      </c>
      <c r="C4042" s="1" t="s">
        <v>20911</v>
      </c>
      <c r="E4042">
        <v>1</v>
      </c>
      <c r="F4042">
        <v>0</v>
      </c>
      <c r="H4042" t="s">
        <v>20912</v>
      </c>
      <c r="J4042" t="s">
        <v>20913</v>
      </c>
      <c r="O4042">
        <v>5828248</v>
      </c>
      <c r="P4042">
        <v>1</v>
      </c>
      <c r="Q4042">
        <v>0</v>
      </c>
      <c r="R4042" t="s">
        <v>20914</v>
      </c>
      <c r="S4042">
        <v>391</v>
      </c>
    </row>
    <row r="4043" spans="1:19" x14ac:dyDescent="0.25">
      <c r="A4043">
        <v>27330338</v>
      </c>
      <c r="B4043" t="s">
        <v>20915</v>
      </c>
      <c r="C4043" s="1" t="s">
        <v>20916</v>
      </c>
      <c r="E4043">
        <v>1</v>
      </c>
      <c r="F4043">
        <v>1</v>
      </c>
      <c r="H4043" t="s">
        <v>20917</v>
      </c>
      <c r="J4043" t="s">
        <v>20918</v>
      </c>
      <c r="K4043" t="s">
        <v>20919</v>
      </c>
      <c r="M4043">
        <v>2227526</v>
      </c>
      <c r="O4043">
        <v>3059946</v>
      </c>
      <c r="P4043">
        <v>1</v>
      </c>
      <c r="Q4043">
        <v>0</v>
      </c>
      <c r="R4043" t="s">
        <v>20920</v>
      </c>
      <c r="S4043">
        <v>16</v>
      </c>
    </row>
    <row r="4044" spans="1:19" x14ac:dyDescent="0.25">
      <c r="A4044">
        <v>42770379</v>
      </c>
      <c r="B4044" t="s">
        <v>20921</v>
      </c>
      <c r="C4044" s="1" t="s">
        <v>20922</v>
      </c>
      <c r="E4044">
        <v>1</v>
      </c>
      <c r="F4044">
        <v>3</v>
      </c>
      <c r="H4044" t="s">
        <v>20923</v>
      </c>
      <c r="I4044">
        <v>1</v>
      </c>
      <c r="J4044" t="s">
        <v>20924</v>
      </c>
      <c r="O4044">
        <v>1065145</v>
      </c>
      <c r="P4044">
        <v>1</v>
      </c>
      <c r="Q4044">
        <v>4</v>
      </c>
      <c r="R4044" t="s">
        <v>3969</v>
      </c>
      <c r="S4044">
        <v>2496</v>
      </c>
    </row>
    <row r="4045" spans="1:19" x14ac:dyDescent="0.25">
      <c r="A4045">
        <v>49220669</v>
      </c>
      <c r="B4045" t="s">
        <v>20925</v>
      </c>
      <c r="C4045" s="1" t="s">
        <v>20926</v>
      </c>
      <c r="E4045">
        <v>0</v>
      </c>
      <c r="F4045">
        <v>0</v>
      </c>
      <c r="H4045" t="s">
        <v>20927</v>
      </c>
      <c r="J4045" t="s">
        <v>20928</v>
      </c>
      <c r="K4045" t="s">
        <v>20928</v>
      </c>
      <c r="M4045">
        <v>6288694</v>
      </c>
      <c r="O4045">
        <v>7393155</v>
      </c>
      <c r="P4045">
        <v>1</v>
      </c>
      <c r="Q4045">
        <v>1</v>
      </c>
      <c r="R4045" t="s">
        <v>20929</v>
      </c>
      <c r="S4045">
        <v>126</v>
      </c>
    </row>
    <row r="4046" spans="1:19" x14ac:dyDescent="0.25">
      <c r="A4046">
        <v>9161069</v>
      </c>
      <c r="B4046" t="s">
        <v>20930</v>
      </c>
      <c r="C4046" s="1" t="s">
        <v>20931</v>
      </c>
      <c r="E4046">
        <v>0</v>
      </c>
      <c r="F4046">
        <v>1</v>
      </c>
      <c r="H4046" t="s">
        <v>20932</v>
      </c>
      <c r="J4046" t="s">
        <v>20932</v>
      </c>
      <c r="O4046">
        <v>1036917</v>
      </c>
      <c r="P4046">
        <v>1</v>
      </c>
      <c r="Q4046">
        <v>3</v>
      </c>
      <c r="R4046" t="s">
        <v>20933</v>
      </c>
      <c r="S4046">
        <v>510</v>
      </c>
    </row>
    <row r="4047" spans="1:19" x14ac:dyDescent="0.25">
      <c r="A4047">
        <v>37878816</v>
      </c>
      <c r="B4047" t="s">
        <v>20934</v>
      </c>
      <c r="C4047" s="1" t="s">
        <v>20935</v>
      </c>
      <c r="D4047">
        <v>37881766</v>
      </c>
      <c r="E4047">
        <v>1</v>
      </c>
      <c r="F4047">
        <v>0</v>
      </c>
      <c r="H4047" t="s">
        <v>20936</v>
      </c>
      <c r="J4047" t="s">
        <v>20937</v>
      </c>
      <c r="K4047" t="s">
        <v>20938</v>
      </c>
      <c r="M4047">
        <v>6377518</v>
      </c>
      <c r="O4047">
        <v>6377518</v>
      </c>
      <c r="P4047">
        <v>1</v>
      </c>
      <c r="Q4047">
        <v>0</v>
      </c>
      <c r="R4047" t="s">
        <v>20939</v>
      </c>
      <c r="S4047">
        <v>1702</v>
      </c>
    </row>
    <row r="4048" spans="1:19" x14ac:dyDescent="0.25">
      <c r="A4048">
        <v>15084501</v>
      </c>
      <c r="B4048" t="s">
        <v>20940</v>
      </c>
      <c r="C4048" s="1" t="s">
        <v>20941</v>
      </c>
      <c r="E4048">
        <v>1</v>
      </c>
      <c r="F4048">
        <v>1</v>
      </c>
      <c r="H4048" t="s">
        <v>20942</v>
      </c>
      <c r="J4048" t="s">
        <v>20943</v>
      </c>
      <c r="O4048">
        <v>2110186</v>
      </c>
      <c r="P4048">
        <v>1</v>
      </c>
      <c r="Q4048">
        <v>1</v>
      </c>
      <c r="R4048" t="s">
        <v>20944</v>
      </c>
      <c r="S4048">
        <v>85</v>
      </c>
    </row>
    <row r="4049" spans="1:19" x14ac:dyDescent="0.25">
      <c r="A4049">
        <v>51283432</v>
      </c>
      <c r="B4049" t="s">
        <v>20945</v>
      </c>
      <c r="C4049" s="1" t="s">
        <v>20946</v>
      </c>
      <c r="E4049">
        <v>1</v>
      </c>
      <c r="F4049">
        <v>0</v>
      </c>
      <c r="H4049" t="s">
        <v>20947</v>
      </c>
      <c r="J4049" t="s">
        <v>20948</v>
      </c>
      <c r="K4049" t="s">
        <v>20948</v>
      </c>
      <c r="M4049">
        <v>6737797</v>
      </c>
      <c r="O4049">
        <v>2067054</v>
      </c>
      <c r="P4049">
        <v>1</v>
      </c>
      <c r="Q4049">
        <v>1</v>
      </c>
      <c r="R4049" t="s">
        <v>20949</v>
      </c>
      <c r="S4049">
        <v>29</v>
      </c>
    </row>
    <row r="4050" spans="1:19" x14ac:dyDescent="0.25">
      <c r="A4050">
        <v>23549361</v>
      </c>
      <c r="B4050" t="s">
        <v>20950</v>
      </c>
      <c r="C4050" s="1" t="s">
        <v>20951</v>
      </c>
      <c r="D4050">
        <v>23549548</v>
      </c>
      <c r="E4050">
        <v>2</v>
      </c>
      <c r="F4050">
        <v>4</v>
      </c>
      <c r="H4050" t="s">
        <v>20952</v>
      </c>
      <c r="J4050" t="s">
        <v>20953</v>
      </c>
      <c r="O4050">
        <v>3612640</v>
      </c>
      <c r="P4050">
        <v>1</v>
      </c>
      <c r="Q4050">
        <v>0</v>
      </c>
      <c r="R4050" t="s">
        <v>6731</v>
      </c>
      <c r="S4050">
        <v>76</v>
      </c>
    </row>
    <row r="4051" spans="1:19" x14ac:dyDescent="0.25">
      <c r="A4051">
        <v>41218567</v>
      </c>
      <c r="B4051" t="s">
        <v>20954</v>
      </c>
      <c r="C4051" s="1" t="s">
        <v>20955</v>
      </c>
      <c r="D4051">
        <v>41218716</v>
      </c>
      <c r="E4051">
        <v>2</v>
      </c>
      <c r="F4051">
        <v>1</v>
      </c>
      <c r="H4051" t="s">
        <v>20956</v>
      </c>
      <c r="J4051" t="s">
        <v>20957</v>
      </c>
      <c r="O4051">
        <v>4167148</v>
      </c>
      <c r="P4051">
        <v>1</v>
      </c>
      <c r="Q4051">
        <v>-6</v>
      </c>
      <c r="R4051" t="s">
        <v>8946</v>
      </c>
      <c r="S4051">
        <v>37</v>
      </c>
    </row>
    <row r="4052" spans="1:19" x14ac:dyDescent="0.25">
      <c r="A4052">
        <v>29503984</v>
      </c>
      <c r="B4052" t="s">
        <v>20958</v>
      </c>
      <c r="C4052" s="1" t="s">
        <v>20959</v>
      </c>
      <c r="D4052">
        <v>29504211</v>
      </c>
      <c r="E4052">
        <v>1</v>
      </c>
      <c r="F4052">
        <v>2</v>
      </c>
      <c r="H4052" t="s">
        <v>20960</v>
      </c>
      <c r="I4052">
        <v>1</v>
      </c>
      <c r="J4052" t="s">
        <v>20961</v>
      </c>
      <c r="O4052">
        <v>4761348</v>
      </c>
      <c r="P4052">
        <v>1</v>
      </c>
      <c r="Q4052">
        <v>3</v>
      </c>
      <c r="R4052" t="s">
        <v>20962</v>
      </c>
      <c r="S4052">
        <v>37160</v>
      </c>
    </row>
    <row r="4053" spans="1:19" x14ac:dyDescent="0.25">
      <c r="A4053">
        <v>37770026</v>
      </c>
      <c r="B4053" t="s">
        <v>20963</v>
      </c>
      <c r="C4053" s="1" t="s">
        <v>20964</v>
      </c>
      <c r="E4053">
        <v>0</v>
      </c>
      <c r="F4053">
        <v>2</v>
      </c>
      <c r="H4053" t="s">
        <v>20965</v>
      </c>
      <c r="J4053" t="s">
        <v>20966</v>
      </c>
      <c r="K4053" t="s">
        <v>20966</v>
      </c>
      <c r="M4053">
        <v>3102264</v>
      </c>
      <c r="O4053">
        <v>4991117</v>
      </c>
      <c r="P4053">
        <v>1</v>
      </c>
      <c r="Q4053">
        <v>0</v>
      </c>
      <c r="R4053" t="s">
        <v>20967</v>
      </c>
      <c r="S4053">
        <v>135</v>
      </c>
    </row>
    <row r="4054" spans="1:19" x14ac:dyDescent="0.25">
      <c r="A4054">
        <v>26320858</v>
      </c>
      <c r="B4054" t="s">
        <v>20968</v>
      </c>
      <c r="C4054" s="1" t="s">
        <v>20969</v>
      </c>
      <c r="D4054">
        <v>26320881</v>
      </c>
      <c r="E4054">
        <v>1</v>
      </c>
      <c r="F4054">
        <v>2</v>
      </c>
      <c r="H4054" t="s">
        <v>20970</v>
      </c>
      <c r="I4054">
        <v>1</v>
      </c>
      <c r="J4054" t="s">
        <v>20971</v>
      </c>
      <c r="K4054" t="s">
        <v>20971</v>
      </c>
      <c r="M4054">
        <v>214143</v>
      </c>
      <c r="O4054">
        <v>2988919</v>
      </c>
      <c r="P4054">
        <v>1</v>
      </c>
      <c r="Q4054">
        <v>2</v>
      </c>
      <c r="R4054" t="s">
        <v>20972</v>
      </c>
      <c r="S4054">
        <v>1270</v>
      </c>
    </row>
    <row r="4055" spans="1:19" x14ac:dyDescent="0.25">
      <c r="A4055">
        <v>19003632</v>
      </c>
      <c r="B4055" t="s">
        <v>20973</v>
      </c>
      <c r="C4055" s="1" t="s">
        <v>20974</v>
      </c>
      <c r="D4055">
        <v>19003734</v>
      </c>
      <c r="E4055">
        <v>1</v>
      </c>
      <c r="F4055">
        <v>0</v>
      </c>
      <c r="H4055" t="s">
        <v>20975</v>
      </c>
      <c r="J4055" t="s">
        <v>20976</v>
      </c>
      <c r="K4055" t="s">
        <v>20976</v>
      </c>
      <c r="M4055">
        <v>422353</v>
      </c>
      <c r="O4055">
        <v>2013501</v>
      </c>
      <c r="P4055">
        <v>1</v>
      </c>
      <c r="Q4055">
        <v>0</v>
      </c>
      <c r="R4055" t="s">
        <v>20977</v>
      </c>
      <c r="S4055">
        <v>663</v>
      </c>
    </row>
    <row r="4056" spans="1:19" x14ac:dyDescent="0.25">
      <c r="A4056">
        <v>42839868</v>
      </c>
      <c r="B4056" t="s">
        <v>20978</v>
      </c>
      <c r="C4056" s="1" t="s">
        <v>20979</v>
      </c>
      <c r="D4056">
        <v>42843782</v>
      </c>
      <c r="E4056">
        <v>2</v>
      </c>
      <c r="F4056">
        <v>3</v>
      </c>
      <c r="H4056" t="s">
        <v>20980</v>
      </c>
      <c r="J4056" t="s">
        <v>20981</v>
      </c>
      <c r="O4056">
        <v>4235461</v>
      </c>
      <c r="P4056">
        <v>1</v>
      </c>
      <c r="Q4056">
        <v>0</v>
      </c>
      <c r="R4056" t="s">
        <v>20982</v>
      </c>
      <c r="S4056">
        <v>320</v>
      </c>
    </row>
    <row r="4057" spans="1:19" x14ac:dyDescent="0.25">
      <c r="A4057">
        <v>27785143</v>
      </c>
      <c r="B4057" t="s">
        <v>20983</v>
      </c>
      <c r="C4057" s="1" t="s">
        <v>20984</v>
      </c>
      <c r="E4057">
        <v>1</v>
      </c>
      <c r="F4057">
        <v>0</v>
      </c>
      <c r="H4057" t="s">
        <v>20985</v>
      </c>
      <c r="J4057" t="s">
        <v>20986</v>
      </c>
      <c r="K4057" t="s">
        <v>20987</v>
      </c>
      <c r="M4057">
        <v>3330348</v>
      </c>
      <c r="O4057">
        <v>1003933</v>
      </c>
      <c r="P4057">
        <v>1</v>
      </c>
      <c r="Q4057">
        <v>0</v>
      </c>
      <c r="R4057" t="s">
        <v>20988</v>
      </c>
      <c r="S4057">
        <v>100</v>
      </c>
    </row>
    <row r="4058" spans="1:19" x14ac:dyDescent="0.25">
      <c r="A4058">
        <v>38079373</v>
      </c>
      <c r="B4058" t="s">
        <v>20989</v>
      </c>
      <c r="C4058" s="1" t="s">
        <v>20990</v>
      </c>
      <c r="E4058">
        <v>1</v>
      </c>
      <c r="F4058">
        <v>1</v>
      </c>
      <c r="H4058" t="s">
        <v>20991</v>
      </c>
      <c r="J4058" t="s">
        <v>20992</v>
      </c>
      <c r="O4058">
        <v>6520268</v>
      </c>
      <c r="P4058">
        <v>1</v>
      </c>
      <c r="Q4058">
        <v>1</v>
      </c>
      <c r="R4058" t="s">
        <v>819</v>
      </c>
      <c r="S4058">
        <v>28</v>
      </c>
    </row>
    <row r="4059" spans="1:19" x14ac:dyDescent="0.25">
      <c r="A4059">
        <v>7998745</v>
      </c>
      <c r="B4059" t="s">
        <v>20993</v>
      </c>
      <c r="C4059" s="1" t="s">
        <v>20994</v>
      </c>
      <c r="D4059">
        <v>7998812</v>
      </c>
      <c r="E4059">
        <v>4</v>
      </c>
      <c r="F4059">
        <v>0</v>
      </c>
      <c r="H4059" t="s">
        <v>20995</v>
      </c>
      <c r="I4059">
        <v>1</v>
      </c>
      <c r="J4059" t="s">
        <v>20996</v>
      </c>
      <c r="K4059" t="s">
        <v>20996</v>
      </c>
      <c r="M4059">
        <v>630556</v>
      </c>
      <c r="O4059">
        <v>630556</v>
      </c>
      <c r="P4059">
        <v>1</v>
      </c>
      <c r="Q4059">
        <v>0</v>
      </c>
      <c r="R4059" t="s">
        <v>2771</v>
      </c>
      <c r="S4059">
        <v>2564</v>
      </c>
    </row>
    <row r="4060" spans="1:19" x14ac:dyDescent="0.25">
      <c r="A4060">
        <v>35008817</v>
      </c>
      <c r="B4060" t="s">
        <v>20997</v>
      </c>
      <c r="C4060" s="1" t="s">
        <v>20998</v>
      </c>
      <c r="E4060">
        <v>0</v>
      </c>
      <c r="F4060">
        <v>3</v>
      </c>
      <c r="H4060" t="s">
        <v>20999</v>
      </c>
      <c r="J4060" t="s">
        <v>21000</v>
      </c>
      <c r="K4060" t="s">
        <v>21000</v>
      </c>
      <c r="M4060">
        <v>4377535</v>
      </c>
      <c r="O4060">
        <v>4377535</v>
      </c>
      <c r="P4060">
        <v>1</v>
      </c>
      <c r="Q4060">
        <v>0</v>
      </c>
      <c r="R4060" t="s">
        <v>21001</v>
      </c>
      <c r="S4060">
        <v>35</v>
      </c>
    </row>
    <row r="4061" spans="1:19" x14ac:dyDescent="0.25">
      <c r="A4061">
        <v>52213117</v>
      </c>
      <c r="B4061" t="s">
        <v>21002</v>
      </c>
      <c r="C4061" s="1" t="s">
        <v>21003</v>
      </c>
      <c r="D4061">
        <v>52213179</v>
      </c>
      <c r="E4061">
        <v>2</v>
      </c>
      <c r="F4061">
        <v>1</v>
      </c>
      <c r="H4061" t="s">
        <v>21004</v>
      </c>
      <c r="J4061" t="s">
        <v>21005</v>
      </c>
      <c r="K4061" t="s">
        <v>21005</v>
      </c>
      <c r="M4061">
        <v>6488109</v>
      </c>
      <c r="O4061">
        <v>10327977</v>
      </c>
      <c r="P4061">
        <v>1</v>
      </c>
      <c r="Q4061">
        <v>1</v>
      </c>
      <c r="R4061" t="s">
        <v>759</v>
      </c>
      <c r="S4061">
        <v>35</v>
      </c>
    </row>
    <row r="4062" spans="1:19" x14ac:dyDescent="0.25">
      <c r="A4062">
        <v>45741716</v>
      </c>
      <c r="B4062" t="s">
        <v>21006</v>
      </c>
      <c r="C4062" s="1" t="s">
        <v>21007</v>
      </c>
      <c r="D4062">
        <v>45742064</v>
      </c>
      <c r="E4062">
        <v>1</v>
      </c>
      <c r="F4062">
        <v>0</v>
      </c>
      <c r="H4062" t="s">
        <v>21008</v>
      </c>
      <c r="J4062" t="s">
        <v>21009</v>
      </c>
      <c r="K4062" t="s">
        <v>21009</v>
      </c>
      <c r="M4062">
        <v>8479592</v>
      </c>
      <c r="O4062">
        <v>8479592</v>
      </c>
      <c r="P4062">
        <v>1</v>
      </c>
      <c r="Q4062">
        <v>2</v>
      </c>
      <c r="R4062" t="s">
        <v>21010</v>
      </c>
      <c r="S4062">
        <v>324</v>
      </c>
    </row>
    <row r="4063" spans="1:19" x14ac:dyDescent="0.25">
      <c r="A4063">
        <v>49446378</v>
      </c>
      <c r="B4063" t="s">
        <v>21011</v>
      </c>
      <c r="C4063" s="1" t="s">
        <v>21012</v>
      </c>
      <c r="E4063">
        <v>0</v>
      </c>
      <c r="F4063">
        <v>0</v>
      </c>
      <c r="H4063" t="s">
        <v>21013</v>
      </c>
      <c r="J4063" t="s">
        <v>21014</v>
      </c>
      <c r="K4063" t="s">
        <v>21014</v>
      </c>
      <c r="M4063">
        <v>1143634</v>
      </c>
      <c r="O4063">
        <v>9539491</v>
      </c>
      <c r="P4063">
        <v>1</v>
      </c>
      <c r="Q4063">
        <v>0</v>
      </c>
      <c r="R4063" t="s">
        <v>21015</v>
      </c>
      <c r="S4063">
        <v>52</v>
      </c>
    </row>
    <row r="4064" spans="1:19" x14ac:dyDescent="0.25">
      <c r="A4064">
        <v>45088703</v>
      </c>
      <c r="B4064" t="s">
        <v>21016</v>
      </c>
      <c r="C4064" s="1" t="s">
        <v>21017</v>
      </c>
      <c r="D4064">
        <v>45089680</v>
      </c>
      <c r="E4064">
        <v>1</v>
      </c>
      <c r="F4064">
        <v>0</v>
      </c>
      <c r="H4064" t="s">
        <v>21018</v>
      </c>
      <c r="J4064" t="s">
        <v>21019</v>
      </c>
      <c r="K4064" t="s">
        <v>21020</v>
      </c>
      <c r="M4064">
        <v>7960738</v>
      </c>
      <c r="O4064">
        <v>7960738</v>
      </c>
      <c r="P4064">
        <v>1</v>
      </c>
      <c r="Q4064">
        <v>0</v>
      </c>
      <c r="R4064" t="s">
        <v>21021</v>
      </c>
      <c r="S4064">
        <v>15</v>
      </c>
    </row>
    <row r="4065" spans="1:19" x14ac:dyDescent="0.25">
      <c r="A4065">
        <v>15437055</v>
      </c>
      <c r="B4065" t="s">
        <v>21022</v>
      </c>
      <c r="C4065" s="1" t="s">
        <v>21023</v>
      </c>
      <c r="D4065">
        <v>15437112</v>
      </c>
      <c r="E4065">
        <v>2</v>
      </c>
      <c r="F4065">
        <v>7</v>
      </c>
      <c r="H4065" t="s">
        <v>21024</v>
      </c>
      <c r="I4065">
        <v>0</v>
      </c>
      <c r="J4065" t="s">
        <v>21025</v>
      </c>
      <c r="K4065" t="s">
        <v>21025</v>
      </c>
      <c r="M4065">
        <v>3967621</v>
      </c>
      <c r="O4065">
        <v>2026615</v>
      </c>
      <c r="P4065">
        <v>1</v>
      </c>
      <c r="Q4065">
        <v>0</v>
      </c>
      <c r="R4065" t="s">
        <v>21026</v>
      </c>
      <c r="S4065">
        <v>2656</v>
      </c>
    </row>
    <row r="4066" spans="1:19" x14ac:dyDescent="0.25">
      <c r="A4066">
        <v>19986801</v>
      </c>
      <c r="B4066" t="s">
        <v>21027</v>
      </c>
      <c r="C4066" s="1" t="s">
        <v>21028</v>
      </c>
      <c r="D4066">
        <v>19987590</v>
      </c>
      <c r="E4066">
        <v>1</v>
      </c>
      <c r="F4066">
        <v>3</v>
      </c>
      <c r="H4066" t="s">
        <v>21029</v>
      </c>
      <c r="J4066" t="s">
        <v>21030</v>
      </c>
      <c r="K4066" t="s">
        <v>21031</v>
      </c>
      <c r="M4066">
        <v>-1</v>
      </c>
      <c r="O4066">
        <v>476250</v>
      </c>
      <c r="P4066">
        <v>1</v>
      </c>
      <c r="Q4066">
        <v>0</v>
      </c>
      <c r="R4066" t="s">
        <v>21032</v>
      </c>
      <c r="S4066">
        <v>273</v>
      </c>
    </row>
    <row r="4067" spans="1:19" x14ac:dyDescent="0.25">
      <c r="A4067">
        <v>31407126</v>
      </c>
      <c r="B4067" t="s">
        <v>21033</v>
      </c>
      <c r="C4067" s="1" t="s">
        <v>21034</v>
      </c>
      <c r="D4067">
        <v>31409099</v>
      </c>
      <c r="E4067">
        <v>1</v>
      </c>
      <c r="F4067">
        <v>0</v>
      </c>
      <c r="H4067" t="s">
        <v>21035</v>
      </c>
      <c r="J4067" t="s">
        <v>21036</v>
      </c>
      <c r="O4067">
        <v>1510546</v>
      </c>
      <c r="P4067">
        <v>1</v>
      </c>
      <c r="Q4067">
        <v>1</v>
      </c>
      <c r="R4067" t="s">
        <v>21037</v>
      </c>
      <c r="S4067">
        <v>228</v>
      </c>
    </row>
    <row r="4068" spans="1:19" x14ac:dyDescent="0.25">
      <c r="A4068">
        <v>35235788</v>
      </c>
      <c r="B4068" t="s">
        <v>21038</v>
      </c>
      <c r="C4068" s="1" t="s">
        <v>21039</v>
      </c>
      <c r="E4068">
        <v>0</v>
      </c>
      <c r="F4068">
        <v>12</v>
      </c>
      <c r="H4068" t="s">
        <v>21040</v>
      </c>
      <c r="J4068" t="s">
        <v>21040</v>
      </c>
      <c r="O4068">
        <v>4872584</v>
      </c>
      <c r="P4068">
        <v>1</v>
      </c>
      <c r="Q4068">
        <v>0</v>
      </c>
      <c r="R4068" t="s">
        <v>21041</v>
      </c>
      <c r="S4068">
        <v>664</v>
      </c>
    </row>
    <row r="4069" spans="1:19" x14ac:dyDescent="0.25">
      <c r="A4069">
        <v>11694384</v>
      </c>
      <c r="B4069" t="s">
        <v>21042</v>
      </c>
      <c r="C4069" s="1" t="s">
        <v>21043</v>
      </c>
      <c r="E4069">
        <v>1</v>
      </c>
      <c r="F4069">
        <v>5</v>
      </c>
      <c r="H4069" t="s">
        <v>21044</v>
      </c>
      <c r="J4069" t="s">
        <v>21045</v>
      </c>
      <c r="K4069" t="s">
        <v>21046</v>
      </c>
      <c r="M4069">
        <v>560299</v>
      </c>
      <c r="O4069">
        <v>801984</v>
      </c>
      <c r="P4069">
        <v>1</v>
      </c>
      <c r="Q4069">
        <v>0</v>
      </c>
      <c r="R4069" t="s">
        <v>819</v>
      </c>
      <c r="S4069">
        <v>42</v>
      </c>
    </row>
    <row r="4070" spans="1:19" x14ac:dyDescent="0.25">
      <c r="A4070">
        <v>39389946</v>
      </c>
      <c r="B4070" t="s">
        <v>21047</v>
      </c>
      <c r="C4070" s="1" t="s">
        <v>21048</v>
      </c>
      <c r="E4070">
        <v>0</v>
      </c>
      <c r="F4070">
        <v>2</v>
      </c>
      <c r="H4070" t="s">
        <v>21049</v>
      </c>
      <c r="J4070" t="s">
        <v>21049</v>
      </c>
      <c r="O4070">
        <v>6808798</v>
      </c>
      <c r="P4070">
        <v>1</v>
      </c>
      <c r="Q4070">
        <v>1</v>
      </c>
      <c r="R4070" t="s">
        <v>21050</v>
      </c>
      <c r="S4070">
        <v>22</v>
      </c>
    </row>
    <row r="4071" spans="1:19" x14ac:dyDescent="0.25">
      <c r="A4071">
        <v>5247339</v>
      </c>
      <c r="B4071" t="s">
        <v>21051</v>
      </c>
      <c r="C4071" t="s">
        <v>21052</v>
      </c>
      <c r="E4071">
        <v>2</v>
      </c>
      <c r="F4071">
        <v>0</v>
      </c>
      <c r="H4071" t="s">
        <v>21053</v>
      </c>
      <c r="J4071" t="s">
        <v>21054</v>
      </c>
      <c r="O4071">
        <v>554851</v>
      </c>
      <c r="P4071">
        <v>1</v>
      </c>
      <c r="Q4071">
        <v>0</v>
      </c>
      <c r="R4071" t="s">
        <v>21055</v>
      </c>
      <c r="S4071">
        <v>194</v>
      </c>
    </row>
    <row r="4072" spans="1:19" x14ac:dyDescent="0.25">
      <c r="A4072">
        <v>18566740</v>
      </c>
      <c r="B4072" t="s">
        <v>21056</v>
      </c>
      <c r="C4072" s="1" t="s">
        <v>21057</v>
      </c>
      <c r="D4072">
        <v>19075287</v>
      </c>
      <c r="E4072">
        <v>1</v>
      </c>
      <c r="F4072">
        <v>4</v>
      </c>
      <c r="H4072" t="s">
        <v>21058</v>
      </c>
      <c r="J4072" t="s">
        <v>21059</v>
      </c>
      <c r="K4072" t="s">
        <v>21060</v>
      </c>
      <c r="M4072">
        <v>5982313</v>
      </c>
      <c r="O4072">
        <v>5982313</v>
      </c>
      <c r="P4072">
        <v>1</v>
      </c>
      <c r="Q4072">
        <v>0</v>
      </c>
      <c r="R4072" t="s">
        <v>21061</v>
      </c>
      <c r="S4072">
        <v>730</v>
      </c>
    </row>
    <row r="4073" spans="1:19" x14ac:dyDescent="0.25">
      <c r="A4073">
        <v>38914505</v>
      </c>
      <c r="B4073" t="s">
        <v>21062</v>
      </c>
      <c r="C4073" s="1" t="s">
        <v>21063</v>
      </c>
      <c r="D4073">
        <v>38914579</v>
      </c>
      <c r="E4073">
        <v>6</v>
      </c>
      <c r="F4073">
        <v>3</v>
      </c>
      <c r="H4073" t="s">
        <v>21064</v>
      </c>
      <c r="J4073" t="s">
        <v>21065</v>
      </c>
      <c r="K4073" t="s">
        <v>21066</v>
      </c>
      <c r="M4073">
        <v>4058385</v>
      </c>
      <c r="O4073">
        <v>5958072</v>
      </c>
      <c r="P4073">
        <v>1</v>
      </c>
      <c r="Q4073">
        <v>2</v>
      </c>
      <c r="R4073" t="s">
        <v>21067</v>
      </c>
      <c r="S4073">
        <v>104</v>
      </c>
    </row>
    <row r="4074" spans="1:19" x14ac:dyDescent="0.25">
      <c r="A4074">
        <v>31194764</v>
      </c>
      <c r="B4074" t="s">
        <v>21068</v>
      </c>
      <c r="C4074" s="1" t="s">
        <v>21069</v>
      </c>
      <c r="D4074">
        <v>31206766</v>
      </c>
      <c r="E4074">
        <v>1</v>
      </c>
      <c r="F4074">
        <v>0</v>
      </c>
      <c r="H4074" t="s">
        <v>21070</v>
      </c>
      <c r="J4074" t="s">
        <v>21071</v>
      </c>
      <c r="O4074">
        <v>2042602</v>
      </c>
      <c r="P4074">
        <v>1</v>
      </c>
      <c r="Q4074">
        <v>0</v>
      </c>
      <c r="R4074" t="s">
        <v>21072</v>
      </c>
      <c r="S4074">
        <v>607</v>
      </c>
    </row>
    <row r="4075" spans="1:19" x14ac:dyDescent="0.25">
      <c r="A4075">
        <v>53190995</v>
      </c>
      <c r="B4075" t="s">
        <v>21073</v>
      </c>
      <c r="C4075" s="1" t="s">
        <v>21074</v>
      </c>
      <c r="E4075">
        <v>1</v>
      </c>
      <c r="F4075">
        <v>6</v>
      </c>
      <c r="H4075" t="s">
        <v>21075</v>
      </c>
      <c r="J4075" t="s">
        <v>21076</v>
      </c>
      <c r="K4075" t="s">
        <v>21076</v>
      </c>
      <c r="M4075">
        <v>1389219</v>
      </c>
      <c r="O4075">
        <v>1389219</v>
      </c>
      <c r="P4075">
        <v>1</v>
      </c>
      <c r="Q4075">
        <v>-1</v>
      </c>
      <c r="R4075" t="s">
        <v>21077</v>
      </c>
      <c r="S4075">
        <v>43</v>
      </c>
    </row>
    <row r="4076" spans="1:19" x14ac:dyDescent="0.25">
      <c r="A4076">
        <v>7034115</v>
      </c>
      <c r="B4076" t="s">
        <v>21078</v>
      </c>
      <c r="C4076" s="1" t="s">
        <v>21079</v>
      </c>
      <c r="D4076">
        <v>7085872</v>
      </c>
      <c r="E4076">
        <v>3</v>
      </c>
      <c r="F4076">
        <v>1</v>
      </c>
      <c r="H4076" t="s">
        <v>21080</v>
      </c>
      <c r="J4076" t="s">
        <v>21081</v>
      </c>
      <c r="K4076" t="s">
        <v>21082</v>
      </c>
      <c r="M4076">
        <v>93416</v>
      </c>
      <c r="O4076">
        <v>93416</v>
      </c>
      <c r="P4076">
        <v>1</v>
      </c>
      <c r="Q4076">
        <v>0</v>
      </c>
      <c r="R4076" t="s">
        <v>21083</v>
      </c>
      <c r="S4076">
        <v>175</v>
      </c>
    </row>
    <row r="4077" spans="1:19" x14ac:dyDescent="0.25">
      <c r="A4077">
        <v>4772478</v>
      </c>
      <c r="B4077" t="s">
        <v>21084</v>
      </c>
      <c r="C4077" s="1" t="s">
        <v>21085</v>
      </c>
      <c r="D4077">
        <v>4774779</v>
      </c>
      <c r="E4077">
        <v>4</v>
      </c>
      <c r="F4077">
        <v>0</v>
      </c>
      <c r="H4077" t="s">
        <v>21086</v>
      </c>
      <c r="I4077">
        <v>2</v>
      </c>
      <c r="J4077" t="s">
        <v>21087</v>
      </c>
      <c r="K4077" t="s">
        <v>21088</v>
      </c>
      <c r="M4077">
        <v>246246</v>
      </c>
      <c r="O4077">
        <v>365383</v>
      </c>
      <c r="P4077">
        <v>1</v>
      </c>
      <c r="Q4077">
        <v>4</v>
      </c>
      <c r="R4077" t="s">
        <v>21089</v>
      </c>
      <c r="S4077">
        <v>3003</v>
      </c>
    </row>
    <row r="4078" spans="1:19" x14ac:dyDescent="0.25">
      <c r="A4078">
        <v>35579750</v>
      </c>
      <c r="B4078" t="s">
        <v>21090</v>
      </c>
      <c r="C4078" s="1" t="s">
        <v>21091</v>
      </c>
      <c r="D4078">
        <v>35580417</v>
      </c>
      <c r="E4078">
        <v>1</v>
      </c>
      <c r="F4078">
        <v>0</v>
      </c>
      <c r="H4078" t="s">
        <v>21092</v>
      </c>
      <c r="J4078" t="s">
        <v>21093</v>
      </c>
      <c r="K4078" t="s">
        <v>21094</v>
      </c>
      <c r="M4078">
        <v>5292302</v>
      </c>
      <c r="O4078">
        <v>4732576</v>
      </c>
      <c r="P4078">
        <v>1</v>
      </c>
      <c r="Q4078">
        <v>2</v>
      </c>
      <c r="R4078" t="s">
        <v>21095</v>
      </c>
      <c r="S4078">
        <v>344</v>
      </c>
    </row>
    <row r="4079" spans="1:19" x14ac:dyDescent="0.25">
      <c r="A4079">
        <v>22633558</v>
      </c>
      <c r="B4079" t="s">
        <v>21096</v>
      </c>
      <c r="C4079" s="1" t="s">
        <v>21097</v>
      </c>
      <c r="D4079">
        <v>22662288</v>
      </c>
      <c r="E4079">
        <v>1</v>
      </c>
      <c r="F4079">
        <v>3</v>
      </c>
      <c r="H4079" t="s">
        <v>21098</v>
      </c>
      <c r="J4079" t="s">
        <v>21099</v>
      </c>
      <c r="O4079">
        <v>4332075</v>
      </c>
      <c r="P4079">
        <v>1</v>
      </c>
      <c r="Q4079">
        <v>0</v>
      </c>
      <c r="R4079" t="s">
        <v>21100</v>
      </c>
      <c r="S4079">
        <v>1311</v>
      </c>
    </row>
    <row r="4080" spans="1:19" x14ac:dyDescent="0.25">
      <c r="A4080">
        <v>5029645</v>
      </c>
      <c r="B4080" t="s">
        <v>21101</v>
      </c>
      <c r="C4080" t="s">
        <v>21102</v>
      </c>
      <c r="D4080">
        <v>5029768</v>
      </c>
      <c r="E4080">
        <v>2</v>
      </c>
      <c r="F4080">
        <v>0</v>
      </c>
      <c r="H4080" t="s">
        <v>21103</v>
      </c>
      <c r="J4080" t="s">
        <v>21104</v>
      </c>
      <c r="O4080">
        <v>525004</v>
      </c>
      <c r="P4080">
        <v>1</v>
      </c>
      <c r="Q4080">
        <v>0</v>
      </c>
      <c r="R4080" t="s">
        <v>21105</v>
      </c>
      <c r="S4080">
        <v>506</v>
      </c>
    </row>
    <row r="4081" spans="1:19" x14ac:dyDescent="0.25">
      <c r="A4081">
        <v>20657873</v>
      </c>
      <c r="B4081" t="s">
        <v>21106</v>
      </c>
      <c r="C4081" s="1" t="s">
        <v>21107</v>
      </c>
      <c r="E4081">
        <v>2</v>
      </c>
      <c r="F4081">
        <v>1</v>
      </c>
      <c r="H4081" t="s">
        <v>21108</v>
      </c>
      <c r="I4081">
        <v>1</v>
      </c>
      <c r="J4081" t="s">
        <v>21109</v>
      </c>
      <c r="K4081" t="s">
        <v>21109</v>
      </c>
      <c r="M4081">
        <v>1258489</v>
      </c>
      <c r="O4081">
        <v>1258489</v>
      </c>
      <c r="P4081">
        <v>1</v>
      </c>
      <c r="Q4081">
        <v>0</v>
      </c>
      <c r="R4081" t="s">
        <v>21110</v>
      </c>
      <c r="S4081">
        <v>93</v>
      </c>
    </row>
    <row r="4082" spans="1:19" x14ac:dyDescent="0.25">
      <c r="A4082">
        <v>14742370</v>
      </c>
      <c r="B4082" t="s">
        <v>21111</v>
      </c>
      <c r="C4082" s="1" t="s">
        <v>21112</v>
      </c>
      <c r="D4082">
        <v>14742416</v>
      </c>
      <c r="E4082">
        <v>1</v>
      </c>
      <c r="F4082">
        <v>0</v>
      </c>
      <c r="H4082" t="s">
        <v>21113</v>
      </c>
      <c r="J4082" t="s">
        <v>21114</v>
      </c>
      <c r="K4082" t="s">
        <v>21114</v>
      </c>
      <c r="M4082">
        <v>1188513</v>
      </c>
      <c r="O4082">
        <v>2049097</v>
      </c>
      <c r="P4082">
        <v>1</v>
      </c>
      <c r="Q4082">
        <v>2</v>
      </c>
      <c r="R4082" t="s">
        <v>21115</v>
      </c>
      <c r="S4082">
        <v>806</v>
      </c>
    </row>
    <row r="4083" spans="1:19" x14ac:dyDescent="0.25">
      <c r="A4083">
        <v>28103056</v>
      </c>
      <c r="B4083" t="s">
        <v>21116</v>
      </c>
      <c r="C4083" s="1" t="s">
        <v>21117</v>
      </c>
      <c r="D4083">
        <v>28103359</v>
      </c>
      <c r="E4083">
        <v>1</v>
      </c>
      <c r="F4083">
        <v>0</v>
      </c>
      <c r="H4083" t="s">
        <v>21118</v>
      </c>
      <c r="J4083" t="s">
        <v>21119</v>
      </c>
      <c r="K4083" t="s">
        <v>21120</v>
      </c>
      <c r="M4083">
        <v>4474960</v>
      </c>
      <c r="O4083">
        <v>4474960</v>
      </c>
      <c r="P4083">
        <v>1</v>
      </c>
      <c r="Q4083">
        <v>2</v>
      </c>
      <c r="R4083" t="s">
        <v>11087</v>
      </c>
      <c r="S4083">
        <v>882</v>
      </c>
    </row>
    <row r="4084" spans="1:19" x14ac:dyDescent="0.25">
      <c r="A4084">
        <v>15630602</v>
      </c>
      <c r="B4084" t="s">
        <v>21121</v>
      </c>
      <c r="C4084" s="1" t="s">
        <v>21122</v>
      </c>
      <c r="D4084">
        <v>15633385</v>
      </c>
      <c r="E4084">
        <v>1</v>
      </c>
      <c r="F4084">
        <v>7</v>
      </c>
      <c r="H4084" t="s">
        <v>21123</v>
      </c>
      <c r="J4084" t="s">
        <v>21124</v>
      </c>
      <c r="K4084" t="s">
        <v>21125</v>
      </c>
      <c r="M4084">
        <v>1911431</v>
      </c>
      <c r="O4084">
        <v>1911431</v>
      </c>
      <c r="P4084">
        <v>1</v>
      </c>
      <c r="Q4084">
        <v>0</v>
      </c>
      <c r="R4084" t="s">
        <v>21126</v>
      </c>
      <c r="S4084">
        <v>1020</v>
      </c>
    </row>
    <row r="4085" spans="1:19" x14ac:dyDescent="0.25">
      <c r="A4085">
        <v>28122960</v>
      </c>
      <c r="B4085" t="s">
        <v>21127</v>
      </c>
      <c r="C4085" s="1" t="s">
        <v>21128</v>
      </c>
      <c r="D4085">
        <v>28124257</v>
      </c>
      <c r="E4085">
        <v>2</v>
      </c>
      <c r="F4085">
        <v>1</v>
      </c>
      <c r="H4085" t="s">
        <v>21129</v>
      </c>
      <c r="J4085" t="s">
        <v>21130</v>
      </c>
      <c r="K4085" t="s">
        <v>21130</v>
      </c>
      <c r="M4085">
        <v>-1</v>
      </c>
      <c r="O4085">
        <v>4489108</v>
      </c>
      <c r="P4085">
        <v>1</v>
      </c>
      <c r="Q4085">
        <v>0</v>
      </c>
      <c r="R4085" t="s">
        <v>21131</v>
      </c>
      <c r="S4085">
        <v>65</v>
      </c>
    </row>
    <row r="4086" spans="1:19" x14ac:dyDescent="0.25">
      <c r="A4086">
        <v>43987694</v>
      </c>
      <c r="B4086" t="s">
        <v>21132</v>
      </c>
      <c r="C4086" t="s">
        <v>21133</v>
      </c>
      <c r="E4086">
        <v>1</v>
      </c>
      <c r="F4086">
        <v>2</v>
      </c>
      <c r="H4086" t="s">
        <v>21134</v>
      </c>
      <c r="J4086" t="s">
        <v>21135</v>
      </c>
      <c r="O4086">
        <v>8016125</v>
      </c>
      <c r="P4086">
        <v>1</v>
      </c>
      <c r="Q4086">
        <v>0</v>
      </c>
      <c r="R4086" t="s">
        <v>21136</v>
      </c>
      <c r="S4086">
        <v>19</v>
      </c>
    </row>
    <row r="4087" spans="1:19" x14ac:dyDescent="0.25">
      <c r="A4087">
        <v>688385</v>
      </c>
      <c r="B4087" t="s">
        <v>21137</v>
      </c>
      <c r="C4087" s="1" t="s">
        <v>21138</v>
      </c>
      <c r="E4087">
        <v>1</v>
      </c>
      <c r="F4087">
        <v>0</v>
      </c>
      <c r="H4087" t="s">
        <v>21139</v>
      </c>
      <c r="J4087" t="s">
        <v>21140</v>
      </c>
      <c r="O4087">
        <v>77466</v>
      </c>
      <c r="P4087">
        <v>1</v>
      </c>
      <c r="Q4087">
        <v>1</v>
      </c>
      <c r="R4087" t="s">
        <v>21141</v>
      </c>
      <c r="S4087">
        <v>899</v>
      </c>
    </row>
    <row r="4088" spans="1:19" x14ac:dyDescent="0.25">
      <c r="A4088">
        <v>22453267</v>
      </c>
      <c r="B4088" t="s">
        <v>21142</v>
      </c>
      <c r="C4088" s="1" t="s">
        <v>21143</v>
      </c>
      <c r="E4088">
        <v>0</v>
      </c>
      <c r="F4088">
        <v>2</v>
      </c>
      <c r="H4088" t="s">
        <v>21144</v>
      </c>
      <c r="J4088" t="s">
        <v>21144</v>
      </c>
      <c r="O4088">
        <v>335261</v>
      </c>
      <c r="P4088">
        <v>1</v>
      </c>
      <c r="Q4088">
        <v>0</v>
      </c>
      <c r="R4088" t="s">
        <v>21145</v>
      </c>
      <c r="S4088">
        <v>66</v>
      </c>
    </row>
    <row r="4089" spans="1:19" x14ac:dyDescent="0.25">
      <c r="A4089">
        <v>41096025</v>
      </c>
      <c r="B4089" t="s">
        <v>21146</v>
      </c>
      <c r="C4089" s="1" t="s">
        <v>21147</v>
      </c>
      <c r="D4089">
        <v>41096325</v>
      </c>
      <c r="E4089">
        <v>1</v>
      </c>
      <c r="F4089">
        <v>5</v>
      </c>
      <c r="H4089" t="s">
        <v>21148</v>
      </c>
      <c r="J4089" t="s">
        <v>21149</v>
      </c>
      <c r="O4089">
        <v>3956731</v>
      </c>
      <c r="P4089">
        <v>1</v>
      </c>
      <c r="Q4089">
        <v>0</v>
      </c>
      <c r="R4089" t="s">
        <v>21150</v>
      </c>
      <c r="S4089">
        <v>284</v>
      </c>
    </row>
    <row r="4090" spans="1:19" x14ac:dyDescent="0.25">
      <c r="A4090">
        <v>28731133</v>
      </c>
      <c r="B4090" t="s">
        <v>21151</v>
      </c>
      <c r="C4090" s="1" t="s">
        <v>21152</v>
      </c>
      <c r="D4090">
        <v>43996042</v>
      </c>
      <c r="E4090">
        <v>1</v>
      </c>
      <c r="F4090">
        <v>6</v>
      </c>
      <c r="H4090" t="s">
        <v>21153</v>
      </c>
      <c r="I4090">
        <v>1</v>
      </c>
      <c r="J4090" t="s">
        <v>21154</v>
      </c>
      <c r="O4090">
        <v>2549013</v>
      </c>
      <c r="P4090">
        <v>1</v>
      </c>
      <c r="Q4090">
        <v>0</v>
      </c>
      <c r="R4090" t="s">
        <v>21155</v>
      </c>
      <c r="S4090">
        <v>2052</v>
      </c>
    </row>
    <row r="4091" spans="1:19" x14ac:dyDescent="0.25">
      <c r="A4091">
        <v>15765932</v>
      </c>
      <c r="B4091" t="s">
        <v>21156</v>
      </c>
      <c r="C4091" s="1" t="s">
        <v>21157</v>
      </c>
      <c r="E4091">
        <v>1</v>
      </c>
      <c r="F4091">
        <v>0</v>
      </c>
      <c r="H4091" t="s">
        <v>21158</v>
      </c>
      <c r="J4091" t="s">
        <v>21159</v>
      </c>
      <c r="O4091">
        <v>2124163</v>
      </c>
      <c r="P4091">
        <v>1</v>
      </c>
      <c r="Q4091">
        <v>0</v>
      </c>
      <c r="R4091" t="s">
        <v>21160</v>
      </c>
      <c r="S4091">
        <v>117</v>
      </c>
    </row>
    <row r="4092" spans="1:19" x14ac:dyDescent="0.25">
      <c r="A4092">
        <v>44663387</v>
      </c>
      <c r="B4092" t="s">
        <v>21161</v>
      </c>
      <c r="C4092" s="1" t="s">
        <v>21162</v>
      </c>
      <c r="D4092">
        <v>44663504</v>
      </c>
      <c r="E4092">
        <v>1</v>
      </c>
      <c r="F4092">
        <v>0</v>
      </c>
      <c r="H4092" t="s">
        <v>21163</v>
      </c>
      <c r="J4092" t="s">
        <v>21164</v>
      </c>
      <c r="O4092">
        <v>287436</v>
      </c>
      <c r="P4092">
        <v>1</v>
      </c>
      <c r="Q4092">
        <v>0</v>
      </c>
      <c r="R4092" t="s">
        <v>21165</v>
      </c>
      <c r="S4092">
        <v>116</v>
      </c>
    </row>
    <row r="4093" spans="1:19" x14ac:dyDescent="0.25">
      <c r="A4093">
        <v>41709467</v>
      </c>
      <c r="B4093" t="s">
        <v>21166</v>
      </c>
      <c r="C4093" s="1" t="s">
        <v>21167</v>
      </c>
      <c r="E4093">
        <v>1</v>
      </c>
      <c r="F4093">
        <v>3</v>
      </c>
      <c r="H4093" t="s">
        <v>21168</v>
      </c>
      <c r="J4093" t="s">
        <v>21169</v>
      </c>
      <c r="O4093">
        <v>7323225</v>
      </c>
      <c r="P4093">
        <v>1</v>
      </c>
      <c r="Q4093">
        <v>-3</v>
      </c>
      <c r="R4093" t="s">
        <v>4668</v>
      </c>
      <c r="S4093">
        <v>46</v>
      </c>
    </row>
    <row r="4094" spans="1:19" x14ac:dyDescent="0.25">
      <c r="A4094">
        <v>48226221</v>
      </c>
      <c r="B4094" t="s">
        <v>21170</v>
      </c>
      <c r="C4094" s="1" t="s">
        <v>21171</v>
      </c>
      <c r="D4094">
        <v>48227012</v>
      </c>
      <c r="E4094">
        <v>1</v>
      </c>
      <c r="F4094">
        <v>0</v>
      </c>
      <c r="H4094" t="s">
        <v>21172</v>
      </c>
      <c r="J4094" t="s">
        <v>21173</v>
      </c>
      <c r="K4094" t="s">
        <v>21174</v>
      </c>
      <c r="M4094">
        <v>109941</v>
      </c>
      <c r="O4094">
        <v>3775778</v>
      </c>
      <c r="P4094">
        <v>1</v>
      </c>
      <c r="Q4094">
        <v>1</v>
      </c>
      <c r="R4094" t="s">
        <v>21175</v>
      </c>
      <c r="S4094">
        <v>572</v>
      </c>
    </row>
    <row r="4095" spans="1:19" x14ac:dyDescent="0.25">
      <c r="A4095">
        <v>49918460</v>
      </c>
      <c r="B4095" t="s">
        <v>21176</v>
      </c>
      <c r="C4095" s="1" t="s">
        <v>21177</v>
      </c>
      <c r="D4095">
        <v>49918809</v>
      </c>
      <c r="E4095">
        <v>1</v>
      </c>
      <c r="F4095">
        <v>2</v>
      </c>
      <c r="H4095" t="s">
        <v>21178</v>
      </c>
      <c r="J4095" t="s">
        <v>21179</v>
      </c>
      <c r="O4095">
        <v>9616292</v>
      </c>
      <c r="P4095">
        <v>1</v>
      </c>
      <c r="Q4095">
        <v>0</v>
      </c>
      <c r="R4095" t="s">
        <v>21180</v>
      </c>
      <c r="S4095">
        <v>54</v>
      </c>
    </row>
    <row r="4096" spans="1:19" x14ac:dyDescent="0.25">
      <c r="A4096">
        <v>8906904</v>
      </c>
      <c r="B4096" t="s">
        <v>21181</v>
      </c>
      <c r="C4096" s="1" t="s">
        <v>21182</v>
      </c>
      <c r="D4096">
        <v>8907360</v>
      </c>
      <c r="E4096">
        <v>1</v>
      </c>
      <c r="F4096">
        <v>0</v>
      </c>
      <c r="H4096" t="s">
        <v>21183</v>
      </c>
      <c r="J4096" t="s">
        <v>21184</v>
      </c>
      <c r="O4096">
        <v>905620</v>
      </c>
      <c r="P4096">
        <v>1</v>
      </c>
      <c r="Q4096">
        <v>1</v>
      </c>
      <c r="R4096" t="s">
        <v>21185</v>
      </c>
      <c r="S4096">
        <v>1699</v>
      </c>
    </row>
    <row r="4097" spans="1:19" x14ac:dyDescent="0.25">
      <c r="A4097">
        <v>14836707</v>
      </c>
      <c r="B4097" t="s">
        <v>21186</v>
      </c>
      <c r="C4097" s="1" t="s">
        <v>21187</v>
      </c>
      <c r="E4097">
        <v>2</v>
      </c>
      <c r="F4097">
        <v>1</v>
      </c>
      <c r="H4097" t="s">
        <v>21188</v>
      </c>
      <c r="J4097" t="s">
        <v>21189</v>
      </c>
      <c r="O4097">
        <v>1806978</v>
      </c>
      <c r="P4097">
        <v>1</v>
      </c>
      <c r="Q4097">
        <v>-1</v>
      </c>
      <c r="R4097" t="s">
        <v>2122</v>
      </c>
      <c r="S4097">
        <v>3682</v>
      </c>
    </row>
    <row r="4098" spans="1:19" x14ac:dyDescent="0.25">
      <c r="A4098">
        <v>5866366</v>
      </c>
      <c r="B4098" t="s">
        <v>21190</v>
      </c>
      <c r="C4098" s="1" t="s">
        <v>21191</v>
      </c>
      <c r="D4098">
        <v>5866428</v>
      </c>
      <c r="E4098">
        <v>1</v>
      </c>
      <c r="F4098">
        <v>0</v>
      </c>
      <c r="H4098" t="s">
        <v>21192</v>
      </c>
      <c r="I4098">
        <v>1</v>
      </c>
      <c r="J4098" t="s">
        <v>21193</v>
      </c>
      <c r="K4098" t="s">
        <v>21194</v>
      </c>
      <c r="M4098">
        <v>85505</v>
      </c>
      <c r="O4098">
        <v>735627</v>
      </c>
      <c r="P4098">
        <v>1</v>
      </c>
      <c r="Q4098">
        <v>1</v>
      </c>
      <c r="R4098" t="s">
        <v>21195</v>
      </c>
      <c r="S4098">
        <v>1989</v>
      </c>
    </row>
    <row r="4099" spans="1:19" x14ac:dyDescent="0.25">
      <c r="A4099">
        <v>35070815</v>
      </c>
      <c r="B4099" t="s">
        <v>21196</v>
      </c>
      <c r="C4099" s="1" t="s">
        <v>21197</v>
      </c>
      <c r="D4099">
        <v>35080673</v>
      </c>
      <c r="E4099">
        <v>1</v>
      </c>
      <c r="F4099">
        <v>0</v>
      </c>
      <c r="H4099" t="s">
        <v>21198</v>
      </c>
      <c r="J4099" t="s">
        <v>21199</v>
      </c>
      <c r="O4099">
        <v>5620071</v>
      </c>
      <c r="P4099">
        <v>1</v>
      </c>
      <c r="Q4099">
        <v>0</v>
      </c>
      <c r="R4099" t="s">
        <v>21200</v>
      </c>
      <c r="S4099">
        <v>1749</v>
      </c>
    </row>
    <row r="4100" spans="1:19" x14ac:dyDescent="0.25">
      <c r="A4100">
        <v>17619329</v>
      </c>
      <c r="B4100" t="s">
        <v>21201</v>
      </c>
      <c r="C4100" s="1" t="s">
        <v>21202</v>
      </c>
      <c r="D4100">
        <v>17678769</v>
      </c>
      <c r="E4100">
        <v>1</v>
      </c>
      <c r="F4100">
        <v>0</v>
      </c>
      <c r="H4100" t="s">
        <v>21203</v>
      </c>
      <c r="J4100" t="s">
        <v>21204</v>
      </c>
      <c r="O4100">
        <v>803332</v>
      </c>
      <c r="P4100">
        <v>1</v>
      </c>
      <c r="Q4100">
        <v>0</v>
      </c>
      <c r="R4100" t="s">
        <v>21205</v>
      </c>
      <c r="S4100">
        <v>376</v>
      </c>
    </row>
    <row r="4101" spans="1:19" x14ac:dyDescent="0.25">
      <c r="A4101">
        <v>25230423</v>
      </c>
      <c r="B4101" t="s">
        <v>21206</v>
      </c>
      <c r="C4101" s="1" t="s">
        <v>21207</v>
      </c>
      <c r="D4101">
        <v>25230594</v>
      </c>
      <c r="E4101">
        <v>1</v>
      </c>
      <c r="F4101">
        <v>2</v>
      </c>
      <c r="H4101" t="s">
        <v>21208</v>
      </c>
      <c r="J4101" t="s">
        <v>21209</v>
      </c>
      <c r="O4101">
        <v>3862501</v>
      </c>
      <c r="P4101">
        <v>1</v>
      </c>
      <c r="Q4101">
        <v>0</v>
      </c>
      <c r="R4101" t="s">
        <v>21210</v>
      </c>
      <c r="S4101">
        <v>641</v>
      </c>
    </row>
    <row r="4102" spans="1:19" x14ac:dyDescent="0.25">
      <c r="A4102">
        <v>39359255</v>
      </c>
      <c r="B4102" t="s">
        <v>21211</v>
      </c>
      <c r="C4102" s="1" t="s">
        <v>21212</v>
      </c>
      <c r="D4102">
        <v>39360775</v>
      </c>
      <c r="E4102">
        <v>1</v>
      </c>
      <c r="F4102">
        <v>1</v>
      </c>
      <c r="H4102" t="s">
        <v>21213</v>
      </c>
      <c r="J4102" t="s">
        <v>21214</v>
      </c>
      <c r="O4102">
        <v>4164297</v>
      </c>
      <c r="P4102">
        <v>1</v>
      </c>
      <c r="Q4102">
        <v>0</v>
      </c>
      <c r="R4102" t="s">
        <v>21215</v>
      </c>
      <c r="S4102">
        <v>25</v>
      </c>
    </row>
    <row r="4103" spans="1:19" x14ac:dyDescent="0.25">
      <c r="A4103">
        <v>38889073</v>
      </c>
      <c r="B4103" t="s">
        <v>21216</v>
      </c>
      <c r="C4103" s="1" t="s">
        <v>21217</v>
      </c>
      <c r="E4103">
        <v>1</v>
      </c>
      <c r="F4103">
        <v>0</v>
      </c>
      <c r="H4103" t="s">
        <v>21218</v>
      </c>
      <c r="J4103" t="s">
        <v>21219</v>
      </c>
      <c r="K4103" t="s">
        <v>21219</v>
      </c>
      <c r="M4103">
        <v>6279890</v>
      </c>
      <c r="O4103">
        <v>6681577</v>
      </c>
      <c r="P4103">
        <v>1</v>
      </c>
      <c r="Q4103">
        <v>-1</v>
      </c>
      <c r="R4103" t="s">
        <v>21220</v>
      </c>
      <c r="S4103">
        <v>866</v>
      </c>
    </row>
    <row r="4104" spans="1:19" x14ac:dyDescent="0.25">
      <c r="A4104">
        <v>23636506</v>
      </c>
      <c r="B4104" t="s">
        <v>21221</v>
      </c>
      <c r="C4104" s="1" t="s">
        <v>21222</v>
      </c>
      <c r="E4104">
        <v>0</v>
      </c>
      <c r="F4104">
        <v>6</v>
      </c>
      <c r="H4104" t="s">
        <v>21223</v>
      </c>
      <c r="J4104" t="s">
        <v>21224</v>
      </c>
      <c r="K4104" t="s">
        <v>21224</v>
      </c>
      <c r="M4104">
        <v>58074</v>
      </c>
      <c r="O4104">
        <v>3489035</v>
      </c>
      <c r="P4104">
        <v>1</v>
      </c>
      <c r="Q4104">
        <v>0</v>
      </c>
      <c r="R4104" t="s">
        <v>21225</v>
      </c>
      <c r="S4104">
        <v>679</v>
      </c>
    </row>
    <row r="4105" spans="1:19" x14ac:dyDescent="0.25">
      <c r="A4105">
        <v>25641494</v>
      </c>
      <c r="B4105" t="s">
        <v>21226</v>
      </c>
      <c r="C4105" s="1" t="s">
        <v>21227</v>
      </c>
      <c r="D4105">
        <v>25641634</v>
      </c>
      <c r="E4105">
        <v>3</v>
      </c>
      <c r="F4105">
        <v>5</v>
      </c>
      <c r="H4105" t="s">
        <v>21228</v>
      </c>
      <c r="J4105" t="s">
        <v>21229</v>
      </c>
      <c r="O4105">
        <v>3339917</v>
      </c>
      <c r="P4105">
        <v>1</v>
      </c>
      <c r="Q4105">
        <v>1</v>
      </c>
      <c r="R4105" t="s">
        <v>21230</v>
      </c>
      <c r="S4105">
        <v>621</v>
      </c>
    </row>
    <row r="4106" spans="1:19" x14ac:dyDescent="0.25">
      <c r="A4106">
        <v>40753575</v>
      </c>
      <c r="B4106" t="s">
        <v>21231</v>
      </c>
      <c r="C4106" s="1" t="s">
        <v>21232</v>
      </c>
      <c r="D4106">
        <v>40753629</v>
      </c>
      <c r="E4106">
        <v>3</v>
      </c>
      <c r="F4106">
        <v>0</v>
      </c>
      <c r="H4106" t="s">
        <v>21233</v>
      </c>
      <c r="J4106" t="s">
        <v>21234</v>
      </c>
      <c r="O4106">
        <v>7197168</v>
      </c>
      <c r="P4106">
        <v>1</v>
      </c>
      <c r="Q4106">
        <v>0</v>
      </c>
      <c r="R4106" t="s">
        <v>21235</v>
      </c>
      <c r="S4106">
        <v>124</v>
      </c>
    </row>
    <row r="4107" spans="1:19" x14ac:dyDescent="0.25">
      <c r="A4107">
        <v>30837715</v>
      </c>
      <c r="B4107" t="s">
        <v>21236</v>
      </c>
      <c r="C4107" s="1" t="s">
        <v>21237</v>
      </c>
      <c r="D4107">
        <v>30837751</v>
      </c>
      <c r="E4107">
        <v>5</v>
      </c>
      <c r="F4107">
        <v>0</v>
      </c>
      <c r="H4107" t="s">
        <v>21238</v>
      </c>
      <c r="J4107" t="s">
        <v>21239</v>
      </c>
      <c r="K4107" t="s">
        <v>21240</v>
      </c>
      <c r="M4107">
        <v>4112664</v>
      </c>
      <c r="O4107">
        <v>4963452</v>
      </c>
      <c r="P4107">
        <v>1</v>
      </c>
      <c r="Q4107">
        <v>1</v>
      </c>
      <c r="R4107" t="s">
        <v>21241</v>
      </c>
      <c r="S4107">
        <v>208</v>
      </c>
    </row>
    <row r="4108" spans="1:19" x14ac:dyDescent="0.25">
      <c r="A4108">
        <v>16510462</v>
      </c>
      <c r="B4108" t="s">
        <v>21242</v>
      </c>
      <c r="C4108" t="s">
        <v>21243</v>
      </c>
      <c r="E4108">
        <v>2</v>
      </c>
      <c r="F4108">
        <v>2</v>
      </c>
      <c r="H4108" t="s">
        <v>21244</v>
      </c>
      <c r="I4108">
        <v>0</v>
      </c>
      <c r="J4108" t="s">
        <v>21245</v>
      </c>
      <c r="K4108" t="s">
        <v>21246</v>
      </c>
      <c r="M4108">
        <v>321731</v>
      </c>
      <c r="O4108">
        <v>1900929</v>
      </c>
      <c r="P4108">
        <v>1</v>
      </c>
      <c r="Q4108">
        <v>1</v>
      </c>
      <c r="R4108" t="s">
        <v>21247</v>
      </c>
      <c r="S4108">
        <v>17437</v>
      </c>
    </row>
    <row r="4109" spans="1:19" x14ac:dyDescent="0.25">
      <c r="A4109">
        <v>27963947</v>
      </c>
      <c r="B4109" t="s">
        <v>21248</v>
      </c>
      <c r="C4109" s="1" t="s">
        <v>21249</v>
      </c>
      <c r="E4109">
        <v>1</v>
      </c>
      <c r="F4109">
        <v>4</v>
      </c>
      <c r="H4109" t="s">
        <v>21250</v>
      </c>
      <c r="J4109" t="s">
        <v>21251</v>
      </c>
      <c r="K4109" t="s">
        <v>21251</v>
      </c>
      <c r="M4109">
        <v>452775</v>
      </c>
      <c r="O4109">
        <v>4457577</v>
      </c>
      <c r="P4109">
        <v>1</v>
      </c>
      <c r="Q4109">
        <v>1</v>
      </c>
      <c r="R4109" t="s">
        <v>21252</v>
      </c>
      <c r="S4109">
        <v>932</v>
      </c>
    </row>
    <row r="4110" spans="1:19" x14ac:dyDescent="0.25">
      <c r="A4110">
        <v>34675422</v>
      </c>
      <c r="B4110" t="s">
        <v>21253</v>
      </c>
      <c r="C4110" s="1" t="s">
        <v>21254</v>
      </c>
      <c r="E4110">
        <v>1</v>
      </c>
      <c r="F4110">
        <v>2</v>
      </c>
      <c r="H4110" t="s">
        <v>21255</v>
      </c>
      <c r="J4110" t="s">
        <v>21256</v>
      </c>
      <c r="K4110" t="s">
        <v>21256</v>
      </c>
      <c r="M4110">
        <v>1650012</v>
      </c>
      <c r="O4110">
        <v>1650012</v>
      </c>
      <c r="P4110">
        <v>1</v>
      </c>
      <c r="Q4110">
        <v>1</v>
      </c>
      <c r="R4110" t="s">
        <v>21257</v>
      </c>
      <c r="S4110">
        <v>86</v>
      </c>
    </row>
    <row r="4111" spans="1:19" x14ac:dyDescent="0.25">
      <c r="A4111">
        <v>35700345</v>
      </c>
      <c r="B4111" t="s">
        <v>21258</v>
      </c>
      <c r="C4111" s="1" t="s">
        <v>21259</v>
      </c>
      <c r="D4111">
        <v>35700531</v>
      </c>
      <c r="E4111">
        <v>1</v>
      </c>
      <c r="F4111">
        <v>0</v>
      </c>
      <c r="H4111" t="s">
        <v>21260</v>
      </c>
      <c r="I4111">
        <v>1</v>
      </c>
      <c r="J4111" t="s">
        <v>21261</v>
      </c>
      <c r="O4111">
        <v>2323097</v>
      </c>
      <c r="P4111">
        <v>1</v>
      </c>
      <c r="Q4111">
        <v>0</v>
      </c>
      <c r="R4111" t="s">
        <v>21262</v>
      </c>
      <c r="S4111">
        <v>768</v>
      </c>
    </row>
    <row r="4112" spans="1:19" x14ac:dyDescent="0.25">
      <c r="A4112">
        <v>32051657</v>
      </c>
      <c r="B4112" t="s">
        <v>21263</v>
      </c>
      <c r="C4112" s="1" t="s">
        <v>21264</v>
      </c>
      <c r="D4112">
        <v>32053742</v>
      </c>
      <c r="E4112">
        <v>3</v>
      </c>
      <c r="F4112">
        <v>2</v>
      </c>
      <c r="H4112" t="s">
        <v>21265</v>
      </c>
      <c r="J4112" t="s">
        <v>21266</v>
      </c>
      <c r="O4112">
        <v>4153493</v>
      </c>
      <c r="P4112">
        <v>1</v>
      </c>
      <c r="Q4112">
        <v>1</v>
      </c>
      <c r="R4112" t="s">
        <v>21267</v>
      </c>
      <c r="S4112">
        <v>588</v>
      </c>
    </row>
    <row r="4113" spans="1:19" x14ac:dyDescent="0.25">
      <c r="A4113">
        <v>19882564</v>
      </c>
      <c r="B4113" t="s">
        <v>21268</v>
      </c>
      <c r="C4113" s="1" t="s">
        <v>21269</v>
      </c>
      <c r="E4113">
        <v>1</v>
      </c>
      <c r="F4113">
        <v>0</v>
      </c>
      <c r="H4113" t="s">
        <v>21270</v>
      </c>
      <c r="J4113" t="s">
        <v>21271</v>
      </c>
      <c r="O4113">
        <v>1626467</v>
      </c>
      <c r="P4113">
        <v>1</v>
      </c>
      <c r="Q4113">
        <v>0</v>
      </c>
      <c r="R4113" t="s">
        <v>21272</v>
      </c>
      <c r="S4113">
        <v>51</v>
      </c>
    </row>
    <row r="4114" spans="1:19" x14ac:dyDescent="0.25">
      <c r="A4114">
        <v>28188494</v>
      </c>
      <c r="B4114" t="s">
        <v>21273</v>
      </c>
      <c r="C4114" s="1" t="s">
        <v>21274</v>
      </c>
      <c r="D4114">
        <v>28195854</v>
      </c>
      <c r="E4114">
        <v>1</v>
      </c>
      <c r="F4114">
        <v>1</v>
      </c>
      <c r="H4114" t="s">
        <v>21275</v>
      </c>
      <c r="J4114" t="s">
        <v>21276</v>
      </c>
      <c r="K4114" t="s">
        <v>21276</v>
      </c>
      <c r="M4114">
        <v>2458977</v>
      </c>
      <c r="O4114">
        <v>2458977</v>
      </c>
      <c r="P4114">
        <v>1</v>
      </c>
      <c r="Q4114">
        <v>0</v>
      </c>
      <c r="R4114" t="s">
        <v>21277</v>
      </c>
      <c r="S4114">
        <v>149</v>
      </c>
    </row>
    <row r="4115" spans="1:19" x14ac:dyDescent="0.25">
      <c r="A4115">
        <v>26098303</v>
      </c>
      <c r="B4115" t="s">
        <v>21278</v>
      </c>
      <c r="C4115" s="1" t="s">
        <v>21279</v>
      </c>
      <c r="D4115">
        <v>26098478</v>
      </c>
      <c r="E4115">
        <v>2</v>
      </c>
      <c r="F4115">
        <v>1</v>
      </c>
      <c r="H4115" t="s">
        <v>21280</v>
      </c>
      <c r="J4115" t="s">
        <v>21281</v>
      </c>
      <c r="O4115">
        <v>3522892</v>
      </c>
      <c r="P4115">
        <v>1</v>
      </c>
      <c r="Q4115">
        <v>1</v>
      </c>
      <c r="R4115" t="s">
        <v>21282</v>
      </c>
      <c r="S4115">
        <v>48</v>
      </c>
    </row>
    <row r="4116" spans="1:19" x14ac:dyDescent="0.25">
      <c r="A4116">
        <v>39570133</v>
      </c>
      <c r="B4116" t="s">
        <v>21283</v>
      </c>
      <c r="C4116" s="1" t="s">
        <v>21284</v>
      </c>
      <c r="D4116">
        <v>39570167</v>
      </c>
      <c r="E4116">
        <v>2</v>
      </c>
      <c r="F4116">
        <v>0</v>
      </c>
      <c r="H4116" t="s">
        <v>21285</v>
      </c>
      <c r="J4116" t="s">
        <v>21286</v>
      </c>
      <c r="O4116">
        <v>6736285</v>
      </c>
      <c r="P4116">
        <v>1</v>
      </c>
      <c r="Q4116">
        <v>0</v>
      </c>
      <c r="R4116" t="s">
        <v>8275</v>
      </c>
      <c r="S4116">
        <v>53</v>
      </c>
    </row>
    <row r="4117" spans="1:19" x14ac:dyDescent="0.25">
      <c r="A4117">
        <v>5038954</v>
      </c>
      <c r="B4117" t="s">
        <v>21287</v>
      </c>
      <c r="C4117" s="1" t="s">
        <v>21288</v>
      </c>
      <c r="D4117">
        <v>5038987</v>
      </c>
      <c r="E4117">
        <v>3</v>
      </c>
      <c r="F4117">
        <v>0</v>
      </c>
      <c r="H4117" t="s">
        <v>21289</v>
      </c>
      <c r="J4117" t="s">
        <v>21290</v>
      </c>
      <c r="O4117">
        <v>756597</v>
      </c>
      <c r="P4117">
        <v>1</v>
      </c>
      <c r="Q4117">
        <v>1</v>
      </c>
      <c r="R4117" t="s">
        <v>21291</v>
      </c>
      <c r="S4117">
        <v>1515</v>
      </c>
    </row>
    <row r="4118" spans="1:19" x14ac:dyDescent="0.25">
      <c r="A4118">
        <v>35773981</v>
      </c>
      <c r="B4118" t="s">
        <v>21292</v>
      </c>
      <c r="C4118" s="1" t="s">
        <v>21293</v>
      </c>
      <c r="E4118">
        <v>1</v>
      </c>
      <c r="F4118">
        <v>2</v>
      </c>
      <c r="H4118" t="s">
        <v>21294</v>
      </c>
      <c r="J4118" t="s">
        <v>21295</v>
      </c>
      <c r="K4118" t="s">
        <v>21295</v>
      </c>
      <c r="M4118">
        <v>113848</v>
      </c>
      <c r="O4118">
        <v>2919339</v>
      </c>
      <c r="P4118">
        <v>1</v>
      </c>
      <c r="Q4118">
        <v>0</v>
      </c>
      <c r="R4118" t="s">
        <v>21296</v>
      </c>
      <c r="S4118">
        <v>57</v>
      </c>
    </row>
    <row r="4119" spans="1:19" x14ac:dyDescent="0.25">
      <c r="A4119">
        <v>7256341</v>
      </c>
      <c r="B4119" t="s">
        <v>21297</v>
      </c>
      <c r="C4119" s="1" t="s">
        <v>21298</v>
      </c>
      <c r="E4119">
        <v>1</v>
      </c>
      <c r="F4119">
        <v>0</v>
      </c>
      <c r="H4119" t="s">
        <v>21299</v>
      </c>
      <c r="I4119">
        <v>1</v>
      </c>
      <c r="J4119" t="s">
        <v>21300</v>
      </c>
      <c r="O4119">
        <v>37418</v>
      </c>
      <c r="P4119">
        <v>1</v>
      </c>
      <c r="Q4119">
        <v>1</v>
      </c>
      <c r="R4119" t="s">
        <v>21301</v>
      </c>
      <c r="S4119">
        <v>622</v>
      </c>
    </row>
    <row r="4120" spans="1:19" x14ac:dyDescent="0.25">
      <c r="A4120">
        <v>14939189</v>
      </c>
      <c r="B4120" t="s">
        <v>21302</v>
      </c>
      <c r="C4120" s="1" t="s">
        <v>21303</v>
      </c>
      <c r="D4120">
        <v>14939277</v>
      </c>
      <c r="E4120">
        <v>2</v>
      </c>
      <c r="F4120">
        <v>1</v>
      </c>
      <c r="H4120" t="s">
        <v>21304</v>
      </c>
      <c r="J4120" t="s">
        <v>21305</v>
      </c>
      <c r="O4120">
        <v>2071976</v>
      </c>
      <c r="P4120">
        <v>1</v>
      </c>
      <c r="Q4120">
        <v>0</v>
      </c>
      <c r="R4120" t="s">
        <v>2771</v>
      </c>
      <c r="S4120">
        <v>684</v>
      </c>
    </row>
    <row r="4121" spans="1:19" x14ac:dyDescent="0.25">
      <c r="A4121">
        <v>3493381</v>
      </c>
      <c r="B4121" t="s">
        <v>21306</v>
      </c>
      <c r="C4121" s="1" t="s">
        <v>21307</v>
      </c>
      <c r="D4121">
        <v>3495192</v>
      </c>
      <c r="E4121">
        <v>1</v>
      </c>
      <c r="F4121">
        <v>0</v>
      </c>
      <c r="H4121" t="s">
        <v>21308</v>
      </c>
      <c r="I4121">
        <v>6</v>
      </c>
      <c r="J4121" t="s">
        <v>21309</v>
      </c>
      <c r="K4121" t="s">
        <v>21310</v>
      </c>
      <c r="M4121">
        <v>70604</v>
      </c>
      <c r="O4121">
        <v>172211</v>
      </c>
      <c r="P4121">
        <v>1</v>
      </c>
      <c r="Q4121">
        <v>8</v>
      </c>
      <c r="R4121" t="s">
        <v>21311</v>
      </c>
      <c r="S4121">
        <v>10604</v>
      </c>
    </row>
    <row r="4122" spans="1:19" x14ac:dyDescent="0.25">
      <c r="A4122">
        <v>31271267</v>
      </c>
      <c r="B4122" t="s">
        <v>21312</v>
      </c>
      <c r="C4122" s="1" t="s">
        <v>21313</v>
      </c>
      <c r="D4122">
        <v>31271410</v>
      </c>
      <c r="E4122">
        <v>1</v>
      </c>
      <c r="F4122">
        <v>0</v>
      </c>
      <c r="H4122" t="s">
        <v>21314</v>
      </c>
      <c r="J4122" t="s">
        <v>21315</v>
      </c>
      <c r="K4122" t="s">
        <v>21315</v>
      </c>
      <c r="M4122">
        <v>5003932</v>
      </c>
      <c r="O4122">
        <v>5003932</v>
      </c>
      <c r="P4122">
        <v>1</v>
      </c>
      <c r="Q4122">
        <v>0</v>
      </c>
      <c r="R4122" t="s">
        <v>21316</v>
      </c>
      <c r="S4122">
        <v>82</v>
      </c>
    </row>
    <row r="4123" spans="1:19" x14ac:dyDescent="0.25">
      <c r="A4123">
        <v>40918169</v>
      </c>
      <c r="B4123" t="s">
        <v>21317</v>
      </c>
      <c r="C4123" s="1" t="s">
        <v>21318</v>
      </c>
      <c r="D4123">
        <v>40918329</v>
      </c>
      <c r="E4123">
        <v>1</v>
      </c>
      <c r="F4123">
        <v>3</v>
      </c>
      <c r="H4123" t="s">
        <v>21319</v>
      </c>
      <c r="J4123" t="s">
        <v>21320</v>
      </c>
      <c r="K4123" t="s">
        <v>21320</v>
      </c>
      <c r="M4123">
        <v>1033581</v>
      </c>
      <c r="O4123">
        <v>2925975</v>
      </c>
      <c r="P4123">
        <v>1</v>
      </c>
      <c r="Q4123">
        <v>0</v>
      </c>
      <c r="R4123" t="s">
        <v>21321</v>
      </c>
      <c r="S4123">
        <v>196</v>
      </c>
    </row>
    <row r="4124" spans="1:19" x14ac:dyDescent="0.25">
      <c r="A4124">
        <v>51807220</v>
      </c>
      <c r="B4124" t="s">
        <v>21322</v>
      </c>
      <c r="C4124" s="1" t="s">
        <v>21323</v>
      </c>
      <c r="E4124">
        <v>3</v>
      </c>
      <c r="F4124">
        <v>2</v>
      </c>
      <c r="H4124" t="s">
        <v>21324</v>
      </c>
      <c r="J4124" t="s">
        <v>21325</v>
      </c>
      <c r="K4124" t="s">
        <v>21326</v>
      </c>
      <c r="M4124">
        <v>10137428</v>
      </c>
      <c r="O4124">
        <v>10137428</v>
      </c>
      <c r="P4124">
        <v>1</v>
      </c>
      <c r="Q4124">
        <v>-2</v>
      </c>
      <c r="R4124" t="s">
        <v>2122</v>
      </c>
      <c r="S4124">
        <v>27</v>
      </c>
    </row>
    <row r="4125" spans="1:19" x14ac:dyDescent="0.25">
      <c r="A4125">
        <v>43652871</v>
      </c>
      <c r="B4125" t="s">
        <v>21327</v>
      </c>
      <c r="C4125" s="1" t="s">
        <v>21328</v>
      </c>
      <c r="E4125">
        <v>1</v>
      </c>
      <c r="F4125">
        <v>0</v>
      </c>
      <c r="H4125" t="s">
        <v>21329</v>
      </c>
      <c r="J4125" t="s">
        <v>21330</v>
      </c>
      <c r="K4125" t="s">
        <v>21330</v>
      </c>
      <c r="M4125">
        <v>3041435</v>
      </c>
      <c r="O4125">
        <v>5168027</v>
      </c>
      <c r="P4125">
        <v>1</v>
      </c>
      <c r="Q4125">
        <v>0</v>
      </c>
      <c r="R4125" t="s">
        <v>21331</v>
      </c>
      <c r="S4125">
        <v>557</v>
      </c>
    </row>
    <row r="4126" spans="1:19" x14ac:dyDescent="0.25">
      <c r="A4126">
        <v>24453932</v>
      </c>
      <c r="B4126" t="s">
        <v>21332</v>
      </c>
      <c r="C4126" s="1" t="s">
        <v>21333</v>
      </c>
      <c r="E4126">
        <v>0</v>
      </c>
      <c r="F4126">
        <v>2</v>
      </c>
      <c r="H4126" t="s">
        <v>21334</v>
      </c>
      <c r="J4126" t="s">
        <v>21334</v>
      </c>
      <c r="O4126">
        <v>679526</v>
      </c>
      <c r="P4126">
        <v>1</v>
      </c>
      <c r="Q4126">
        <v>0</v>
      </c>
      <c r="R4126" t="s">
        <v>21335</v>
      </c>
      <c r="S4126">
        <v>40</v>
      </c>
    </row>
    <row r="4127" spans="1:19" x14ac:dyDescent="0.25">
      <c r="A4127">
        <v>40257348</v>
      </c>
      <c r="B4127" t="s">
        <v>21336</v>
      </c>
      <c r="C4127" s="1" t="s">
        <v>21337</v>
      </c>
      <c r="E4127">
        <v>2</v>
      </c>
      <c r="F4127">
        <v>8</v>
      </c>
      <c r="H4127" t="s">
        <v>21338</v>
      </c>
      <c r="J4127" t="s">
        <v>21339</v>
      </c>
      <c r="K4127" t="s">
        <v>21340</v>
      </c>
      <c r="M4127">
        <v>3400991</v>
      </c>
      <c r="O4127">
        <v>1980105</v>
      </c>
      <c r="P4127">
        <v>1</v>
      </c>
      <c r="Q4127">
        <v>0</v>
      </c>
      <c r="R4127" t="s">
        <v>21341</v>
      </c>
      <c r="S4127">
        <v>205</v>
      </c>
    </row>
    <row r="4128" spans="1:19" x14ac:dyDescent="0.25">
      <c r="A4128">
        <v>32361841</v>
      </c>
      <c r="B4128" t="s">
        <v>21342</v>
      </c>
      <c r="C4128" s="1" t="s">
        <v>21343</v>
      </c>
      <c r="E4128">
        <v>1</v>
      </c>
      <c r="F4128">
        <v>9</v>
      </c>
      <c r="H4128" t="s">
        <v>21344</v>
      </c>
      <c r="J4128" t="s">
        <v>21345</v>
      </c>
      <c r="O4128">
        <v>5277609</v>
      </c>
      <c r="P4128">
        <v>1</v>
      </c>
      <c r="Q4128">
        <v>0</v>
      </c>
      <c r="R4128" t="s">
        <v>21346</v>
      </c>
      <c r="S4128">
        <v>181</v>
      </c>
    </row>
    <row r="4129" spans="1:19" x14ac:dyDescent="0.25">
      <c r="A4129">
        <v>52156031</v>
      </c>
      <c r="B4129" t="s">
        <v>21347</v>
      </c>
      <c r="C4129" t="s">
        <v>21348</v>
      </c>
      <c r="D4129">
        <v>52156358</v>
      </c>
      <c r="E4129">
        <v>3</v>
      </c>
      <c r="F4129">
        <v>4</v>
      </c>
      <c r="H4129" t="s">
        <v>21349</v>
      </c>
      <c r="I4129">
        <v>1</v>
      </c>
      <c r="J4129" t="s">
        <v>21350</v>
      </c>
      <c r="O4129">
        <v>10236724</v>
      </c>
      <c r="P4129">
        <v>1</v>
      </c>
      <c r="Q4129">
        <v>-3</v>
      </c>
      <c r="R4129" t="s">
        <v>21351</v>
      </c>
      <c r="S4129">
        <v>89</v>
      </c>
    </row>
    <row r="4130" spans="1:19" x14ac:dyDescent="0.25">
      <c r="A4130">
        <v>44884694</v>
      </c>
      <c r="B4130" t="s">
        <v>21352</v>
      </c>
      <c r="C4130" s="1" t="s">
        <v>21353</v>
      </c>
      <c r="D4130">
        <v>44884733</v>
      </c>
      <c r="E4130">
        <v>4</v>
      </c>
      <c r="F4130">
        <v>5</v>
      </c>
      <c r="H4130" t="s">
        <v>21354</v>
      </c>
      <c r="J4130" t="s">
        <v>21355</v>
      </c>
      <c r="O4130">
        <v>7700293</v>
      </c>
      <c r="P4130">
        <v>1</v>
      </c>
      <c r="Q4130">
        <v>0</v>
      </c>
      <c r="R4130" t="s">
        <v>21356</v>
      </c>
      <c r="S4130">
        <v>842</v>
      </c>
    </row>
    <row r="4131" spans="1:19" x14ac:dyDescent="0.25">
      <c r="A4131">
        <v>47356484</v>
      </c>
      <c r="B4131" t="s">
        <v>21357</v>
      </c>
      <c r="C4131" s="1" t="s">
        <v>21358</v>
      </c>
      <c r="D4131">
        <v>47375907</v>
      </c>
      <c r="E4131">
        <v>1</v>
      </c>
      <c r="F4131">
        <v>3</v>
      </c>
      <c r="H4131" t="s">
        <v>21359</v>
      </c>
      <c r="I4131">
        <v>2</v>
      </c>
      <c r="J4131" t="s">
        <v>21360</v>
      </c>
      <c r="K4131" t="s">
        <v>21360</v>
      </c>
      <c r="M4131">
        <v>7975081</v>
      </c>
      <c r="O4131">
        <v>7975081</v>
      </c>
      <c r="P4131">
        <v>1</v>
      </c>
      <c r="Q4131">
        <v>1</v>
      </c>
      <c r="R4131" t="s">
        <v>21361</v>
      </c>
      <c r="S4131">
        <v>129</v>
      </c>
    </row>
    <row r="4132" spans="1:19" x14ac:dyDescent="0.25">
      <c r="A4132">
        <v>49530146</v>
      </c>
      <c r="B4132" t="s">
        <v>21362</v>
      </c>
      <c r="C4132" s="1" t="s">
        <v>21363</v>
      </c>
      <c r="D4132">
        <v>49530249</v>
      </c>
      <c r="E4132">
        <v>1</v>
      </c>
      <c r="F4132">
        <v>2</v>
      </c>
      <c r="H4132" t="s">
        <v>21364</v>
      </c>
      <c r="J4132" t="s">
        <v>21365</v>
      </c>
      <c r="K4132" t="s">
        <v>21366</v>
      </c>
      <c r="M4132">
        <v>6350236</v>
      </c>
      <c r="O4132">
        <v>6350236</v>
      </c>
      <c r="P4132">
        <v>1</v>
      </c>
      <c r="Q4132">
        <v>2</v>
      </c>
      <c r="R4132" t="s">
        <v>21367</v>
      </c>
      <c r="S4132">
        <v>308</v>
      </c>
    </row>
    <row r="4133" spans="1:19" x14ac:dyDescent="0.25">
      <c r="A4133">
        <v>7657949</v>
      </c>
      <c r="B4133" t="s">
        <v>21368</v>
      </c>
      <c r="C4133" s="1" t="s">
        <v>21369</v>
      </c>
      <c r="E4133">
        <v>1</v>
      </c>
      <c r="F4133">
        <v>0</v>
      </c>
      <c r="H4133" t="s">
        <v>21370</v>
      </c>
      <c r="J4133" t="s">
        <v>21371</v>
      </c>
      <c r="K4133" t="s">
        <v>21372</v>
      </c>
      <c r="M4133">
        <v>512100</v>
      </c>
      <c r="O4133">
        <v>512100</v>
      </c>
      <c r="P4133">
        <v>1</v>
      </c>
      <c r="Q4133">
        <v>0</v>
      </c>
      <c r="R4133" t="s">
        <v>21373</v>
      </c>
      <c r="S4133">
        <v>1330</v>
      </c>
    </row>
    <row r="4134" spans="1:19" x14ac:dyDescent="0.25">
      <c r="A4134">
        <v>34001868</v>
      </c>
      <c r="B4134" t="s">
        <v>21374</v>
      </c>
      <c r="C4134" s="1" t="s">
        <v>21375</v>
      </c>
      <c r="D4134">
        <v>34007706</v>
      </c>
      <c r="E4134">
        <v>1</v>
      </c>
      <c r="F4134">
        <v>1</v>
      </c>
      <c r="H4134" t="s">
        <v>21376</v>
      </c>
      <c r="I4134">
        <v>1</v>
      </c>
      <c r="J4134" t="s">
        <v>21377</v>
      </c>
      <c r="K4134" t="s">
        <v>21378</v>
      </c>
      <c r="M4134">
        <v>1486275</v>
      </c>
      <c r="O4134">
        <v>4416056</v>
      </c>
      <c r="P4134">
        <v>1</v>
      </c>
      <c r="Q4134">
        <v>2</v>
      </c>
      <c r="R4134" t="s">
        <v>21379</v>
      </c>
      <c r="S4134">
        <v>6463</v>
      </c>
    </row>
    <row r="4135" spans="1:19" x14ac:dyDescent="0.25">
      <c r="A4135">
        <v>34667318</v>
      </c>
      <c r="B4135" t="s">
        <v>21380</v>
      </c>
      <c r="C4135" s="1" t="s">
        <v>21381</v>
      </c>
      <c r="D4135">
        <v>34688137</v>
      </c>
      <c r="E4135">
        <v>1</v>
      </c>
      <c r="F4135">
        <v>1</v>
      </c>
      <c r="H4135" t="s">
        <v>21382</v>
      </c>
      <c r="J4135" t="s">
        <v>21383</v>
      </c>
      <c r="O4135">
        <v>1301640</v>
      </c>
      <c r="P4135">
        <v>1</v>
      </c>
      <c r="Q4135">
        <v>1</v>
      </c>
      <c r="R4135" t="s">
        <v>21384</v>
      </c>
      <c r="S4135">
        <v>70</v>
      </c>
    </row>
    <row r="4136" spans="1:19" x14ac:dyDescent="0.25">
      <c r="A4136">
        <v>26822544</v>
      </c>
      <c r="B4136" t="s">
        <v>21385</v>
      </c>
      <c r="C4136" s="1" t="s">
        <v>21386</v>
      </c>
      <c r="D4136">
        <v>26822979</v>
      </c>
      <c r="E4136">
        <v>3</v>
      </c>
      <c r="F4136">
        <v>6</v>
      </c>
      <c r="H4136" t="s">
        <v>21387</v>
      </c>
      <c r="I4136">
        <v>2</v>
      </c>
      <c r="J4136" t="s">
        <v>21388</v>
      </c>
      <c r="K4136" t="s">
        <v>21389</v>
      </c>
      <c r="M4136">
        <v>3984370</v>
      </c>
      <c r="O4136">
        <v>3984370</v>
      </c>
      <c r="P4136">
        <v>1</v>
      </c>
      <c r="Q4136">
        <v>2</v>
      </c>
      <c r="R4136" t="s">
        <v>2494</v>
      </c>
      <c r="S4136">
        <v>86</v>
      </c>
    </row>
    <row r="4137" spans="1:19" x14ac:dyDescent="0.25">
      <c r="A4137">
        <v>24011883</v>
      </c>
      <c r="B4137" t="s">
        <v>21390</v>
      </c>
      <c r="C4137" t="s">
        <v>21391</v>
      </c>
      <c r="D4137">
        <v>24143796</v>
      </c>
      <c r="E4137">
        <v>1</v>
      </c>
      <c r="F4137">
        <v>0</v>
      </c>
      <c r="H4137" t="s">
        <v>21392</v>
      </c>
      <c r="J4137" t="s">
        <v>21393</v>
      </c>
      <c r="O4137">
        <v>428547</v>
      </c>
      <c r="P4137">
        <v>1</v>
      </c>
      <c r="Q4137">
        <v>0</v>
      </c>
      <c r="R4137" t="s">
        <v>21394</v>
      </c>
      <c r="S4137">
        <v>27</v>
      </c>
    </row>
    <row r="4138" spans="1:19" x14ac:dyDescent="0.25">
      <c r="A4138">
        <v>8893316</v>
      </c>
      <c r="B4138" t="s">
        <v>21395</v>
      </c>
      <c r="C4138" s="1" t="s">
        <v>21396</v>
      </c>
      <c r="E4138">
        <v>2</v>
      </c>
      <c r="F4138">
        <v>6</v>
      </c>
      <c r="H4138" t="s">
        <v>21397</v>
      </c>
      <c r="I4138">
        <v>1</v>
      </c>
      <c r="J4138" t="s">
        <v>21398</v>
      </c>
      <c r="K4138" t="s">
        <v>21398</v>
      </c>
      <c r="M4138">
        <v>206903</v>
      </c>
      <c r="O4138">
        <v>206903</v>
      </c>
      <c r="P4138">
        <v>1</v>
      </c>
      <c r="Q4138">
        <v>6</v>
      </c>
      <c r="R4138" t="s">
        <v>21399</v>
      </c>
      <c r="S4138">
        <v>6326</v>
      </c>
    </row>
    <row r="4139" spans="1:19" x14ac:dyDescent="0.25">
      <c r="A4139">
        <v>31422280</v>
      </c>
      <c r="B4139" t="s">
        <v>21400</v>
      </c>
      <c r="C4139" s="1" t="s">
        <v>21401</v>
      </c>
      <c r="E4139">
        <v>1</v>
      </c>
      <c r="F4139">
        <v>1</v>
      </c>
      <c r="H4139" t="s">
        <v>21402</v>
      </c>
      <c r="J4139" t="s">
        <v>21403</v>
      </c>
      <c r="K4139" t="s">
        <v>21404</v>
      </c>
      <c r="M4139">
        <v>2849567</v>
      </c>
      <c r="O4139">
        <v>5072755</v>
      </c>
      <c r="P4139">
        <v>1</v>
      </c>
      <c r="Q4139">
        <v>0</v>
      </c>
      <c r="R4139" t="s">
        <v>6962</v>
      </c>
      <c r="S4139">
        <v>169</v>
      </c>
    </row>
    <row r="4140" spans="1:19" x14ac:dyDescent="0.25">
      <c r="A4140">
        <v>10374567</v>
      </c>
      <c r="B4140" t="s">
        <v>21405</v>
      </c>
      <c r="C4140" s="1" t="s">
        <v>21406</v>
      </c>
      <c r="D4140">
        <v>10376042</v>
      </c>
      <c r="E4140">
        <v>2</v>
      </c>
      <c r="F4140">
        <v>8</v>
      </c>
      <c r="H4140" t="s">
        <v>21407</v>
      </c>
      <c r="J4140" t="s">
        <v>21408</v>
      </c>
      <c r="O4140">
        <v>1290495</v>
      </c>
      <c r="P4140">
        <v>1</v>
      </c>
      <c r="Q4140">
        <v>0</v>
      </c>
      <c r="R4140" t="s">
        <v>21409</v>
      </c>
      <c r="S4140">
        <v>2461</v>
      </c>
    </row>
    <row r="4141" spans="1:19" x14ac:dyDescent="0.25">
      <c r="A4141">
        <v>19796614</v>
      </c>
      <c r="B4141" t="s">
        <v>21410</v>
      </c>
      <c r="C4141" s="1" t="s">
        <v>21411</v>
      </c>
      <c r="D4141">
        <v>19798724</v>
      </c>
      <c r="E4141">
        <v>2</v>
      </c>
      <c r="F4141">
        <v>0</v>
      </c>
      <c r="H4141" t="s">
        <v>21412</v>
      </c>
      <c r="J4141" t="s">
        <v>21413</v>
      </c>
      <c r="O4141">
        <v>2957473</v>
      </c>
      <c r="P4141">
        <v>1</v>
      </c>
      <c r="Q4141">
        <v>0</v>
      </c>
      <c r="R4141" t="s">
        <v>12436</v>
      </c>
      <c r="S4141">
        <v>1108</v>
      </c>
    </row>
    <row r="4142" spans="1:19" x14ac:dyDescent="0.25">
      <c r="A4142">
        <v>8973252</v>
      </c>
      <c r="B4142" t="s">
        <v>21414</v>
      </c>
      <c r="C4142" s="1" t="s">
        <v>21415</v>
      </c>
      <c r="D4142">
        <v>8985592</v>
      </c>
      <c r="E4142">
        <v>2</v>
      </c>
      <c r="F4142">
        <v>13</v>
      </c>
      <c r="H4142" t="s">
        <v>21416</v>
      </c>
      <c r="I4142">
        <v>2</v>
      </c>
      <c r="J4142" t="s">
        <v>21417</v>
      </c>
      <c r="K4142" t="s">
        <v>21417</v>
      </c>
      <c r="M4142">
        <v>215282</v>
      </c>
      <c r="O4142">
        <v>215282</v>
      </c>
      <c r="P4142">
        <v>1</v>
      </c>
      <c r="Q4142">
        <v>-1</v>
      </c>
      <c r="R4142" t="s">
        <v>21418</v>
      </c>
      <c r="S4142">
        <v>6432</v>
      </c>
    </row>
    <row r="4143" spans="1:19" x14ac:dyDescent="0.25">
      <c r="A4143">
        <v>25187226</v>
      </c>
      <c r="B4143" t="s">
        <v>21419</v>
      </c>
      <c r="C4143" s="1" t="s">
        <v>21420</v>
      </c>
      <c r="D4143">
        <v>26311770</v>
      </c>
      <c r="E4143">
        <v>2</v>
      </c>
      <c r="F4143">
        <v>0</v>
      </c>
      <c r="H4143" t="s">
        <v>21421</v>
      </c>
      <c r="J4143" t="s">
        <v>21422</v>
      </c>
      <c r="O4143">
        <v>413622</v>
      </c>
      <c r="P4143">
        <v>1</v>
      </c>
      <c r="Q4143">
        <v>4</v>
      </c>
      <c r="R4143" t="s">
        <v>21423</v>
      </c>
      <c r="S4143">
        <v>2013</v>
      </c>
    </row>
    <row r="4144" spans="1:19" x14ac:dyDescent="0.25">
      <c r="A4144">
        <v>9001164</v>
      </c>
      <c r="B4144" t="s">
        <v>21424</v>
      </c>
      <c r="C4144" s="1" t="s">
        <v>21425</v>
      </c>
      <c r="E4144">
        <v>1</v>
      </c>
      <c r="F4144">
        <v>0</v>
      </c>
      <c r="H4144" t="s">
        <v>21426</v>
      </c>
      <c r="I4144">
        <v>6</v>
      </c>
      <c r="J4144" t="s">
        <v>21427</v>
      </c>
      <c r="K4144" t="s">
        <v>21428</v>
      </c>
      <c r="M4144">
        <v>254635</v>
      </c>
      <c r="O4144">
        <v>1159988</v>
      </c>
      <c r="P4144">
        <v>1</v>
      </c>
      <c r="Q4144">
        <v>18</v>
      </c>
      <c r="R4144" t="s">
        <v>16508</v>
      </c>
      <c r="S4144">
        <v>9534</v>
      </c>
    </row>
    <row r="4145" spans="1:19" x14ac:dyDescent="0.25">
      <c r="A4145">
        <v>28510263</v>
      </c>
      <c r="B4145" t="s">
        <v>21429</v>
      </c>
      <c r="C4145" s="1" t="s">
        <v>21430</v>
      </c>
      <c r="E4145">
        <v>1</v>
      </c>
      <c r="F4145">
        <v>0</v>
      </c>
      <c r="H4145" t="s">
        <v>21431</v>
      </c>
      <c r="J4145" t="s">
        <v>21432</v>
      </c>
      <c r="O4145">
        <v>4565301</v>
      </c>
      <c r="P4145">
        <v>1</v>
      </c>
      <c r="Q4145">
        <v>0</v>
      </c>
      <c r="R4145" t="s">
        <v>21433</v>
      </c>
      <c r="S4145">
        <v>74</v>
      </c>
    </row>
    <row r="4146" spans="1:19" x14ac:dyDescent="0.25">
      <c r="A4146">
        <v>14297560</v>
      </c>
      <c r="B4146" t="s">
        <v>21434</v>
      </c>
      <c r="C4146" s="1" t="s">
        <v>21435</v>
      </c>
      <c r="E4146">
        <v>5</v>
      </c>
      <c r="F4146">
        <v>1</v>
      </c>
      <c r="H4146" t="s">
        <v>21436</v>
      </c>
      <c r="I4146">
        <v>5</v>
      </c>
      <c r="J4146" t="s">
        <v>21437</v>
      </c>
      <c r="K4146" t="s">
        <v>21438</v>
      </c>
      <c r="M4146">
        <v>3118209</v>
      </c>
      <c r="O4146">
        <v>377920</v>
      </c>
      <c r="P4146">
        <v>1</v>
      </c>
      <c r="Q4146">
        <v>29</v>
      </c>
      <c r="R4146" t="s">
        <v>3056</v>
      </c>
      <c r="S4146">
        <v>58053</v>
      </c>
    </row>
    <row r="4147" spans="1:19" x14ac:dyDescent="0.25">
      <c r="A4147">
        <v>39354628</v>
      </c>
      <c r="B4147" t="s">
        <v>21439</v>
      </c>
      <c r="C4147" s="1" t="s">
        <v>21440</v>
      </c>
      <c r="E4147">
        <v>0</v>
      </c>
      <c r="F4147">
        <v>5</v>
      </c>
      <c r="H4147" t="s">
        <v>21441</v>
      </c>
      <c r="J4147" t="s">
        <v>21442</v>
      </c>
      <c r="K4147" t="s">
        <v>21442</v>
      </c>
      <c r="M4147">
        <v>1905949</v>
      </c>
      <c r="O4147">
        <v>6732752</v>
      </c>
      <c r="P4147">
        <v>1</v>
      </c>
      <c r="Q4147">
        <v>0</v>
      </c>
      <c r="R4147" t="s">
        <v>21443</v>
      </c>
      <c r="S4147">
        <v>527</v>
      </c>
    </row>
    <row r="4148" spans="1:19" x14ac:dyDescent="0.25">
      <c r="A4148">
        <v>13149125</v>
      </c>
      <c r="B4148" t="s">
        <v>21444</v>
      </c>
      <c r="C4148" s="1" t="s">
        <v>21445</v>
      </c>
      <c r="D4148">
        <v>13150737</v>
      </c>
      <c r="E4148">
        <v>1</v>
      </c>
      <c r="F4148">
        <v>0</v>
      </c>
      <c r="H4148" t="s">
        <v>21446</v>
      </c>
      <c r="J4148" t="s">
        <v>21447</v>
      </c>
      <c r="O4148">
        <v>297131</v>
      </c>
      <c r="P4148">
        <v>1</v>
      </c>
      <c r="Q4148">
        <v>0</v>
      </c>
      <c r="R4148" t="s">
        <v>21448</v>
      </c>
      <c r="S4148">
        <v>190</v>
      </c>
    </row>
    <row r="4149" spans="1:19" x14ac:dyDescent="0.25">
      <c r="A4149">
        <v>17347135</v>
      </c>
      <c r="B4149" t="s">
        <v>21449</v>
      </c>
      <c r="C4149" s="1" t="s">
        <v>21450</v>
      </c>
      <c r="D4149">
        <v>17369727</v>
      </c>
      <c r="E4149">
        <v>1</v>
      </c>
      <c r="F4149">
        <v>2</v>
      </c>
      <c r="H4149" t="s">
        <v>21451</v>
      </c>
      <c r="J4149" t="s">
        <v>21452</v>
      </c>
      <c r="K4149" t="s">
        <v>21453</v>
      </c>
      <c r="M4149">
        <v>1339087</v>
      </c>
      <c r="O4149">
        <v>1339087</v>
      </c>
      <c r="P4149">
        <v>1</v>
      </c>
      <c r="Q4149">
        <v>1</v>
      </c>
      <c r="R4149" t="s">
        <v>21454</v>
      </c>
      <c r="S4149">
        <v>598</v>
      </c>
    </row>
    <row r="4150" spans="1:19" x14ac:dyDescent="0.25">
      <c r="A4150">
        <v>37519061</v>
      </c>
      <c r="B4150" t="s">
        <v>21455</v>
      </c>
      <c r="C4150" s="1" t="s">
        <v>21456</v>
      </c>
      <c r="D4150">
        <v>37533067</v>
      </c>
      <c r="E4150">
        <v>3</v>
      </c>
      <c r="F4150">
        <v>0</v>
      </c>
      <c r="H4150" t="s">
        <v>21457</v>
      </c>
      <c r="J4150" t="s">
        <v>21458</v>
      </c>
      <c r="K4150" t="s">
        <v>21459</v>
      </c>
      <c r="M4150">
        <v>4072706</v>
      </c>
      <c r="O4150">
        <v>5409662</v>
      </c>
      <c r="P4150">
        <v>1</v>
      </c>
      <c r="Q4150">
        <v>3</v>
      </c>
      <c r="R4150" t="s">
        <v>21460</v>
      </c>
      <c r="S4150">
        <v>5611</v>
      </c>
    </row>
    <row r="4151" spans="1:19" x14ac:dyDescent="0.25">
      <c r="A4151">
        <v>49305961</v>
      </c>
      <c r="B4151" t="s">
        <v>21461</v>
      </c>
      <c r="C4151" s="1" t="s">
        <v>21462</v>
      </c>
      <c r="D4151">
        <v>49306322</v>
      </c>
      <c r="E4151">
        <v>2</v>
      </c>
      <c r="F4151">
        <v>0</v>
      </c>
      <c r="H4151" t="s">
        <v>21463</v>
      </c>
      <c r="J4151" t="s">
        <v>21464</v>
      </c>
      <c r="O4151">
        <v>7684861</v>
      </c>
      <c r="P4151">
        <v>1</v>
      </c>
      <c r="Q4151">
        <v>0</v>
      </c>
      <c r="R4151" t="s">
        <v>4631</v>
      </c>
      <c r="S4151">
        <v>83</v>
      </c>
    </row>
    <row r="4152" spans="1:19" x14ac:dyDescent="0.25">
      <c r="A4152">
        <v>12034252</v>
      </c>
      <c r="B4152" t="s">
        <v>21465</v>
      </c>
      <c r="C4152" s="1" t="s">
        <v>21466</v>
      </c>
      <c r="D4152">
        <v>12034310</v>
      </c>
      <c r="E4152">
        <v>1</v>
      </c>
      <c r="F4152">
        <v>1</v>
      </c>
      <c r="H4152" t="s">
        <v>21467</v>
      </c>
      <c r="I4152">
        <v>1</v>
      </c>
      <c r="J4152" t="s">
        <v>21468</v>
      </c>
      <c r="O4152">
        <v>833430</v>
      </c>
      <c r="P4152">
        <v>1</v>
      </c>
      <c r="Q4152">
        <v>2</v>
      </c>
      <c r="R4152" t="s">
        <v>2494</v>
      </c>
      <c r="S4152">
        <v>9727</v>
      </c>
    </row>
    <row r="4153" spans="1:19" x14ac:dyDescent="0.25">
      <c r="A4153">
        <v>12605940</v>
      </c>
      <c r="B4153" t="s">
        <v>21469</v>
      </c>
      <c r="C4153" t="s">
        <v>21470</v>
      </c>
      <c r="D4153">
        <v>12605984</v>
      </c>
      <c r="E4153">
        <v>1</v>
      </c>
      <c r="F4153">
        <v>2</v>
      </c>
      <c r="H4153" t="s">
        <v>21471</v>
      </c>
      <c r="J4153" t="s">
        <v>21472</v>
      </c>
      <c r="O4153">
        <v>1464227</v>
      </c>
      <c r="P4153">
        <v>1</v>
      </c>
      <c r="Q4153">
        <v>-5</v>
      </c>
      <c r="R4153" t="s">
        <v>21473</v>
      </c>
      <c r="S4153">
        <v>182</v>
      </c>
    </row>
    <row r="4154" spans="1:19" x14ac:dyDescent="0.25">
      <c r="A4154">
        <v>53113926</v>
      </c>
      <c r="B4154" t="s">
        <v>21474</v>
      </c>
      <c r="C4154" s="1" t="s">
        <v>21475</v>
      </c>
      <c r="E4154">
        <v>2</v>
      </c>
      <c r="F4154">
        <v>0</v>
      </c>
      <c r="H4154" t="s">
        <v>21476</v>
      </c>
      <c r="J4154" t="s">
        <v>21477</v>
      </c>
      <c r="K4154" t="s">
        <v>21478</v>
      </c>
      <c r="M4154">
        <v>10487896</v>
      </c>
      <c r="O4154">
        <v>10487896</v>
      </c>
      <c r="P4154">
        <v>1</v>
      </c>
      <c r="Q4154">
        <v>0</v>
      </c>
      <c r="R4154" t="s">
        <v>125</v>
      </c>
      <c r="S4154">
        <v>37</v>
      </c>
    </row>
    <row r="4155" spans="1:19" x14ac:dyDescent="0.25">
      <c r="A4155">
        <v>27049170</v>
      </c>
      <c r="B4155" t="s">
        <v>21479</v>
      </c>
      <c r="C4155" s="1" t="s">
        <v>21480</v>
      </c>
      <c r="D4155">
        <v>27049477</v>
      </c>
      <c r="E4155">
        <v>2</v>
      </c>
      <c r="F4155">
        <v>4</v>
      </c>
      <c r="H4155" t="s">
        <v>21481</v>
      </c>
      <c r="J4155" t="s">
        <v>21482</v>
      </c>
      <c r="K4155" t="s">
        <v>21483</v>
      </c>
      <c r="M4155">
        <v>438992</v>
      </c>
      <c r="O4155">
        <v>1459423</v>
      </c>
      <c r="P4155">
        <v>1</v>
      </c>
      <c r="Q4155">
        <v>1</v>
      </c>
      <c r="R4155" t="s">
        <v>21484</v>
      </c>
      <c r="S4155">
        <v>240</v>
      </c>
    </row>
    <row r="4156" spans="1:19" x14ac:dyDescent="0.25">
      <c r="A4156">
        <v>49387223</v>
      </c>
      <c r="B4156" t="s">
        <v>21485</v>
      </c>
      <c r="C4156" s="1" t="s">
        <v>21486</v>
      </c>
      <c r="E4156">
        <v>1</v>
      </c>
      <c r="F4156">
        <v>0</v>
      </c>
      <c r="H4156" t="s">
        <v>21487</v>
      </c>
      <c r="J4156" t="s">
        <v>21488</v>
      </c>
      <c r="O4156">
        <v>1141552</v>
      </c>
      <c r="P4156">
        <v>1</v>
      </c>
      <c r="Q4156">
        <v>0</v>
      </c>
      <c r="R4156" t="s">
        <v>21489</v>
      </c>
      <c r="S4156">
        <v>32</v>
      </c>
    </row>
    <row r="4157" spans="1:19" x14ac:dyDescent="0.25">
      <c r="A4157">
        <v>49904491</v>
      </c>
      <c r="B4157" t="s">
        <v>21490</v>
      </c>
      <c r="C4157" s="1" t="s">
        <v>21491</v>
      </c>
      <c r="D4157">
        <v>49904939</v>
      </c>
      <c r="E4157">
        <v>1</v>
      </c>
      <c r="F4157">
        <v>1</v>
      </c>
      <c r="H4157" t="s">
        <v>21492</v>
      </c>
      <c r="J4157" t="s">
        <v>21493</v>
      </c>
      <c r="O4157">
        <v>9665462</v>
      </c>
      <c r="P4157">
        <v>1</v>
      </c>
      <c r="Q4157">
        <v>0</v>
      </c>
      <c r="R4157" t="s">
        <v>4991</v>
      </c>
      <c r="S4157">
        <v>40</v>
      </c>
    </row>
    <row r="4158" spans="1:19" x14ac:dyDescent="0.25">
      <c r="A4158">
        <v>16511159</v>
      </c>
      <c r="B4158" t="s">
        <v>21494</v>
      </c>
      <c r="C4158" s="1" t="s">
        <v>21495</v>
      </c>
      <c r="E4158">
        <v>1</v>
      </c>
      <c r="F4158">
        <v>0</v>
      </c>
      <c r="H4158" t="s">
        <v>21496</v>
      </c>
      <c r="J4158" t="s">
        <v>21497</v>
      </c>
      <c r="O4158">
        <v>1204054</v>
      </c>
      <c r="P4158">
        <v>1</v>
      </c>
      <c r="Q4158">
        <v>0</v>
      </c>
      <c r="R4158" t="s">
        <v>2754</v>
      </c>
      <c r="S4158">
        <v>792</v>
      </c>
    </row>
    <row r="4159" spans="1:19" x14ac:dyDescent="0.25">
      <c r="A4159">
        <v>30318840</v>
      </c>
      <c r="B4159" t="s">
        <v>21498</v>
      </c>
      <c r="C4159" s="1" t="s">
        <v>21499</v>
      </c>
      <c r="E4159">
        <v>2</v>
      </c>
      <c r="F4159">
        <v>7</v>
      </c>
      <c r="H4159" t="s">
        <v>21500</v>
      </c>
      <c r="I4159">
        <v>1</v>
      </c>
      <c r="J4159" t="s">
        <v>21501</v>
      </c>
      <c r="K4159" t="s">
        <v>21502</v>
      </c>
      <c r="M4159">
        <v>4558437</v>
      </c>
      <c r="O4159">
        <v>4558437</v>
      </c>
      <c r="P4159">
        <v>1</v>
      </c>
      <c r="Q4159">
        <v>0</v>
      </c>
      <c r="R4159" t="s">
        <v>21503</v>
      </c>
      <c r="S4159">
        <v>746</v>
      </c>
    </row>
    <row r="4160" spans="1:19" x14ac:dyDescent="0.25">
      <c r="A4160">
        <v>44784234</v>
      </c>
      <c r="B4160" t="s">
        <v>21504</v>
      </c>
      <c r="C4160" s="1" t="s">
        <v>21505</v>
      </c>
      <c r="E4160">
        <v>1</v>
      </c>
      <c r="F4160">
        <v>4</v>
      </c>
      <c r="H4160" t="s">
        <v>21506</v>
      </c>
      <c r="J4160" t="s">
        <v>21507</v>
      </c>
      <c r="K4160" t="s">
        <v>21507</v>
      </c>
      <c r="M4160">
        <v>6375113</v>
      </c>
      <c r="O4160">
        <v>1133284</v>
      </c>
      <c r="P4160">
        <v>1</v>
      </c>
      <c r="Q4160">
        <v>1</v>
      </c>
      <c r="R4160" t="s">
        <v>21508</v>
      </c>
      <c r="S4160">
        <v>399</v>
      </c>
    </row>
    <row r="4161" spans="1:19" x14ac:dyDescent="0.25">
      <c r="A4161">
        <v>23409824</v>
      </c>
      <c r="B4161" t="s">
        <v>21509</v>
      </c>
      <c r="C4161" s="1" t="s">
        <v>21510</v>
      </c>
      <c r="E4161">
        <v>0</v>
      </c>
      <c r="F4161">
        <v>4</v>
      </c>
      <c r="H4161" t="s">
        <v>21511</v>
      </c>
      <c r="J4161" t="s">
        <v>21512</v>
      </c>
      <c r="K4161" t="s">
        <v>21512</v>
      </c>
      <c r="M4161">
        <v>1724118</v>
      </c>
      <c r="O4161">
        <v>1724118</v>
      </c>
      <c r="P4161">
        <v>1</v>
      </c>
      <c r="Q4161">
        <v>0</v>
      </c>
      <c r="R4161" t="s">
        <v>21513</v>
      </c>
      <c r="S4161">
        <v>209</v>
      </c>
    </row>
    <row r="4162" spans="1:19" x14ac:dyDescent="0.25">
      <c r="A4162">
        <v>28318491</v>
      </c>
      <c r="B4162" t="s">
        <v>21514</v>
      </c>
      <c r="C4162" s="1" t="s">
        <v>21515</v>
      </c>
      <c r="D4162">
        <v>28318544</v>
      </c>
      <c r="E4162">
        <v>1</v>
      </c>
      <c r="F4162">
        <v>0</v>
      </c>
      <c r="H4162" t="s">
        <v>21516</v>
      </c>
      <c r="J4162" t="s">
        <v>21517</v>
      </c>
      <c r="O4162">
        <v>1380929</v>
      </c>
      <c r="P4162">
        <v>1</v>
      </c>
      <c r="Q4162">
        <v>1</v>
      </c>
      <c r="R4162" t="s">
        <v>3969</v>
      </c>
      <c r="S4162">
        <v>503</v>
      </c>
    </row>
    <row r="4163" spans="1:19" x14ac:dyDescent="0.25">
      <c r="A4163">
        <v>47660608</v>
      </c>
      <c r="B4163" t="s">
        <v>21518</v>
      </c>
      <c r="C4163" s="1" t="s">
        <v>21519</v>
      </c>
      <c r="E4163">
        <v>0</v>
      </c>
      <c r="F4163">
        <v>0</v>
      </c>
      <c r="H4163" t="s">
        <v>21520</v>
      </c>
      <c r="J4163" t="s">
        <v>21521</v>
      </c>
      <c r="K4163" t="s">
        <v>21521</v>
      </c>
      <c r="M4163">
        <v>3590067</v>
      </c>
      <c r="O4163">
        <v>3590067</v>
      </c>
      <c r="P4163">
        <v>1</v>
      </c>
      <c r="Q4163">
        <v>0</v>
      </c>
      <c r="R4163" t="s">
        <v>21522</v>
      </c>
      <c r="S4163">
        <v>45</v>
      </c>
    </row>
    <row r="4164" spans="1:19" x14ac:dyDescent="0.25">
      <c r="A4164">
        <v>26513236</v>
      </c>
      <c r="B4164" t="s">
        <v>21523</v>
      </c>
      <c r="C4164" s="1" t="s">
        <v>21524</v>
      </c>
      <c r="E4164">
        <v>1</v>
      </c>
      <c r="F4164">
        <v>1</v>
      </c>
      <c r="H4164" t="s">
        <v>21525</v>
      </c>
      <c r="I4164">
        <v>3</v>
      </c>
      <c r="J4164" t="s">
        <v>21526</v>
      </c>
      <c r="O4164">
        <v>3408299</v>
      </c>
      <c r="P4164">
        <v>1</v>
      </c>
      <c r="Q4164">
        <v>5</v>
      </c>
      <c r="R4164" t="s">
        <v>21527</v>
      </c>
      <c r="S4164">
        <v>8040</v>
      </c>
    </row>
    <row r="4165" spans="1:19" x14ac:dyDescent="0.25">
      <c r="A4165">
        <v>30180469</v>
      </c>
      <c r="B4165" t="s">
        <v>21528</v>
      </c>
      <c r="C4165" s="1" t="s">
        <v>21529</v>
      </c>
      <c r="E4165">
        <v>2</v>
      </c>
      <c r="F4165">
        <v>0</v>
      </c>
      <c r="H4165" t="s">
        <v>21530</v>
      </c>
      <c r="J4165" t="s">
        <v>21531</v>
      </c>
      <c r="K4165" t="s">
        <v>21531</v>
      </c>
      <c r="M4165">
        <v>237955</v>
      </c>
      <c r="O4165">
        <v>4547195</v>
      </c>
      <c r="P4165">
        <v>1</v>
      </c>
      <c r="Q4165">
        <v>2</v>
      </c>
      <c r="R4165" t="s">
        <v>21532</v>
      </c>
      <c r="S4165">
        <v>36</v>
      </c>
    </row>
    <row r="4166" spans="1:19" x14ac:dyDescent="0.25">
      <c r="A4166">
        <v>13831181</v>
      </c>
      <c r="B4166" t="s">
        <v>21533</v>
      </c>
      <c r="C4166" s="1" t="s">
        <v>21534</v>
      </c>
      <c r="E4166">
        <v>3</v>
      </c>
      <c r="F4166">
        <v>1</v>
      </c>
      <c r="H4166" t="s">
        <v>21535</v>
      </c>
      <c r="I4166">
        <v>2</v>
      </c>
      <c r="J4166" t="s">
        <v>21536</v>
      </c>
      <c r="O4166">
        <v>840968</v>
      </c>
      <c r="P4166">
        <v>1</v>
      </c>
      <c r="Q4166">
        <v>1</v>
      </c>
      <c r="R4166" t="s">
        <v>21537</v>
      </c>
      <c r="S4166">
        <v>342</v>
      </c>
    </row>
    <row r="4167" spans="1:19" x14ac:dyDescent="0.25">
      <c r="A4167">
        <v>36034254</v>
      </c>
      <c r="B4167" t="s">
        <v>21538</v>
      </c>
      <c r="C4167" s="1" t="s">
        <v>21539</v>
      </c>
      <c r="E4167">
        <v>1</v>
      </c>
      <c r="F4167">
        <v>4</v>
      </c>
      <c r="H4167" t="s">
        <v>21540</v>
      </c>
      <c r="J4167" t="s">
        <v>21541</v>
      </c>
      <c r="K4167" t="s">
        <v>21541</v>
      </c>
      <c r="M4167">
        <v>2410379</v>
      </c>
      <c r="O4167">
        <v>1262278</v>
      </c>
      <c r="P4167">
        <v>1</v>
      </c>
      <c r="Q4167">
        <v>-4</v>
      </c>
      <c r="R4167" t="s">
        <v>10727</v>
      </c>
      <c r="S4167">
        <v>126</v>
      </c>
    </row>
    <row r="4168" spans="1:19" x14ac:dyDescent="0.25">
      <c r="A4168">
        <v>7813276</v>
      </c>
      <c r="B4168" t="s">
        <v>21542</v>
      </c>
      <c r="C4168" s="1" t="s">
        <v>21543</v>
      </c>
      <c r="D4168">
        <v>7813698</v>
      </c>
      <c r="E4168">
        <v>4</v>
      </c>
      <c r="F4168">
        <v>2</v>
      </c>
      <c r="H4168" t="s">
        <v>21544</v>
      </c>
      <c r="J4168" t="s">
        <v>21545</v>
      </c>
      <c r="K4168" t="s">
        <v>21546</v>
      </c>
      <c r="M4168">
        <v>1001776</v>
      </c>
      <c r="O4168">
        <v>1001776</v>
      </c>
      <c r="P4168">
        <v>1</v>
      </c>
      <c r="Q4168">
        <v>0</v>
      </c>
      <c r="R4168" t="s">
        <v>759</v>
      </c>
      <c r="S4168">
        <v>281</v>
      </c>
    </row>
    <row r="4169" spans="1:19" x14ac:dyDescent="0.25">
      <c r="A4169">
        <v>23841445</v>
      </c>
      <c r="B4169" t="s">
        <v>21547</v>
      </c>
      <c r="C4169" s="1" t="s">
        <v>21548</v>
      </c>
      <c r="E4169">
        <v>1</v>
      </c>
      <c r="F4169">
        <v>3</v>
      </c>
      <c r="H4169" t="s">
        <v>21549</v>
      </c>
      <c r="J4169" t="s">
        <v>21550</v>
      </c>
      <c r="O4169">
        <v>3511563</v>
      </c>
      <c r="P4169">
        <v>1</v>
      </c>
      <c r="Q4169">
        <v>0</v>
      </c>
      <c r="R4169" t="s">
        <v>21551</v>
      </c>
      <c r="S4169">
        <v>613</v>
      </c>
    </row>
    <row r="4170" spans="1:19" x14ac:dyDescent="0.25">
      <c r="A4170">
        <v>8344965</v>
      </c>
      <c r="B4170" t="s">
        <v>21552</v>
      </c>
      <c r="C4170" s="1" t="s">
        <v>21553</v>
      </c>
      <c r="E4170">
        <v>0</v>
      </c>
      <c r="F4170">
        <v>2</v>
      </c>
      <c r="H4170" t="s">
        <v>21554</v>
      </c>
      <c r="J4170" t="s">
        <v>21554</v>
      </c>
      <c r="O4170">
        <v>935188</v>
      </c>
      <c r="P4170">
        <v>1</v>
      </c>
      <c r="Q4170">
        <v>1</v>
      </c>
      <c r="R4170" t="s">
        <v>21555</v>
      </c>
      <c r="S4170">
        <v>309</v>
      </c>
    </row>
    <row r="4171" spans="1:19" x14ac:dyDescent="0.25">
      <c r="A4171">
        <v>38044451</v>
      </c>
      <c r="B4171" t="s">
        <v>21556</v>
      </c>
      <c r="C4171" s="1" t="s">
        <v>21557</v>
      </c>
      <c r="D4171">
        <v>38044626</v>
      </c>
      <c r="E4171">
        <v>2</v>
      </c>
      <c r="F4171">
        <v>0</v>
      </c>
      <c r="H4171" t="s">
        <v>21558</v>
      </c>
      <c r="I4171">
        <v>2</v>
      </c>
      <c r="J4171" t="s">
        <v>21559</v>
      </c>
      <c r="O4171">
        <v>4066949</v>
      </c>
      <c r="P4171">
        <v>1</v>
      </c>
      <c r="Q4171">
        <v>16</v>
      </c>
      <c r="R4171" t="s">
        <v>21560</v>
      </c>
      <c r="S4171">
        <v>13732</v>
      </c>
    </row>
    <row r="4172" spans="1:19" x14ac:dyDescent="0.25">
      <c r="A4172">
        <v>15941218</v>
      </c>
      <c r="B4172" t="s">
        <v>21561</v>
      </c>
      <c r="C4172" s="1" t="s">
        <v>21562</v>
      </c>
      <c r="D4172">
        <v>15941388</v>
      </c>
      <c r="E4172">
        <v>2</v>
      </c>
      <c r="F4172">
        <v>1</v>
      </c>
      <c r="H4172" t="s">
        <v>21563</v>
      </c>
      <c r="I4172">
        <v>1</v>
      </c>
      <c r="J4172" t="s">
        <v>21564</v>
      </c>
      <c r="K4172" t="s">
        <v>21565</v>
      </c>
      <c r="M4172">
        <v>1470582</v>
      </c>
      <c r="O4172">
        <v>1470582</v>
      </c>
      <c r="P4172">
        <v>1</v>
      </c>
      <c r="Q4172">
        <v>0</v>
      </c>
      <c r="R4172" t="s">
        <v>21566</v>
      </c>
      <c r="S4172">
        <v>1478</v>
      </c>
    </row>
    <row r="4173" spans="1:19" x14ac:dyDescent="0.25">
      <c r="A4173">
        <v>6437879</v>
      </c>
      <c r="B4173" t="s">
        <v>21567</v>
      </c>
      <c r="C4173" t="s">
        <v>21568</v>
      </c>
      <c r="D4173">
        <v>6438173</v>
      </c>
      <c r="E4173">
        <v>1</v>
      </c>
      <c r="F4173">
        <v>1</v>
      </c>
      <c r="H4173" t="s">
        <v>21569</v>
      </c>
      <c r="I4173">
        <v>12</v>
      </c>
      <c r="J4173" t="s">
        <v>21570</v>
      </c>
      <c r="K4173" t="s">
        <v>21571</v>
      </c>
      <c r="M4173">
        <v>16287</v>
      </c>
      <c r="O4173">
        <v>800799</v>
      </c>
      <c r="P4173">
        <v>1</v>
      </c>
      <c r="Q4173">
        <v>19</v>
      </c>
      <c r="R4173" t="s">
        <v>21572</v>
      </c>
      <c r="S4173">
        <v>16954</v>
      </c>
    </row>
    <row r="4174" spans="1:19" x14ac:dyDescent="0.25">
      <c r="A4174">
        <v>38291704</v>
      </c>
      <c r="B4174" t="s">
        <v>21573</v>
      </c>
      <c r="C4174" s="1" t="s">
        <v>21574</v>
      </c>
      <c r="D4174">
        <v>38292801</v>
      </c>
      <c r="E4174">
        <v>2</v>
      </c>
      <c r="F4174">
        <v>2</v>
      </c>
      <c r="H4174" t="s">
        <v>21575</v>
      </c>
      <c r="J4174" t="s">
        <v>21576</v>
      </c>
      <c r="K4174" t="s">
        <v>21577</v>
      </c>
      <c r="M4174">
        <v>3135417</v>
      </c>
      <c r="O4174">
        <v>5215369</v>
      </c>
      <c r="P4174">
        <v>1</v>
      </c>
      <c r="Q4174">
        <v>1</v>
      </c>
      <c r="R4174" t="s">
        <v>229</v>
      </c>
      <c r="S4174">
        <v>35</v>
      </c>
    </row>
    <row r="4175" spans="1:19" x14ac:dyDescent="0.25">
      <c r="A4175">
        <v>18504024</v>
      </c>
      <c r="B4175" t="s">
        <v>21578</v>
      </c>
      <c r="C4175" s="1" t="s">
        <v>21579</v>
      </c>
      <c r="E4175">
        <v>2</v>
      </c>
      <c r="F4175">
        <v>0</v>
      </c>
      <c r="H4175" t="s">
        <v>21580</v>
      </c>
      <c r="J4175" t="s">
        <v>21581</v>
      </c>
      <c r="K4175" t="s">
        <v>21581</v>
      </c>
      <c r="M4175">
        <v>1607098</v>
      </c>
      <c r="O4175">
        <v>1852214</v>
      </c>
      <c r="P4175">
        <v>1</v>
      </c>
      <c r="Q4175">
        <v>-3</v>
      </c>
      <c r="R4175" t="s">
        <v>12082</v>
      </c>
      <c r="S4175">
        <v>597</v>
      </c>
    </row>
    <row r="4176" spans="1:19" x14ac:dyDescent="0.25">
      <c r="A4176">
        <v>40852079</v>
      </c>
      <c r="B4176" t="s">
        <v>21582</v>
      </c>
      <c r="C4176" s="1" t="s">
        <v>21583</v>
      </c>
      <c r="D4176">
        <v>40853231</v>
      </c>
      <c r="E4176">
        <v>1</v>
      </c>
      <c r="F4176">
        <v>2</v>
      </c>
      <c r="H4176" t="s">
        <v>21584</v>
      </c>
      <c r="J4176" t="s">
        <v>21585</v>
      </c>
      <c r="K4176" t="s">
        <v>21585</v>
      </c>
      <c r="M4176">
        <v>2649012</v>
      </c>
      <c r="O4176">
        <v>215779</v>
      </c>
      <c r="P4176">
        <v>1</v>
      </c>
      <c r="Q4176">
        <v>1</v>
      </c>
      <c r="R4176" t="s">
        <v>21586</v>
      </c>
      <c r="S4176">
        <v>489</v>
      </c>
    </row>
    <row r="4177" spans="1:19" x14ac:dyDescent="0.25">
      <c r="A4177">
        <v>13550053</v>
      </c>
      <c r="B4177" t="s">
        <v>21587</v>
      </c>
      <c r="C4177" s="1" t="s">
        <v>21588</v>
      </c>
      <c r="E4177">
        <v>1</v>
      </c>
      <c r="F4177">
        <v>0</v>
      </c>
      <c r="H4177" t="s">
        <v>21589</v>
      </c>
      <c r="J4177" t="s">
        <v>21590</v>
      </c>
      <c r="O4177">
        <v>375551</v>
      </c>
      <c r="P4177">
        <v>1</v>
      </c>
      <c r="Q4177">
        <v>0</v>
      </c>
      <c r="R4177" t="s">
        <v>21591</v>
      </c>
      <c r="S4177">
        <v>327</v>
      </c>
    </row>
    <row r="4178" spans="1:19" x14ac:dyDescent="0.25">
      <c r="A4178">
        <v>9270751</v>
      </c>
      <c r="B4178" t="s">
        <v>21592</v>
      </c>
      <c r="C4178" s="1" t="s">
        <v>21593</v>
      </c>
      <c r="E4178">
        <v>1</v>
      </c>
      <c r="F4178">
        <v>0</v>
      </c>
      <c r="H4178" t="s">
        <v>21594</v>
      </c>
      <c r="J4178" t="s">
        <v>21595</v>
      </c>
      <c r="O4178">
        <v>869087</v>
      </c>
      <c r="P4178">
        <v>1</v>
      </c>
      <c r="Q4178">
        <v>0</v>
      </c>
      <c r="R4178" t="s">
        <v>21596</v>
      </c>
      <c r="S4178">
        <v>568</v>
      </c>
    </row>
    <row r="4179" spans="1:19" x14ac:dyDescent="0.25">
      <c r="A4179">
        <v>21735377</v>
      </c>
      <c r="B4179" t="s">
        <v>21597</v>
      </c>
      <c r="C4179" s="1" t="s">
        <v>21598</v>
      </c>
      <c r="D4179">
        <v>21736432</v>
      </c>
      <c r="E4179">
        <v>1</v>
      </c>
      <c r="F4179">
        <v>0</v>
      </c>
      <c r="H4179" t="s">
        <v>21599</v>
      </c>
      <c r="J4179" t="s">
        <v>21600</v>
      </c>
      <c r="K4179" t="s">
        <v>21601</v>
      </c>
      <c r="M4179">
        <v>3012290</v>
      </c>
      <c r="O4179">
        <v>1399292</v>
      </c>
      <c r="P4179">
        <v>1</v>
      </c>
      <c r="Q4179">
        <v>0</v>
      </c>
      <c r="R4179" t="s">
        <v>3056</v>
      </c>
      <c r="S4179">
        <v>32</v>
      </c>
    </row>
    <row r="4180" spans="1:19" x14ac:dyDescent="0.25">
      <c r="A4180">
        <v>20381860</v>
      </c>
      <c r="B4180" t="s">
        <v>21602</v>
      </c>
      <c r="C4180" s="1" t="s">
        <v>21603</v>
      </c>
      <c r="D4180">
        <v>20388506</v>
      </c>
      <c r="E4180">
        <v>1</v>
      </c>
      <c r="F4180">
        <v>1</v>
      </c>
      <c r="H4180" t="s">
        <v>21604</v>
      </c>
      <c r="J4180" t="s">
        <v>21605</v>
      </c>
      <c r="K4180" t="s">
        <v>21606</v>
      </c>
      <c r="M4180">
        <v>594235</v>
      </c>
      <c r="O4180">
        <v>514993</v>
      </c>
      <c r="P4180">
        <v>1</v>
      </c>
      <c r="Q4180">
        <v>0</v>
      </c>
      <c r="R4180" t="s">
        <v>20636</v>
      </c>
      <c r="S4180">
        <v>208</v>
      </c>
    </row>
    <row r="4181" spans="1:19" x14ac:dyDescent="0.25">
      <c r="A4181">
        <v>36652867</v>
      </c>
      <c r="B4181" t="s">
        <v>21607</v>
      </c>
      <c r="C4181" s="1" t="s">
        <v>21608</v>
      </c>
      <c r="E4181">
        <v>1</v>
      </c>
      <c r="F4181">
        <v>5</v>
      </c>
      <c r="H4181" t="s">
        <v>21609</v>
      </c>
      <c r="J4181" t="s">
        <v>21610</v>
      </c>
      <c r="O4181">
        <v>5507356</v>
      </c>
      <c r="P4181">
        <v>1</v>
      </c>
      <c r="Q4181">
        <v>-3</v>
      </c>
      <c r="R4181" t="s">
        <v>21611</v>
      </c>
      <c r="S4181">
        <v>47</v>
      </c>
    </row>
    <row r="4182" spans="1:19" x14ac:dyDescent="0.25">
      <c r="A4182">
        <v>47477839</v>
      </c>
      <c r="B4182" t="s">
        <v>21612</v>
      </c>
      <c r="C4182" s="1" t="s">
        <v>21613</v>
      </c>
      <c r="E4182">
        <v>0</v>
      </c>
      <c r="F4182">
        <v>5</v>
      </c>
      <c r="H4182" t="s">
        <v>21614</v>
      </c>
      <c r="I4182">
        <v>2</v>
      </c>
      <c r="J4182" t="s">
        <v>21615</v>
      </c>
      <c r="K4182" t="s">
        <v>21616</v>
      </c>
      <c r="M4182">
        <v>8855838</v>
      </c>
      <c r="O4182">
        <v>8855838</v>
      </c>
      <c r="P4182">
        <v>1</v>
      </c>
      <c r="Q4182">
        <v>3</v>
      </c>
      <c r="R4182" t="s">
        <v>21617</v>
      </c>
      <c r="S4182">
        <v>1041</v>
      </c>
    </row>
    <row r="4183" spans="1:19" x14ac:dyDescent="0.25">
      <c r="A4183">
        <v>9174533</v>
      </c>
      <c r="B4183" t="s">
        <v>21618</v>
      </c>
      <c r="C4183" s="1" t="s">
        <v>21619</v>
      </c>
      <c r="E4183">
        <v>5</v>
      </c>
      <c r="F4183">
        <v>2</v>
      </c>
      <c r="H4183" t="s">
        <v>21620</v>
      </c>
      <c r="I4183">
        <v>1</v>
      </c>
      <c r="J4183" t="s">
        <v>21621</v>
      </c>
      <c r="K4183" t="s">
        <v>21622</v>
      </c>
      <c r="M4183">
        <v>-1</v>
      </c>
      <c r="O4183">
        <v>997505</v>
      </c>
      <c r="P4183">
        <v>1</v>
      </c>
      <c r="Q4183">
        <v>2</v>
      </c>
      <c r="R4183" t="s">
        <v>21623</v>
      </c>
      <c r="S4183">
        <v>2738</v>
      </c>
    </row>
    <row r="4184" spans="1:19" x14ac:dyDescent="0.25">
      <c r="A4184">
        <v>4224237</v>
      </c>
      <c r="B4184" t="s">
        <v>21624</v>
      </c>
      <c r="C4184" s="1" t="s">
        <v>21625</v>
      </c>
      <c r="D4184">
        <v>4260893</v>
      </c>
      <c r="E4184">
        <v>2</v>
      </c>
      <c r="F4184">
        <v>10</v>
      </c>
      <c r="H4184" t="s">
        <v>21626</v>
      </c>
      <c r="J4184" t="s">
        <v>21627</v>
      </c>
      <c r="K4184" t="s">
        <v>21628</v>
      </c>
      <c r="M4184">
        <v>278266</v>
      </c>
      <c r="O4184">
        <v>278266</v>
      </c>
      <c r="P4184">
        <v>1</v>
      </c>
      <c r="Q4184">
        <v>1</v>
      </c>
      <c r="R4184" t="s">
        <v>21629</v>
      </c>
      <c r="S4184">
        <v>266</v>
      </c>
    </row>
    <row r="4185" spans="1:19" x14ac:dyDescent="0.25">
      <c r="A4185">
        <v>39448587</v>
      </c>
      <c r="B4185" t="s">
        <v>21630</v>
      </c>
      <c r="C4185" s="1" t="s">
        <v>21631</v>
      </c>
      <c r="D4185">
        <v>39489846</v>
      </c>
      <c r="E4185">
        <v>1</v>
      </c>
      <c r="F4185">
        <v>10</v>
      </c>
      <c r="H4185" t="s">
        <v>21632</v>
      </c>
      <c r="J4185" t="s">
        <v>21633</v>
      </c>
      <c r="O4185">
        <v>5313317</v>
      </c>
      <c r="P4185">
        <v>1</v>
      </c>
      <c r="Q4185">
        <v>0</v>
      </c>
      <c r="R4185" t="s">
        <v>21634</v>
      </c>
      <c r="S4185">
        <v>103</v>
      </c>
    </row>
    <row r="4186" spans="1:19" x14ac:dyDescent="0.25">
      <c r="A4186">
        <v>33982101</v>
      </c>
      <c r="B4186" t="s">
        <v>21635</v>
      </c>
      <c r="C4186" s="1" t="s">
        <v>21636</v>
      </c>
      <c r="E4186">
        <v>1</v>
      </c>
      <c r="F4186">
        <v>1</v>
      </c>
      <c r="H4186" t="s">
        <v>21637</v>
      </c>
      <c r="J4186" t="s">
        <v>21638</v>
      </c>
      <c r="O4186">
        <v>1439143</v>
      </c>
      <c r="P4186">
        <v>1</v>
      </c>
      <c r="Q4186">
        <v>-1</v>
      </c>
      <c r="R4186" t="s">
        <v>21639</v>
      </c>
      <c r="S4186">
        <v>36</v>
      </c>
    </row>
    <row r="4187" spans="1:19" x14ac:dyDescent="0.25">
      <c r="A4187">
        <v>12110900</v>
      </c>
      <c r="B4187" t="s">
        <v>21640</v>
      </c>
      <c r="C4187" s="1" t="s">
        <v>21641</v>
      </c>
      <c r="E4187">
        <v>1</v>
      </c>
      <c r="F4187">
        <v>0</v>
      </c>
      <c r="H4187" t="s">
        <v>21642</v>
      </c>
      <c r="I4187">
        <v>0</v>
      </c>
      <c r="J4187" t="s">
        <v>21643</v>
      </c>
      <c r="O4187">
        <v>1317602</v>
      </c>
      <c r="P4187">
        <v>1</v>
      </c>
      <c r="Q4187">
        <v>0</v>
      </c>
      <c r="R4187" t="s">
        <v>21644</v>
      </c>
      <c r="S4187">
        <v>1276</v>
      </c>
    </row>
    <row r="4188" spans="1:19" x14ac:dyDescent="0.25">
      <c r="A4188">
        <v>5918597</v>
      </c>
      <c r="B4188" t="s">
        <v>21645</v>
      </c>
      <c r="C4188" s="1" t="s">
        <v>21646</v>
      </c>
      <c r="D4188">
        <v>5919216</v>
      </c>
      <c r="E4188">
        <v>2</v>
      </c>
      <c r="F4188">
        <v>2</v>
      </c>
      <c r="H4188" t="s">
        <v>21647</v>
      </c>
      <c r="I4188">
        <v>1</v>
      </c>
      <c r="J4188" t="s">
        <v>21648</v>
      </c>
      <c r="O4188">
        <v>508666</v>
      </c>
      <c r="P4188">
        <v>1</v>
      </c>
      <c r="Q4188">
        <v>1</v>
      </c>
      <c r="R4188" t="s">
        <v>21649</v>
      </c>
      <c r="S4188">
        <v>1101</v>
      </c>
    </row>
    <row r="4189" spans="1:19" x14ac:dyDescent="0.25">
      <c r="A4189">
        <v>23648502</v>
      </c>
      <c r="B4189" t="s">
        <v>21650</v>
      </c>
      <c r="C4189" s="1" t="s">
        <v>21651</v>
      </c>
      <c r="E4189">
        <v>1</v>
      </c>
      <c r="F4189">
        <v>2</v>
      </c>
      <c r="H4189" t="s">
        <v>21652</v>
      </c>
      <c r="J4189" t="s">
        <v>21653</v>
      </c>
      <c r="K4189" t="s">
        <v>21654</v>
      </c>
      <c r="M4189">
        <v>33522</v>
      </c>
      <c r="O4189">
        <v>33522</v>
      </c>
      <c r="P4189">
        <v>1</v>
      </c>
      <c r="Q4189">
        <v>0</v>
      </c>
      <c r="R4189" t="s">
        <v>3034</v>
      </c>
      <c r="S4189">
        <v>350</v>
      </c>
    </row>
    <row r="4190" spans="1:19" x14ac:dyDescent="0.25">
      <c r="A4190">
        <v>46316969</v>
      </c>
      <c r="B4190" t="s">
        <v>21655</v>
      </c>
      <c r="C4190" s="1" t="s">
        <v>21656</v>
      </c>
      <c r="D4190">
        <v>46336354</v>
      </c>
      <c r="E4190">
        <v>1</v>
      </c>
      <c r="F4190">
        <v>2</v>
      </c>
      <c r="H4190" t="s">
        <v>21657</v>
      </c>
      <c r="I4190">
        <v>1</v>
      </c>
      <c r="J4190" t="s">
        <v>21658</v>
      </c>
      <c r="O4190">
        <v>7726022</v>
      </c>
      <c r="P4190">
        <v>1</v>
      </c>
      <c r="Q4190">
        <v>1</v>
      </c>
      <c r="R4190" t="s">
        <v>21659</v>
      </c>
      <c r="S4190">
        <v>57</v>
      </c>
    </row>
    <row r="4191" spans="1:19" x14ac:dyDescent="0.25">
      <c r="A4191">
        <v>52790436</v>
      </c>
      <c r="B4191" t="s">
        <v>21660</v>
      </c>
      <c r="C4191" s="1" t="s">
        <v>21661</v>
      </c>
      <c r="E4191">
        <v>0</v>
      </c>
      <c r="F4191">
        <v>0</v>
      </c>
      <c r="H4191" t="s">
        <v>21662</v>
      </c>
      <c r="J4191" t="s">
        <v>21663</v>
      </c>
      <c r="K4191" t="s">
        <v>21663</v>
      </c>
      <c r="M4191">
        <v>10497800</v>
      </c>
      <c r="O4191">
        <v>10497800</v>
      </c>
      <c r="P4191">
        <v>1</v>
      </c>
      <c r="Q4191">
        <v>0</v>
      </c>
      <c r="R4191" t="s">
        <v>21664</v>
      </c>
      <c r="S4191">
        <v>36</v>
      </c>
    </row>
    <row r="4192" spans="1:19" x14ac:dyDescent="0.25">
      <c r="A4192">
        <v>28488372</v>
      </c>
      <c r="B4192" t="s">
        <v>21665</v>
      </c>
      <c r="C4192" s="1" t="s">
        <v>21666</v>
      </c>
      <c r="E4192">
        <v>2</v>
      </c>
      <c r="F4192">
        <v>2</v>
      </c>
      <c r="H4192" t="s">
        <v>21667</v>
      </c>
      <c r="J4192" t="s">
        <v>21668</v>
      </c>
      <c r="K4192" t="s">
        <v>21669</v>
      </c>
      <c r="M4192">
        <v>3342739</v>
      </c>
      <c r="O4192">
        <v>1592380</v>
      </c>
      <c r="P4192">
        <v>1</v>
      </c>
      <c r="Q4192">
        <v>0</v>
      </c>
      <c r="R4192" t="s">
        <v>21670</v>
      </c>
      <c r="S4192">
        <v>100</v>
      </c>
    </row>
    <row r="4193" spans="1:19" x14ac:dyDescent="0.25">
      <c r="A4193">
        <v>30108754</v>
      </c>
      <c r="B4193" t="s">
        <v>21671</v>
      </c>
      <c r="C4193" s="1" t="s">
        <v>21672</v>
      </c>
      <c r="E4193">
        <v>1</v>
      </c>
      <c r="F4193">
        <v>0</v>
      </c>
      <c r="H4193" t="s">
        <v>21673</v>
      </c>
      <c r="J4193" t="s">
        <v>21674</v>
      </c>
      <c r="K4193" t="s">
        <v>21675</v>
      </c>
      <c r="M4193">
        <v>4876196</v>
      </c>
      <c r="O4193">
        <v>4876196</v>
      </c>
      <c r="P4193">
        <v>1</v>
      </c>
      <c r="Q4193">
        <v>1</v>
      </c>
      <c r="R4193" t="s">
        <v>21676</v>
      </c>
      <c r="S4193">
        <v>194</v>
      </c>
    </row>
    <row r="4194" spans="1:19" x14ac:dyDescent="0.25">
      <c r="A4194">
        <v>33673189</v>
      </c>
      <c r="B4194" t="s">
        <v>21677</v>
      </c>
      <c r="C4194" s="1" t="s">
        <v>21678</v>
      </c>
      <c r="E4194">
        <v>2</v>
      </c>
      <c r="F4194">
        <v>2</v>
      </c>
      <c r="H4194" t="s">
        <v>21679</v>
      </c>
      <c r="J4194" t="s">
        <v>21680</v>
      </c>
      <c r="K4194" t="s">
        <v>21681</v>
      </c>
      <c r="M4194">
        <v>3055401</v>
      </c>
      <c r="O4194">
        <v>5056473</v>
      </c>
      <c r="P4194">
        <v>1</v>
      </c>
      <c r="Q4194">
        <v>1</v>
      </c>
      <c r="R4194" t="s">
        <v>21682</v>
      </c>
      <c r="S4194">
        <v>452</v>
      </c>
    </row>
    <row r="4195" spans="1:19" x14ac:dyDescent="0.25">
      <c r="A4195">
        <v>34659239</v>
      </c>
      <c r="B4195" t="s">
        <v>21683</v>
      </c>
      <c r="C4195" s="1" t="s">
        <v>21684</v>
      </c>
      <c r="D4195">
        <v>34673898</v>
      </c>
      <c r="E4195">
        <v>2</v>
      </c>
      <c r="F4195">
        <v>3</v>
      </c>
      <c r="H4195" t="s">
        <v>21685</v>
      </c>
      <c r="J4195" t="s">
        <v>21686</v>
      </c>
      <c r="K4195" t="s">
        <v>21687</v>
      </c>
      <c r="M4195">
        <v>173149</v>
      </c>
      <c r="O4195">
        <v>173149</v>
      </c>
      <c r="P4195">
        <v>1</v>
      </c>
      <c r="Q4195">
        <v>-1</v>
      </c>
      <c r="R4195" t="s">
        <v>2847</v>
      </c>
      <c r="S4195">
        <v>77</v>
      </c>
    </row>
    <row r="4196" spans="1:19" x14ac:dyDescent="0.25">
      <c r="A4196">
        <v>49416801</v>
      </c>
      <c r="B4196" t="s">
        <v>21688</v>
      </c>
      <c r="C4196" s="1" t="s">
        <v>21689</v>
      </c>
      <c r="E4196">
        <v>1</v>
      </c>
      <c r="F4196">
        <v>0</v>
      </c>
      <c r="H4196" t="s">
        <v>21690</v>
      </c>
      <c r="J4196" t="s">
        <v>21691</v>
      </c>
      <c r="O4196">
        <v>5216651</v>
      </c>
      <c r="P4196">
        <v>1</v>
      </c>
      <c r="Q4196">
        <v>4</v>
      </c>
      <c r="R4196" t="s">
        <v>21692</v>
      </c>
      <c r="S4196">
        <v>1081</v>
      </c>
    </row>
    <row r="4197" spans="1:19" x14ac:dyDescent="0.25">
      <c r="A4197">
        <v>34449912</v>
      </c>
      <c r="B4197" t="s">
        <v>21693</v>
      </c>
      <c r="C4197" s="1" t="s">
        <v>21694</v>
      </c>
      <c r="D4197">
        <v>34450257</v>
      </c>
      <c r="E4197">
        <v>1</v>
      </c>
      <c r="F4197">
        <v>0</v>
      </c>
      <c r="H4197" t="s">
        <v>21695</v>
      </c>
      <c r="J4197" t="s">
        <v>21696</v>
      </c>
      <c r="O4197">
        <v>528929</v>
      </c>
      <c r="P4197">
        <v>1</v>
      </c>
      <c r="Q4197">
        <v>3</v>
      </c>
      <c r="R4197" t="s">
        <v>2413</v>
      </c>
      <c r="S4197">
        <v>69</v>
      </c>
    </row>
    <row r="4198" spans="1:19" x14ac:dyDescent="0.25">
      <c r="A4198">
        <v>5837238</v>
      </c>
      <c r="B4198" t="s">
        <v>21697</v>
      </c>
      <c r="C4198" s="1" t="s">
        <v>21698</v>
      </c>
      <c r="D4198">
        <v>5837256</v>
      </c>
      <c r="E4198">
        <v>1</v>
      </c>
      <c r="F4198">
        <v>2</v>
      </c>
      <c r="H4198" t="s">
        <v>21699</v>
      </c>
      <c r="I4198">
        <v>1</v>
      </c>
      <c r="J4198" t="s">
        <v>21700</v>
      </c>
      <c r="K4198" t="s">
        <v>21700</v>
      </c>
      <c r="M4198">
        <v>415282</v>
      </c>
      <c r="O4198">
        <v>722000</v>
      </c>
      <c r="P4198">
        <v>1</v>
      </c>
      <c r="Q4198">
        <v>0</v>
      </c>
      <c r="R4198" t="s">
        <v>21701</v>
      </c>
      <c r="S4198">
        <v>2916</v>
      </c>
    </row>
    <row r="4199" spans="1:19" x14ac:dyDescent="0.25">
      <c r="A4199">
        <v>17701324</v>
      </c>
      <c r="B4199" t="s">
        <v>21702</v>
      </c>
      <c r="C4199" s="1" t="s">
        <v>21703</v>
      </c>
      <c r="E4199">
        <v>2</v>
      </c>
      <c r="F4199">
        <v>0</v>
      </c>
      <c r="H4199" t="s">
        <v>21704</v>
      </c>
      <c r="I4199">
        <v>1</v>
      </c>
      <c r="J4199" t="s">
        <v>21705</v>
      </c>
      <c r="O4199">
        <v>1741197</v>
      </c>
      <c r="P4199">
        <v>1</v>
      </c>
      <c r="Q4199">
        <v>0</v>
      </c>
      <c r="R4199" t="s">
        <v>21706</v>
      </c>
      <c r="S4199">
        <v>3593</v>
      </c>
    </row>
    <row r="4200" spans="1:19" x14ac:dyDescent="0.25">
      <c r="A4200">
        <v>34697606</v>
      </c>
      <c r="B4200" t="s">
        <v>21707</v>
      </c>
      <c r="C4200" s="1" t="s">
        <v>21708</v>
      </c>
      <c r="D4200">
        <v>34697836</v>
      </c>
      <c r="E4200">
        <v>2</v>
      </c>
      <c r="F4200">
        <v>0</v>
      </c>
      <c r="H4200" t="s">
        <v>21709</v>
      </c>
      <c r="J4200" t="s">
        <v>21710</v>
      </c>
      <c r="O4200">
        <v>623990</v>
      </c>
      <c r="P4200">
        <v>1</v>
      </c>
      <c r="Q4200">
        <v>0</v>
      </c>
      <c r="R4200" t="s">
        <v>21711</v>
      </c>
      <c r="S4200">
        <v>659</v>
      </c>
    </row>
    <row r="4201" spans="1:19" x14ac:dyDescent="0.25">
      <c r="A4201">
        <v>17515561</v>
      </c>
      <c r="B4201" t="s">
        <v>21712</v>
      </c>
      <c r="C4201" s="1" t="s">
        <v>21713</v>
      </c>
      <c r="E4201">
        <v>2</v>
      </c>
      <c r="F4201">
        <v>0</v>
      </c>
      <c r="H4201" t="s">
        <v>21714</v>
      </c>
      <c r="J4201" t="s">
        <v>21715</v>
      </c>
      <c r="O4201">
        <v>1295905</v>
      </c>
      <c r="P4201">
        <v>1</v>
      </c>
      <c r="Q4201">
        <v>5</v>
      </c>
      <c r="R4201" t="s">
        <v>21716</v>
      </c>
      <c r="S4201">
        <v>6010</v>
      </c>
    </row>
    <row r="4202" spans="1:19" x14ac:dyDescent="0.25">
      <c r="A4202">
        <v>26150477</v>
      </c>
      <c r="B4202" t="s">
        <v>21717</v>
      </c>
      <c r="C4202" s="1" t="s">
        <v>21718</v>
      </c>
      <c r="D4202">
        <v>26203811</v>
      </c>
      <c r="E4202">
        <v>1</v>
      </c>
      <c r="F4202">
        <v>2</v>
      </c>
      <c r="H4202" t="s">
        <v>21719</v>
      </c>
      <c r="J4202" t="s">
        <v>21720</v>
      </c>
      <c r="O4202">
        <v>2037637</v>
      </c>
      <c r="P4202">
        <v>1</v>
      </c>
      <c r="Q4202">
        <v>1</v>
      </c>
      <c r="R4202" t="s">
        <v>21721</v>
      </c>
      <c r="S4202">
        <v>347</v>
      </c>
    </row>
    <row r="4203" spans="1:19" x14ac:dyDescent="0.25">
      <c r="A4203">
        <v>40388003</v>
      </c>
      <c r="B4203" t="s">
        <v>21722</v>
      </c>
      <c r="C4203" s="1" t="s">
        <v>21723</v>
      </c>
      <c r="D4203">
        <v>40388471</v>
      </c>
      <c r="E4203">
        <v>2</v>
      </c>
      <c r="F4203">
        <v>1</v>
      </c>
      <c r="H4203" t="s">
        <v>21724</v>
      </c>
      <c r="J4203" t="s">
        <v>21725</v>
      </c>
      <c r="O4203">
        <v>667687</v>
      </c>
      <c r="P4203">
        <v>1</v>
      </c>
      <c r="Q4203">
        <v>0</v>
      </c>
      <c r="R4203" t="s">
        <v>21726</v>
      </c>
      <c r="S4203">
        <v>35</v>
      </c>
    </row>
    <row r="4204" spans="1:19" x14ac:dyDescent="0.25">
      <c r="A4204">
        <v>52540422</v>
      </c>
      <c r="B4204" t="s">
        <v>21727</v>
      </c>
      <c r="C4204" s="1" t="s">
        <v>21728</v>
      </c>
      <c r="D4204">
        <v>52540609</v>
      </c>
      <c r="E4204">
        <v>1</v>
      </c>
      <c r="F4204">
        <v>3</v>
      </c>
      <c r="H4204" t="s">
        <v>21729</v>
      </c>
      <c r="I4204">
        <v>0</v>
      </c>
      <c r="J4204" t="s">
        <v>21730</v>
      </c>
      <c r="K4204" t="s">
        <v>21731</v>
      </c>
      <c r="M4204">
        <v>4934150</v>
      </c>
      <c r="O4204">
        <v>4934150</v>
      </c>
      <c r="P4204">
        <v>1</v>
      </c>
      <c r="Q4204">
        <v>0</v>
      </c>
      <c r="R4204" t="s">
        <v>8336</v>
      </c>
      <c r="S4204">
        <v>31</v>
      </c>
    </row>
    <row r="4205" spans="1:19" x14ac:dyDescent="0.25">
      <c r="A4205">
        <v>38410443</v>
      </c>
      <c r="B4205" t="s">
        <v>21732</v>
      </c>
      <c r="C4205" s="1" t="s">
        <v>21733</v>
      </c>
      <c r="D4205">
        <v>38410681</v>
      </c>
      <c r="E4205">
        <v>2</v>
      </c>
      <c r="F4205">
        <v>0</v>
      </c>
      <c r="H4205" t="s">
        <v>21734</v>
      </c>
      <c r="J4205" t="s">
        <v>21735</v>
      </c>
      <c r="K4205" t="s">
        <v>21736</v>
      </c>
      <c r="M4205">
        <v>1848654</v>
      </c>
      <c r="O4205">
        <v>3286364</v>
      </c>
      <c r="P4205">
        <v>1</v>
      </c>
      <c r="Q4205">
        <v>0</v>
      </c>
      <c r="R4205" t="s">
        <v>21737</v>
      </c>
      <c r="S4205">
        <v>700</v>
      </c>
    </row>
    <row r="4206" spans="1:19" x14ac:dyDescent="0.25">
      <c r="A4206">
        <v>47192071</v>
      </c>
      <c r="B4206" t="s">
        <v>21738</v>
      </c>
      <c r="C4206" s="1" t="s">
        <v>21739</v>
      </c>
      <c r="D4206">
        <v>47192151</v>
      </c>
      <c r="E4206">
        <v>2</v>
      </c>
      <c r="F4206">
        <v>1</v>
      </c>
      <c r="H4206" t="s">
        <v>21740</v>
      </c>
      <c r="I4206">
        <v>1</v>
      </c>
      <c r="J4206" t="s">
        <v>21741</v>
      </c>
      <c r="K4206" t="s">
        <v>21741</v>
      </c>
      <c r="M4206">
        <v>2686313</v>
      </c>
      <c r="O4206">
        <v>2686313</v>
      </c>
      <c r="P4206">
        <v>1</v>
      </c>
      <c r="Q4206">
        <v>3</v>
      </c>
      <c r="R4206" t="s">
        <v>7902</v>
      </c>
      <c r="S4206">
        <v>915</v>
      </c>
    </row>
    <row r="4207" spans="1:19" x14ac:dyDescent="0.25">
      <c r="A4207">
        <v>180629</v>
      </c>
      <c r="B4207" t="s">
        <v>21742</v>
      </c>
      <c r="C4207" s="1" t="s">
        <v>21743</v>
      </c>
      <c r="D4207">
        <v>180969</v>
      </c>
      <c r="E4207">
        <v>6</v>
      </c>
      <c r="F4207">
        <v>0</v>
      </c>
      <c r="H4207" t="s">
        <v>21744</v>
      </c>
      <c r="I4207">
        <v>2</v>
      </c>
      <c r="J4207" t="s">
        <v>21745</v>
      </c>
      <c r="K4207" t="s">
        <v>21745</v>
      </c>
      <c r="M4207">
        <v>1571407</v>
      </c>
      <c r="N4207" t="s">
        <v>21746</v>
      </c>
      <c r="O4207">
        <v>25971</v>
      </c>
      <c r="P4207">
        <v>1</v>
      </c>
      <c r="Q4207">
        <v>5</v>
      </c>
      <c r="R4207" t="s">
        <v>21747</v>
      </c>
      <c r="S4207">
        <v>23059</v>
      </c>
    </row>
    <row r="4208" spans="1:19" x14ac:dyDescent="0.25">
      <c r="A4208">
        <v>27593849</v>
      </c>
      <c r="B4208" t="s">
        <v>21748</v>
      </c>
      <c r="C4208" s="1" t="s">
        <v>21749</v>
      </c>
      <c r="D4208">
        <v>27593893</v>
      </c>
      <c r="E4208">
        <v>1</v>
      </c>
      <c r="F4208">
        <v>5</v>
      </c>
      <c r="H4208" t="s">
        <v>21750</v>
      </c>
      <c r="J4208" t="s">
        <v>21751</v>
      </c>
      <c r="K4208" t="s">
        <v>21751</v>
      </c>
      <c r="M4208">
        <v>2361497</v>
      </c>
      <c r="O4208">
        <v>2361497</v>
      </c>
      <c r="P4208">
        <v>1</v>
      </c>
      <c r="Q4208">
        <v>0</v>
      </c>
      <c r="R4208" t="s">
        <v>21752</v>
      </c>
      <c r="S4208">
        <v>203</v>
      </c>
    </row>
    <row r="4209" spans="1:19" x14ac:dyDescent="0.25">
      <c r="A4209">
        <v>30257710</v>
      </c>
      <c r="B4209" t="s">
        <v>21753</v>
      </c>
      <c r="C4209" s="1" t="s">
        <v>21754</v>
      </c>
      <c r="D4209">
        <v>30259936</v>
      </c>
      <c r="E4209">
        <v>1</v>
      </c>
      <c r="F4209">
        <v>1</v>
      </c>
      <c r="H4209" t="s">
        <v>21755</v>
      </c>
      <c r="I4209">
        <v>2</v>
      </c>
      <c r="J4209" t="s">
        <v>21756</v>
      </c>
      <c r="K4209" t="s">
        <v>21757</v>
      </c>
      <c r="M4209">
        <v>129501</v>
      </c>
      <c r="O4209">
        <v>129501</v>
      </c>
      <c r="P4209">
        <v>1</v>
      </c>
      <c r="Q4209">
        <v>16</v>
      </c>
      <c r="R4209" t="s">
        <v>21758</v>
      </c>
      <c r="S4209">
        <v>8047</v>
      </c>
    </row>
    <row r="4210" spans="1:19" x14ac:dyDescent="0.25">
      <c r="A4210">
        <v>50625251</v>
      </c>
      <c r="B4210" t="s">
        <v>21759</v>
      </c>
      <c r="C4210" s="1" t="s">
        <v>21760</v>
      </c>
      <c r="E4210">
        <v>0</v>
      </c>
      <c r="F4210">
        <v>1</v>
      </c>
      <c r="H4210" t="s">
        <v>21761</v>
      </c>
      <c r="J4210" t="s">
        <v>21761</v>
      </c>
      <c r="O4210">
        <v>9864339</v>
      </c>
      <c r="P4210">
        <v>1</v>
      </c>
      <c r="Q4210">
        <v>0</v>
      </c>
      <c r="R4210" t="s">
        <v>21762</v>
      </c>
      <c r="S4210">
        <v>21</v>
      </c>
    </row>
    <row r="4211" spans="1:19" x14ac:dyDescent="0.25">
      <c r="A4211">
        <v>52667006</v>
      </c>
      <c r="B4211" t="s">
        <v>21763</v>
      </c>
      <c r="C4211" s="1" t="s">
        <v>21764</v>
      </c>
      <c r="D4211">
        <v>52753958</v>
      </c>
      <c r="E4211">
        <v>1</v>
      </c>
      <c r="F4211">
        <v>2</v>
      </c>
      <c r="H4211" t="s">
        <v>21765</v>
      </c>
      <c r="I4211">
        <v>1</v>
      </c>
      <c r="J4211" t="s">
        <v>21766</v>
      </c>
      <c r="K4211" t="s">
        <v>21767</v>
      </c>
      <c r="M4211">
        <v>927493</v>
      </c>
      <c r="O4211">
        <v>927493</v>
      </c>
      <c r="P4211">
        <v>1</v>
      </c>
      <c r="Q4211">
        <v>7</v>
      </c>
      <c r="R4211" t="s">
        <v>21768</v>
      </c>
      <c r="S4211">
        <v>127</v>
      </c>
    </row>
    <row r="4212" spans="1:19" x14ac:dyDescent="0.25">
      <c r="A4212">
        <v>32528048</v>
      </c>
      <c r="B4212" t="s">
        <v>21769</v>
      </c>
      <c r="C4212" s="1" t="s">
        <v>21770</v>
      </c>
      <c r="E4212">
        <v>2</v>
      </c>
      <c r="F4212">
        <v>1</v>
      </c>
      <c r="H4212" t="s">
        <v>21771</v>
      </c>
      <c r="J4212" t="s">
        <v>21772</v>
      </c>
      <c r="K4212" t="s">
        <v>21773</v>
      </c>
      <c r="M4212">
        <v>5326102</v>
      </c>
      <c r="O4212">
        <v>5326102</v>
      </c>
      <c r="P4212">
        <v>1</v>
      </c>
      <c r="Q4212">
        <v>-1</v>
      </c>
      <c r="R4212" t="s">
        <v>21774</v>
      </c>
      <c r="S4212">
        <v>1297</v>
      </c>
    </row>
    <row r="4213" spans="1:19" x14ac:dyDescent="0.25">
      <c r="A4213">
        <v>34699717</v>
      </c>
      <c r="B4213" t="s">
        <v>21775</v>
      </c>
      <c r="C4213" s="1" t="s">
        <v>21776</v>
      </c>
      <c r="D4213">
        <v>34699751</v>
      </c>
      <c r="E4213">
        <v>1</v>
      </c>
      <c r="F4213">
        <v>0</v>
      </c>
      <c r="H4213" t="s">
        <v>21777</v>
      </c>
      <c r="J4213" t="s">
        <v>21778</v>
      </c>
      <c r="N4213" t="s">
        <v>21779</v>
      </c>
      <c r="P4213">
        <v>1</v>
      </c>
      <c r="Q4213">
        <v>2</v>
      </c>
      <c r="R4213" t="s">
        <v>21780</v>
      </c>
      <c r="S4213">
        <v>77</v>
      </c>
    </row>
    <row r="4214" spans="1:19" x14ac:dyDescent="0.25">
      <c r="A4214">
        <v>42875562</v>
      </c>
      <c r="B4214" t="s">
        <v>21781</v>
      </c>
      <c r="C4214" s="1" t="s">
        <v>21782</v>
      </c>
      <c r="D4214">
        <v>42885993</v>
      </c>
      <c r="E4214">
        <v>1</v>
      </c>
      <c r="F4214">
        <v>0</v>
      </c>
      <c r="H4214" t="s">
        <v>21783</v>
      </c>
      <c r="J4214" t="s">
        <v>21784</v>
      </c>
      <c r="K4214" t="s">
        <v>21785</v>
      </c>
      <c r="M4214">
        <v>-1</v>
      </c>
      <c r="O4214">
        <v>2480458</v>
      </c>
      <c r="P4214">
        <v>1</v>
      </c>
      <c r="Q4214">
        <v>0</v>
      </c>
      <c r="R4214" t="s">
        <v>21786</v>
      </c>
      <c r="S4214">
        <v>432</v>
      </c>
    </row>
    <row r="4215" spans="1:19" x14ac:dyDescent="0.25">
      <c r="A4215">
        <v>15807334</v>
      </c>
      <c r="B4215" t="s">
        <v>21787</v>
      </c>
      <c r="C4215" s="1" t="s">
        <v>21788</v>
      </c>
      <c r="D4215">
        <v>15807381</v>
      </c>
      <c r="E4215">
        <v>2</v>
      </c>
      <c r="F4215">
        <v>3</v>
      </c>
      <c r="H4215" t="s">
        <v>21789</v>
      </c>
      <c r="J4215" t="s">
        <v>21790</v>
      </c>
      <c r="K4215" t="s">
        <v>21791</v>
      </c>
      <c r="M4215">
        <v>524475</v>
      </c>
      <c r="O4215">
        <v>1841266</v>
      </c>
      <c r="P4215">
        <v>1</v>
      </c>
      <c r="Q4215">
        <v>0</v>
      </c>
      <c r="R4215" t="s">
        <v>780</v>
      </c>
      <c r="S4215">
        <v>200</v>
      </c>
    </row>
    <row r="4216" spans="1:19" x14ac:dyDescent="0.25">
      <c r="A4216">
        <v>8582696</v>
      </c>
      <c r="B4216" t="s">
        <v>21792</v>
      </c>
      <c r="C4216" s="1" t="s">
        <v>21793</v>
      </c>
      <c r="D4216">
        <v>8583048</v>
      </c>
      <c r="E4216">
        <v>1</v>
      </c>
      <c r="F4216">
        <v>1</v>
      </c>
      <c r="H4216" t="s">
        <v>21794</v>
      </c>
      <c r="J4216" t="s">
        <v>21795</v>
      </c>
      <c r="K4216" t="s">
        <v>21795</v>
      </c>
      <c r="M4216">
        <v>527460</v>
      </c>
      <c r="O4216">
        <v>962880</v>
      </c>
      <c r="P4216">
        <v>1</v>
      </c>
      <c r="Q4216">
        <v>2</v>
      </c>
      <c r="R4216" t="s">
        <v>21796</v>
      </c>
      <c r="S4216">
        <v>410</v>
      </c>
    </row>
    <row r="4217" spans="1:19" x14ac:dyDescent="0.25">
      <c r="A4217">
        <v>11361875</v>
      </c>
      <c r="B4217" t="s">
        <v>21797</v>
      </c>
      <c r="C4217" s="1" t="s">
        <v>21798</v>
      </c>
      <c r="D4217">
        <v>11363242</v>
      </c>
      <c r="E4217">
        <v>1</v>
      </c>
      <c r="F4217">
        <v>0</v>
      </c>
      <c r="H4217" t="s">
        <v>21799</v>
      </c>
      <c r="J4217" t="s">
        <v>21800</v>
      </c>
      <c r="K4217" t="s">
        <v>21801</v>
      </c>
      <c r="M4217">
        <v>32090</v>
      </c>
      <c r="O4217">
        <v>1098546</v>
      </c>
      <c r="P4217">
        <v>1</v>
      </c>
      <c r="Q4217">
        <v>0</v>
      </c>
      <c r="R4217" t="s">
        <v>21802</v>
      </c>
      <c r="S4217">
        <v>176</v>
      </c>
    </row>
    <row r="4218" spans="1:19" x14ac:dyDescent="0.25">
      <c r="A4218">
        <v>1553233</v>
      </c>
      <c r="B4218" t="s">
        <v>21803</v>
      </c>
      <c r="C4218" s="1" t="s">
        <v>21804</v>
      </c>
      <c r="D4218">
        <v>1553317</v>
      </c>
      <c r="E4218">
        <v>3</v>
      </c>
      <c r="F4218">
        <v>0</v>
      </c>
      <c r="H4218" t="s">
        <v>21805</v>
      </c>
      <c r="I4218">
        <v>1</v>
      </c>
      <c r="J4218" t="s">
        <v>21806</v>
      </c>
      <c r="O4218">
        <v>2922388</v>
      </c>
      <c r="P4218">
        <v>1</v>
      </c>
      <c r="Q4218">
        <v>3</v>
      </c>
      <c r="R4218" t="s">
        <v>21807</v>
      </c>
      <c r="S4218">
        <v>1006</v>
      </c>
    </row>
    <row r="4219" spans="1:19" x14ac:dyDescent="0.25">
      <c r="A4219">
        <v>10381799</v>
      </c>
      <c r="B4219" t="s">
        <v>21808</v>
      </c>
      <c r="C4219" s="1" t="s">
        <v>21809</v>
      </c>
      <c r="D4219">
        <v>10382189</v>
      </c>
      <c r="E4219">
        <v>1</v>
      </c>
      <c r="F4219">
        <v>3</v>
      </c>
      <c r="H4219" t="s">
        <v>21810</v>
      </c>
      <c r="J4219" t="s">
        <v>21811</v>
      </c>
      <c r="O4219">
        <v>707381</v>
      </c>
      <c r="P4219">
        <v>1</v>
      </c>
      <c r="Q4219">
        <v>0</v>
      </c>
      <c r="R4219" t="s">
        <v>21812</v>
      </c>
      <c r="S4219">
        <v>78</v>
      </c>
    </row>
    <row r="4220" spans="1:19" x14ac:dyDescent="0.25">
      <c r="A4220">
        <v>13843503</v>
      </c>
      <c r="B4220" t="s">
        <v>21813</v>
      </c>
      <c r="C4220" s="1" t="s">
        <v>21814</v>
      </c>
      <c r="E4220">
        <v>1</v>
      </c>
      <c r="F4220">
        <v>0</v>
      </c>
      <c r="H4220" t="s">
        <v>21815</v>
      </c>
      <c r="J4220" t="s">
        <v>21816</v>
      </c>
      <c r="O4220">
        <v>282343</v>
      </c>
      <c r="P4220">
        <v>1</v>
      </c>
      <c r="Q4220">
        <v>2</v>
      </c>
      <c r="R4220" t="s">
        <v>21817</v>
      </c>
      <c r="S4220">
        <v>281</v>
      </c>
    </row>
    <row r="4221" spans="1:19" x14ac:dyDescent="0.25">
      <c r="A4221">
        <v>23790214</v>
      </c>
      <c r="B4221" t="s">
        <v>21818</v>
      </c>
      <c r="C4221" s="1" t="s">
        <v>21819</v>
      </c>
      <c r="E4221">
        <v>2</v>
      </c>
      <c r="F4221">
        <v>0</v>
      </c>
      <c r="H4221" t="s">
        <v>21820</v>
      </c>
      <c r="J4221" t="s">
        <v>21821</v>
      </c>
      <c r="K4221" t="s">
        <v>21821</v>
      </c>
      <c r="M4221">
        <v>63550</v>
      </c>
      <c r="O4221">
        <v>3656731</v>
      </c>
      <c r="P4221">
        <v>1</v>
      </c>
      <c r="Q4221">
        <v>0</v>
      </c>
      <c r="R4221" t="s">
        <v>21822</v>
      </c>
      <c r="S4221">
        <v>4173</v>
      </c>
    </row>
    <row r="4222" spans="1:19" x14ac:dyDescent="0.25">
      <c r="A4222">
        <v>31230287</v>
      </c>
      <c r="B4222" t="s">
        <v>21823</v>
      </c>
      <c r="C4222" s="1" t="s">
        <v>21824</v>
      </c>
      <c r="E4222">
        <v>2</v>
      </c>
      <c r="F4222">
        <v>0</v>
      </c>
      <c r="H4222" t="s">
        <v>21825</v>
      </c>
      <c r="I4222">
        <v>1</v>
      </c>
      <c r="J4222" t="s">
        <v>21826</v>
      </c>
      <c r="K4222" t="s">
        <v>21826</v>
      </c>
      <c r="M4222">
        <v>2446155</v>
      </c>
      <c r="O4222">
        <v>1506249</v>
      </c>
      <c r="P4222">
        <v>1</v>
      </c>
      <c r="Q4222">
        <v>1</v>
      </c>
      <c r="R4222" t="s">
        <v>21827</v>
      </c>
      <c r="S4222">
        <v>2626</v>
      </c>
    </row>
    <row r="4223" spans="1:19" x14ac:dyDescent="0.25">
      <c r="A4223">
        <v>11089524</v>
      </c>
      <c r="B4223" t="s">
        <v>21828</v>
      </c>
      <c r="C4223" s="1" t="s">
        <v>21829</v>
      </c>
      <c r="E4223">
        <v>1</v>
      </c>
      <c r="F4223">
        <v>0</v>
      </c>
      <c r="H4223" t="s">
        <v>21830</v>
      </c>
      <c r="J4223" t="s">
        <v>21831</v>
      </c>
      <c r="O4223">
        <v>867895</v>
      </c>
      <c r="P4223">
        <v>1</v>
      </c>
      <c r="Q4223">
        <v>-2</v>
      </c>
      <c r="R4223" t="s">
        <v>21832</v>
      </c>
      <c r="S4223">
        <v>545</v>
      </c>
    </row>
    <row r="4224" spans="1:19" x14ac:dyDescent="0.25">
      <c r="A4224">
        <v>34774329</v>
      </c>
      <c r="B4224" t="s">
        <v>21833</v>
      </c>
      <c r="C4224" s="1" t="s">
        <v>21834</v>
      </c>
      <c r="E4224">
        <v>4</v>
      </c>
      <c r="F4224">
        <v>13</v>
      </c>
      <c r="H4224" t="s">
        <v>21835</v>
      </c>
      <c r="J4224" t="s">
        <v>21836</v>
      </c>
      <c r="K4224" t="s">
        <v>21837</v>
      </c>
      <c r="M4224">
        <v>5269843</v>
      </c>
      <c r="O4224">
        <v>5785966</v>
      </c>
      <c r="P4224">
        <v>1</v>
      </c>
      <c r="Q4224">
        <v>0</v>
      </c>
      <c r="R4224" t="s">
        <v>1446</v>
      </c>
      <c r="S4224">
        <v>49</v>
      </c>
    </row>
    <row r="4225" spans="1:19" x14ac:dyDescent="0.25">
      <c r="A4225">
        <v>10640342</v>
      </c>
      <c r="B4225" t="s">
        <v>21838</v>
      </c>
      <c r="C4225" s="1" t="s">
        <v>21839</v>
      </c>
      <c r="D4225">
        <v>10640447</v>
      </c>
      <c r="E4225">
        <v>3</v>
      </c>
      <c r="F4225">
        <v>3</v>
      </c>
      <c r="H4225" t="s">
        <v>21840</v>
      </c>
      <c r="J4225" t="s">
        <v>21841</v>
      </c>
      <c r="K4225" t="s">
        <v>21841</v>
      </c>
      <c r="M4225">
        <v>1039608</v>
      </c>
      <c r="O4225">
        <v>1238040</v>
      </c>
      <c r="P4225">
        <v>1</v>
      </c>
      <c r="Q4225">
        <v>4</v>
      </c>
      <c r="R4225" t="s">
        <v>16187</v>
      </c>
      <c r="S4225">
        <v>137</v>
      </c>
    </row>
    <row r="4226" spans="1:19" x14ac:dyDescent="0.25">
      <c r="A4226">
        <v>35319905</v>
      </c>
      <c r="B4226" t="s">
        <v>21842</v>
      </c>
      <c r="C4226" s="1" t="s">
        <v>21843</v>
      </c>
      <c r="E4226">
        <v>3</v>
      </c>
      <c r="F4226">
        <v>6</v>
      </c>
      <c r="H4226" t="s">
        <v>21844</v>
      </c>
      <c r="J4226" t="s">
        <v>21845</v>
      </c>
      <c r="K4226" t="s">
        <v>21846</v>
      </c>
      <c r="M4226">
        <v>5446068</v>
      </c>
      <c r="O4226">
        <v>5446068</v>
      </c>
      <c r="P4226">
        <v>1</v>
      </c>
      <c r="Q4226">
        <v>0</v>
      </c>
      <c r="R4226" t="s">
        <v>19380</v>
      </c>
      <c r="S4226">
        <v>54</v>
      </c>
    </row>
    <row r="4227" spans="1:19" x14ac:dyDescent="0.25">
      <c r="A4227">
        <v>2814128</v>
      </c>
      <c r="B4227" t="s">
        <v>21847</v>
      </c>
      <c r="C4227" s="1" t="s">
        <v>21848</v>
      </c>
      <c r="D4227">
        <v>2814150</v>
      </c>
      <c r="E4227">
        <v>8</v>
      </c>
      <c r="F4227">
        <v>2</v>
      </c>
      <c r="H4227" t="s">
        <v>21849</v>
      </c>
      <c r="I4227">
        <v>9</v>
      </c>
      <c r="J4227" t="s">
        <v>21850</v>
      </c>
      <c r="K4227" t="s">
        <v>21851</v>
      </c>
      <c r="M4227">
        <v>545027</v>
      </c>
      <c r="O4227">
        <v>338690</v>
      </c>
      <c r="P4227">
        <v>1</v>
      </c>
      <c r="Q4227">
        <v>43</v>
      </c>
      <c r="R4227" t="s">
        <v>21852</v>
      </c>
      <c r="S4227">
        <v>233706</v>
      </c>
    </row>
    <row r="4228" spans="1:19" x14ac:dyDescent="0.25">
      <c r="A4228">
        <v>5594873</v>
      </c>
      <c r="B4228" t="s">
        <v>21853</v>
      </c>
      <c r="C4228" s="1" t="s">
        <v>21854</v>
      </c>
      <c r="D4228">
        <v>5594960</v>
      </c>
      <c r="E4228">
        <v>3</v>
      </c>
      <c r="F4228">
        <v>0</v>
      </c>
      <c r="H4228" t="s">
        <v>21855</v>
      </c>
      <c r="J4228" t="s">
        <v>21856</v>
      </c>
      <c r="O4228">
        <v>565174</v>
      </c>
      <c r="P4228">
        <v>1</v>
      </c>
      <c r="Q4228">
        <v>1</v>
      </c>
      <c r="R4228" t="s">
        <v>10900</v>
      </c>
      <c r="S4228">
        <v>436</v>
      </c>
    </row>
    <row r="4229" spans="1:19" x14ac:dyDescent="0.25">
      <c r="A4229">
        <v>33323450</v>
      </c>
      <c r="B4229" t="s">
        <v>21857</v>
      </c>
      <c r="C4229" s="1" t="s">
        <v>21858</v>
      </c>
      <c r="E4229">
        <v>1</v>
      </c>
      <c r="F4229">
        <v>4</v>
      </c>
      <c r="H4229" t="s">
        <v>21859</v>
      </c>
      <c r="I4229">
        <v>2</v>
      </c>
      <c r="J4229" t="s">
        <v>21860</v>
      </c>
      <c r="O4229">
        <v>3340335</v>
      </c>
      <c r="P4229">
        <v>1</v>
      </c>
      <c r="Q4229">
        <v>1</v>
      </c>
      <c r="R4229" t="s">
        <v>21861</v>
      </c>
      <c r="S4229">
        <v>2226</v>
      </c>
    </row>
    <row r="4230" spans="1:19" x14ac:dyDescent="0.25">
      <c r="A4230">
        <v>22848258</v>
      </c>
      <c r="B4230" t="s">
        <v>21862</v>
      </c>
      <c r="C4230" s="1" t="s">
        <v>21863</v>
      </c>
      <c r="D4230">
        <v>22848421</v>
      </c>
      <c r="E4230">
        <v>2</v>
      </c>
      <c r="F4230">
        <v>2</v>
      </c>
      <c r="H4230" t="s">
        <v>21864</v>
      </c>
      <c r="J4230" t="s">
        <v>21865</v>
      </c>
      <c r="O4230">
        <v>3487107</v>
      </c>
      <c r="P4230">
        <v>1</v>
      </c>
      <c r="Q4230">
        <v>0</v>
      </c>
      <c r="R4230" t="s">
        <v>11320</v>
      </c>
      <c r="S4230">
        <v>112</v>
      </c>
    </row>
    <row r="4231" spans="1:19" x14ac:dyDescent="0.25">
      <c r="A4231">
        <v>1128504</v>
      </c>
      <c r="B4231" t="s">
        <v>21866</v>
      </c>
      <c r="C4231" s="1" t="s">
        <v>21867</v>
      </c>
      <c r="D4231">
        <v>1128538</v>
      </c>
      <c r="E4231">
        <v>2</v>
      </c>
      <c r="F4231">
        <v>0</v>
      </c>
      <c r="H4231" t="s">
        <v>21868</v>
      </c>
      <c r="J4231" t="s">
        <v>21869</v>
      </c>
      <c r="K4231" t="s">
        <v>21870</v>
      </c>
      <c r="M4231">
        <v>76337</v>
      </c>
      <c r="O4231">
        <v>116803</v>
      </c>
      <c r="P4231">
        <v>1</v>
      </c>
      <c r="Q4231">
        <v>2</v>
      </c>
      <c r="R4231" t="s">
        <v>21871</v>
      </c>
      <c r="S4231">
        <v>1125</v>
      </c>
    </row>
    <row r="4232" spans="1:19" x14ac:dyDescent="0.25">
      <c r="A4232">
        <v>25691677</v>
      </c>
      <c r="B4232" t="s">
        <v>21872</v>
      </c>
      <c r="C4232" s="1" t="s">
        <v>21873</v>
      </c>
      <c r="E4232">
        <v>2</v>
      </c>
      <c r="F4232">
        <v>0</v>
      </c>
      <c r="H4232" t="s">
        <v>21874</v>
      </c>
      <c r="J4232" t="s">
        <v>21875</v>
      </c>
      <c r="O4232">
        <v>1649697</v>
      </c>
      <c r="P4232">
        <v>1</v>
      </c>
      <c r="Q4232">
        <v>-1</v>
      </c>
      <c r="R4232" t="s">
        <v>21876</v>
      </c>
      <c r="S4232">
        <v>259</v>
      </c>
    </row>
    <row r="4233" spans="1:19" x14ac:dyDescent="0.25">
      <c r="A4233">
        <v>26057587</v>
      </c>
      <c r="B4233" t="s">
        <v>21877</v>
      </c>
      <c r="C4233" s="1" t="s">
        <v>21878</v>
      </c>
      <c r="E4233">
        <v>1</v>
      </c>
      <c r="F4233">
        <v>0</v>
      </c>
      <c r="H4233" t="s">
        <v>21879</v>
      </c>
      <c r="J4233" t="s">
        <v>21880</v>
      </c>
      <c r="O4233">
        <v>3438731</v>
      </c>
      <c r="P4233">
        <v>1</v>
      </c>
      <c r="Q4233">
        <v>0</v>
      </c>
      <c r="R4233" t="s">
        <v>21881</v>
      </c>
      <c r="S4233">
        <v>64</v>
      </c>
    </row>
    <row r="4234" spans="1:19" x14ac:dyDescent="0.25">
      <c r="A4234">
        <v>38744259</v>
      </c>
      <c r="B4234" t="s">
        <v>21882</v>
      </c>
      <c r="C4234" s="1" t="s">
        <v>21883</v>
      </c>
      <c r="D4234">
        <v>38744260</v>
      </c>
      <c r="E4234">
        <v>1</v>
      </c>
      <c r="F4234">
        <v>1</v>
      </c>
      <c r="H4234" t="s">
        <v>21884</v>
      </c>
      <c r="J4234" t="s">
        <v>21885</v>
      </c>
      <c r="N4234" t="s">
        <v>21886</v>
      </c>
      <c r="O4234">
        <v>6674056</v>
      </c>
      <c r="P4234">
        <v>1</v>
      </c>
      <c r="Q4234">
        <v>1</v>
      </c>
      <c r="R4234" t="s">
        <v>21887</v>
      </c>
      <c r="S4234">
        <v>491</v>
      </c>
    </row>
    <row r="4235" spans="1:19" x14ac:dyDescent="0.25">
      <c r="A4235">
        <v>18650187</v>
      </c>
      <c r="B4235" t="s">
        <v>21888</v>
      </c>
      <c r="C4235" s="1" t="s">
        <v>21889</v>
      </c>
      <c r="E4235">
        <v>1</v>
      </c>
      <c r="F4235">
        <v>0</v>
      </c>
      <c r="H4235" t="s">
        <v>21890</v>
      </c>
      <c r="I4235">
        <v>1</v>
      </c>
      <c r="J4235" t="s">
        <v>21891</v>
      </c>
      <c r="O4235">
        <v>841830</v>
      </c>
      <c r="P4235">
        <v>1</v>
      </c>
      <c r="Q4235">
        <v>0</v>
      </c>
      <c r="R4235" t="s">
        <v>2122</v>
      </c>
      <c r="S4235">
        <v>270</v>
      </c>
    </row>
    <row r="4236" spans="1:19" x14ac:dyDescent="0.25">
      <c r="A4236">
        <v>27037516</v>
      </c>
      <c r="B4236" t="s">
        <v>21892</v>
      </c>
      <c r="C4236" s="1" t="s">
        <v>21893</v>
      </c>
      <c r="D4236">
        <v>27085186</v>
      </c>
      <c r="E4236">
        <v>1</v>
      </c>
      <c r="F4236">
        <v>0</v>
      </c>
      <c r="H4236" t="s">
        <v>21894</v>
      </c>
      <c r="J4236" t="s">
        <v>21895</v>
      </c>
      <c r="O4236">
        <v>894091</v>
      </c>
      <c r="P4236">
        <v>1</v>
      </c>
      <c r="Q4236">
        <v>1</v>
      </c>
      <c r="R4236" t="s">
        <v>21896</v>
      </c>
      <c r="S4236">
        <v>72</v>
      </c>
    </row>
    <row r="4237" spans="1:19" x14ac:dyDescent="0.25">
      <c r="A4237">
        <v>53517434</v>
      </c>
      <c r="B4237" t="s">
        <v>21897</v>
      </c>
      <c r="C4237" s="1" t="s">
        <v>21898</v>
      </c>
      <c r="D4237">
        <v>53517693</v>
      </c>
      <c r="E4237">
        <v>3</v>
      </c>
      <c r="F4237">
        <v>0</v>
      </c>
      <c r="H4237" t="s">
        <v>21899</v>
      </c>
      <c r="J4237" t="s">
        <v>21900</v>
      </c>
      <c r="K4237" t="s">
        <v>21900</v>
      </c>
      <c r="M4237">
        <v>9605341</v>
      </c>
      <c r="O4237">
        <v>9605341</v>
      </c>
      <c r="P4237">
        <v>1</v>
      </c>
      <c r="Q4237">
        <v>0</v>
      </c>
      <c r="R4237" t="s">
        <v>21901</v>
      </c>
      <c r="S4237">
        <v>31</v>
      </c>
    </row>
    <row r="4238" spans="1:19" x14ac:dyDescent="0.25">
      <c r="A4238">
        <v>39222624</v>
      </c>
      <c r="B4238" t="s">
        <v>21902</v>
      </c>
      <c r="C4238" s="1" t="s">
        <v>21903</v>
      </c>
      <c r="D4238">
        <v>39223590</v>
      </c>
      <c r="E4238">
        <v>2</v>
      </c>
      <c r="F4238">
        <v>1</v>
      </c>
      <c r="H4238" t="s">
        <v>21904</v>
      </c>
      <c r="J4238" t="s">
        <v>21905</v>
      </c>
      <c r="K4238" t="s">
        <v>21906</v>
      </c>
      <c r="M4238">
        <v>2541573</v>
      </c>
      <c r="O4238">
        <v>6494802</v>
      </c>
      <c r="P4238">
        <v>1</v>
      </c>
      <c r="Q4238">
        <v>0</v>
      </c>
      <c r="R4238" t="s">
        <v>21907</v>
      </c>
      <c r="S4238">
        <v>2034</v>
      </c>
    </row>
    <row r="4239" spans="1:19" x14ac:dyDescent="0.25">
      <c r="A4239">
        <v>32276928</v>
      </c>
      <c r="B4239" t="s">
        <v>21908</v>
      </c>
      <c r="C4239" s="1" t="s">
        <v>21909</v>
      </c>
      <c r="E4239">
        <v>3</v>
      </c>
      <c r="F4239">
        <v>2</v>
      </c>
      <c r="H4239" t="s">
        <v>21910</v>
      </c>
      <c r="I4239">
        <v>1</v>
      </c>
      <c r="J4239" t="s">
        <v>21911</v>
      </c>
      <c r="K4239" t="s">
        <v>21912</v>
      </c>
      <c r="M4239">
        <v>5277883</v>
      </c>
      <c r="O4239">
        <v>5277883</v>
      </c>
      <c r="P4239">
        <v>1</v>
      </c>
      <c r="Q4239">
        <v>3</v>
      </c>
      <c r="R4239" t="s">
        <v>21913</v>
      </c>
      <c r="S4239">
        <v>146</v>
      </c>
    </row>
    <row r="4240" spans="1:19" x14ac:dyDescent="0.25">
      <c r="A4240">
        <v>46723782</v>
      </c>
      <c r="B4240" t="s">
        <v>21914</v>
      </c>
      <c r="C4240" s="1" t="s">
        <v>21915</v>
      </c>
      <c r="D4240">
        <v>46724523</v>
      </c>
      <c r="E4240">
        <v>1</v>
      </c>
      <c r="F4240">
        <v>2</v>
      </c>
      <c r="H4240" t="s">
        <v>21916</v>
      </c>
      <c r="J4240" t="s">
        <v>21917</v>
      </c>
      <c r="K4240" t="s">
        <v>21917</v>
      </c>
      <c r="M4240">
        <v>8060120</v>
      </c>
      <c r="O4240">
        <v>2349115</v>
      </c>
      <c r="P4240">
        <v>1</v>
      </c>
      <c r="Q4240">
        <v>1</v>
      </c>
      <c r="R4240" t="s">
        <v>21918</v>
      </c>
      <c r="S4240">
        <v>151</v>
      </c>
    </row>
    <row r="4241" spans="1:19" x14ac:dyDescent="0.25">
      <c r="A4241">
        <v>36391251</v>
      </c>
      <c r="B4241" t="s">
        <v>21919</v>
      </c>
      <c r="C4241" s="1" t="s">
        <v>21920</v>
      </c>
      <c r="E4241">
        <v>0</v>
      </c>
      <c r="F4241">
        <v>4</v>
      </c>
      <c r="H4241" t="s">
        <v>21921</v>
      </c>
      <c r="J4241" t="s">
        <v>21922</v>
      </c>
      <c r="K4241" t="s">
        <v>21922</v>
      </c>
      <c r="M4241">
        <v>3901849</v>
      </c>
      <c r="O4241">
        <v>3901849</v>
      </c>
      <c r="P4241">
        <v>1</v>
      </c>
      <c r="Q4241">
        <v>0</v>
      </c>
      <c r="R4241" t="s">
        <v>21923</v>
      </c>
      <c r="S4241">
        <v>14</v>
      </c>
    </row>
    <row r="4242" spans="1:19" x14ac:dyDescent="0.25">
      <c r="A4242">
        <v>40114563</v>
      </c>
      <c r="B4242" t="s">
        <v>21924</v>
      </c>
      <c r="C4242" s="1" t="s">
        <v>21925</v>
      </c>
      <c r="D4242">
        <v>40114602</v>
      </c>
      <c r="E4242">
        <v>2</v>
      </c>
      <c r="F4242">
        <v>10</v>
      </c>
      <c r="H4242" t="s">
        <v>21926</v>
      </c>
      <c r="J4242" t="s">
        <v>21927</v>
      </c>
      <c r="O4242">
        <v>3834688</v>
      </c>
      <c r="P4242">
        <v>1</v>
      </c>
      <c r="Q4242">
        <v>1</v>
      </c>
      <c r="R4242" t="s">
        <v>21928</v>
      </c>
      <c r="S4242">
        <v>1603</v>
      </c>
    </row>
    <row r="4243" spans="1:19" x14ac:dyDescent="0.25">
      <c r="A4243">
        <v>48310935</v>
      </c>
      <c r="B4243" t="s">
        <v>21929</v>
      </c>
      <c r="C4243" s="1" t="s">
        <v>21930</v>
      </c>
      <c r="D4243">
        <v>48311095</v>
      </c>
      <c r="E4243">
        <v>4</v>
      </c>
      <c r="F4243">
        <v>3</v>
      </c>
      <c r="H4243" t="s">
        <v>21931</v>
      </c>
      <c r="J4243" t="s">
        <v>21932</v>
      </c>
      <c r="K4243" t="s">
        <v>21933</v>
      </c>
      <c r="M4243">
        <v>314166</v>
      </c>
      <c r="O4243">
        <v>7685722</v>
      </c>
      <c r="P4243">
        <v>1</v>
      </c>
      <c r="Q4243">
        <v>0</v>
      </c>
      <c r="R4243" t="s">
        <v>408</v>
      </c>
      <c r="S4243">
        <v>94</v>
      </c>
    </row>
    <row r="4244" spans="1:19" x14ac:dyDescent="0.25">
      <c r="A4244">
        <v>44838392</v>
      </c>
      <c r="B4244" t="s">
        <v>21934</v>
      </c>
      <c r="C4244" s="1" t="s">
        <v>21935</v>
      </c>
      <c r="E4244">
        <v>0</v>
      </c>
      <c r="F4244">
        <v>3</v>
      </c>
      <c r="H4244" t="s">
        <v>21936</v>
      </c>
      <c r="J4244" t="s">
        <v>21936</v>
      </c>
      <c r="O4244">
        <v>2923135</v>
      </c>
      <c r="P4244">
        <v>1</v>
      </c>
      <c r="Q4244">
        <v>0</v>
      </c>
      <c r="R4244" t="s">
        <v>21937</v>
      </c>
      <c r="S4244">
        <v>342</v>
      </c>
    </row>
    <row r="4245" spans="1:19" x14ac:dyDescent="0.25">
      <c r="A4245">
        <v>49880717</v>
      </c>
      <c r="B4245" t="s">
        <v>21938</v>
      </c>
      <c r="C4245" s="1" t="s">
        <v>21939</v>
      </c>
      <c r="E4245">
        <v>1</v>
      </c>
      <c r="F4245">
        <v>14</v>
      </c>
      <c r="H4245" t="s">
        <v>21940</v>
      </c>
      <c r="J4245" t="s">
        <v>21941</v>
      </c>
      <c r="K4245" t="s">
        <v>21942</v>
      </c>
      <c r="M4245">
        <v>9441843</v>
      </c>
      <c r="O4245">
        <v>9441843</v>
      </c>
      <c r="P4245">
        <v>1</v>
      </c>
      <c r="Q4245">
        <v>0</v>
      </c>
      <c r="R4245" t="s">
        <v>21943</v>
      </c>
      <c r="S4245">
        <v>62</v>
      </c>
    </row>
    <row r="4246" spans="1:19" x14ac:dyDescent="0.25">
      <c r="A4246">
        <v>44827930</v>
      </c>
      <c r="B4246" t="s">
        <v>21944</v>
      </c>
      <c r="C4246" s="1" t="s">
        <v>21945</v>
      </c>
      <c r="D4246">
        <v>44841535</v>
      </c>
      <c r="E4246">
        <v>1</v>
      </c>
      <c r="F4246">
        <v>0</v>
      </c>
      <c r="H4246" t="s">
        <v>21946</v>
      </c>
      <c r="I4246">
        <v>2</v>
      </c>
      <c r="J4246" t="s">
        <v>21947</v>
      </c>
      <c r="K4246" t="s">
        <v>21948</v>
      </c>
      <c r="M4246">
        <v>1364905</v>
      </c>
      <c r="O4246">
        <v>4157666</v>
      </c>
      <c r="P4246">
        <v>1</v>
      </c>
      <c r="Q4246">
        <v>2</v>
      </c>
      <c r="R4246" t="s">
        <v>21949</v>
      </c>
      <c r="S4246">
        <v>2433</v>
      </c>
    </row>
    <row r="4247" spans="1:19" x14ac:dyDescent="0.25">
      <c r="A4247">
        <v>35234857</v>
      </c>
      <c r="B4247" t="s">
        <v>21950</v>
      </c>
      <c r="C4247" s="1" t="s">
        <v>21951</v>
      </c>
      <c r="E4247">
        <v>1</v>
      </c>
      <c r="F4247">
        <v>1</v>
      </c>
      <c r="H4247" t="s">
        <v>21952</v>
      </c>
      <c r="J4247" t="s">
        <v>21953</v>
      </c>
      <c r="O4247">
        <v>2230049</v>
      </c>
      <c r="P4247">
        <v>1</v>
      </c>
      <c r="Q4247">
        <v>0</v>
      </c>
      <c r="R4247" t="s">
        <v>21954</v>
      </c>
      <c r="S4247">
        <v>276</v>
      </c>
    </row>
    <row r="4248" spans="1:19" x14ac:dyDescent="0.25">
      <c r="A4248">
        <v>40033535</v>
      </c>
      <c r="B4248" t="s">
        <v>21955</v>
      </c>
      <c r="C4248" s="1" t="s">
        <v>21956</v>
      </c>
      <c r="D4248">
        <v>40033602</v>
      </c>
      <c r="E4248">
        <v>1</v>
      </c>
      <c r="F4248">
        <v>1</v>
      </c>
      <c r="H4248" t="s">
        <v>21957</v>
      </c>
      <c r="J4248" t="s">
        <v>21958</v>
      </c>
      <c r="K4248" t="s">
        <v>21958</v>
      </c>
      <c r="M4248">
        <v>155423</v>
      </c>
      <c r="O4248">
        <v>4302668</v>
      </c>
      <c r="P4248">
        <v>1</v>
      </c>
      <c r="Q4248">
        <v>0</v>
      </c>
      <c r="R4248" t="s">
        <v>5756</v>
      </c>
      <c r="S4248">
        <v>234</v>
      </c>
    </row>
    <row r="4249" spans="1:19" x14ac:dyDescent="0.25">
      <c r="A4249">
        <v>44213586</v>
      </c>
      <c r="B4249" t="s">
        <v>21959</v>
      </c>
      <c r="C4249" s="1" t="s">
        <v>21960</v>
      </c>
      <c r="E4249">
        <v>0</v>
      </c>
      <c r="F4249">
        <v>4</v>
      </c>
      <c r="H4249" t="s">
        <v>21961</v>
      </c>
      <c r="J4249" t="s">
        <v>21962</v>
      </c>
      <c r="K4249" t="s">
        <v>21962</v>
      </c>
      <c r="M4249">
        <v>5827886</v>
      </c>
      <c r="O4249">
        <v>5827886</v>
      </c>
      <c r="P4249">
        <v>1</v>
      </c>
      <c r="Q4249">
        <v>0</v>
      </c>
      <c r="R4249" t="s">
        <v>21963</v>
      </c>
      <c r="S4249">
        <v>26</v>
      </c>
    </row>
    <row r="4250" spans="1:19" x14ac:dyDescent="0.25">
      <c r="A4250">
        <v>1714806</v>
      </c>
      <c r="B4250" t="s">
        <v>21964</v>
      </c>
      <c r="C4250" s="1" t="s">
        <v>21965</v>
      </c>
      <c r="D4250">
        <v>1721876</v>
      </c>
      <c r="E4250">
        <v>4</v>
      </c>
      <c r="F4250">
        <v>6</v>
      </c>
      <c r="H4250" t="s">
        <v>21966</v>
      </c>
      <c r="J4250" t="s">
        <v>21967</v>
      </c>
      <c r="K4250" t="s">
        <v>21968</v>
      </c>
      <c r="M4250">
        <v>207647</v>
      </c>
      <c r="O4250">
        <v>207647</v>
      </c>
      <c r="P4250">
        <v>1</v>
      </c>
      <c r="Q4250">
        <v>0</v>
      </c>
      <c r="R4250" t="s">
        <v>21969</v>
      </c>
      <c r="S4250">
        <v>714</v>
      </c>
    </row>
    <row r="4251" spans="1:19" x14ac:dyDescent="0.25">
      <c r="A4251">
        <v>754948</v>
      </c>
      <c r="B4251" t="s">
        <v>21970</v>
      </c>
      <c r="C4251" s="1" t="s">
        <v>21971</v>
      </c>
      <c r="D4251">
        <v>756787</v>
      </c>
      <c r="E4251">
        <v>3</v>
      </c>
      <c r="F4251">
        <v>0</v>
      </c>
      <c r="H4251" t="s">
        <v>21972</v>
      </c>
      <c r="J4251" t="s">
        <v>21973</v>
      </c>
      <c r="K4251" t="s">
        <v>21974</v>
      </c>
      <c r="M4251">
        <v>30552</v>
      </c>
      <c r="O4251">
        <v>30552</v>
      </c>
      <c r="P4251">
        <v>1</v>
      </c>
      <c r="Q4251">
        <v>1</v>
      </c>
      <c r="R4251" t="s">
        <v>21975</v>
      </c>
      <c r="S4251">
        <v>1440</v>
      </c>
    </row>
    <row r="4252" spans="1:19" x14ac:dyDescent="0.25">
      <c r="A4252">
        <v>38558830</v>
      </c>
      <c r="B4252" t="s">
        <v>21976</v>
      </c>
      <c r="C4252" s="1" t="s">
        <v>21977</v>
      </c>
      <c r="E4252">
        <v>0</v>
      </c>
      <c r="F4252">
        <v>7</v>
      </c>
      <c r="H4252" t="s">
        <v>21978</v>
      </c>
      <c r="J4252" t="s">
        <v>21979</v>
      </c>
      <c r="K4252" t="s">
        <v>21979</v>
      </c>
      <c r="M4252">
        <v>2056157</v>
      </c>
      <c r="O4252">
        <v>5254371</v>
      </c>
      <c r="P4252">
        <v>1</v>
      </c>
      <c r="Q4252">
        <v>0</v>
      </c>
      <c r="R4252" t="s">
        <v>21980</v>
      </c>
      <c r="S4252">
        <v>421</v>
      </c>
    </row>
    <row r="4253" spans="1:19" x14ac:dyDescent="0.25">
      <c r="A4253">
        <v>32545270</v>
      </c>
      <c r="B4253" t="s">
        <v>21981</v>
      </c>
      <c r="C4253" s="1" t="s">
        <v>21982</v>
      </c>
      <c r="D4253">
        <v>32545329</v>
      </c>
      <c r="E4253">
        <v>2</v>
      </c>
      <c r="F4253">
        <v>3</v>
      </c>
      <c r="H4253" t="s">
        <v>21983</v>
      </c>
      <c r="I4253">
        <v>6</v>
      </c>
      <c r="J4253" t="s">
        <v>21984</v>
      </c>
      <c r="K4253" t="s">
        <v>21985</v>
      </c>
      <c r="M4253">
        <v>4480571</v>
      </c>
      <c r="O4253">
        <v>4480571</v>
      </c>
      <c r="P4253">
        <v>1</v>
      </c>
      <c r="Q4253">
        <v>6</v>
      </c>
      <c r="R4253" t="s">
        <v>21986</v>
      </c>
      <c r="S4253">
        <v>6967</v>
      </c>
    </row>
    <row r="4254" spans="1:19" x14ac:dyDescent="0.25">
      <c r="A4254">
        <v>11693543</v>
      </c>
      <c r="B4254" t="s">
        <v>21987</v>
      </c>
      <c r="C4254" s="1" t="s">
        <v>21988</v>
      </c>
      <c r="D4254">
        <v>11693778</v>
      </c>
      <c r="E4254">
        <v>1</v>
      </c>
      <c r="F4254">
        <v>0</v>
      </c>
      <c r="H4254" t="s">
        <v>21989</v>
      </c>
      <c r="J4254" t="s">
        <v>21990</v>
      </c>
      <c r="O4254">
        <v>1170369</v>
      </c>
      <c r="P4254">
        <v>1</v>
      </c>
      <c r="Q4254">
        <v>1</v>
      </c>
      <c r="R4254" t="s">
        <v>21991</v>
      </c>
      <c r="S4254">
        <v>72</v>
      </c>
    </row>
    <row r="4255" spans="1:19" x14ac:dyDescent="0.25">
      <c r="A4255">
        <v>10647867</v>
      </c>
      <c r="B4255" t="s">
        <v>21992</v>
      </c>
      <c r="C4255" s="1" t="s">
        <v>21993</v>
      </c>
      <c r="D4255">
        <v>10647882</v>
      </c>
      <c r="E4255">
        <v>2</v>
      </c>
      <c r="F4255">
        <v>0</v>
      </c>
      <c r="H4255" t="s">
        <v>21994</v>
      </c>
      <c r="I4255">
        <v>1</v>
      </c>
      <c r="J4255" t="s">
        <v>21995</v>
      </c>
      <c r="K4255" t="s">
        <v>21996</v>
      </c>
      <c r="M4255">
        <v>519413</v>
      </c>
      <c r="O4255">
        <v>712845</v>
      </c>
      <c r="P4255">
        <v>1</v>
      </c>
      <c r="Q4255">
        <v>5</v>
      </c>
      <c r="R4255" t="s">
        <v>871</v>
      </c>
      <c r="S4255">
        <v>2908</v>
      </c>
    </row>
    <row r="4256" spans="1:19" x14ac:dyDescent="0.25">
      <c r="A4256">
        <v>34056783</v>
      </c>
      <c r="B4256" t="s">
        <v>21997</v>
      </c>
      <c r="C4256" s="1" t="s">
        <v>21998</v>
      </c>
      <c r="D4256">
        <v>34057004</v>
      </c>
      <c r="E4256">
        <v>4</v>
      </c>
      <c r="F4256">
        <v>5</v>
      </c>
      <c r="H4256" t="s">
        <v>21999</v>
      </c>
      <c r="J4256" t="s">
        <v>22000</v>
      </c>
      <c r="K4256" t="s">
        <v>22000</v>
      </c>
      <c r="M4256">
        <v>5620762</v>
      </c>
      <c r="O4256">
        <v>5620762</v>
      </c>
      <c r="P4256">
        <v>1</v>
      </c>
      <c r="Q4256">
        <v>0</v>
      </c>
      <c r="R4256" t="s">
        <v>22001</v>
      </c>
      <c r="S4256">
        <v>179</v>
      </c>
    </row>
    <row r="4257" spans="1:19" x14ac:dyDescent="0.25">
      <c r="A4257">
        <v>13463246</v>
      </c>
      <c r="B4257" t="s">
        <v>22002</v>
      </c>
      <c r="C4257" s="1" t="s">
        <v>22003</v>
      </c>
      <c r="E4257">
        <v>2</v>
      </c>
      <c r="F4257">
        <v>0</v>
      </c>
      <c r="H4257" t="s">
        <v>22004</v>
      </c>
      <c r="J4257" t="s">
        <v>22005</v>
      </c>
      <c r="K4257" t="s">
        <v>22005</v>
      </c>
      <c r="M4257">
        <v>50776</v>
      </c>
      <c r="O4257">
        <v>1700556</v>
      </c>
      <c r="P4257">
        <v>1</v>
      </c>
      <c r="Q4257">
        <v>0</v>
      </c>
      <c r="R4257" t="s">
        <v>22006</v>
      </c>
      <c r="S4257">
        <v>63</v>
      </c>
    </row>
    <row r="4258" spans="1:19" x14ac:dyDescent="0.25">
      <c r="A4258">
        <v>16246414</v>
      </c>
      <c r="B4258" t="s">
        <v>22007</v>
      </c>
      <c r="C4258" s="1" t="s">
        <v>22008</v>
      </c>
      <c r="D4258">
        <v>16247203</v>
      </c>
      <c r="E4258">
        <v>1</v>
      </c>
      <c r="F4258">
        <v>0</v>
      </c>
      <c r="H4258" t="s">
        <v>22009</v>
      </c>
      <c r="I4258">
        <v>0</v>
      </c>
      <c r="J4258" t="s">
        <v>22010</v>
      </c>
      <c r="O4258">
        <v>863884</v>
      </c>
      <c r="P4258">
        <v>1</v>
      </c>
      <c r="Q4258">
        <v>1</v>
      </c>
      <c r="R4258" t="s">
        <v>22011</v>
      </c>
      <c r="S4258">
        <v>997</v>
      </c>
    </row>
    <row r="4259" spans="1:19" x14ac:dyDescent="0.25">
      <c r="A4259">
        <v>16304921</v>
      </c>
      <c r="B4259" t="s">
        <v>22012</v>
      </c>
      <c r="C4259" s="1" t="s">
        <v>22013</v>
      </c>
      <c r="D4259">
        <v>16305122</v>
      </c>
      <c r="E4259">
        <v>1</v>
      </c>
      <c r="F4259">
        <v>1</v>
      </c>
      <c r="H4259" t="s">
        <v>22014</v>
      </c>
      <c r="I4259">
        <v>1</v>
      </c>
      <c r="J4259" t="s">
        <v>22015</v>
      </c>
      <c r="O4259">
        <v>164148</v>
      </c>
      <c r="P4259">
        <v>1</v>
      </c>
      <c r="Q4259">
        <v>0</v>
      </c>
      <c r="R4259" t="s">
        <v>22016</v>
      </c>
      <c r="S4259">
        <v>424</v>
      </c>
    </row>
    <row r="4260" spans="1:19" x14ac:dyDescent="0.25">
      <c r="A4260">
        <v>48700850</v>
      </c>
      <c r="B4260" t="s">
        <v>22017</v>
      </c>
      <c r="C4260" s="1" t="s">
        <v>22018</v>
      </c>
      <c r="E4260">
        <v>0</v>
      </c>
      <c r="F4260">
        <v>1</v>
      </c>
      <c r="H4260" t="s">
        <v>22019</v>
      </c>
      <c r="J4260" t="s">
        <v>22019</v>
      </c>
      <c r="O4260">
        <v>1201570</v>
      </c>
      <c r="P4260">
        <v>1</v>
      </c>
      <c r="Q4260">
        <v>0</v>
      </c>
      <c r="R4260" t="s">
        <v>22020</v>
      </c>
      <c r="S4260">
        <v>55</v>
      </c>
    </row>
    <row r="4261" spans="1:19" x14ac:dyDescent="0.25">
      <c r="A4261">
        <v>17399679</v>
      </c>
      <c r="B4261" t="s">
        <v>22021</v>
      </c>
      <c r="C4261" s="1" t="s">
        <v>22022</v>
      </c>
      <c r="E4261">
        <v>0</v>
      </c>
      <c r="F4261">
        <v>6</v>
      </c>
      <c r="H4261" t="s">
        <v>22023</v>
      </c>
      <c r="J4261" t="s">
        <v>22024</v>
      </c>
      <c r="K4261" t="s">
        <v>22024</v>
      </c>
      <c r="M4261">
        <v>817365</v>
      </c>
      <c r="O4261">
        <v>2527992</v>
      </c>
      <c r="P4261">
        <v>1</v>
      </c>
      <c r="Q4261">
        <v>0</v>
      </c>
      <c r="R4261" t="s">
        <v>22025</v>
      </c>
      <c r="S4261">
        <v>224</v>
      </c>
    </row>
    <row r="4262" spans="1:19" x14ac:dyDescent="0.25">
      <c r="A4262">
        <v>20220903</v>
      </c>
      <c r="B4262" t="s">
        <v>22026</v>
      </c>
      <c r="C4262" s="1" t="s">
        <v>22027</v>
      </c>
      <c r="E4262">
        <v>1</v>
      </c>
      <c r="F4262">
        <v>2</v>
      </c>
      <c r="H4262" t="s">
        <v>22028</v>
      </c>
      <c r="J4262" t="s">
        <v>22029</v>
      </c>
      <c r="K4262" t="s">
        <v>22030</v>
      </c>
      <c r="M4262">
        <v>1296593</v>
      </c>
      <c r="O4262">
        <v>1296593</v>
      </c>
      <c r="P4262">
        <v>1</v>
      </c>
      <c r="Q4262">
        <v>0</v>
      </c>
      <c r="R4262" t="s">
        <v>11303</v>
      </c>
      <c r="S4262">
        <v>154</v>
      </c>
    </row>
    <row r="4263" spans="1:19" x14ac:dyDescent="0.25">
      <c r="A4263">
        <v>48760478</v>
      </c>
      <c r="B4263" t="s">
        <v>22031</v>
      </c>
      <c r="C4263" t="s">
        <v>22032</v>
      </c>
      <c r="E4263">
        <v>0</v>
      </c>
      <c r="F4263">
        <v>9</v>
      </c>
      <c r="H4263" t="s">
        <v>22033</v>
      </c>
      <c r="J4263" t="s">
        <v>22034</v>
      </c>
      <c r="K4263" t="s">
        <v>22034</v>
      </c>
      <c r="M4263">
        <v>6509</v>
      </c>
      <c r="O4263">
        <v>9353276</v>
      </c>
      <c r="P4263">
        <v>1</v>
      </c>
      <c r="Q4263">
        <v>0</v>
      </c>
      <c r="R4263" t="s">
        <v>22035</v>
      </c>
      <c r="S4263">
        <v>134</v>
      </c>
    </row>
    <row r="4264" spans="1:19" x14ac:dyDescent="0.25">
      <c r="A4264">
        <v>3780348</v>
      </c>
      <c r="B4264" t="s">
        <v>22036</v>
      </c>
      <c r="C4264" s="1" t="s">
        <v>22037</v>
      </c>
      <c r="E4264">
        <v>1</v>
      </c>
      <c r="F4264">
        <v>0</v>
      </c>
      <c r="H4264" t="s">
        <v>22038</v>
      </c>
      <c r="J4264" t="s">
        <v>22039</v>
      </c>
      <c r="O4264">
        <v>378158</v>
      </c>
      <c r="P4264">
        <v>1</v>
      </c>
      <c r="Q4264">
        <v>1</v>
      </c>
      <c r="R4264" t="s">
        <v>22040</v>
      </c>
      <c r="S4264">
        <v>205</v>
      </c>
    </row>
    <row r="4265" spans="1:19" x14ac:dyDescent="0.25">
      <c r="A4265">
        <v>26948789</v>
      </c>
      <c r="B4265" t="s">
        <v>22041</v>
      </c>
      <c r="C4265" s="1" t="s">
        <v>22042</v>
      </c>
      <c r="D4265">
        <v>26952331</v>
      </c>
      <c r="E4265">
        <v>1</v>
      </c>
      <c r="F4265">
        <v>0</v>
      </c>
      <c r="H4265" t="s">
        <v>22043</v>
      </c>
      <c r="J4265" t="s">
        <v>22044</v>
      </c>
      <c r="O4265">
        <v>4256278</v>
      </c>
      <c r="P4265">
        <v>1</v>
      </c>
      <c r="Q4265">
        <v>3</v>
      </c>
      <c r="R4265" t="s">
        <v>22045</v>
      </c>
      <c r="S4265">
        <v>1369</v>
      </c>
    </row>
    <row r="4266" spans="1:19" x14ac:dyDescent="0.25">
      <c r="A4266">
        <v>35441290</v>
      </c>
      <c r="B4266" t="s">
        <v>22046</v>
      </c>
      <c r="C4266" s="1" t="s">
        <v>22047</v>
      </c>
      <c r="E4266">
        <v>0</v>
      </c>
      <c r="F4266">
        <v>5</v>
      </c>
      <c r="H4266" t="s">
        <v>22048</v>
      </c>
      <c r="J4266" t="s">
        <v>22049</v>
      </c>
      <c r="K4266" t="s">
        <v>22049</v>
      </c>
      <c r="M4266">
        <v>2627434</v>
      </c>
      <c r="O4266">
        <v>2627434</v>
      </c>
      <c r="P4266">
        <v>1</v>
      </c>
      <c r="Q4266">
        <v>0</v>
      </c>
      <c r="R4266" t="s">
        <v>22050</v>
      </c>
      <c r="S4266">
        <v>228</v>
      </c>
    </row>
    <row r="4267" spans="1:19" x14ac:dyDescent="0.25">
      <c r="A4267">
        <v>7431065</v>
      </c>
      <c r="B4267" t="s">
        <v>22051</v>
      </c>
      <c r="C4267" s="1" t="s">
        <v>22052</v>
      </c>
      <c r="D4267">
        <v>14918766</v>
      </c>
      <c r="E4267">
        <v>4</v>
      </c>
      <c r="F4267">
        <v>0</v>
      </c>
      <c r="H4267" t="s">
        <v>22053</v>
      </c>
      <c r="I4267">
        <v>2</v>
      </c>
      <c r="J4267" t="s">
        <v>22054</v>
      </c>
      <c r="K4267" t="s">
        <v>22054</v>
      </c>
      <c r="M4267">
        <v>759866</v>
      </c>
      <c r="O4267">
        <v>520141</v>
      </c>
      <c r="P4267">
        <v>1</v>
      </c>
      <c r="Q4267">
        <v>0</v>
      </c>
      <c r="R4267" t="s">
        <v>22055</v>
      </c>
      <c r="S4267">
        <v>843</v>
      </c>
    </row>
    <row r="4268" spans="1:19" x14ac:dyDescent="0.25">
      <c r="A4268">
        <v>39889009</v>
      </c>
      <c r="B4268" t="s">
        <v>22056</v>
      </c>
      <c r="C4268" s="1" t="s">
        <v>22057</v>
      </c>
      <c r="D4268">
        <v>39889795</v>
      </c>
      <c r="E4268">
        <v>6</v>
      </c>
      <c r="F4268">
        <v>0</v>
      </c>
      <c r="H4268" t="s">
        <v>22058</v>
      </c>
      <c r="I4268">
        <v>5</v>
      </c>
      <c r="J4268" t="s">
        <v>22059</v>
      </c>
      <c r="K4268" t="s">
        <v>22060</v>
      </c>
      <c r="M4268">
        <v>472495</v>
      </c>
      <c r="O4268">
        <v>1053260</v>
      </c>
      <c r="P4268">
        <v>1</v>
      </c>
      <c r="Q4268">
        <v>5</v>
      </c>
      <c r="R4268" t="s">
        <v>22061</v>
      </c>
      <c r="S4268">
        <v>15904</v>
      </c>
    </row>
    <row r="4269" spans="1:19" x14ac:dyDescent="0.25">
      <c r="A4269">
        <v>31535750</v>
      </c>
      <c r="B4269" t="s">
        <v>22062</v>
      </c>
      <c r="C4269" s="1" t="s">
        <v>22063</v>
      </c>
      <c r="E4269">
        <v>2</v>
      </c>
      <c r="F4269">
        <v>0</v>
      </c>
      <c r="H4269" t="s">
        <v>22064</v>
      </c>
      <c r="J4269" t="s">
        <v>22065</v>
      </c>
      <c r="K4269" t="s">
        <v>22065</v>
      </c>
      <c r="M4269">
        <v>753676</v>
      </c>
      <c r="O4269">
        <v>1825221</v>
      </c>
      <c r="P4269">
        <v>1</v>
      </c>
      <c r="Q4269">
        <v>0</v>
      </c>
      <c r="R4269" t="s">
        <v>22066</v>
      </c>
      <c r="S4269">
        <v>102</v>
      </c>
    </row>
    <row r="4270" spans="1:19" x14ac:dyDescent="0.25">
      <c r="A4270">
        <v>29905909</v>
      </c>
      <c r="B4270" t="s">
        <v>22067</v>
      </c>
      <c r="C4270" s="1" t="s">
        <v>22068</v>
      </c>
      <c r="E4270">
        <v>3</v>
      </c>
      <c r="F4270">
        <v>9</v>
      </c>
      <c r="H4270" t="s">
        <v>22069</v>
      </c>
      <c r="I4270">
        <v>4</v>
      </c>
      <c r="J4270" t="s">
        <v>22070</v>
      </c>
      <c r="K4270" t="s">
        <v>22071</v>
      </c>
      <c r="M4270">
        <v>433940</v>
      </c>
      <c r="O4270">
        <v>433940</v>
      </c>
      <c r="P4270">
        <v>1</v>
      </c>
      <c r="Q4270">
        <v>13</v>
      </c>
      <c r="R4270" t="s">
        <v>22072</v>
      </c>
      <c r="S4270">
        <v>7070</v>
      </c>
    </row>
    <row r="4271" spans="1:19" x14ac:dyDescent="0.25">
      <c r="A4271">
        <v>6737409</v>
      </c>
      <c r="B4271" t="s">
        <v>22073</v>
      </c>
      <c r="C4271" s="1" t="s">
        <v>22074</v>
      </c>
      <c r="D4271">
        <v>6737649</v>
      </c>
      <c r="E4271">
        <v>2</v>
      </c>
      <c r="F4271">
        <v>2</v>
      </c>
      <c r="H4271" t="s">
        <v>22075</v>
      </c>
      <c r="I4271">
        <v>2</v>
      </c>
      <c r="J4271" t="s">
        <v>22076</v>
      </c>
      <c r="O4271">
        <v>850498</v>
      </c>
      <c r="P4271">
        <v>1</v>
      </c>
      <c r="Q4271">
        <v>3</v>
      </c>
      <c r="R4271" t="s">
        <v>22077</v>
      </c>
      <c r="S4271">
        <v>4792</v>
      </c>
    </row>
    <row r="4272" spans="1:19" x14ac:dyDescent="0.25">
      <c r="A4272">
        <v>23977621</v>
      </c>
      <c r="B4272" t="s">
        <v>22078</v>
      </c>
      <c r="C4272" s="1" t="s">
        <v>22079</v>
      </c>
      <c r="E4272">
        <v>0</v>
      </c>
      <c r="F4272">
        <v>3</v>
      </c>
      <c r="H4272" t="s">
        <v>22080</v>
      </c>
      <c r="J4272" t="s">
        <v>22080</v>
      </c>
      <c r="O4272">
        <v>3630441</v>
      </c>
      <c r="P4272">
        <v>1</v>
      </c>
      <c r="Q4272">
        <v>0</v>
      </c>
      <c r="R4272" t="s">
        <v>1359</v>
      </c>
      <c r="S4272">
        <v>52</v>
      </c>
    </row>
    <row r="4273" spans="1:19" x14ac:dyDescent="0.25">
      <c r="A4273">
        <v>33194151</v>
      </c>
      <c r="B4273" t="s">
        <v>22081</v>
      </c>
      <c r="C4273" s="1" t="s">
        <v>22082</v>
      </c>
      <c r="E4273">
        <v>0</v>
      </c>
      <c r="F4273">
        <v>3</v>
      </c>
      <c r="H4273" t="s">
        <v>22083</v>
      </c>
      <c r="J4273" t="s">
        <v>22083</v>
      </c>
      <c r="O4273">
        <v>3618156</v>
      </c>
      <c r="P4273">
        <v>1</v>
      </c>
      <c r="Q4273">
        <v>0</v>
      </c>
      <c r="R4273" t="s">
        <v>22084</v>
      </c>
      <c r="S4273">
        <v>46</v>
      </c>
    </row>
    <row r="4274" spans="1:19" x14ac:dyDescent="0.25">
      <c r="A4274">
        <v>33635574</v>
      </c>
      <c r="B4274" t="s">
        <v>22085</v>
      </c>
      <c r="C4274" s="1" t="s">
        <v>22086</v>
      </c>
      <c r="E4274">
        <v>1</v>
      </c>
      <c r="F4274">
        <v>0</v>
      </c>
      <c r="H4274" t="s">
        <v>22087</v>
      </c>
      <c r="J4274" t="s">
        <v>22088</v>
      </c>
      <c r="O4274">
        <v>5547551</v>
      </c>
      <c r="P4274">
        <v>1</v>
      </c>
      <c r="Q4274">
        <v>1</v>
      </c>
      <c r="R4274" t="s">
        <v>22089</v>
      </c>
      <c r="S4274">
        <v>23</v>
      </c>
    </row>
    <row r="4275" spans="1:19" x14ac:dyDescent="0.25">
      <c r="A4275">
        <v>49142339</v>
      </c>
      <c r="B4275" t="s">
        <v>22090</v>
      </c>
      <c r="C4275" s="1" t="s">
        <v>22091</v>
      </c>
      <c r="E4275">
        <v>1</v>
      </c>
      <c r="F4275">
        <v>0</v>
      </c>
      <c r="H4275" t="s">
        <v>22092</v>
      </c>
      <c r="J4275" t="s">
        <v>22093</v>
      </c>
      <c r="K4275" t="s">
        <v>22094</v>
      </c>
      <c r="M4275">
        <v>1866656</v>
      </c>
      <c r="O4275">
        <v>6370663</v>
      </c>
      <c r="P4275">
        <v>1</v>
      </c>
      <c r="Q4275">
        <v>2</v>
      </c>
      <c r="R4275" t="s">
        <v>22095</v>
      </c>
      <c r="S4275">
        <v>99</v>
      </c>
    </row>
    <row r="4276" spans="1:19" x14ac:dyDescent="0.25">
      <c r="A4276">
        <v>24212520</v>
      </c>
      <c r="B4276" t="s">
        <v>22096</v>
      </c>
      <c r="C4276" s="1" t="s">
        <v>22097</v>
      </c>
      <c r="D4276">
        <v>24212769</v>
      </c>
      <c r="E4276">
        <v>1</v>
      </c>
      <c r="F4276">
        <v>4</v>
      </c>
      <c r="H4276" t="s">
        <v>22098</v>
      </c>
      <c r="J4276" t="s">
        <v>22099</v>
      </c>
      <c r="K4276" t="s">
        <v>22100</v>
      </c>
      <c r="M4276">
        <v>638443</v>
      </c>
      <c r="O4276">
        <v>638443</v>
      </c>
      <c r="P4276">
        <v>1</v>
      </c>
      <c r="Q4276">
        <v>-2</v>
      </c>
      <c r="R4276" t="s">
        <v>22101</v>
      </c>
      <c r="S4276">
        <v>182</v>
      </c>
    </row>
    <row r="4277" spans="1:19" x14ac:dyDescent="0.25">
      <c r="A4277">
        <v>49331277</v>
      </c>
      <c r="B4277" t="s">
        <v>22102</v>
      </c>
      <c r="C4277" s="1" t="s">
        <v>22103</v>
      </c>
      <c r="E4277">
        <v>0</v>
      </c>
      <c r="F4277">
        <v>0</v>
      </c>
      <c r="H4277" t="s">
        <v>22104</v>
      </c>
      <c r="I4277">
        <v>1</v>
      </c>
      <c r="J4277" t="s">
        <v>22105</v>
      </c>
      <c r="K4277" t="s">
        <v>22105</v>
      </c>
      <c r="M4277">
        <v>8832648</v>
      </c>
      <c r="O4277">
        <v>8832648</v>
      </c>
      <c r="P4277">
        <v>1</v>
      </c>
      <c r="Q4277">
        <v>1</v>
      </c>
      <c r="R4277" t="s">
        <v>6587</v>
      </c>
      <c r="S4277">
        <v>27</v>
      </c>
    </row>
    <row r="4278" spans="1:19" x14ac:dyDescent="0.25">
      <c r="A4278">
        <v>16381392</v>
      </c>
      <c r="B4278" t="s">
        <v>22106</v>
      </c>
      <c r="C4278" s="1" t="s">
        <v>22107</v>
      </c>
      <c r="D4278">
        <v>16381419</v>
      </c>
      <c r="E4278">
        <v>2</v>
      </c>
      <c r="F4278">
        <v>5</v>
      </c>
      <c r="H4278" t="s">
        <v>22108</v>
      </c>
      <c r="J4278" t="s">
        <v>22109</v>
      </c>
      <c r="K4278" t="s">
        <v>22109</v>
      </c>
      <c r="M4278">
        <v>1017893</v>
      </c>
      <c r="O4278">
        <v>2342394</v>
      </c>
      <c r="P4278">
        <v>1</v>
      </c>
      <c r="Q4278">
        <v>-3</v>
      </c>
      <c r="R4278" t="s">
        <v>22110</v>
      </c>
      <c r="S4278">
        <v>334</v>
      </c>
    </row>
    <row r="4279" spans="1:19" x14ac:dyDescent="0.25">
      <c r="A4279">
        <v>12660603</v>
      </c>
      <c r="B4279" t="s">
        <v>22111</v>
      </c>
      <c r="C4279" s="1" t="s">
        <v>22112</v>
      </c>
      <c r="D4279">
        <v>12661137</v>
      </c>
      <c r="E4279">
        <v>1</v>
      </c>
      <c r="F4279">
        <v>1</v>
      </c>
      <c r="H4279" t="s">
        <v>22113</v>
      </c>
      <c r="J4279" t="s">
        <v>22114</v>
      </c>
      <c r="K4279" t="s">
        <v>22115</v>
      </c>
      <c r="M4279">
        <v>-1</v>
      </c>
      <c r="O4279">
        <v>1118969</v>
      </c>
      <c r="P4279">
        <v>1</v>
      </c>
      <c r="Q4279">
        <v>1</v>
      </c>
      <c r="R4279" t="s">
        <v>22116</v>
      </c>
      <c r="S4279">
        <v>497</v>
      </c>
    </row>
    <row r="4280" spans="1:19" x14ac:dyDescent="0.25">
      <c r="A4280">
        <v>40252871</v>
      </c>
      <c r="B4280" t="s">
        <v>22117</v>
      </c>
      <c r="C4280" s="1" t="s">
        <v>22118</v>
      </c>
      <c r="D4280">
        <v>40570156</v>
      </c>
      <c r="E4280">
        <v>3</v>
      </c>
      <c r="F4280">
        <v>0</v>
      </c>
      <c r="H4280" t="s">
        <v>22119</v>
      </c>
      <c r="J4280" t="s">
        <v>22120</v>
      </c>
      <c r="K4280" t="s">
        <v>22121</v>
      </c>
      <c r="M4280">
        <v>3196126</v>
      </c>
      <c r="O4280">
        <v>3196126</v>
      </c>
      <c r="P4280">
        <v>1</v>
      </c>
      <c r="Q4280">
        <v>1</v>
      </c>
      <c r="R4280" t="s">
        <v>22122</v>
      </c>
      <c r="S4280">
        <v>633</v>
      </c>
    </row>
    <row r="4281" spans="1:19" x14ac:dyDescent="0.25">
      <c r="A4281">
        <v>4803541</v>
      </c>
      <c r="B4281" t="s">
        <v>22123</v>
      </c>
      <c r="C4281" s="1" t="s">
        <v>22124</v>
      </c>
      <c r="E4281">
        <v>2</v>
      </c>
      <c r="F4281">
        <v>0</v>
      </c>
      <c r="H4281" t="s">
        <v>22125</v>
      </c>
      <c r="I4281">
        <v>2</v>
      </c>
      <c r="J4281" t="s">
        <v>22126</v>
      </c>
      <c r="K4281" t="s">
        <v>22127</v>
      </c>
      <c r="M4281">
        <v>-1</v>
      </c>
      <c r="O4281">
        <v>228660</v>
      </c>
      <c r="P4281">
        <v>1</v>
      </c>
      <c r="Q4281">
        <v>15</v>
      </c>
      <c r="R4281" t="s">
        <v>22128</v>
      </c>
      <c r="S4281">
        <v>11626</v>
      </c>
    </row>
    <row r="4282" spans="1:19" x14ac:dyDescent="0.25">
      <c r="A4282">
        <v>48257103</v>
      </c>
      <c r="B4282" t="s">
        <v>22129</v>
      </c>
      <c r="C4282" s="1" t="s">
        <v>22130</v>
      </c>
      <c r="E4282">
        <v>0</v>
      </c>
      <c r="F4282">
        <v>29</v>
      </c>
      <c r="H4282" t="s">
        <v>22131</v>
      </c>
      <c r="J4282" t="s">
        <v>22132</v>
      </c>
      <c r="K4282" t="s">
        <v>22133</v>
      </c>
      <c r="M4282">
        <v>5333146</v>
      </c>
      <c r="O4282">
        <v>4941144</v>
      </c>
      <c r="P4282">
        <v>1</v>
      </c>
      <c r="Q4282">
        <v>2</v>
      </c>
      <c r="R4282" t="s">
        <v>22134</v>
      </c>
      <c r="S4282">
        <v>62</v>
      </c>
    </row>
    <row r="4283" spans="1:19" x14ac:dyDescent="0.25">
      <c r="A4283">
        <v>38052470</v>
      </c>
      <c r="B4283" t="s">
        <v>22135</v>
      </c>
      <c r="C4283" s="1" t="s">
        <v>22136</v>
      </c>
      <c r="E4283">
        <v>0</v>
      </c>
      <c r="F4283">
        <v>16</v>
      </c>
      <c r="H4283" t="s">
        <v>22137</v>
      </c>
      <c r="J4283" t="s">
        <v>22138</v>
      </c>
      <c r="K4283" t="s">
        <v>22138</v>
      </c>
      <c r="M4283">
        <v>2227743</v>
      </c>
      <c r="O4283">
        <v>5720206</v>
      </c>
      <c r="P4283">
        <v>1</v>
      </c>
      <c r="Q4283">
        <v>0</v>
      </c>
      <c r="R4283" t="s">
        <v>22139</v>
      </c>
      <c r="S4283">
        <v>34</v>
      </c>
    </row>
    <row r="4284" spans="1:19" x14ac:dyDescent="0.25">
      <c r="A4284">
        <v>16816501</v>
      </c>
      <c r="B4284" t="s">
        <v>22140</v>
      </c>
      <c r="C4284" s="1" t="s">
        <v>22141</v>
      </c>
      <c r="E4284">
        <v>2</v>
      </c>
      <c r="F4284">
        <v>3</v>
      </c>
      <c r="H4284" t="s">
        <v>22142</v>
      </c>
      <c r="J4284" t="s">
        <v>22143</v>
      </c>
      <c r="K4284" t="s">
        <v>22143</v>
      </c>
      <c r="L4284" t="s">
        <v>22144</v>
      </c>
      <c r="M4284">
        <v>128421</v>
      </c>
      <c r="N4284" t="s">
        <v>22144</v>
      </c>
      <c r="P4284">
        <v>1</v>
      </c>
      <c r="Q4284">
        <v>1</v>
      </c>
      <c r="R4284" t="s">
        <v>22145</v>
      </c>
      <c r="S4284">
        <v>3897</v>
      </c>
    </row>
    <row r="4285" spans="1:19" x14ac:dyDescent="0.25">
      <c r="A4285">
        <v>43930561</v>
      </c>
      <c r="B4285" t="s">
        <v>22146</v>
      </c>
      <c r="C4285" s="1" t="s">
        <v>22147</v>
      </c>
      <c r="D4285">
        <v>43936563</v>
      </c>
      <c r="E4285">
        <v>1</v>
      </c>
      <c r="F4285">
        <v>2</v>
      </c>
      <c r="H4285" t="s">
        <v>22148</v>
      </c>
      <c r="J4285" t="s">
        <v>22149</v>
      </c>
      <c r="K4285" t="s">
        <v>22149</v>
      </c>
      <c r="M4285">
        <v>2932476</v>
      </c>
      <c r="O4285">
        <v>1139344</v>
      </c>
      <c r="P4285">
        <v>1</v>
      </c>
      <c r="Q4285">
        <v>2</v>
      </c>
      <c r="R4285" t="s">
        <v>22150</v>
      </c>
      <c r="S4285">
        <v>99</v>
      </c>
    </row>
    <row r="4286" spans="1:19" x14ac:dyDescent="0.25">
      <c r="A4286">
        <v>29567905</v>
      </c>
      <c r="B4286" t="s">
        <v>22151</v>
      </c>
      <c r="C4286" s="1" t="s">
        <v>22152</v>
      </c>
      <c r="D4286">
        <v>29569364</v>
      </c>
      <c r="E4286">
        <v>2</v>
      </c>
      <c r="F4286">
        <v>0</v>
      </c>
      <c r="H4286" t="s">
        <v>22153</v>
      </c>
      <c r="I4286">
        <v>1</v>
      </c>
      <c r="J4286" t="s">
        <v>22154</v>
      </c>
      <c r="K4286" t="s">
        <v>22155</v>
      </c>
      <c r="M4286">
        <v>443900</v>
      </c>
      <c r="O4286">
        <v>443900</v>
      </c>
      <c r="P4286">
        <v>1</v>
      </c>
      <c r="Q4286">
        <v>7</v>
      </c>
      <c r="R4286" t="s">
        <v>22156</v>
      </c>
      <c r="S4286">
        <v>5695</v>
      </c>
    </row>
    <row r="4287" spans="1:19" x14ac:dyDescent="0.25">
      <c r="A4287">
        <v>24910456</v>
      </c>
      <c r="B4287" t="s">
        <v>22157</v>
      </c>
      <c r="C4287" s="1" t="s">
        <v>22158</v>
      </c>
      <c r="D4287">
        <v>24910520</v>
      </c>
      <c r="E4287">
        <v>1</v>
      </c>
      <c r="F4287">
        <v>1</v>
      </c>
      <c r="H4287" t="s">
        <v>22159</v>
      </c>
      <c r="J4287" t="s">
        <v>22160</v>
      </c>
      <c r="O4287">
        <v>3868713</v>
      </c>
      <c r="P4287">
        <v>1</v>
      </c>
      <c r="Q4287">
        <v>-3</v>
      </c>
      <c r="R4287" t="s">
        <v>22161</v>
      </c>
      <c r="S4287">
        <v>4453</v>
      </c>
    </row>
    <row r="4288" spans="1:19" x14ac:dyDescent="0.25">
      <c r="A4288">
        <v>48239856</v>
      </c>
      <c r="B4288" t="s">
        <v>22162</v>
      </c>
      <c r="C4288" s="1" t="s">
        <v>22163</v>
      </c>
      <c r="E4288">
        <v>0</v>
      </c>
      <c r="F4288">
        <v>3</v>
      </c>
      <c r="H4288" t="s">
        <v>22164</v>
      </c>
      <c r="J4288" t="s">
        <v>22165</v>
      </c>
      <c r="K4288" t="s">
        <v>22165</v>
      </c>
      <c r="M4288">
        <v>1885518</v>
      </c>
      <c r="O4288">
        <v>7847993</v>
      </c>
      <c r="P4288">
        <v>1</v>
      </c>
      <c r="Q4288">
        <v>0</v>
      </c>
      <c r="R4288" t="s">
        <v>22166</v>
      </c>
      <c r="S4288">
        <v>61</v>
      </c>
    </row>
    <row r="4289" spans="1:19" x14ac:dyDescent="0.25">
      <c r="A4289">
        <v>27902294</v>
      </c>
      <c r="B4289" t="s">
        <v>22167</v>
      </c>
      <c r="C4289" s="1" t="s">
        <v>22168</v>
      </c>
      <c r="E4289">
        <v>0</v>
      </c>
      <c r="F4289">
        <v>5</v>
      </c>
      <c r="H4289" t="s">
        <v>22169</v>
      </c>
      <c r="I4289">
        <v>0</v>
      </c>
      <c r="J4289" t="s">
        <v>22170</v>
      </c>
      <c r="K4289" t="s">
        <v>22170</v>
      </c>
      <c r="M4289">
        <v>2462858</v>
      </c>
      <c r="O4289">
        <v>2462858</v>
      </c>
      <c r="P4289">
        <v>1</v>
      </c>
      <c r="Q4289">
        <v>0</v>
      </c>
      <c r="R4289" t="s">
        <v>22171</v>
      </c>
      <c r="S4289">
        <v>383</v>
      </c>
    </row>
    <row r="4290" spans="1:19" x14ac:dyDescent="0.25">
      <c r="A4290">
        <v>34370965</v>
      </c>
      <c r="B4290" t="s">
        <v>22172</v>
      </c>
      <c r="C4290" s="1" t="s">
        <v>22173</v>
      </c>
      <c r="D4290">
        <v>36895819</v>
      </c>
      <c r="E4290">
        <v>1</v>
      </c>
      <c r="F4290">
        <v>3</v>
      </c>
      <c r="H4290" t="s">
        <v>22174</v>
      </c>
      <c r="J4290" t="s">
        <v>22175</v>
      </c>
      <c r="K4290" t="s">
        <v>22176</v>
      </c>
      <c r="M4290">
        <v>3134215</v>
      </c>
      <c r="O4290">
        <v>4974176</v>
      </c>
      <c r="P4290">
        <v>1</v>
      </c>
      <c r="Q4290">
        <v>1</v>
      </c>
      <c r="R4290" t="s">
        <v>22177</v>
      </c>
      <c r="S4290">
        <v>628</v>
      </c>
    </row>
    <row r="4291" spans="1:19" x14ac:dyDescent="0.25">
      <c r="A4291">
        <v>45326200</v>
      </c>
      <c r="B4291" t="s">
        <v>22178</v>
      </c>
      <c r="C4291" s="1" t="s">
        <v>22179</v>
      </c>
      <c r="E4291">
        <v>3</v>
      </c>
      <c r="F4291">
        <v>5</v>
      </c>
      <c r="H4291" t="s">
        <v>22180</v>
      </c>
      <c r="J4291" t="s">
        <v>22181</v>
      </c>
      <c r="O4291">
        <v>5478441</v>
      </c>
      <c r="P4291">
        <v>1</v>
      </c>
      <c r="Q4291">
        <v>0</v>
      </c>
      <c r="R4291" t="s">
        <v>22182</v>
      </c>
      <c r="S4291">
        <v>100</v>
      </c>
    </row>
    <row r="4292" spans="1:19" x14ac:dyDescent="0.25">
      <c r="A4292">
        <v>6696999</v>
      </c>
      <c r="B4292" t="s">
        <v>22183</v>
      </c>
      <c r="C4292" t="s">
        <v>22184</v>
      </c>
      <c r="D4292">
        <v>6697077</v>
      </c>
      <c r="E4292">
        <v>2</v>
      </c>
      <c r="F4292">
        <v>0</v>
      </c>
      <c r="H4292" t="s">
        <v>22185</v>
      </c>
      <c r="J4292" t="s">
        <v>22186</v>
      </c>
      <c r="O4292">
        <v>782943</v>
      </c>
      <c r="P4292">
        <v>1</v>
      </c>
      <c r="Q4292">
        <v>1</v>
      </c>
      <c r="R4292" t="s">
        <v>22187</v>
      </c>
      <c r="S4292">
        <v>99</v>
      </c>
    </row>
    <row r="4293" spans="1:19" x14ac:dyDescent="0.25">
      <c r="A4293">
        <v>20515512</v>
      </c>
      <c r="B4293" t="s">
        <v>22188</v>
      </c>
      <c r="C4293" s="1" t="s">
        <v>22189</v>
      </c>
      <c r="E4293">
        <v>2</v>
      </c>
      <c r="F4293">
        <v>0</v>
      </c>
      <c r="H4293" t="s">
        <v>22190</v>
      </c>
      <c r="J4293" t="s">
        <v>22191</v>
      </c>
      <c r="O4293">
        <v>1198350</v>
      </c>
      <c r="P4293">
        <v>1</v>
      </c>
      <c r="Q4293">
        <v>0</v>
      </c>
      <c r="R4293" t="s">
        <v>22192</v>
      </c>
      <c r="S4293">
        <v>161</v>
      </c>
    </row>
    <row r="4294" spans="1:19" x14ac:dyDescent="0.25">
      <c r="A4294">
        <v>35456073</v>
      </c>
      <c r="B4294" t="s">
        <v>22193</v>
      </c>
      <c r="C4294" s="1" t="s">
        <v>22194</v>
      </c>
      <c r="E4294">
        <v>0</v>
      </c>
      <c r="F4294">
        <v>1</v>
      </c>
      <c r="H4294" t="s">
        <v>22195</v>
      </c>
      <c r="J4294" t="s">
        <v>22196</v>
      </c>
      <c r="K4294" t="s">
        <v>22196</v>
      </c>
      <c r="M4294">
        <v>3472757</v>
      </c>
      <c r="O4294">
        <v>5938471</v>
      </c>
      <c r="P4294">
        <v>1</v>
      </c>
      <c r="Q4294">
        <v>1</v>
      </c>
      <c r="R4294" t="s">
        <v>22197</v>
      </c>
      <c r="S4294">
        <v>1735</v>
      </c>
    </row>
    <row r="4295" spans="1:19" x14ac:dyDescent="0.25">
      <c r="A4295">
        <v>53569176</v>
      </c>
      <c r="B4295" t="s">
        <v>22198</v>
      </c>
      <c r="C4295" s="1" t="s">
        <v>22199</v>
      </c>
      <c r="E4295">
        <v>0</v>
      </c>
      <c r="F4295">
        <v>2</v>
      </c>
      <c r="H4295" t="s">
        <v>22200</v>
      </c>
      <c r="J4295" t="s">
        <v>22201</v>
      </c>
      <c r="K4295" t="s">
        <v>22201</v>
      </c>
      <c r="M4295">
        <v>9383865</v>
      </c>
      <c r="O4295">
        <v>9383865</v>
      </c>
      <c r="P4295">
        <v>1</v>
      </c>
      <c r="Q4295">
        <v>0</v>
      </c>
      <c r="R4295" t="s">
        <v>22202</v>
      </c>
      <c r="S4295">
        <v>22</v>
      </c>
    </row>
    <row r="4296" spans="1:19" x14ac:dyDescent="0.25">
      <c r="A4296">
        <v>15346561</v>
      </c>
      <c r="B4296" t="s">
        <v>22203</v>
      </c>
      <c r="C4296" s="1" t="s">
        <v>22204</v>
      </c>
      <c r="D4296">
        <v>15378387</v>
      </c>
      <c r="E4296">
        <v>1</v>
      </c>
      <c r="F4296">
        <v>6</v>
      </c>
      <c r="H4296" t="s">
        <v>22205</v>
      </c>
      <c r="I4296">
        <v>1</v>
      </c>
      <c r="J4296" t="s">
        <v>22206</v>
      </c>
      <c r="O4296">
        <v>1678567</v>
      </c>
      <c r="P4296">
        <v>1</v>
      </c>
      <c r="Q4296">
        <v>1</v>
      </c>
      <c r="R4296" t="s">
        <v>22207</v>
      </c>
      <c r="S4296">
        <v>174</v>
      </c>
    </row>
    <row r="4297" spans="1:19" x14ac:dyDescent="0.25">
      <c r="A4297">
        <v>4265046</v>
      </c>
      <c r="B4297" t="s">
        <v>22208</v>
      </c>
      <c r="C4297" s="1" t="s">
        <v>22209</v>
      </c>
      <c r="D4297">
        <v>4269146</v>
      </c>
      <c r="E4297">
        <v>2</v>
      </c>
      <c r="F4297">
        <v>2</v>
      </c>
      <c r="H4297" t="s">
        <v>22210</v>
      </c>
      <c r="J4297" t="s">
        <v>22211</v>
      </c>
      <c r="O4297">
        <v>295643</v>
      </c>
      <c r="P4297">
        <v>1</v>
      </c>
      <c r="Q4297">
        <v>1</v>
      </c>
      <c r="R4297" t="s">
        <v>22212</v>
      </c>
      <c r="S4297">
        <v>4766</v>
      </c>
    </row>
    <row r="4298" spans="1:19" x14ac:dyDescent="0.25">
      <c r="A4298">
        <v>44360225</v>
      </c>
      <c r="B4298" t="s">
        <v>22213</v>
      </c>
      <c r="C4298" s="1" t="s">
        <v>22214</v>
      </c>
      <c r="E4298">
        <v>1</v>
      </c>
      <c r="F4298">
        <v>2</v>
      </c>
      <c r="H4298" t="s">
        <v>22215</v>
      </c>
      <c r="J4298" t="s">
        <v>22216</v>
      </c>
      <c r="K4298" t="s">
        <v>22216</v>
      </c>
      <c r="M4298">
        <v>3517626</v>
      </c>
      <c r="O4298">
        <v>2049426</v>
      </c>
      <c r="P4298">
        <v>1</v>
      </c>
      <c r="Q4298">
        <v>0</v>
      </c>
      <c r="R4298" t="s">
        <v>22217</v>
      </c>
      <c r="S4298">
        <v>206</v>
      </c>
    </row>
    <row r="4299" spans="1:19" x14ac:dyDescent="0.25">
      <c r="A4299">
        <v>5392094</v>
      </c>
      <c r="B4299" t="s">
        <v>22218</v>
      </c>
      <c r="C4299" s="1" t="s">
        <v>22219</v>
      </c>
      <c r="D4299">
        <v>5392144</v>
      </c>
      <c r="E4299">
        <v>4</v>
      </c>
      <c r="F4299">
        <v>2</v>
      </c>
      <c r="H4299" t="s">
        <v>22220</v>
      </c>
      <c r="J4299" t="s">
        <v>22221</v>
      </c>
      <c r="K4299" t="s">
        <v>22222</v>
      </c>
      <c r="M4299">
        <v>384808</v>
      </c>
      <c r="N4299" t="s">
        <v>22223</v>
      </c>
      <c r="P4299">
        <v>1</v>
      </c>
      <c r="Q4299">
        <v>1</v>
      </c>
      <c r="R4299" t="s">
        <v>22224</v>
      </c>
      <c r="S4299">
        <v>4273</v>
      </c>
    </row>
    <row r="4300" spans="1:19" x14ac:dyDescent="0.25">
      <c r="A4300">
        <v>15042070</v>
      </c>
      <c r="B4300" t="s">
        <v>22225</v>
      </c>
      <c r="C4300" s="1" t="s">
        <v>22226</v>
      </c>
      <c r="E4300">
        <v>1</v>
      </c>
      <c r="F4300">
        <v>0</v>
      </c>
      <c r="H4300" t="s">
        <v>22227</v>
      </c>
      <c r="J4300" t="s">
        <v>22228</v>
      </c>
      <c r="K4300" t="s">
        <v>22229</v>
      </c>
      <c r="M4300">
        <v>1123278</v>
      </c>
      <c r="O4300">
        <v>1123278</v>
      </c>
      <c r="P4300">
        <v>1</v>
      </c>
      <c r="Q4300">
        <v>0</v>
      </c>
      <c r="R4300" t="s">
        <v>22230</v>
      </c>
      <c r="S4300">
        <v>1124</v>
      </c>
    </row>
    <row r="4301" spans="1:19" x14ac:dyDescent="0.25">
      <c r="A4301">
        <v>22814310</v>
      </c>
      <c r="B4301" t="s">
        <v>22231</v>
      </c>
      <c r="C4301" s="1" t="s">
        <v>22232</v>
      </c>
      <c r="D4301">
        <v>22814521</v>
      </c>
      <c r="E4301">
        <v>2</v>
      </c>
      <c r="F4301">
        <v>0</v>
      </c>
      <c r="H4301" t="s">
        <v>22233</v>
      </c>
      <c r="J4301" t="s">
        <v>22234</v>
      </c>
      <c r="O4301">
        <v>1918003</v>
      </c>
      <c r="P4301">
        <v>1</v>
      </c>
      <c r="Q4301">
        <v>0</v>
      </c>
      <c r="R4301" t="s">
        <v>22235</v>
      </c>
      <c r="S4301">
        <v>513</v>
      </c>
    </row>
    <row r="4302" spans="1:19" x14ac:dyDescent="0.25">
      <c r="A4302">
        <v>30457499</v>
      </c>
      <c r="B4302" t="s">
        <v>22236</v>
      </c>
      <c r="C4302" s="1" t="s">
        <v>22237</v>
      </c>
      <c r="D4302">
        <v>30457560</v>
      </c>
      <c r="E4302">
        <v>2</v>
      </c>
      <c r="F4302">
        <v>1</v>
      </c>
      <c r="H4302" t="s">
        <v>22238</v>
      </c>
      <c r="J4302" t="s">
        <v>22239</v>
      </c>
      <c r="K4302" t="s">
        <v>22240</v>
      </c>
      <c r="M4302">
        <v>711206</v>
      </c>
      <c r="O4302">
        <v>4940300</v>
      </c>
      <c r="P4302">
        <v>1</v>
      </c>
      <c r="Q4302">
        <v>-1</v>
      </c>
      <c r="R4302" t="s">
        <v>22241</v>
      </c>
      <c r="S4302">
        <v>46</v>
      </c>
    </row>
    <row r="4303" spans="1:19" x14ac:dyDescent="0.25">
      <c r="A4303">
        <v>47376909</v>
      </c>
      <c r="B4303" t="s">
        <v>22242</v>
      </c>
      <c r="C4303" s="1" t="s">
        <v>22243</v>
      </c>
      <c r="D4303">
        <v>47377281</v>
      </c>
      <c r="E4303">
        <v>1</v>
      </c>
      <c r="F4303">
        <v>0</v>
      </c>
      <c r="H4303" t="s">
        <v>22244</v>
      </c>
      <c r="I4303">
        <v>1</v>
      </c>
      <c r="J4303" t="s">
        <v>22245</v>
      </c>
      <c r="K4303" t="s">
        <v>22245</v>
      </c>
      <c r="M4303">
        <v>7215553</v>
      </c>
      <c r="O4303">
        <v>7215553</v>
      </c>
      <c r="P4303">
        <v>1</v>
      </c>
      <c r="Q4303">
        <v>2</v>
      </c>
      <c r="R4303" t="s">
        <v>22246</v>
      </c>
      <c r="S4303">
        <v>378</v>
      </c>
    </row>
    <row r="4304" spans="1:19" x14ac:dyDescent="0.25">
      <c r="A4304">
        <v>11708005</v>
      </c>
      <c r="B4304" t="s">
        <v>22247</v>
      </c>
      <c r="C4304" s="1" t="s">
        <v>22248</v>
      </c>
      <c r="E4304">
        <v>3</v>
      </c>
      <c r="F4304">
        <v>0</v>
      </c>
      <c r="H4304" t="s">
        <v>22249</v>
      </c>
      <c r="J4304" t="s">
        <v>22250</v>
      </c>
      <c r="O4304">
        <v>1494250</v>
      </c>
      <c r="P4304">
        <v>1</v>
      </c>
      <c r="Q4304">
        <v>0</v>
      </c>
      <c r="R4304" t="s">
        <v>22251</v>
      </c>
      <c r="S4304">
        <v>5795</v>
      </c>
    </row>
    <row r="4305" spans="1:19" x14ac:dyDescent="0.25">
      <c r="A4305">
        <v>7722389</v>
      </c>
      <c r="B4305" t="s">
        <v>22252</v>
      </c>
      <c r="C4305" t="s">
        <v>22253</v>
      </c>
      <c r="D4305">
        <v>7722552</v>
      </c>
      <c r="E4305">
        <v>1</v>
      </c>
      <c r="F4305">
        <v>0</v>
      </c>
      <c r="H4305" t="s">
        <v>22254</v>
      </c>
      <c r="J4305" t="s">
        <v>22255</v>
      </c>
      <c r="K4305" t="s">
        <v>22256</v>
      </c>
      <c r="M4305">
        <v>63550</v>
      </c>
      <c r="O4305">
        <v>894881</v>
      </c>
      <c r="P4305">
        <v>1</v>
      </c>
      <c r="Q4305">
        <v>-1</v>
      </c>
      <c r="R4305" t="s">
        <v>22257</v>
      </c>
      <c r="S4305">
        <v>1051</v>
      </c>
    </row>
    <row r="4306" spans="1:19" x14ac:dyDescent="0.25">
      <c r="A4306">
        <v>14152979</v>
      </c>
      <c r="B4306" t="s">
        <v>22258</v>
      </c>
      <c r="C4306" s="1" t="s">
        <v>22259</v>
      </c>
      <c r="E4306">
        <v>3</v>
      </c>
      <c r="F4306">
        <v>0</v>
      </c>
      <c r="H4306" t="s">
        <v>22260</v>
      </c>
      <c r="J4306" t="s">
        <v>22261</v>
      </c>
      <c r="K4306" t="s">
        <v>22261</v>
      </c>
      <c r="M4306">
        <v>672736</v>
      </c>
      <c r="O4306">
        <v>1924563</v>
      </c>
      <c r="P4306">
        <v>1</v>
      </c>
      <c r="Q4306">
        <v>0</v>
      </c>
      <c r="R4306" t="s">
        <v>6417</v>
      </c>
      <c r="S4306">
        <v>48</v>
      </c>
    </row>
    <row r="4307" spans="1:19" x14ac:dyDescent="0.25">
      <c r="A4307">
        <v>44425441</v>
      </c>
      <c r="B4307" t="s">
        <v>22262</v>
      </c>
      <c r="C4307" s="1" t="s">
        <v>22263</v>
      </c>
      <c r="E4307">
        <v>1</v>
      </c>
      <c r="F4307">
        <v>5</v>
      </c>
      <c r="H4307" t="s">
        <v>22264</v>
      </c>
      <c r="J4307" t="s">
        <v>22265</v>
      </c>
      <c r="K4307" t="s">
        <v>22266</v>
      </c>
      <c r="M4307">
        <v>491637</v>
      </c>
      <c r="O4307">
        <v>491637</v>
      </c>
      <c r="P4307">
        <v>1</v>
      </c>
      <c r="Q4307">
        <v>0</v>
      </c>
      <c r="R4307" t="s">
        <v>22267</v>
      </c>
      <c r="S4307">
        <v>388</v>
      </c>
    </row>
    <row r="4308" spans="1:19" x14ac:dyDescent="0.25">
      <c r="A4308">
        <v>23831218</v>
      </c>
      <c r="B4308" t="s">
        <v>22268</v>
      </c>
      <c r="C4308" s="1" t="s">
        <v>22269</v>
      </c>
      <c r="E4308">
        <v>0</v>
      </c>
      <c r="F4308">
        <v>5</v>
      </c>
      <c r="H4308" t="s">
        <v>22270</v>
      </c>
      <c r="J4308" t="s">
        <v>22271</v>
      </c>
      <c r="O4308">
        <v>838434</v>
      </c>
      <c r="P4308">
        <v>1</v>
      </c>
      <c r="Q4308">
        <v>0</v>
      </c>
      <c r="R4308" t="s">
        <v>22272</v>
      </c>
      <c r="S4308">
        <v>113</v>
      </c>
    </row>
    <row r="4309" spans="1:19" x14ac:dyDescent="0.25">
      <c r="A4309">
        <v>25404024</v>
      </c>
      <c r="B4309" t="s">
        <v>22273</v>
      </c>
      <c r="C4309" s="1" t="s">
        <v>22274</v>
      </c>
      <c r="D4309">
        <v>25408012</v>
      </c>
      <c r="E4309">
        <v>1</v>
      </c>
      <c r="F4309">
        <v>2</v>
      </c>
      <c r="H4309" t="s">
        <v>22275</v>
      </c>
      <c r="J4309" t="s">
        <v>22276</v>
      </c>
      <c r="O4309">
        <v>2733216</v>
      </c>
      <c r="P4309">
        <v>1</v>
      </c>
      <c r="Q4309">
        <v>0</v>
      </c>
      <c r="R4309" t="s">
        <v>22277</v>
      </c>
      <c r="S4309">
        <v>80</v>
      </c>
    </row>
    <row r="4310" spans="1:19" x14ac:dyDescent="0.25">
      <c r="A4310">
        <v>6753087</v>
      </c>
      <c r="B4310" t="s">
        <v>22278</v>
      </c>
      <c r="C4310" s="1" t="s">
        <v>22279</v>
      </c>
      <c r="D4310">
        <v>6753743</v>
      </c>
      <c r="E4310">
        <v>1</v>
      </c>
      <c r="F4310">
        <v>0</v>
      </c>
      <c r="H4310" t="s">
        <v>22280</v>
      </c>
      <c r="I4310">
        <v>1</v>
      </c>
      <c r="J4310" t="s">
        <v>22281</v>
      </c>
      <c r="O4310">
        <v>852721</v>
      </c>
      <c r="P4310">
        <v>1</v>
      </c>
      <c r="Q4310">
        <v>2</v>
      </c>
      <c r="R4310" t="s">
        <v>22282</v>
      </c>
      <c r="S4310">
        <v>3152</v>
      </c>
    </row>
    <row r="4311" spans="1:19" x14ac:dyDescent="0.25">
      <c r="A4311">
        <v>52137846</v>
      </c>
      <c r="B4311" t="s">
        <v>22283</v>
      </c>
      <c r="C4311" s="1" t="s">
        <v>22284</v>
      </c>
      <c r="E4311">
        <v>0</v>
      </c>
      <c r="F4311">
        <v>9</v>
      </c>
      <c r="H4311" t="s">
        <v>22285</v>
      </c>
      <c r="J4311" t="s">
        <v>22286</v>
      </c>
      <c r="K4311" t="s">
        <v>22286</v>
      </c>
      <c r="M4311">
        <v>224132</v>
      </c>
      <c r="O4311">
        <v>8612664</v>
      </c>
      <c r="P4311">
        <v>1</v>
      </c>
      <c r="Q4311">
        <v>1</v>
      </c>
      <c r="R4311" t="s">
        <v>22287</v>
      </c>
      <c r="S4311">
        <v>50</v>
      </c>
    </row>
    <row r="4312" spans="1:19" x14ac:dyDescent="0.25">
      <c r="A4312">
        <v>17392632</v>
      </c>
      <c r="B4312" t="s">
        <v>22288</v>
      </c>
      <c r="C4312" s="1" t="s">
        <v>22289</v>
      </c>
      <c r="D4312">
        <v>17392685</v>
      </c>
      <c r="E4312">
        <v>4</v>
      </c>
      <c r="F4312">
        <v>2</v>
      </c>
      <c r="H4312" t="s">
        <v>22290</v>
      </c>
      <c r="J4312" t="s">
        <v>22291</v>
      </c>
      <c r="K4312" t="s">
        <v>22292</v>
      </c>
      <c r="M4312">
        <v>2536832</v>
      </c>
      <c r="O4312">
        <v>2536832</v>
      </c>
      <c r="P4312">
        <v>1</v>
      </c>
      <c r="Q4312">
        <v>0</v>
      </c>
      <c r="R4312" t="s">
        <v>22293</v>
      </c>
      <c r="S4312">
        <v>319</v>
      </c>
    </row>
    <row r="4313" spans="1:19" x14ac:dyDescent="0.25">
      <c r="A4313">
        <v>50298336</v>
      </c>
      <c r="B4313" t="s">
        <v>22294</v>
      </c>
      <c r="C4313" s="1" t="s">
        <v>22295</v>
      </c>
      <c r="E4313">
        <v>0</v>
      </c>
      <c r="F4313">
        <v>0</v>
      </c>
      <c r="H4313" t="s">
        <v>22296</v>
      </c>
      <c r="I4313">
        <v>1</v>
      </c>
      <c r="J4313" t="s">
        <v>22296</v>
      </c>
      <c r="O4313">
        <v>2166833</v>
      </c>
      <c r="P4313">
        <v>1</v>
      </c>
      <c r="Q4313">
        <v>1</v>
      </c>
      <c r="R4313" t="s">
        <v>22297</v>
      </c>
      <c r="S4313">
        <v>57</v>
      </c>
    </row>
    <row r="4314" spans="1:19" x14ac:dyDescent="0.25">
      <c r="A4314">
        <v>48590916</v>
      </c>
      <c r="B4314" t="s">
        <v>22298</v>
      </c>
      <c r="C4314" s="1" t="s">
        <v>22299</v>
      </c>
      <c r="E4314">
        <v>0</v>
      </c>
      <c r="F4314">
        <v>0</v>
      </c>
      <c r="H4314" t="s">
        <v>22300</v>
      </c>
      <c r="J4314" t="s">
        <v>22301</v>
      </c>
      <c r="K4314" t="s">
        <v>22301</v>
      </c>
      <c r="M4314">
        <v>5848588</v>
      </c>
      <c r="O4314">
        <v>5848588</v>
      </c>
      <c r="P4314">
        <v>1</v>
      </c>
      <c r="Q4314">
        <v>0</v>
      </c>
      <c r="R4314" t="s">
        <v>22302</v>
      </c>
      <c r="S4314">
        <v>27</v>
      </c>
    </row>
    <row r="4315" spans="1:19" x14ac:dyDescent="0.25">
      <c r="A4315">
        <v>36299766</v>
      </c>
      <c r="B4315" t="s">
        <v>22303</v>
      </c>
      <c r="C4315" s="1" t="s">
        <v>22304</v>
      </c>
      <c r="D4315">
        <v>36300035</v>
      </c>
      <c r="E4315">
        <v>1</v>
      </c>
      <c r="F4315">
        <v>2</v>
      </c>
      <c r="H4315" t="s">
        <v>22305</v>
      </c>
      <c r="J4315" t="s">
        <v>22306</v>
      </c>
      <c r="K4315" t="s">
        <v>22306</v>
      </c>
      <c r="M4315">
        <v>2424884</v>
      </c>
      <c r="O4315">
        <v>2424884</v>
      </c>
      <c r="P4315">
        <v>1</v>
      </c>
      <c r="Q4315">
        <v>0</v>
      </c>
      <c r="R4315" t="s">
        <v>22307</v>
      </c>
      <c r="S4315">
        <v>21</v>
      </c>
    </row>
    <row r="4316" spans="1:19" x14ac:dyDescent="0.25">
      <c r="A4316">
        <v>8254428</v>
      </c>
      <c r="B4316" t="s">
        <v>22308</v>
      </c>
      <c r="C4316" s="1" t="s">
        <v>22309</v>
      </c>
      <c r="D4316">
        <v>8254479</v>
      </c>
      <c r="E4316">
        <v>1</v>
      </c>
      <c r="F4316">
        <v>1</v>
      </c>
      <c r="H4316" t="s">
        <v>22310</v>
      </c>
      <c r="J4316" t="s">
        <v>22311</v>
      </c>
      <c r="K4316" t="s">
        <v>22311</v>
      </c>
      <c r="M4316">
        <v>772035</v>
      </c>
      <c r="O4316">
        <v>640584</v>
      </c>
      <c r="P4316">
        <v>1</v>
      </c>
      <c r="Q4316">
        <v>2</v>
      </c>
      <c r="R4316" t="s">
        <v>22312</v>
      </c>
      <c r="S4316">
        <v>120</v>
      </c>
    </row>
    <row r="4317" spans="1:19" x14ac:dyDescent="0.25">
      <c r="A4317">
        <v>12128368</v>
      </c>
      <c r="B4317" t="s">
        <v>22313</v>
      </c>
      <c r="C4317" s="1" t="s">
        <v>22314</v>
      </c>
      <c r="D4317">
        <v>12128414</v>
      </c>
      <c r="E4317">
        <v>1</v>
      </c>
      <c r="F4317">
        <v>0</v>
      </c>
      <c r="H4317" t="s">
        <v>22315</v>
      </c>
      <c r="J4317" t="s">
        <v>22316</v>
      </c>
      <c r="O4317">
        <v>1229244</v>
      </c>
      <c r="P4317">
        <v>1</v>
      </c>
      <c r="Q4317">
        <v>0</v>
      </c>
      <c r="R4317" t="s">
        <v>22317</v>
      </c>
      <c r="S4317">
        <v>95</v>
      </c>
    </row>
    <row r="4318" spans="1:19" x14ac:dyDescent="0.25">
      <c r="A4318">
        <v>51277191</v>
      </c>
      <c r="B4318" t="s">
        <v>22318</v>
      </c>
      <c r="C4318" s="1" t="s">
        <v>22319</v>
      </c>
      <c r="D4318">
        <v>51279198</v>
      </c>
      <c r="E4318">
        <v>3</v>
      </c>
      <c r="F4318">
        <v>2</v>
      </c>
      <c r="H4318" t="s">
        <v>22320</v>
      </c>
      <c r="I4318">
        <v>1</v>
      </c>
      <c r="J4318" t="s">
        <v>22321</v>
      </c>
      <c r="K4318" t="s">
        <v>22322</v>
      </c>
      <c r="M4318">
        <v>2020960</v>
      </c>
      <c r="O4318">
        <v>2020960</v>
      </c>
      <c r="P4318">
        <v>1</v>
      </c>
      <c r="Q4318">
        <v>4</v>
      </c>
      <c r="R4318" t="s">
        <v>22323</v>
      </c>
      <c r="S4318">
        <v>93</v>
      </c>
    </row>
    <row r="4319" spans="1:19" x14ac:dyDescent="0.25">
      <c r="A4319">
        <v>30082845</v>
      </c>
      <c r="B4319" t="s">
        <v>22324</v>
      </c>
      <c r="C4319" s="1" t="s">
        <v>22325</v>
      </c>
      <c r="D4319">
        <v>30083108</v>
      </c>
      <c r="E4319">
        <v>1</v>
      </c>
      <c r="F4319">
        <v>0</v>
      </c>
      <c r="H4319" t="s">
        <v>22326</v>
      </c>
      <c r="I4319">
        <v>1</v>
      </c>
      <c r="J4319" t="s">
        <v>22327</v>
      </c>
      <c r="K4319" t="s">
        <v>22327</v>
      </c>
      <c r="M4319">
        <v>4789684</v>
      </c>
      <c r="O4319">
        <v>306941</v>
      </c>
      <c r="P4319">
        <v>1</v>
      </c>
      <c r="Q4319">
        <v>2</v>
      </c>
      <c r="R4319" t="s">
        <v>22328</v>
      </c>
      <c r="S4319">
        <v>4500</v>
      </c>
    </row>
    <row r="4320" spans="1:19" x14ac:dyDescent="0.25">
      <c r="A4320">
        <v>9329205</v>
      </c>
      <c r="B4320" t="s">
        <v>22329</v>
      </c>
      <c r="C4320" s="1" t="s">
        <v>22330</v>
      </c>
      <c r="E4320">
        <v>3</v>
      </c>
      <c r="F4320">
        <v>0</v>
      </c>
      <c r="H4320" t="s">
        <v>22331</v>
      </c>
      <c r="J4320" t="s">
        <v>22332</v>
      </c>
      <c r="K4320" t="s">
        <v>22333</v>
      </c>
      <c r="M4320">
        <v>734308</v>
      </c>
      <c r="O4320">
        <v>734308</v>
      </c>
      <c r="P4320">
        <v>1</v>
      </c>
      <c r="Q4320">
        <v>0</v>
      </c>
      <c r="R4320" t="s">
        <v>12514</v>
      </c>
      <c r="S4320">
        <v>74</v>
      </c>
    </row>
    <row r="4321" spans="1:19" x14ac:dyDescent="0.25">
      <c r="A4321">
        <v>37317508</v>
      </c>
      <c r="B4321" t="s">
        <v>22334</v>
      </c>
      <c r="C4321" s="1" t="s">
        <v>22335</v>
      </c>
      <c r="D4321">
        <v>37317601</v>
      </c>
      <c r="E4321">
        <v>2</v>
      </c>
      <c r="F4321">
        <v>2</v>
      </c>
      <c r="H4321" t="s">
        <v>22336</v>
      </c>
      <c r="J4321" t="s">
        <v>22337</v>
      </c>
      <c r="K4321" t="s">
        <v>22337</v>
      </c>
      <c r="M4321">
        <v>6354277</v>
      </c>
      <c r="O4321">
        <v>6354277</v>
      </c>
      <c r="P4321">
        <v>1</v>
      </c>
      <c r="Q4321">
        <v>2</v>
      </c>
      <c r="R4321" t="s">
        <v>20962</v>
      </c>
      <c r="S4321">
        <v>47</v>
      </c>
    </row>
    <row r="4322" spans="1:19" x14ac:dyDescent="0.25">
      <c r="A4322">
        <v>22602495</v>
      </c>
      <c r="B4322" t="s">
        <v>22338</v>
      </c>
      <c r="C4322" s="1" t="s">
        <v>22339</v>
      </c>
      <c r="E4322">
        <v>3</v>
      </c>
      <c r="F4322">
        <v>5</v>
      </c>
      <c r="H4322" t="s">
        <v>22340</v>
      </c>
      <c r="J4322" t="s">
        <v>22341</v>
      </c>
      <c r="K4322" t="s">
        <v>22342</v>
      </c>
      <c r="M4322">
        <v>2721883</v>
      </c>
      <c r="O4322">
        <v>3405785</v>
      </c>
      <c r="P4322">
        <v>1</v>
      </c>
      <c r="Q4322">
        <v>-2</v>
      </c>
      <c r="R4322" t="s">
        <v>22343</v>
      </c>
      <c r="S4322">
        <v>97</v>
      </c>
    </row>
    <row r="4323" spans="1:19" x14ac:dyDescent="0.25">
      <c r="A4323">
        <v>42262977</v>
      </c>
      <c r="B4323" t="s">
        <v>22344</v>
      </c>
      <c r="C4323" s="1" t="s">
        <v>22345</v>
      </c>
      <c r="D4323">
        <v>42263531</v>
      </c>
      <c r="E4323">
        <v>1</v>
      </c>
      <c r="F4323">
        <v>0</v>
      </c>
      <c r="H4323" t="s">
        <v>22346</v>
      </c>
      <c r="I4323">
        <v>1</v>
      </c>
      <c r="J4323" t="s">
        <v>22347</v>
      </c>
      <c r="K4323" t="s">
        <v>22348</v>
      </c>
      <c r="M4323">
        <v>7128564</v>
      </c>
      <c r="O4323">
        <v>7128564</v>
      </c>
      <c r="P4323">
        <v>1</v>
      </c>
      <c r="Q4323">
        <v>0</v>
      </c>
      <c r="R4323" t="s">
        <v>22349</v>
      </c>
      <c r="S4323">
        <v>99</v>
      </c>
    </row>
    <row r="4324" spans="1:19" x14ac:dyDescent="0.25">
      <c r="A4324">
        <v>23061628</v>
      </c>
      <c r="B4324" t="s">
        <v>22350</v>
      </c>
      <c r="C4324" t="s">
        <v>22351</v>
      </c>
      <c r="E4324">
        <v>0</v>
      </c>
      <c r="F4324">
        <v>2</v>
      </c>
      <c r="H4324" t="s">
        <v>22352</v>
      </c>
      <c r="J4324" t="s">
        <v>22352</v>
      </c>
      <c r="O4324">
        <v>2926056</v>
      </c>
      <c r="P4324">
        <v>1</v>
      </c>
      <c r="Q4324">
        <v>0</v>
      </c>
      <c r="R4324" t="s">
        <v>22353</v>
      </c>
      <c r="S4324">
        <v>57</v>
      </c>
    </row>
    <row r="4325" spans="1:19" x14ac:dyDescent="0.25">
      <c r="A4325">
        <v>34959869</v>
      </c>
      <c r="B4325" t="s">
        <v>22354</v>
      </c>
      <c r="C4325" s="1" t="s">
        <v>22355</v>
      </c>
      <c r="E4325">
        <v>0</v>
      </c>
      <c r="F4325">
        <v>6</v>
      </c>
      <c r="H4325" t="s">
        <v>22356</v>
      </c>
      <c r="J4325" t="s">
        <v>22356</v>
      </c>
      <c r="O4325">
        <v>5787459</v>
      </c>
      <c r="P4325">
        <v>1</v>
      </c>
      <c r="Q4325">
        <v>1</v>
      </c>
      <c r="R4325" t="s">
        <v>22357</v>
      </c>
      <c r="S4325">
        <v>57</v>
      </c>
    </row>
    <row r="4326" spans="1:19" x14ac:dyDescent="0.25">
      <c r="A4326">
        <v>37268330</v>
      </c>
      <c r="B4326" t="s">
        <v>22358</v>
      </c>
      <c r="C4326" s="1" t="s">
        <v>22359</v>
      </c>
      <c r="D4326">
        <v>37274964</v>
      </c>
      <c r="E4326">
        <v>1</v>
      </c>
      <c r="F4326">
        <v>1</v>
      </c>
      <c r="H4326" t="s">
        <v>22360</v>
      </c>
      <c r="J4326" t="s">
        <v>22361</v>
      </c>
      <c r="O4326">
        <v>5138272</v>
      </c>
      <c r="P4326">
        <v>1</v>
      </c>
      <c r="Q4326">
        <v>1</v>
      </c>
      <c r="R4326" t="s">
        <v>22362</v>
      </c>
      <c r="S4326">
        <v>954</v>
      </c>
    </row>
    <row r="4327" spans="1:19" x14ac:dyDescent="0.25">
      <c r="A4327">
        <v>41441124</v>
      </c>
      <c r="B4327" t="s">
        <v>22363</v>
      </c>
      <c r="C4327" s="1" t="s">
        <v>22364</v>
      </c>
      <c r="E4327">
        <v>1</v>
      </c>
      <c r="F4327">
        <v>0</v>
      </c>
      <c r="H4327" t="s">
        <v>22365</v>
      </c>
      <c r="I4327">
        <v>3</v>
      </c>
      <c r="J4327" t="s">
        <v>22366</v>
      </c>
      <c r="K4327" t="s">
        <v>22366</v>
      </c>
      <c r="M4327">
        <v>5175709</v>
      </c>
      <c r="O4327">
        <v>5552584</v>
      </c>
      <c r="P4327">
        <v>1</v>
      </c>
      <c r="Q4327">
        <v>6</v>
      </c>
      <c r="R4327" t="s">
        <v>22367</v>
      </c>
      <c r="S4327">
        <v>924</v>
      </c>
    </row>
    <row r="4328" spans="1:19" x14ac:dyDescent="0.25">
      <c r="A4328">
        <v>5244133</v>
      </c>
      <c r="B4328" t="s">
        <v>22368</v>
      </c>
      <c r="C4328" s="1" t="s">
        <v>22369</v>
      </c>
      <c r="D4328">
        <v>5244277</v>
      </c>
      <c r="E4328">
        <v>1</v>
      </c>
      <c r="F4328">
        <v>0</v>
      </c>
      <c r="H4328" t="s">
        <v>22370</v>
      </c>
      <c r="J4328" t="s">
        <v>22371</v>
      </c>
      <c r="K4328" t="s">
        <v>22372</v>
      </c>
      <c r="M4328">
        <v>476</v>
      </c>
      <c r="O4328">
        <v>651399</v>
      </c>
      <c r="P4328">
        <v>1</v>
      </c>
      <c r="Q4328">
        <v>0</v>
      </c>
      <c r="R4328" t="s">
        <v>16074</v>
      </c>
      <c r="S4328">
        <v>260</v>
      </c>
    </row>
    <row r="4329" spans="1:19" x14ac:dyDescent="0.25">
      <c r="A4329">
        <v>16147530</v>
      </c>
      <c r="B4329" t="s">
        <v>22373</v>
      </c>
      <c r="C4329" s="1" t="s">
        <v>22374</v>
      </c>
      <c r="E4329">
        <v>4</v>
      </c>
      <c r="F4329">
        <v>0</v>
      </c>
      <c r="H4329" t="s">
        <v>22375</v>
      </c>
      <c r="J4329" t="s">
        <v>22376</v>
      </c>
      <c r="O4329">
        <v>2291584</v>
      </c>
      <c r="P4329">
        <v>1</v>
      </c>
      <c r="Q4329">
        <v>0</v>
      </c>
      <c r="R4329" t="s">
        <v>22377</v>
      </c>
      <c r="S4329">
        <v>216</v>
      </c>
    </row>
    <row r="4330" spans="1:19" x14ac:dyDescent="0.25">
      <c r="A4330">
        <v>22024437</v>
      </c>
      <c r="B4330" t="s">
        <v>22378</v>
      </c>
      <c r="C4330" s="1" t="s">
        <v>22379</v>
      </c>
      <c r="E4330">
        <v>1</v>
      </c>
      <c r="F4330">
        <v>3</v>
      </c>
      <c r="H4330" t="s">
        <v>22380</v>
      </c>
      <c r="I4330">
        <v>1</v>
      </c>
      <c r="J4330" t="s">
        <v>22381</v>
      </c>
      <c r="K4330" t="s">
        <v>22382</v>
      </c>
      <c r="M4330">
        <v>13302</v>
      </c>
      <c r="O4330">
        <v>3352813</v>
      </c>
      <c r="P4330">
        <v>1</v>
      </c>
      <c r="Q4330">
        <v>1</v>
      </c>
      <c r="R4330" t="s">
        <v>22383</v>
      </c>
      <c r="S4330">
        <v>2726</v>
      </c>
    </row>
    <row r="4331" spans="1:19" x14ac:dyDescent="0.25">
      <c r="A4331">
        <v>36878277</v>
      </c>
      <c r="B4331" t="s">
        <v>22384</v>
      </c>
      <c r="C4331" s="1" t="s">
        <v>22385</v>
      </c>
      <c r="D4331">
        <v>36878363</v>
      </c>
      <c r="E4331">
        <v>1</v>
      </c>
      <c r="F4331">
        <v>5</v>
      </c>
      <c r="H4331" t="s">
        <v>22386</v>
      </c>
      <c r="I4331">
        <v>1</v>
      </c>
      <c r="J4331" t="s">
        <v>22387</v>
      </c>
      <c r="K4331" t="s">
        <v>22388</v>
      </c>
      <c r="M4331">
        <v>1270789</v>
      </c>
      <c r="O4331">
        <v>391104</v>
      </c>
      <c r="P4331">
        <v>1</v>
      </c>
      <c r="Q4331">
        <v>0</v>
      </c>
      <c r="R4331" t="s">
        <v>22389</v>
      </c>
      <c r="S4331">
        <v>766</v>
      </c>
    </row>
    <row r="4332" spans="1:19" x14ac:dyDescent="0.25">
      <c r="A4332">
        <v>15759726</v>
      </c>
      <c r="B4332" t="s">
        <v>22390</v>
      </c>
      <c r="C4332" t="s">
        <v>22391</v>
      </c>
      <c r="D4332">
        <v>15759763</v>
      </c>
      <c r="E4332">
        <v>1</v>
      </c>
      <c r="F4332">
        <v>2</v>
      </c>
      <c r="H4332" t="s">
        <v>22392</v>
      </c>
      <c r="I4332">
        <v>1</v>
      </c>
      <c r="J4332" t="s">
        <v>22393</v>
      </c>
      <c r="K4332" t="s">
        <v>22394</v>
      </c>
      <c r="M4332">
        <v>2000082</v>
      </c>
      <c r="O4332">
        <v>2202762</v>
      </c>
      <c r="P4332">
        <v>1</v>
      </c>
      <c r="Q4332">
        <v>3</v>
      </c>
      <c r="R4332" t="s">
        <v>22395</v>
      </c>
      <c r="S4332">
        <v>1413</v>
      </c>
    </row>
    <row r="4333" spans="1:19" x14ac:dyDescent="0.25">
      <c r="A4333">
        <v>35362590</v>
      </c>
      <c r="B4333" t="s">
        <v>22396</v>
      </c>
      <c r="C4333" s="1" t="s">
        <v>22397</v>
      </c>
      <c r="E4333">
        <v>1</v>
      </c>
      <c r="F4333">
        <v>0</v>
      </c>
      <c r="H4333" t="s">
        <v>22398</v>
      </c>
      <c r="I4333">
        <v>1</v>
      </c>
      <c r="J4333" t="s">
        <v>22399</v>
      </c>
      <c r="O4333">
        <v>2159874</v>
      </c>
      <c r="P4333">
        <v>1</v>
      </c>
      <c r="Q4333">
        <v>1</v>
      </c>
      <c r="R4333" t="s">
        <v>22400</v>
      </c>
      <c r="S4333">
        <v>316</v>
      </c>
    </row>
    <row r="4334" spans="1:19" x14ac:dyDescent="0.25">
      <c r="A4334">
        <v>44738618</v>
      </c>
      <c r="B4334" t="s">
        <v>22401</v>
      </c>
      <c r="C4334" s="1" t="s">
        <v>22402</v>
      </c>
      <c r="D4334">
        <v>44808426</v>
      </c>
      <c r="E4334">
        <v>1</v>
      </c>
      <c r="F4334">
        <v>1</v>
      </c>
      <c r="H4334" t="s">
        <v>22403</v>
      </c>
      <c r="J4334" t="s">
        <v>22404</v>
      </c>
      <c r="O4334">
        <v>2808302</v>
      </c>
      <c r="P4334">
        <v>1</v>
      </c>
      <c r="Q4334">
        <v>1</v>
      </c>
      <c r="R4334" t="s">
        <v>22405</v>
      </c>
      <c r="S4334">
        <v>105</v>
      </c>
    </row>
    <row r="4335" spans="1:19" x14ac:dyDescent="0.25">
      <c r="A4335">
        <v>53147257</v>
      </c>
      <c r="B4335" t="s">
        <v>22406</v>
      </c>
      <c r="C4335" s="1" t="s">
        <v>22407</v>
      </c>
      <c r="E4335">
        <v>0</v>
      </c>
      <c r="F4335">
        <v>0</v>
      </c>
      <c r="H4335" t="s">
        <v>22408</v>
      </c>
      <c r="J4335" t="s">
        <v>22408</v>
      </c>
      <c r="O4335">
        <v>6012357</v>
      </c>
      <c r="P4335">
        <v>1</v>
      </c>
      <c r="Q4335">
        <v>0</v>
      </c>
      <c r="R4335" t="s">
        <v>22409</v>
      </c>
      <c r="S4335">
        <v>8</v>
      </c>
    </row>
    <row r="4336" spans="1:19" x14ac:dyDescent="0.25">
      <c r="A4336">
        <v>35483064</v>
      </c>
      <c r="B4336" t="s">
        <v>22410</v>
      </c>
      <c r="C4336" s="1" t="s">
        <v>22411</v>
      </c>
      <c r="D4336">
        <v>35483471</v>
      </c>
      <c r="E4336">
        <v>2</v>
      </c>
      <c r="F4336">
        <v>0</v>
      </c>
      <c r="H4336" t="s">
        <v>22412</v>
      </c>
      <c r="I4336">
        <v>2</v>
      </c>
      <c r="J4336" t="s">
        <v>22413</v>
      </c>
      <c r="N4336" t="s">
        <v>22414</v>
      </c>
      <c r="P4336">
        <v>1</v>
      </c>
      <c r="Q4336">
        <v>2</v>
      </c>
      <c r="R4336" t="s">
        <v>22415</v>
      </c>
      <c r="S4336">
        <v>969</v>
      </c>
    </row>
    <row r="4337" spans="1:19" x14ac:dyDescent="0.25">
      <c r="A4337">
        <v>8368046</v>
      </c>
      <c r="B4337" t="s">
        <v>22416</v>
      </c>
      <c r="C4337" s="1" t="s">
        <v>22417</v>
      </c>
      <c r="E4337">
        <v>1</v>
      </c>
      <c r="F4337">
        <v>0</v>
      </c>
      <c r="H4337" t="s">
        <v>22418</v>
      </c>
      <c r="I4337">
        <v>1</v>
      </c>
      <c r="J4337" t="s">
        <v>22419</v>
      </c>
      <c r="O4337">
        <v>908123</v>
      </c>
      <c r="P4337">
        <v>1</v>
      </c>
      <c r="Q4337">
        <v>1</v>
      </c>
      <c r="R4337" t="s">
        <v>22420</v>
      </c>
      <c r="S4337">
        <v>1002</v>
      </c>
    </row>
    <row r="4338" spans="1:19" x14ac:dyDescent="0.25">
      <c r="A4338">
        <v>26895029</v>
      </c>
      <c r="B4338" t="s">
        <v>22421</v>
      </c>
      <c r="C4338" s="1" t="s">
        <v>22422</v>
      </c>
      <c r="E4338">
        <v>1</v>
      </c>
      <c r="F4338">
        <v>4</v>
      </c>
      <c r="H4338" t="s">
        <v>22423</v>
      </c>
      <c r="J4338" t="s">
        <v>22424</v>
      </c>
      <c r="O4338">
        <v>4199249</v>
      </c>
      <c r="P4338">
        <v>1</v>
      </c>
      <c r="Q4338">
        <v>-2</v>
      </c>
      <c r="R4338" t="s">
        <v>22425</v>
      </c>
      <c r="S4338">
        <v>100</v>
      </c>
    </row>
    <row r="4339" spans="1:19" x14ac:dyDescent="0.25">
      <c r="A4339">
        <v>30507378</v>
      </c>
      <c r="B4339" t="s">
        <v>22426</v>
      </c>
      <c r="C4339" s="1" t="s">
        <v>22427</v>
      </c>
      <c r="D4339">
        <v>30508167</v>
      </c>
      <c r="E4339">
        <v>2</v>
      </c>
      <c r="F4339">
        <v>0</v>
      </c>
      <c r="H4339" t="s">
        <v>22428</v>
      </c>
      <c r="J4339" t="s">
        <v>22429</v>
      </c>
      <c r="O4339">
        <v>4942115</v>
      </c>
      <c r="P4339">
        <v>1</v>
      </c>
      <c r="Q4339">
        <v>0</v>
      </c>
      <c r="R4339" t="s">
        <v>22430</v>
      </c>
      <c r="S4339">
        <v>373</v>
      </c>
    </row>
    <row r="4340" spans="1:19" x14ac:dyDescent="0.25">
      <c r="A4340">
        <v>27959182</v>
      </c>
      <c r="B4340" t="s">
        <v>22431</v>
      </c>
      <c r="C4340" s="1" t="s">
        <v>22432</v>
      </c>
      <c r="D4340">
        <v>27959413</v>
      </c>
      <c r="E4340">
        <v>2</v>
      </c>
      <c r="F4340">
        <v>0</v>
      </c>
      <c r="H4340" t="s">
        <v>22433</v>
      </c>
      <c r="J4340" t="s">
        <v>22434</v>
      </c>
      <c r="K4340" t="s">
        <v>22435</v>
      </c>
      <c r="M4340">
        <v>1324033</v>
      </c>
      <c r="O4340">
        <v>4452531</v>
      </c>
      <c r="P4340">
        <v>1</v>
      </c>
      <c r="Q4340">
        <v>0</v>
      </c>
      <c r="R4340" t="s">
        <v>22436</v>
      </c>
      <c r="S4340">
        <v>54</v>
      </c>
    </row>
    <row r="4341" spans="1:19" x14ac:dyDescent="0.25">
      <c r="A4341">
        <v>2826046</v>
      </c>
      <c r="B4341" t="s">
        <v>22437</v>
      </c>
      <c r="C4341" s="1" t="s">
        <v>22438</v>
      </c>
      <c r="D4341">
        <v>2826048</v>
      </c>
      <c r="E4341">
        <v>3</v>
      </c>
      <c r="F4341">
        <v>4</v>
      </c>
      <c r="H4341" t="s">
        <v>22439</v>
      </c>
      <c r="J4341" t="s">
        <v>22440</v>
      </c>
      <c r="K4341" t="s">
        <v>22441</v>
      </c>
      <c r="M4341">
        <v>312675</v>
      </c>
      <c r="O4341">
        <v>312675</v>
      </c>
      <c r="P4341">
        <v>1</v>
      </c>
      <c r="Q4341">
        <v>0</v>
      </c>
      <c r="R4341" t="s">
        <v>10089</v>
      </c>
      <c r="S4341">
        <v>232</v>
      </c>
    </row>
    <row r="4342" spans="1:19" x14ac:dyDescent="0.25">
      <c r="A4342">
        <v>32153114</v>
      </c>
      <c r="B4342" t="s">
        <v>22442</v>
      </c>
      <c r="C4342" s="1" t="s">
        <v>22443</v>
      </c>
      <c r="D4342">
        <v>32185081</v>
      </c>
      <c r="E4342">
        <v>2</v>
      </c>
      <c r="F4342">
        <v>0</v>
      </c>
      <c r="H4342" t="s">
        <v>22444</v>
      </c>
      <c r="J4342" t="s">
        <v>22445</v>
      </c>
      <c r="K4342" t="s">
        <v>22446</v>
      </c>
      <c r="M4342">
        <v>1979013</v>
      </c>
      <c r="O4342">
        <v>1979013</v>
      </c>
      <c r="P4342">
        <v>1</v>
      </c>
      <c r="Q4342">
        <v>0</v>
      </c>
      <c r="R4342" t="s">
        <v>22447</v>
      </c>
      <c r="S4342">
        <v>55</v>
      </c>
    </row>
    <row r="4343" spans="1:19" x14ac:dyDescent="0.25">
      <c r="A4343">
        <v>7791361</v>
      </c>
      <c r="B4343" t="s">
        <v>22448</v>
      </c>
      <c r="C4343" s="1" t="s">
        <v>22449</v>
      </c>
      <c r="D4343">
        <v>7792151</v>
      </c>
      <c r="E4343">
        <v>7</v>
      </c>
      <c r="F4343">
        <v>5</v>
      </c>
      <c r="H4343" t="s">
        <v>22450</v>
      </c>
      <c r="J4343" t="s">
        <v>22451</v>
      </c>
      <c r="K4343" t="s">
        <v>22452</v>
      </c>
      <c r="M4343">
        <v>806969</v>
      </c>
      <c r="O4343">
        <v>557934</v>
      </c>
      <c r="P4343">
        <v>1</v>
      </c>
      <c r="Q4343">
        <v>2</v>
      </c>
      <c r="R4343" t="s">
        <v>22453</v>
      </c>
      <c r="S4343">
        <v>3647</v>
      </c>
    </row>
    <row r="4344" spans="1:19" x14ac:dyDescent="0.25">
      <c r="A4344">
        <v>3544187</v>
      </c>
      <c r="B4344" t="s">
        <v>22454</v>
      </c>
      <c r="C4344" s="1" t="s">
        <v>22455</v>
      </c>
      <c r="D4344">
        <v>3544224</v>
      </c>
      <c r="E4344">
        <v>3</v>
      </c>
      <c r="F4344">
        <v>4</v>
      </c>
      <c r="H4344" t="s">
        <v>22456</v>
      </c>
      <c r="J4344" t="s">
        <v>22457</v>
      </c>
      <c r="K4344" t="s">
        <v>22458</v>
      </c>
      <c r="M4344">
        <v>135687</v>
      </c>
      <c r="O4344">
        <v>135687</v>
      </c>
      <c r="P4344">
        <v>1</v>
      </c>
      <c r="Q4344">
        <v>6</v>
      </c>
      <c r="R4344" t="s">
        <v>4969</v>
      </c>
      <c r="S4344">
        <v>2238</v>
      </c>
    </row>
    <row r="4345" spans="1:19" x14ac:dyDescent="0.25">
      <c r="A4345">
        <v>47735222</v>
      </c>
      <c r="B4345" t="s">
        <v>22459</v>
      </c>
      <c r="C4345" s="1" t="s">
        <v>22460</v>
      </c>
      <c r="D4345">
        <v>47806396</v>
      </c>
      <c r="E4345">
        <v>1</v>
      </c>
      <c r="F4345">
        <v>1</v>
      </c>
      <c r="H4345" t="s">
        <v>22461</v>
      </c>
      <c r="J4345" t="s">
        <v>22462</v>
      </c>
      <c r="K4345" t="s">
        <v>22463</v>
      </c>
      <c r="M4345">
        <v>7906278</v>
      </c>
      <c r="O4345">
        <v>7906278</v>
      </c>
      <c r="P4345">
        <v>1</v>
      </c>
      <c r="Q4345">
        <v>0</v>
      </c>
      <c r="R4345" t="s">
        <v>22464</v>
      </c>
      <c r="S4345">
        <v>32</v>
      </c>
    </row>
    <row r="4346" spans="1:19" x14ac:dyDescent="0.25">
      <c r="A4346">
        <v>12351115</v>
      </c>
      <c r="B4346" t="s">
        <v>22465</v>
      </c>
      <c r="C4346" s="1" t="s">
        <v>22466</v>
      </c>
      <c r="E4346">
        <v>0</v>
      </c>
      <c r="F4346">
        <v>3</v>
      </c>
      <c r="H4346" t="s">
        <v>22467</v>
      </c>
      <c r="J4346" t="s">
        <v>22467</v>
      </c>
      <c r="O4346">
        <v>1367670</v>
      </c>
      <c r="P4346">
        <v>1</v>
      </c>
      <c r="Q4346">
        <v>0</v>
      </c>
      <c r="R4346" t="s">
        <v>22468</v>
      </c>
      <c r="S4346">
        <v>106</v>
      </c>
    </row>
    <row r="4347" spans="1:19" x14ac:dyDescent="0.25">
      <c r="A4347">
        <v>32314283</v>
      </c>
      <c r="B4347" t="s">
        <v>22469</v>
      </c>
      <c r="C4347" s="1" t="s">
        <v>22470</v>
      </c>
      <c r="D4347">
        <v>32430316</v>
      </c>
      <c r="E4347">
        <v>1</v>
      </c>
      <c r="F4347">
        <v>11</v>
      </c>
      <c r="H4347" t="s">
        <v>22471</v>
      </c>
      <c r="J4347" t="s">
        <v>22472</v>
      </c>
      <c r="K4347" t="s">
        <v>22473</v>
      </c>
      <c r="M4347">
        <v>557306</v>
      </c>
      <c r="O4347">
        <v>557306</v>
      </c>
      <c r="P4347">
        <v>1</v>
      </c>
      <c r="Q4347">
        <v>3</v>
      </c>
      <c r="R4347" t="s">
        <v>22474</v>
      </c>
      <c r="S4347">
        <v>475</v>
      </c>
    </row>
    <row r="4348" spans="1:19" x14ac:dyDescent="0.25">
      <c r="A4348">
        <v>36947390</v>
      </c>
      <c r="B4348" t="s">
        <v>22475</v>
      </c>
      <c r="C4348" s="1" t="s">
        <v>22476</v>
      </c>
      <c r="D4348">
        <v>36947592</v>
      </c>
      <c r="E4348">
        <v>1</v>
      </c>
      <c r="F4348">
        <v>0</v>
      </c>
      <c r="H4348" t="s">
        <v>22477</v>
      </c>
      <c r="J4348" t="s">
        <v>22478</v>
      </c>
      <c r="K4348" t="s">
        <v>22479</v>
      </c>
      <c r="M4348">
        <v>5970358</v>
      </c>
      <c r="O4348">
        <v>5970358</v>
      </c>
      <c r="P4348">
        <v>1</v>
      </c>
      <c r="Q4348">
        <v>2</v>
      </c>
      <c r="R4348" t="s">
        <v>22480</v>
      </c>
      <c r="S4348">
        <v>1173</v>
      </c>
    </row>
    <row r="4349" spans="1:19" x14ac:dyDescent="0.25">
      <c r="A4349">
        <v>3347396</v>
      </c>
      <c r="B4349" t="s">
        <v>22481</v>
      </c>
      <c r="C4349" s="1" t="s">
        <v>22482</v>
      </c>
      <c r="D4349">
        <v>3347515</v>
      </c>
      <c r="E4349">
        <v>2</v>
      </c>
      <c r="F4349">
        <v>2</v>
      </c>
      <c r="H4349" t="s">
        <v>22483</v>
      </c>
      <c r="J4349" t="s">
        <v>22484</v>
      </c>
      <c r="K4349" t="s">
        <v>22485</v>
      </c>
      <c r="M4349">
        <v>27414</v>
      </c>
      <c r="O4349">
        <v>341763</v>
      </c>
      <c r="P4349">
        <v>1</v>
      </c>
      <c r="Q4349">
        <v>1</v>
      </c>
      <c r="R4349" t="s">
        <v>22486</v>
      </c>
      <c r="S4349">
        <v>1921</v>
      </c>
    </row>
    <row r="4350" spans="1:19" x14ac:dyDescent="0.25">
      <c r="A4350">
        <v>3892258</v>
      </c>
      <c r="B4350" t="s">
        <v>22487</v>
      </c>
      <c r="C4350" s="1" t="s">
        <v>22488</v>
      </c>
      <c r="D4350">
        <v>3892445</v>
      </c>
      <c r="E4350">
        <v>1</v>
      </c>
      <c r="F4350">
        <v>0</v>
      </c>
      <c r="H4350" t="s">
        <v>22489</v>
      </c>
      <c r="I4350">
        <v>2</v>
      </c>
      <c r="J4350" t="s">
        <v>22490</v>
      </c>
      <c r="K4350" t="s">
        <v>22491</v>
      </c>
      <c r="M4350">
        <v>12597</v>
      </c>
      <c r="O4350">
        <v>12597</v>
      </c>
      <c r="P4350">
        <v>1</v>
      </c>
      <c r="Q4350">
        <v>1</v>
      </c>
      <c r="R4350" t="s">
        <v>22492</v>
      </c>
      <c r="S4350">
        <v>2028</v>
      </c>
    </row>
    <row r="4351" spans="1:19" x14ac:dyDescent="0.25">
      <c r="A4351">
        <v>21198836</v>
      </c>
      <c r="B4351" t="s">
        <v>22493</v>
      </c>
      <c r="C4351" s="1" t="s">
        <v>22494</v>
      </c>
      <c r="E4351">
        <v>0</v>
      </c>
      <c r="F4351">
        <v>2</v>
      </c>
      <c r="H4351" t="s">
        <v>22495</v>
      </c>
      <c r="J4351" t="s">
        <v>22496</v>
      </c>
      <c r="O4351">
        <v>552733</v>
      </c>
      <c r="P4351">
        <v>1</v>
      </c>
      <c r="Q4351">
        <v>0</v>
      </c>
      <c r="R4351" t="s">
        <v>22497</v>
      </c>
      <c r="S4351">
        <v>294</v>
      </c>
    </row>
    <row r="4352" spans="1:19" x14ac:dyDescent="0.25">
      <c r="A4352">
        <v>29540542</v>
      </c>
      <c r="B4352" t="s">
        <v>22498</v>
      </c>
      <c r="C4352" s="1" t="s">
        <v>22499</v>
      </c>
      <c r="D4352">
        <v>29540731</v>
      </c>
      <c r="E4352">
        <v>2</v>
      </c>
      <c r="F4352">
        <v>0</v>
      </c>
      <c r="H4352" t="s">
        <v>22500</v>
      </c>
      <c r="J4352" t="s">
        <v>22501</v>
      </c>
      <c r="K4352" t="s">
        <v>22501</v>
      </c>
      <c r="M4352">
        <v>82701</v>
      </c>
      <c r="O4352">
        <v>82701</v>
      </c>
      <c r="P4352">
        <v>1</v>
      </c>
      <c r="Q4352">
        <v>1</v>
      </c>
      <c r="R4352" t="s">
        <v>3034</v>
      </c>
      <c r="S4352">
        <v>623</v>
      </c>
    </row>
    <row r="4353" spans="1:19" x14ac:dyDescent="0.25">
      <c r="A4353">
        <v>50716579</v>
      </c>
      <c r="B4353" t="s">
        <v>22502</v>
      </c>
      <c r="C4353" s="1" t="s">
        <v>22503</v>
      </c>
      <c r="D4353">
        <v>50796162</v>
      </c>
      <c r="E4353">
        <v>1</v>
      </c>
      <c r="F4353">
        <v>1</v>
      </c>
      <c r="H4353" t="s">
        <v>22504</v>
      </c>
      <c r="J4353" t="s">
        <v>22505</v>
      </c>
      <c r="O4353">
        <v>2028389</v>
      </c>
      <c r="P4353">
        <v>1</v>
      </c>
      <c r="Q4353">
        <v>0</v>
      </c>
      <c r="R4353" t="s">
        <v>22506</v>
      </c>
      <c r="S4353">
        <v>219</v>
      </c>
    </row>
    <row r="4354" spans="1:19" x14ac:dyDescent="0.25">
      <c r="A4354">
        <v>28591591</v>
      </c>
      <c r="B4354" t="s">
        <v>22507</v>
      </c>
      <c r="C4354" s="1" t="s">
        <v>22508</v>
      </c>
      <c r="D4354">
        <v>28591751</v>
      </c>
      <c r="E4354">
        <v>1</v>
      </c>
      <c r="F4354">
        <v>4</v>
      </c>
      <c r="H4354" t="s">
        <v>22509</v>
      </c>
      <c r="J4354" t="s">
        <v>22510</v>
      </c>
      <c r="O4354">
        <v>780128</v>
      </c>
      <c r="P4354">
        <v>1</v>
      </c>
      <c r="Q4354">
        <v>-1</v>
      </c>
      <c r="R4354" t="s">
        <v>22511</v>
      </c>
      <c r="S4354">
        <v>88</v>
      </c>
    </row>
    <row r="4355" spans="1:19" x14ac:dyDescent="0.25">
      <c r="A4355">
        <v>6219311</v>
      </c>
      <c r="B4355" t="s">
        <v>22512</v>
      </c>
      <c r="C4355" s="1" t="s">
        <v>22513</v>
      </c>
      <c r="E4355">
        <v>3</v>
      </c>
      <c r="F4355">
        <v>7</v>
      </c>
      <c r="H4355" t="s">
        <v>22514</v>
      </c>
      <c r="I4355">
        <v>1</v>
      </c>
      <c r="J4355" t="s">
        <v>22515</v>
      </c>
      <c r="O4355">
        <v>321597</v>
      </c>
      <c r="P4355">
        <v>1</v>
      </c>
      <c r="Q4355">
        <v>8</v>
      </c>
      <c r="R4355" t="s">
        <v>22516</v>
      </c>
      <c r="S4355">
        <v>7930</v>
      </c>
    </row>
    <row r="4356" spans="1:19" x14ac:dyDescent="0.25">
      <c r="A4356">
        <v>15156019</v>
      </c>
      <c r="B4356" t="s">
        <v>22517</v>
      </c>
      <c r="C4356" s="1" t="s">
        <v>22518</v>
      </c>
      <c r="E4356">
        <v>1</v>
      </c>
      <c r="F4356">
        <v>0</v>
      </c>
      <c r="H4356" t="s">
        <v>22519</v>
      </c>
      <c r="J4356" t="s">
        <v>22520</v>
      </c>
      <c r="O4356">
        <v>2123187</v>
      </c>
      <c r="P4356">
        <v>1</v>
      </c>
      <c r="Q4356">
        <v>0</v>
      </c>
      <c r="R4356" t="s">
        <v>1359</v>
      </c>
      <c r="S4356">
        <v>1684</v>
      </c>
    </row>
    <row r="4357" spans="1:19" x14ac:dyDescent="0.25">
      <c r="A4357">
        <v>25789709</v>
      </c>
      <c r="B4357" t="s">
        <v>22521</v>
      </c>
      <c r="C4357" s="1" t="s">
        <v>22522</v>
      </c>
      <c r="D4357">
        <v>25801966</v>
      </c>
      <c r="E4357">
        <v>1</v>
      </c>
      <c r="F4357">
        <v>0</v>
      </c>
      <c r="H4357" t="s">
        <v>22523</v>
      </c>
      <c r="J4357" t="s">
        <v>22524</v>
      </c>
      <c r="O4357">
        <v>1050619</v>
      </c>
      <c r="P4357">
        <v>1</v>
      </c>
      <c r="Q4357">
        <v>1</v>
      </c>
      <c r="R4357" t="s">
        <v>22525</v>
      </c>
      <c r="S4357">
        <v>5011</v>
      </c>
    </row>
    <row r="4358" spans="1:19" x14ac:dyDescent="0.25">
      <c r="A4358">
        <v>40101016</v>
      </c>
      <c r="B4358" t="s">
        <v>22526</v>
      </c>
      <c r="C4358" s="1" t="s">
        <v>22527</v>
      </c>
      <c r="D4358">
        <v>40101274</v>
      </c>
      <c r="E4358">
        <v>1</v>
      </c>
      <c r="F4358">
        <v>0</v>
      </c>
      <c r="H4358" t="s">
        <v>22528</v>
      </c>
      <c r="J4358" t="s">
        <v>22529</v>
      </c>
      <c r="O4358">
        <v>361635</v>
      </c>
      <c r="P4358">
        <v>1</v>
      </c>
      <c r="Q4358">
        <v>-1</v>
      </c>
      <c r="R4358" t="s">
        <v>22530</v>
      </c>
      <c r="S4358">
        <v>341</v>
      </c>
    </row>
    <row r="4359" spans="1:19" x14ac:dyDescent="0.25">
      <c r="A4359">
        <v>48906101</v>
      </c>
      <c r="B4359" t="s">
        <v>22531</v>
      </c>
      <c r="C4359" s="1" t="s">
        <v>22532</v>
      </c>
      <c r="D4359">
        <v>48906340</v>
      </c>
      <c r="E4359">
        <v>1</v>
      </c>
      <c r="F4359">
        <v>3</v>
      </c>
      <c r="H4359" t="s">
        <v>22533</v>
      </c>
      <c r="J4359" t="s">
        <v>22534</v>
      </c>
      <c r="O4359">
        <v>54356</v>
      </c>
      <c r="P4359">
        <v>1</v>
      </c>
      <c r="Q4359">
        <v>1</v>
      </c>
      <c r="R4359" t="s">
        <v>22535</v>
      </c>
      <c r="S4359">
        <v>94</v>
      </c>
    </row>
    <row r="4360" spans="1:19" x14ac:dyDescent="0.25">
      <c r="A4360">
        <v>49207533</v>
      </c>
      <c r="B4360" t="s">
        <v>22536</v>
      </c>
      <c r="C4360" s="1" t="s">
        <v>22537</v>
      </c>
      <c r="E4360">
        <v>1</v>
      </c>
      <c r="F4360">
        <v>1</v>
      </c>
      <c r="H4360" t="s">
        <v>22538</v>
      </c>
      <c r="J4360" t="s">
        <v>22539</v>
      </c>
      <c r="O4360">
        <v>4826650</v>
      </c>
      <c r="P4360">
        <v>1</v>
      </c>
      <c r="Q4360">
        <v>0</v>
      </c>
      <c r="R4360" t="s">
        <v>7203</v>
      </c>
      <c r="S4360">
        <v>44</v>
      </c>
    </row>
    <row r="4361" spans="1:19" x14ac:dyDescent="0.25">
      <c r="A4361">
        <v>46582708</v>
      </c>
      <c r="B4361" t="s">
        <v>22540</v>
      </c>
      <c r="C4361" s="1" t="s">
        <v>22541</v>
      </c>
      <c r="D4361">
        <v>46583184</v>
      </c>
      <c r="E4361">
        <v>1</v>
      </c>
      <c r="F4361">
        <v>4</v>
      </c>
      <c r="H4361" t="s">
        <v>22542</v>
      </c>
      <c r="J4361" t="s">
        <v>22543</v>
      </c>
      <c r="O4361">
        <v>4286848</v>
      </c>
      <c r="P4361">
        <v>1</v>
      </c>
      <c r="Q4361">
        <v>1</v>
      </c>
      <c r="R4361" t="s">
        <v>6794</v>
      </c>
      <c r="S4361">
        <v>67</v>
      </c>
    </row>
    <row r="4362" spans="1:19" x14ac:dyDescent="0.25">
      <c r="A4362">
        <v>8503753</v>
      </c>
      <c r="B4362" t="s">
        <v>22544</v>
      </c>
      <c r="C4362" s="1" t="s">
        <v>22545</v>
      </c>
      <c r="E4362">
        <v>1</v>
      </c>
      <c r="F4362">
        <v>1</v>
      </c>
      <c r="H4362" t="s">
        <v>22546</v>
      </c>
      <c r="J4362" t="s">
        <v>22547</v>
      </c>
      <c r="O4362">
        <v>608588</v>
      </c>
      <c r="P4362">
        <v>1</v>
      </c>
      <c r="Q4362">
        <v>0</v>
      </c>
      <c r="R4362" t="s">
        <v>22548</v>
      </c>
      <c r="S4362">
        <v>204</v>
      </c>
    </row>
    <row r="4363" spans="1:19" x14ac:dyDescent="0.25">
      <c r="A4363">
        <v>20442121</v>
      </c>
      <c r="B4363" t="s">
        <v>22549</v>
      </c>
      <c r="C4363" s="1" t="s">
        <v>22550</v>
      </c>
      <c r="D4363">
        <v>20477125</v>
      </c>
      <c r="E4363">
        <v>2</v>
      </c>
      <c r="F4363">
        <v>0</v>
      </c>
      <c r="H4363" t="s">
        <v>22551</v>
      </c>
      <c r="J4363" t="s">
        <v>22552</v>
      </c>
      <c r="K4363" t="s">
        <v>22552</v>
      </c>
      <c r="M4363">
        <v>759866</v>
      </c>
      <c r="O4363">
        <v>529482</v>
      </c>
      <c r="P4363">
        <v>1</v>
      </c>
      <c r="Q4363">
        <v>0</v>
      </c>
      <c r="R4363" t="s">
        <v>22553</v>
      </c>
      <c r="S4363">
        <v>305</v>
      </c>
    </row>
    <row r="4364" spans="1:19" x14ac:dyDescent="0.25">
      <c r="A4364">
        <v>9073490</v>
      </c>
      <c r="B4364" t="s">
        <v>22554</v>
      </c>
      <c r="C4364" s="1" t="s">
        <v>22555</v>
      </c>
      <c r="E4364">
        <v>0</v>
      </c>
      <c r="F4364">
        <v>3</v>
      </c>
      <c r="H4364" t="s">
        <v>22556</v>
      </c>
      <c r="J4364" t="s">
        <v>22557</v>
      </c>
      <c r="K4364" t="s">
        <v>22557</v>
      </c>
      <c r="M4364">
        <v>1979982</v>
      </c>
      <c r="O4364">
        <v>1178270</v>
      </c>
      <c r="P4364">
        <v>1</v>
      </c>
      <c r="Q4364">
        <v>0</v>
      </c>
      <c r="R4364" t="s">
        <v>10547</v>
      </c>
      <c r="S4364">
        <v>485</v>
      </c>
    </row>
    <row r="4365" spans="1:19" x14ac:dyDescent="0.25">
      <c r="A4365">
        <v>44312694</v>
      </c>
      <c r="B4365" t="s">
        <v>22558</v>
      </c>
      <c r="C4365" s="1" t="s">
        <v>22559</v>
      </c>
      <c r="E4365">
        <v>0</v>
      </c>
      <c r="F4365">
        <v>2</v>
      </c>
      <c r="H4365" t="s">
        <v>22560</v>
      </c>
      <c r="J4365" t="s">
        <v>22561</v>
      </c>
      <c r="K4365" t="s">
        <v>22561</v>
      </c>
      <c r="M4365">
        <v>3163306</v>
      </c>
      <c r="O4365">
        <v>2881996</v>
      </c>
      <c r="P4365">
        <v>1</v>
      </c>
      <c r="Q4365">
        <v>0</v>
      </c>
      <c r="R4365" t="s">
        <v>22562</v>
      </c>
      <c r="S4365">
        <v>24</v>
      </c>
    </row>
    <row r="4366" spans="1:19" x14ac:dyDescent="0.25">
      <c r="A4366">
        <v>31674912</v>
      </c>
      <c r="B4366" t="s">
        <v>22563</v>
      </c>
      <c r="C4366" s="1" t="s">
        <v>22564</v>
      </c>
      <c r="E4366">
        <v>1</v>
      </c>
      <c r="F4366">
        <v>0</v>
      </c>
      <c r="H4366" t="s">
        <v>22565</v>
      </c>
      <c r="J4366" t="s">
        <v>22566</v>
      </c>
      <c r="O4366">
        <v>289057</v>
      </c>
      <c r="P4366">
        <v>1</v>
      </c>
      <c r="Q4366">
        <v>1</v>
      </c>
      <c r="R4366" t="s">
        <v>22567</v>
      </c>
      <c r="S4366">
        <v>688</v>
      </c>
    </row>
    <row r="4367" spans="1:19" x14ac:dyDescent="0.25">
      <c r="A4367">
        <v>3536630</v>
      </c>
      <c r="B4367" t="s">
        <v>22568</v>
      </c>
      <c r="C4367" s="1" t="s">
        <v>22569</v>
      </c>
      <c r="D4367">
        <v>3536725</v>
      </c>
      <c r="E4367">
        <v>2</v>
      </c>
      <c r="F4367">
        <v>0</v>
      </c>
      <c r="H4367" t="s">
        <v>22570</v>
      </c>
      <c r="I4367">
        <v>1</v>
      </c>
      <c r="J4367" t="s">
        <v>22571</v>
      </c>
      <c r="K4367" t="s">
        <v>22572</v>
      </c>
      <c r="M4367">
        <v>390452</v>
      </c>
      <c r="O4367">
        <v>390452</v>
      </c>
      <c r="P4367">
        <v>1</v>
      </c>
      <c r="Q4367">
        <v>0</v>
      </c>
      <c r="R4367" t="s">
        <v>22573</v>
      </c>
      <c r="S4367">
        <v>4533</v>
      </c>
    </row>
    <row r="4368" spans="1:19" x14ac:dyDescent="0.25">
      <c r="A4368">
        <v>38070250</v>
      </c>
      <c r="B4368" t="s">
        <v>22574</v>
      </c>
      <c r="C4368" s="1" t="s">
        <v>22575</v>
      </c>
      <c r="D4368">
        <v>38071058</v>
      </c>
      <c r="E4368">
        <v>1</v>
      </c>
      <c r="F4368">
        <v>7</v>
      </c>
      <c r="H4368" t="s">
        <v>22576</v>
      </c>
      <c r="J4368" t="s">
        <v>22577</v>
      </c>
      <c r="O4368">
        <v>4732294</v>
      </c>
      <c r="P4368">
        <v>1</v>
      </c>
      <c r="Q4368">
        <v>-2</v>
      </c>
      <c r="R4368" t="s">
        <v>22578</v>
      </c>
      <c r="S4368">
        <v>721</v>
      </c>
    </row>
    <row r="4369" spans="1:19" x14ac:dyDescent="0.25">
      <c r="A4369">
        <v>19955778</v>
      </c>
      <c r="B4369" t="s">
        <v>22579</v>
      </c>
      <c r="C4369" s="1" t="s">
        <v>22580</v>
      </c>
      <c r="D4369">
        <v>29515692</v>
      </c>
      <c r="E4369">
        <v>2</v>
      </c>
      <c r="F4369">
        <v>1</v>
      </c>
      <c r="H4369" t="s">
        <v>22581</v>
      </c>
      <c r="J4369" t="s">
        <v>22582</v>
      </c>
      <c r="K4369" t="s">
        <v>22583</v>
      </c>
      <c r="L4369" t="s">
        <v>22584</v>
      </c>
      <c r="O4369">
        <v>1332914</v>
      </c>
      <c r="P4369">
        <v>1</v>
      </c>
      <c r="Q4369">
        <v>2</v>
      </c>
      <c r="R4369" t="s">
        <v>22585</v>
      </c>
      <c r="S4369">
        <v>1302</v>
      </c>
    </row>
    <row r="4370" spans="1:19" x14ac:dyDescent="0.25">
      <c r="A4370">
        <v>39407996</v>
      </c>
      <c r="B4370" t="s">
        <v>22586</v>
      </c>
      <c r="C4370" s="1" t="s">
        <v>22587</v>
      </c>
      <c r="E4370">
        <v>1</v>
      </c>
      <c r="F4370">
        <v>0</v>
      </c>
      <c r="H4370" t="s">
        <v>22588</v>
      </c>
      <c r="J4370" t="s">
        <v>22589</v>
      </c>
      <c r="K4370" t="s">
        <v>22590</v>
      </c>
      <c r="M4370">
        <v>-1</v>
      </c>
      <c r="O4370">
        <v>3580381</v>
      </c>
      <c r="P4370">
        <v>1</v>
      </c>
      <c r="Q4370">
        <v>0</v>
      </c>
      <c r="R4370" t="s">
        <v>22591</v>
      </c>
      <c r="S4370">
        <v>60</v>
      </c>
    </row>
    <row r="4371" spans="1:19" x14ac:dyDescent="0.25">
      <c r="A4371">
        <v>19686518</v>
      </c>
      <c r="B4371" t="s">
        <v>22592</v>
      </c>
      <c r="C4371" s="1" t="s">
        <v>22593</v>
      </c>
      <c r="E4371">
        <v>0</v>
      </c>
      <c r="F4371">
        <v>2</v>
      </c>
      <c r="H4371" t="s">
        <v>22594</v>
      </c>
      <c r="J4371" t="s">
        <v>22595</v>
      </c>
      <c r="K4371" t="s">
        <v>22595</v>
      </c>
      <c r="M4371">
        <v>1100152</v>
      </c>
      <c r="O4371">
        <v>1100152</v>
      </c>
      <c r="P4371">
        <v>1</v>
      </c>
      <c r="Q4371">
        <v>1</v>
      </c>
      <c r="R4371" t="s">
        <v>22596</v>
      </c>
      <c r="S4371">
        <v>729</v>
      </c>
    </row>
    <row r="4372" spans="1:19" x14ac:dyDescent="0.25">
      <c r="A4372">
        <v>19089418</v>
      </c>
      <c r="B4372" t="s">
        <v>22597</v>
      </c>
      <c r="C4372" s="1" t="s">
        <v>22598</v>
      </c>
      <c r="E4372">
        <v>1</v>
      </c>
      <c r="F4372">
        <v>5</v>
      </c>
      <c r="H4372" t="s">
        <v>22599</v>
      </c>
      <c r="J4372" t="s">
        <v>22600</v>
      </c>
      <c r="K4372" t="s">
        <v>22601</v>
      </c>
      <c r="M4372">
        <v>2830438</v>
      </c>
      <c r="O4372">
        <v>2830438</v>
      </c>
      <c r="P4372">
        <v>1</v>
      </c>
      <c r="Q4372">
        <v>3</v>
      </c>
      <c r="R4372" t="s">
        <v>22602</v>
      </c>
      <c r="S4372">
        <v>3632</v>
      </c>
    </row>
    <row r="4373" spans="1:19" x14ac:dyDescent="0.25">
      <c r="A4373">
        <v>45854643</v>
      </c>
      <c r="B4373" t="s">
        <v>22603</v>
      </c>
      <c r="C4373" s="1" t="s">
        <v>22604</v>
      </c>
      <c r="E4373">
        <v>0</v>
      </c>
      <c r="F4373">
        <v>5</v>
      </c>
      <c r="H4373" t="s">
        <v>22605</v>
      </c>
      <c r="J4373" t="s">
        <v>22605</v>
      </c>
      <c r="O4373">
        <v>7801361</v>
      </c>
      <c r="P4373">
        <v>1</v>
      </c>
      <c r="Q4373">
        <v>1</v>
      </c>
      <c r="R4373" t="s">
        <v>22606</v>
      </c>
      <c r="S4373">
        <v>302</v>
      </c>
    </row>
    <row r="4374" spans="1:19" x14ac:dyDescent="0.25">
      <c r="A4374">
        <v>6229639</v>
      </c>
      <c r="B4374" t="s">
        <v>22607</v>
      </c>
      <c r="C4374" s="1" t="s">
        <v>22608</v>
      </c>
      <c r="D4374">
        <v>6230383</v>
      </c>
      <c r="E4374">
        <v>1</v>
      </c>
      <c r="F4374">
        <v>0</v>
      </c>
      <c r="H4374" t="s">
        <v>22609</v>
      </c>
      <c r="J4374" t="s">
        <v>22610</v>
      </c>
      <c r="O4374">
        <v>448783</v>
      </c>
      <c r="P4374">
        <v>1</v>
      </c>
      <c r="Q4374">
        <v>1</v>
      </c>
      <c r="R4374" t="s">
        <v>2771</v>
      </c>
      <c r="S4374">
        <v>805</v>
      </c>
    </row>
    <row r="4375" spans="1:19" x14ac:dyDescent="0.25">
      <c r="A4375">
        <v>934254</v>
      </c>
      <c r="B4375" t="s">
        <v>22611</v>
      </c>
      <c r="C4375" s="1" t="s">
        <v>22612</v>
      </c>
      <c r="E4375">
        <v>2</v>
      </c>
      <c r="F4375">
        <v>0</v>
      </c>
      <c r="H4375" t="s">
        <v>22613</v>
      </c>
      <c r="J4375" t="s">
        <v>22614</v>
      </c>
      <c r="O4375">
        <v>62553</v>
      </c>
      <c r="P4375">
        <v>1</v>
      </c>
      <c r="Q4375">
        <v>3</v>
      </c>
      <c r="R4375" t="s">
        <v>22615</v>
      </c>
      <c r="S4375">
        <v>1435</v>
      </c>
    </row>
    <row r="4376" spans="1:19" x14ac:dyDescent="0.25">
      <c r="A4376">
        <v>10118014</v>
      </c>
      <c r="B4376" t="s">
        <v>22616</v>
      </c>
      <c r="C4376" s="1" t="s">
        <v>22617</v>
      </c>
      <c r="D4376">
        <v>10118051</v>
      </c>
      <c r="E4376">
        <v>1</v>
      </c>
      <c r="F4376">
        <v>2</v>
      </c>
      <c r="H4376" t="s">
        <v>22618</v>
      </c>
      <c r="I4376">
        <v>1</v>
      </c>
      <c r="J4376" t="s">
        <v>22619</v>
      </c>
      <c r="O4376">
        <v>1012643</v>
      </c>
      <c r="P4376">
        <v>1</v>
      </c>
      <c r="Q4376">
        <v>1</v>
      </c>
      <c r="R4376" t="s">
        <v>22620</v>
      </c>
      <c r="S4376">
        <v>137</v>
      </c>
    </row>
    <row r="4377" spans="1:19" x14ac:dyDescent="0.25">
      <c r="A4377">
        <v>23670748</v>
      </c>
      <c r="B4377" t="s">
        <v>22621</v>
      </c>
      <c r="C4377" s="1" t="s">
        <v>22622</v>
      </c>
      <c r="E4377">
        <v>1</v>
      </c>
      <c r="F4377">
        <v>4</v>
      </c>
      <c r="H4377" t="s">
        <v>22623</v>
      </c>
      <c r="I4377">
        <v>1</v>
      </c>
      <c r="J4377" t="s">
        <v>22624</v>
      </c>
      <c r="O4377">
        <v>3639474</v>
      </c>
      <c r="P4377">
        <v>1</v>
      </c>
      <c r="Q4377">
        <v>0</v>
      </c>
      <c r="R4377" t="s">
        <v>22625</v>
      </c>
      <c r="S4377">
        <v>1073</v>
      </c>
    </row>
    <row r="4378" spans="1:19" x14ac:dyDescent="0.25">
      <c r="A4378">
        <v>15091812</v>
      </c>
      <c r="B4378" t="s">
        <v>22626</v>
      </c>
      <c r="C4378" s="1" t="s">
        <v>22627</v>
      </c>
      <c r="E4378">
        <v>1</v>
      </c>
      <c r="F4378">
        <v>1</v>
      </c>
      <c r="H4378" t="s">
        <v>22628</v>
      </c>
      <c r="J4378" t="s">
        <v>22629</v>
      </c>
      <c r="K4378" t="s">
        <v>22629</v>
      </c>
      <c r="M4378">
        <v>991191</v>
      </c>
      <c r="O4378">
        <v>991191</v>
      </c>
      <c r="P4378">
        <v>1</v>
      </c>
      <c r="Q4378">
        <v>1</v>
      </c>
      <c r="R4378" t="s">
        <v>22630</v>
      </c>
      <c r="S4378">
        <v>164</v>
      </c>
    </row>
    <row r="4379" spans="1:19" x14ac:dyDescent="0.25">
      <c r="A4379">
        <v>47429827</v>
      </c>
      <c r="B4379" t="s">
        <v>22631</v>
      </c>
      <c r="C4379" s="1" t="s">
        <v>22632</v>
      </c>
      <c r="E4379">
        <v>0</v>
      </c>
      <c r="F4379">
        <v>1</v>
      </c>
      <c r="H4379" t="s">
        <v>22633</v>
      </c>
      <c r="J4379" t="s">
        <v>22633</v>
      </c>
      <c r="O4379">
        <v>3072076</v>
      </c>
      <c r="P4379">
        <v>1</v>
      </c>
      <c r="Q4379">
        <v>1</v>
      </c>
      <c r="R4379" t="s">
        <v>22634</v>
      </c>
      <c r="S4379">
        <v>79</v>
      </c>
    </row>
    <row r="4380" spans="1:19" x14ac:dyDescent="0.25">
      <c r="A4380">
        <v>17557743</v>
      </c>
      <c r="B4380" t="s">
        <v>22635</v>
      </c>
      <c r="C4380" s="1" t="s">
        <v>22636</v>
      </c>
      <c r="D4380">
        <v>17557828</v>
      </c>
      <c r="E4380">
        <v>1</v>
      </c>
      <c r="F4380">
        <v>2</v>
      </c>
      <c r="H4380" t="s">
        <v>22637</v>
      </c>
      <c r="J4380" t="s">
        <v>22638</v>
      </c>
      <c r="K4380" t="s">
        <v>22638</v>
      </c>
      <c r="M4380">
        <v>2641576</v>
      </c>
      <c r="O4380">
        <v>2566049</v>
      </c>
      <c r="P4380">
        <v>1</v>
      </c>
      <c r="Q4380">
        <v>1</v>
      </c>
      <c r="R4380" t="s">
        <v>22639</v>
      </c>
      <c r="S4380">
        <v>483</v>
      </c>
    </row>
    <row r="4381" spans="1:19" x14ac:dyDescent="0.25">
      <c r="A4381">
        <v>52056064</v>
      </c>
      <c r="B4381" t="s">
        <v>22640</v>
      </c>
      <c r="C4381" s="1" t="s">
        <v>22641</v>
      </c>
      <c r="E4381">
        <v>0</v>
      </c>
      <c r="F4381">
        <v>0</v>
      </c>
      <c r="H4381" t="s">
        <v>22642</v>
      </c>
      <c r="J4381" t="s">
        <v>22642</v>
      </c>
      <c r="O4381">
        <v>10284299</v>
      </c>
      <c r="P4381">
        <v>1</v>
      </c>
      <c r="Q4381">
        <v>1</v>
      </c>
      <c r="R4381" t="s">
        <v>22643</v>
      </c>
      <c r="S4381">
        <v>18</v>
      </c>
    </row>
    <row r="4382" spans="1:19" x14ac:dyDescent="0.25">
      <c r="A4382">
        <v>41423562</v>
      </c>
      <c r="B4382" t="s">
        <v>22644</v>
      </c>
      <c r="C4382" s="1" t="s">
        <v>22645</v>
      </c>
      <c r="E4382">
        <v>1</v>
      </c>
      <c r="F4382">
        <v>1</v>
      </c>
      <c r="H4382" t="s">
        <v>22646</v>
      </c>
      <c r="J4382" t="s">
        <v>22647</v>
      </c>
      <c r="K4382" t="s">
        <v>22648</v>
      </c>
      <c r="M4382">
        <v>1139697</v>
      </c>
      <c r="O4382">
        <v>3150422</v>
      </c>
      <c r="P4382">
        <v>1</v>
      </c>
      <c r="Q4382">
        <v>1</v>
      </c>
      <c r="R4382" t="s">
        <v>2867</v>
      </c>
      <c r="S4382">
        <v>52</v>
      </c>
    </row>
    <row r="4383" spans="1:19" x14ac:dyDescent="0.25">
      <c r="A4383">
        <v>23604426</v>
      </c>
      <c r="B4383" t="s">
        <v>22649</v>
      </c>
      <c r="C4383" s="1" t="s">
        <v>22650</v>
      </c>
      <c r="D4383">
        <v>23606760</v>
      </c>
      <c r="E4383">
        <v>4</v>
      </c>
      <c r="F4383">
        <v>13</v>
      </c>
      <c r="H4383" t="s">
        <v>22651</v>
      </c>
      <c r="J4383" t="s">
        <v>22652</v>
      </c>
      <c r="K4383" t="s">
        <v>22652</v>
      </c>
      <c r="M4383">
        <v>2903999</v>
      </c>
      <c r="O4383">
        <v>2903999</v>
      </c>
      <c r="P4383">
        <v>1</v>
      </c>
      <c r="Q4383">
        <v>0</v>
      </c>
      <c r="R4383" t="s">
        <v>22653</v>
      </c>
      <c r="S4383">
        <v>142</v>
      </c>
    </row>
    <row r="4384" spans="1:19" x14ac:dyDescent="0.25">
      <c r="A4384">
        <v>49033727</v>
      </c>
      <c r="B4384" t="s">
        <v>22654</v>
      </c>
      <c r="C4384" s="1" t="s">
        <v>22655</v>
      </c>
      <c r="E4384">
        <v>1</v>
      </c>
      <c r="F4384">
        <v>5</v>
      </c>
      <c r="H4384" t="s">
        <v>22656</v>
      </c>
      <c r="J4384" t="s">
        <v>22657</v>
      </c>
      <c r="K4384" t="s">
        <v>22658</v>
      </c>
      <c r="M4384">
        <v>3871961</v>
      </c>
      <c r="O4384">
        <v>9423926</v>
      </c>
      <c r="P4384">
        <v>1</v>
      </c>
      <c r="Q4384">
        <v>1</v>
      </c>
      <c r="R4384" t="s">
        <v>22659</v>
      </c>
      <c r="S4384">
        <v>437</v>
      </c>
    </row>
    <row r="4385" spans="1:19" x14ac:dyDescent="0.25">
      <c r="A4385">
        <v>3517178</v>
      </c>
      <c r="B4385" t="s">
        <v>22660</v>
      </c>
      <c r="C4385" s="1" t="s">
        <v>22661</v>
      </c>
      <c r="E4385">
        <v>1</v>
      </c>
      <c r="F4385">
        <v>0</v>
      </c>
      <c r="H4385" t="s">
        <v>22662</v>
      </c>
      <c r="I4385">
        <v>1</v>
      </c>
      <c r="J4385" t="s">
        <v>22663</v>
      </c>
      <c r="K4385" t="s">
        <v>22664</v>
      </c>
      <c r="M4385">
        <v>59303</v>
      </c>
      <c r="O4385">
        <v>364732</v>
      </c>
      <c r="P4385">
        <v>1</v>
      </c>
      <c r="Q4385">
        <v>1</v>
      </c>
      <c r="R4385" t="s">
        <v>22665</v>
      </c>
      <c r="S4385">
        <v>1340</v>
      </c>
    </row>
    <row r="4386" spans="1:19" x14ac:dyDescent="0.25">
      <c r="A4386">
        <v>11883706</v>
      </c>
      <c r="B4386" t="s">
        <v>22666</v>
      </c>
      <c r="C4386" s="1" t="s">
        <v>22667</v>
      </c>
      <c r="D4386">
        <v>11883747</v>
      </c>
      <c r="E4386">
        <v>3</v>
      </c>
      <c r="F4386">
        <v>0</v>
      </c>
      <c r="H4386" t="s">
        <v>22668</v>
      </c>
      <c r="J4386" t="s">
        <v>22669</v>
      </c>
      <c r="O4386">
        <v>1384126</v>
      </c>
      <c r="P4386">
        <v>1</v>
      </c>
      <c r="Q4386">
        <v>1</v>
      </c>
      <c r="R4386" t="s">
        <v>1359</v>
      </c>
      <c r="S4386">
        <v>55</v>
      </c>
    </row>
    <row r="4387" spans="1:19" x14ac:dyDescent="0.25">
      <c r="A4387">
        <v>50302675</v>
      </c>
      <c r="B4387" t="s">
        <v>22670</v>
      </c>
      <c r="C4387" s="1" t="s">
        <v>22671</v>
      </c>
      <c r="E4387">
        <v>0</v>
      </c>
      <c r="F4387">
        <v>0</v>
      </c>
      <c r="H4387" t="s">
        <v>22672</v>
      </c>
      <c r="J4387" t="s">
        <v>22672</v>
      </c>
      <c r="O4387">
        <v>9392196</v>
      </c>
      <c r="P4387">
        <v>1</v>
      </c>
      <c r="Q4387">
        <v>0</v>
      </c>
      <c r="R4387" t="s">
        <v>22673</v>
      </c>
      <c r="S4387">
        <v>41</v>
      </c>
    </row>
    <row r="4388" spans="1:19" x14ac:dyDescent="0.25">
      <c r="A4388">
        <v>50584158</v>
      </c>
      <c r="B4388" t="s">
        <v>22674</v>
      </c>
      <c r="C4388" s="1" t="s">
        <v>22675</v>
      </c>
      <c r="D4388">
        <v>50585007</v>
      </c>
      <c r="E4388">
        <v>1</v>
      </c>
      <c r="F4388">
        <v>0</v>
      </c>
      <c r="H4388" t="s">
        <v>22676</v>
      </c>
      <c r="J4388" t="s">
        <v>22677</v>
      </c>
      <c r="O4388">
        <v>3289905</v>
      </c>
      <c r="P4388">
        <v>1</v>
      </c>
      <c r="Q4388">
        <v>1</v>
      </c>
      <c r="R4388" t="s">
        <v>22678</v>
      </c>
      <c r="S4388">
        <v>52</v>
      </c>
    </row>
    <row r="4389" spans="1:19" x14ac:dyDescent="0.25">
      <c r="A4389">
        <v>42789898</v>
      </c>
      <c r="B4389" t="s">
        <v>22679</v>
      </c>
      <c r="C4389" s="1" t="s">
        <v>22680</v>
      </c>
      <c r="D4389">
        <v>42790033</v>
      </c>
      <c r="E4389">
        <v>2</v>
      </c>
      <c r="F4389">
        <v>2</v>
      </c>
      <c r="H4389" t="s">
        <v>22681</v>
      </c>
      <c r="J4389" t="s">
        <v>22682</v>
      </c>
      <c r="O4389">
        <v>6316030</v>
      </c>
      <c r="P4389">
        <v>1</v>
      </c>
      <c r="Q4389">
        <v>0</v>
      </c>
      <c r="R4389" t="s">
        <v>22683</v>
      </c>
      <c r="S4389">
        <v>49</v>
      </c>
    </row>
    <row r="4390" spans="1:19" x14ac:dyDescent="0.25">
      <c r="A4390">
        <v>18666910</v>
      </c>
      <c r="B4390" t="s">
        <v>22684</v>
      </c>
      <c r="C4390" s="1" t="s">
        <v>22685</v>
      </c>
      <c r="D4390">
        <v>18666940</v>
      </c>
      <c r="E4390">
        <v>3</v>
      </c>
      <c r="F4390">
        <v>0</v>
      </c>
      <c r="H4390" t="s">
        <v>22686</v>
      </c>
      <c r="J4390" t="s">
        <v>22687</v>
      </c>
      <c r="O4390">
        <v>1458934</v>
      </c>
      <c r="P4390">
        <v>1</v>
      </c>
      <c r="Q4390">
        <v>0</v>
      </c>
      <c r="R4390" t="s">
        <v>22688</v>
      </c>
      <c r="S4390">
        <v>109</v>
      </c>
    </row>
    <row r="4391" spans="1:19" x14ac:dyDescent="0.25">
      <c r="A4391">
        <v>45076536</v>
      </c>
      <c r="B4391" t="s">
        <v>22689</v>
      </c>
      <c r="C4391" s="1" t="s">
        <v>22690</v>
      </c>
      <c r="D4391">
        <v>45076878</v>
      </c>
      <c r="E4391">
        <v>2</v>
      </c>
      <c r="F4391">
        <v>0</v>
      </c>
      <c r="H4391" t="s">
        <v>22691</v>
      </c>
      <c r="J4391" t="s">
        <v>22692</v>
      </c>
      <c r="K4391" t="s">
        <v>22693</v>
      </c>
      <c r="M4391">
        <v>4313133</v>
      </c>
      <c r="N4391" t="s">
        <v>22694</v>
      </c>
      <c r="P4391">
        <v>1</v>
      </c>
      <c r="Q4391">
        <v>2</v>
      </c>
      <c r="R4391" t="s">
        <v>22695</v>
      </c>
      <c r="S4391">
        <v>146</v>
      </c>
    </row>
    <row r="4392" spans="1:19" x14ac:dyDescent="0.25">
      <c r="A4392">
        <v>31934673</v>
      </c>
      <c r="B4392" t="s">
        <v>22696</v>
      </c>
      <c r="C4392" s="1" t="s">
        <v>22697</v>
      </c>
      <c r="E4392">
        <v>0</v>
      </c>
      <c r="F4392">
        <v>5</v>
      </c>
      <c r="H4392" t="s">
        <v>22698</v>
      </c>
      <c r="J4392" t="s">
        <v>22699</v>
      </c>
      <c r="K4392" t="s">
        <v>22699</v>
      </c>
      <c r="M4392">
        <v>3329418</v>
      </c>
      <c r="O4392">
        <v>4657182</v>
      </c>
      <c r="P4392">
        <v>1</v>
      </c>
      <c r="Q4392">
        <v>0</v>
      </c>
      <c r="R4392" t="s">
        <v>22700</v>
      </c>
      <c r="S4392">
        <v>76</v>
      </c>
    </row>
    <row r="4393" spans="1:19" x14ac:dyDescent="0.25">
      <c r="A4393">
        <v>486964</v>
      </c>
      <c r="B4393" t="s">
        <v>22701</v>
      </c>
      <c r="C4393" s="1" t="s">
        <v>22702</v>
      </c>
      <c r="E4393">
        <v>2</v>
      </c>
      <c r="F4393">
        <v>0</v>
      </c>
      <c r="H4393" t="s">
        <v>22703</v>
      </c>
      <c r="I4393">
        <v>8</v>
      </c>
      <c r="J4393" t="s">
        <v>22704</v>
      </c>
      <c r="K4393" t="s">
        <v>22704</v>
      </c>
      <c r="L4393" t="s">
        <v>22705</v>
      </c>
      <c r="M4393">
        <v>217324</v>
      </c>
      <c r="N4393" t="s">
        <v>22706</v>
      </c>
      <c r="P4393">
        <v>1</v>
      </c>
      <c r="Q4393">
        <v>4</v>
      </c>
      <c r="R4393" t="s">
        <v>22707</v>
      </c>
      <c r="S4393">
        <v>35688</v>
      </c>
    </row>
    <row r="4394" spans="1:19" x14ac:dyDescent="0.25">
      <c r="A4394">
        <v>33507566</v>
      </c>
      <c r="B4394" t="s">
        <v>22708</v>
      </c>
      <c r="C4394" s="1" t="s">
        <v>22709</v>
      </c>
      <c r="D4394">
        <v>33507729</v>
      </c>
      <c r="E4394">
        <v>5</v>
      </c>
      <c r="F4394">
        <v>3</v>
      </c>
      <c r="H4394" t="s">
        <v>22710</v>
      </c>
      <c r="I4394">
        <v>7</v>
      </c>
      <c r="J4394" t="s">
        <v>22711</v>
      </c>
      <c r="K4394" t="s">
        <v>22712</v>
      </c>
      <c r="M4394">
        <v>5269101</v>
      </c>
      <c r="O4394">
        <v>5269101</v>
      </c>
      <c r="P4394">
        <v>1</v>
      </c>
      <c r="Q4394">
        <v>44</v>
      </c>
      <c r="R4394" t="s">
        <v>7391</v>
      </c>
      <c r="S4394">
        <v>111132</v>
      </c>
    </row>
    <row r="4395" spans="1:19" x14ac:dyDescent="0.25">
      <c r="A4395">
        <v>20546744</v>
      </c>
      <c r="B4395" t="s">
        <v>22713</v>
      </c>
      <c r="C4395" s="1" t="s">
        <v>22714</v>
      </c>
      <c r="E4395">
        <v>3</v>
      </c>
      <c r="F4395">
        <v>4</v>
      </c>
      <c r="H4395" t="s">
        <v>22715</v>
      </c>
      <c r="J4395" t="s">
        <v>22716</v>
      </c>
      <c r="O4395">
        <v>357236</v>
      </c>
      <c r="P4395">
        <v>1</v>
      </c>
      <c r="Q4395">
        <v>6</v>
      </c>
      <c r="R4395" t="s">
        <v>3056</v>
      </c>
      <c r="S4395">
        <v>3824</v>
      </c>
    </row>
    <row r="4396" spans="1:19" x14ac:dyDescent="0.25">
      <c r="A4396">
        <v>38318242</v>
      </c>
      <c r="B4396" t="s">
        <v>22717</v>
      </c>
      <c r="C4396" s="1" t="s">
        <v>22718</v>
      </c>
      <c r="D4396">
        <v>38318441</v>
      </c>
      <c r="E4396">
        <v>1</v>
      </c>
      <c r="F4396">
        <v>0</v>
      </c>
      <c r="H4396" t="s">
        <v>22719</v>
      </c>
      <c r="J4396" t="s">
        <v>22720</v>
      </c>
      <c r="O4396">
        <v>6433334</v>
      </c>
      <c r="P4396">
        <v>1</v>
      </c>
      <c r="Q4396">
        <v>0</v>
      </c>
      <c r="R4396" t="s">
        <v>22721</v>
      </c>
      <c r="S4396">
        <v>47</v>
      </c>
    </row>
    <row r="4397" spans="1:19" x14ac:dyDescent="0.25">
      <c r="A4397">
        <v>19646089</v>
      </c>
      <c r="B4397" t="s">
        <v>22722</v>
      </c>
      <c r="C4397" s="1" t="s">
        <v>22723</v>
      </c>
      <c r="D4397">
        <v>19646143</v>
      </c>
      <c r="E4397">
        <v>1</v>
      </c>
      <c r="F4397">
        <v>2</v>
      </c>
      <c r="H4397" t="s">
        <v>22724</v>
      </c>
      <c r="J4397" t="s">
        <v>22725</v>
      </c>
      <c r="O4397">
        <v>2929883</v>
      </c>
      <c r="P4397">
        <v>1</v>
      </c>
      <c r="Q4397">
        <v>1</v>
      </c>
      <c r="R4397" t="s">
        <v>1446</v>
      </c>
      <c r="S4397">
        <v>1447</v>
      </c>
    </row>
    <row r="4398" spans="1:19" x14ac:dyDescent="0.25">
      <c r="A4398">
        <v>27757809</v>
      </c>
      <c r="B4398" t="s">
        <v>22726</v>
      </c>
      <c r="C4398" s="1" t="s">
        <v>22727</v>
      </c>
      <c r="E4398">
        <v>0</v>
      </c>
      <c r="F4398">
        <v>8</v>
      </c>
      <c r="H4398" t="s">
        <v>22728</v>
      </c>
      <c r="J4398" t="s">
        <v>22728</v>
      </c>
      <c r="O4398">
        <v>4358407</v>
      </c>
      <c r="P4398">
        <v>1</v>
      </c>
      <c r="Q4398">
        <v>0</v>
      </c>
      <c r="R4398" t="s">
        <v>22729</v>
      </c>
      <c r="S4398">
        <v>58</v>
      </c>
    </row>
    <row r="4399" spans="1:19" x14ac:dyDescent="0.25">
      <c r="A4399">
        <v>46894934</v>
      </c>
      <c r="B4399" t="s">
        <v>22730</v>
      </c>
      <c r="C4399" s="1" t="s">
        <v>22731</v>
      </c>
      <c r="E4399">
        <v>1</v>
      </c>
      <c r="F4399">
        <v>0</v>
      </c>
      <c r="H4399" t="s">
        <v>22732</v>
      </c>
      <c r="J4399" t="s">
        <v>22733</v>
      </c>
      <c r="O4399">
        <v>7869343</v>
      </c>
      <c r="P4399">
        <v>1</v>
      </c>
      <c r="Q4399">
        <v>0</v>
      </c>
      <c r="R4399" t="s">
        <v>22734</v>
      </c>
      <c r="S4399">
        <v>36</v>
      </c>
    </row>
    <row r="4400" spans="1:19" x14ac:dyDescent="0.25">
      <c r="A4400">
        <v>1500907</v>
      </c>
      <c r="B4400" t="s">
        <v>22735</v>
      </c>
      <c r="C4400" s="1" t="s">
        <v>22736</v>
      </c>
      <c r="D4400">
        <v>1755465</v>
      </c>
      <c r="E4400">
        <v>3</v>
      </c>
      <c r="F4400">
        <v>0</v>
      </c>
      <c r="H4400" t="s">
        <v>22737</v>
      </c>
      <c r="I4400">
        <v>1</v>
      </c>
      <c r="J4400" t="s">
        <v>22738</v>
      </c>
      <c r="O4400">
        <v>85095</v>
      </c>
      <c r="P4400">
        <v>1</v>
      </c>
      <c r="Q4400">
        <v>5</v>
      </c>
      <c r="R4400" t="s">
        <v>22739</v>
      </c>
      <c r="S4400">
        <v>458</v>
      </c>
    </row>
    <row r="4401" spans="1:19" x14ac:dyDescent="0.25">
      <c r="A4401">
        <v>41181683</v>
      </c>
      <c r="B4401" t="s">
        <v>22740</v>
      </c>
      <c r="C4401" s="1" t="s">
        <v>22741</v>
      </c>
      <c r="D4401">
        <v>41255292</v>
      </c>
      <c r="E4401">
        <v>4</v>
      </c>
      <c r="F4401">
        <v>0</v>
      </c>
      <c r="H4401" t="s">
        <v>22742</v>
      </c>
      <c r="I4401">
        <v>2</v>
      </c>
      <c r="J4401" t="s">
        <v>22743</v>
      </c>
      <c r="O4401">
        <v>2381508</v>
      </c>
      <c r="P4401">
        <v>1</v>
      </c>
      <c r="Q4401">
        <v>14</v>
      </c>
      <c r="R4401" t="s">
        <v>22744</v>
      </c>
      <c r="S4401">
        <v>11980</v>
      </c>
    </row>
    <row r="4402" spans="1:19" x14ac:dyDescent="0.25">
      <c r="A4402">
        <v>31663933</v>
      </c>
      <c r="B4402" t="s">
        <v>22745</v>
      </c>
      <c r="C4402" s="1" t="s">
        <v>22746</v>
      </c>
      <c r="E4402">
        <v>6</v>
      </c>
      <c r="F4402">
        <v>1</v>
      </c>
      <c r="H4402" t="s">
        <v>22747</v>
      </c>
      <c r="I4402">
        <v>2</v>
      </c>
      <c r="J4402" t="s">
        <v>22748</v>
      </c>
      <c r="K4402" t="s">
        <v>22749</v>
      </c>
      <c r="M4402">
        <v>1391249</v>
      </c>
      <c r="O4402">
        <v>626985</v>
      </c>
      <c r="P4402">
        <v>1</v>
      </c>
      <c r="Q4402">
        <v>-1</v>
      </c>
      <c r="R4402" t="s">
        <v>22750</v>
      </c>
      <c r="S4402">
        <v>165</v>
      </c>
    </row>
    <row r="4403" spans="1:19" x14ac:dyDescent="0.25">
      <c r="A4403">
        <v>23860289</v>
      </c>
      <c r="B4403" t="s">
        <v>22751</v>
      </c>
      <c r="C4403" s="1" t="s">
        <v>22752</v>
      </c>
      <c r="D4403">
        <v>25527445</v>
      </c>
      <c r="E4403">
        <v>1</v>
      </c>
      <c r="F4403">
        <v>0</v>
      </c>
      <c r="H4403" t="s">
        <v>22753</v>
      </c>
      <c r="J4403" t="s">
        <v>22754</v>
      </c>
      <c r="K4403" t="s">
        <v>22754</v>
      </c>
      <c r="M4403">
        <v>5818232</v>
      </c>
      <c r="O4403">
        <v>3403972</v>
      </c>
      <c r="P4403">
        <v>1</v>
      </c>
      <c r="Q4403">
        <v>0</v>
      </c>
      <c r="R4403" t="s">
        <v>22755</v>
      </c>
      <c r="S4403">
        <v>1254</v>
      </c>
    </row>
    <row r="4404" spans="1:19" x14ac:dyDescent="0.25">
      <c r="A4404">
        <v>40343038</v>
      </c>
      <c r="B4404" t="s">
        <v>22756</v>
      </c>
      <c r="C4404" s="1" t="s">
        <v>22757</v>
      </c>
      <c r="E4404">
        <v>0</v>
      </c>
      <c r="F4404">
        <v>4</v>
      </c>
      <c r="H4404" t="s">
        <v>22758</v>
      </c>
      <c r="J4404" t="s">
        <v>22759</v>
      </c>
      <c r="K4404" t="s">
        <v>22759</v>
      </c>
      <c r="M4404">
        <v>721644</v>
      </c>
      <c r="O4404">
        <v>4997921</v>
      </c>
      <c r="P4404">
        <v>1</v>
      </c>
      <c r="Q4404">
        <v>1</v>
      </c>
      <c r="R4404" t="s">
        <v>22760</v>
      </c>
      <c r="S4404">
        <v>104</v>
      </c>
    </row>
    <row r="4405" spans="1:19" x14ac:dyDescent="0.25">
      <c r="A4405">
        <v>49308129</v>
      </c>
      <c r="B4405" t="s">
        <v>22761</v>
      </c>
      <c r="C4405" s="1" t="s">
        <v>22762</v>
      </c>
      <c r="D4405">
        <v>49309233</v>
      </c>
      <c r="E4405">
        <v>2</v>
      </c>
      <c r="F4405">
        <v>11</v>
      </c>
      <c r="H4405" t="s">
        <v>22763</v>
      </c>
      <c r="I4405">
        <v>1</v>
      </c>
      <c r="J4405" t="s">
        <v>22764</v>
      </c>
      <c r="K4405" t="s">
        <v>22765</v>
      </c>
      <c r="M4405">
        <v>9499525</v>
      </c>
      <c r="O4405">
        <v>9499525</v>
      </c>
      <c r="P4405">
        <v>1</v>
      </c>
      <c r="Q4405">
        <v>2</v>
      </c>
      <c r="R4405" t="s">
        <v>22766</v>
      </c>
      <c r="S4405">
        <v>78</v>
      </c>
    </row>
    <row r="4406" spans="1:19" x14ac:dyDescent="0.25">
      <c r="A4406">
        <v>41431881</v>
      </c>
      <c r="B4406" t="s">
        <v>22767</v>
      </c>
      <c r="C4406" s="1" t="s">
        <v>22768</v>
      </c>
      <c r="E4406">
        <v>1</v>
      </c>
      <c r="F4406">
        <v>4</v>
      </c>
      <c r="H4406" t="s">
        <v>22769</v>
      </c>
      <c r="J4406" t="s">
        <v>22770</v>
      </c>
      <c r="O4406">
        <v>790194</v>
      </c>
      <c r="P4406">
        <v>1</v>
      </c>
      <c r="Q4406">
        <v>0</v>
      </c>
      <c r="R4406" t="s">
        <v>22771</v>
      </c>
      <c r="S4406">
        <v>78</v>
      </c>
    </row>
    <row r="4407" spans="1:19" x14ac:dyDescent="0.25">
      <c r="A4407">
        <v>39328538</v>
      </c>
      <c r="B4407" t="s">
        <v>22772</v>
      </c>
      <c r="C4407" s="1" t="s">
        <v>22773</v>
      </c>
      <c r="D4407">
        <v>39329383</v>
      </c>
      <c r="E4407">
        <v>2</v>
      </c>
      <c r="F4407">
        <v>0</v>
      </c>
      <c r="H4407" t="s">
        <v>22774</v>
      </c>
      <c r="J4407" t="s">
        <v>22775</v>
      </c>
      <c r="K4407" t="s">
        <v>22776</v>
      </c>
      <c r="M4407">
        <v>4363604</v>
      </c>
      <c r="O4407">
        <v>4363604</v>
      </c>
      <c r="P4407">
        <v>1</v>
      </c>
      <c r="Q4407">
        <v>2</v>
      </c>
      <c r="R4407" t="s">
        <v>22777</v>
      </c>
      <c r="S4407">
        <v>499</v>
      </c>
    </row>
    <row r="4408" spans="1:19" x14ac:dyDescent="0.25">
      <c r="A4408">
        <v>38619924</v>
      </c>
      <c r="B4408" t="s">
        <v>22778</v>
      </c>
      <c r="C4408" s="1" t="s">
        <v>22779</v>
      </c>
      <c r="E4408">
        <v>4</v>
      </c>
      <c r="F4408">
        <v>0</v>
      </c>
      <c r="H4408" t="s">
        <v>22780</v>
      </c>
      <c r="I4408">
        <v>1</v>
      </c>
      <c r="J4408" t="s">
        <v>22781</v>
      </c>
      <c r="K4408" t="s">
        <v>22782</v>
      </c>
      <c r="M4408">
        <v>1591669</v>
      </c>
      <c r="O4408">
        <v>6646134</v>
      </c>
      <c r="P4408">
        <v>1</v>
      </c>
      <c r="Q4408">
        <v>2</v>
      </c>
      <c r="R4408" t="s">
        <v>22783</v>
      </c>
      <c r="S4408">
        <v>3448</v>
      </c>
    </row>
    <row r="4409" spans="1:19" x14ac:dyDescent="0.25">
      <c r="A4409">
        <v>33764598</v>
      </c>
      <c r="B4409" t="s">
        <v>22784</v>
      </c>
      <c r="C4409" s="1" t="s">
        <v>22785</v>
      </c>
      <c r="E4409">
        <v>0</v>
      </c>
      <c r="F4409">
        <v>4</v>
      </c>
      <c r="H4409" t="s">
        <v>22786</v>
      </c>
      <c r="J4409" t="s">
        <v>22786</v>
      </c>
      <c r="O4409">
        <v>5515013</v>
      </c>
      <c r="P4409">
        <v>1</v>
      </c>
      <c r="Q4409">
        <v>0</v>
      </c>
      <c r="R4409" t="s">
        <v>22787</v>
      </c>
      <c r="S4409">
        <v>27</v>
      </c>
    </row>
    <row r="4410" spans="1:19" x14ac:dyDescent="0.25">
      <c r="A4410">
        <v>8288134</v>
      </c>
      <c r="B4410" t="s">
        <v>22788</v>
      </c>
      <c r="C4410" s="1" t="s">
        <v>22789</v>
      </c>
      <c r="E4410">
        <v>1</v>
      </c>
      <c r="F4410">
        <v>1</v>
      </c>
      <c r="H4410" t="s">
        <v>22790</v>
      </c>
      <c r="I4410">
        <v>1</v>
      </c>
      <c r="J4410" t="s">
        <v>22791</v>
      </c>
      <c r="O4410">
        <v>533049</v>
      </c>
      <c r="P4410">
        <v>1</v>
      </c>
      <c r="Q4410">
        <v>0</v>
      </c>
      <c r="R4410" t="s">
        <v>22792</v>
      </c>
      <c r="S4410">
        <v>534</v>
      </c>
    </row>
    <row r="4411" spans="1:19" x14ac:dyDescent="0.25">
      <c r="A4411">
        <v>32253053</v>
      </c>
      <c r="B4411" t="s">
        <v>22793</v>
      </c>
      <c r="C4411" t="s">
        <v>22794</v>
      </c>
      <c r="E4411">
        <v>1</v>
      </c>
      <c r="F4411">
        <v>2</v>
      </c>
      <c r="H4411" t="s">
        <v>22795</v>
      </c>
      <c r="J4411" t="s">
        <v>22796</v>
      </c>
      <c r="K4411" t="s">
        <v>22797</v>
      </c>
      <c r="M4411">
        <v>4814622</v>
      </c>
      <c r="O4411">
        <v>5138626</v>
      </c>
      <c r="P4411">
        <v>1</v>
      </c>
      <c r="Q4411">
        <v>0</v>
      </c>
      <c r="R4411" t="s">
        <v>22798</v>
      </c>
      <c r="S4411">
        <v>67</v>
      </c>
    </row>
    <row r="4412" spans="1:19" x14ac:dyDescent="0.25">
      <c r="A4412">
        <v>33210513</v>
      </c>
      <c r="B4412" t="s">
        <v>22799</v>
      </c>
      <c r="C4412" s="1" t="s">
        <v>22800</v>
      </c>
      <c r="E4412">
        <v>1</v>
      </c>
      <c r="F4412">
        <v>0</v>
      </c>
      <c r="H4412" t="s">
        <v>22801</v>
      </c>
      <c r="J4412" t="s">
        <v>22801</v>
      </c>
      <c r="O4412">
        <v>2947415</v>
      </c>
      <c r="P4412">
        <v>1</v>
      </c>
      <c r="Q4412">
        <v>0</v>
      </c>
      <c r="R4412" t="s">
        <v>22802</v>
      </c>
      <c r="S4412">
        <v>77</v>
      </c>
    </row>
    <row r="4413" spans="1:19" x14ac:dyDescent="0.25">
      <c r="A4413">
        <v>47711780</v>
      </c>
      <c r="B4413" t="s">
        <v>22803</v>
      </c>
      <c r="C4413" t="s">
        <v>22804</v>
      </c>
      <c r="E4413">
        <v>0</v>
      </c>
      <c r="F4413">
        <v>0</v>
      </c>
      <c r="H4413" t="s">
        <v>22805</v>
      </c>
      <c r="J4413" t="s">
        <v>22805</v>
      </c>
      <c r="O4413">
        <v>6070183</v>
      </c>
      <c r="P4413">
        <v>1</v>
      </c>
      <c r="Q4413">
        <v>0</v>
      </c>
      <c r="R4413" t="s">
        <v>22806</v>
      </c>
      <c r="S4413">
        <v>12</v>
      </c>
    </row>
    <row r="4414" spans="1:19" x14ac:dyDescent="0.25">
      <c r="A4414">
        <v>20482362</v>
      </c>
      <c r="B4414" t="s">
        <v>22807</v>
      </c>
      <c r="C4414" s="1" t="s">
        <v>22808</v>
      </c>
      <c r="E4414">
        <v>1</v>
      </c>
      <c r="F4414">
        <v>8</v>
      </c>
      <c r="H4414" t="s">
        <v>22809</v>
      </c>
      <c r="J4414" t="s">
        <v>22810</v>
      </c>
      <c r="K4414" t="s">
        <v>22811</v>
      </c>
      <c r="M4414">
        <v>-1</v>
      </c>
      <c r="O4414">
        <v>2704289</v>
      </c>
      <c r="P4414">
        <v>1</v>
      </c>
      <c r="Q4414">
        <v>1</v>
      </c>
      <c r="R4414" t="s">
        <v>22812</v>
      </c>
      <c r="S4414">
        <v>377</v>
      </c>
    </row>
    <row r="4415" spans="1:19" x14ac:dyDescent="0.25">
      <c r="A4415">
        <v>35915826</v>
      </c>
      <c r="B4415" t="s">
        <v>22813</v>
      </c>
      <c r="C4415" s="1" t="s">
        <v>22814</v>
      </c>
      <c r="E4415">
        <v>0</v>
      </c>
      <c r="F4415">
        <v>0</v>
      </c>
      <c r="H4415" t="s">
        <v>22815</v>
      </c>
      <c r="I4415">
        <v>0</v>
      </c>
      <c r="J4415" t="s">
        <v>22816</v>
      </c>
      <c r="K4415" t="s">
        <v>22816</v>
      </c>
      <c r="M4415">
        <v>6044490</v>
      </c>
      <c r="O4415">
        <v>6044490</v>
      </c>
      <c r="P4415">
        <v>1</v>
      </c>
      <c r="Q4415">
        <v>4</v>
      </c>
      <c r="R4415" t="s">
        <v>22817</v>
      </c>
      <c r="S4415">
        <v>191</v>
      </c>
    </row>
    <row r="4416" spans="1:19" x14ac:dyDescent="0.25">
      <c r="A4416">
        <v>16683124</v>
      </c>
      <c r="B4416" t="s">
        <v>22818</v>
      </c>
      <c r="C4416" s="1" t="s">
        <v>22819</v>
      </c>
      <c r="E4416">
        <v>1</v>
      </c>
      <c r="F4416">
        <v>3</v>
      </c>
      <c r="H4416" t="s">
        <v>22820</v>
      </c>
      <c r="J4416" t="s">
        <v>22821</v>
      </c>
      <c r="K4416" t="s">
        <v>22821</v>
      </c>
      <c r="M4416">
        <v>1850658</v>
      </c>
      <c r="O4416">
        <v>1850658</v>
      </c>
      <c r="P4416">
        <v>1</v>
      </c>
      <c r="Q4416">
        <v>1</v>
      </c>
      <c r="R4416" t="s">
        <v>22822</v>
      </c>
      <c r="S4416">
        <v>3458</v>
      </c>
    </row>
    <row r="4417" spans="1:19" x14ac:dyDescent="0.25">
      <c r="A4417">
        <v>48275975</v>
      </c>
      <c r="B4417" t="s">
        <v>22823</v>
      </c>
      <c r="C4417" s="1" t="s">
        <v>22824</v>
      </c>
      <c r="E4417">
        <v>1</v>
      </c>
      <c r="F4417">
        <v>0</v>
      </c>
      <c r="H4417" t="s">
        <v>22825</v>
      </c>
      <c r="J4417" t="s">
        <v>22826</v>
      </c>
      <c r="O4417">
        <v>4604259</v>
      </c>
      <c r="P4417">
        <v>1</v>
      </c>
      <c r="Q4417">
        <v>0</v>
      </c>
      <c r="R4417" t="s">
        <v>22827</v>
      </c>
      <c r="S4417">
        <v>80</v>
      </c>
    </row>
    <row r="4418" spans="1:19" x14ac:dyDescent="0.25">
      <c r="A4418">
        <v>49893148</v>
      </c>
      <c r="B4418" t="s">
        <v>22828</v>
      </c>
      <c r="C4418" s="1" t="s">
        <v>22829</v>
      </c>
      <c r="E4418">
        <v>0</v>
      </c>
      <c r="F4418">
        <v>2</v>
      </c>
      <c r="H4418" t="s">
        <v>22830</v>
      </c>
      <c r="J4418" t="s">
        <v>22830</v>
      </c>
      <c r="O4418">
        <v>6166504</v>
      </c>
      <c r="P4418">
        <v>1</v>
      </c>
      <c r="Q4418">
        <v>0</v>
      </c>
      <c r="R4418" t="s">
        <v>8078</v>
      </c>
      <c r="S4418">
        <v>241</v>
      </c>
    </row>
    <row r="4419" spans="1:19" x14ac:dyDescent="0.25">
      <c r="A4419">
        <v>51114006</v>
      </c>
      <c r="B4419" t="s">
        <v>22831</v>
      </c>
      <c r="C4419" s="1" t="s">
        <v>22832</v>
      </c>
      <c r="E4419">
        <v>1</v>
      </c>
      <c r="F4419">
        <v>4</v>
      </c>
      <c r="H4419" t="s">
        <v>22833</v>
      </c>
      <c r="J4419" t="s">
        <v>22834</v>
      </c>
      <c r="K4419" t="s">
        <v>22835</v>
      </c>
      <c r="M4419">
        <v>13302</v>
      </c>
      <c r="O4419">
        <v>10003748</v>
      </c>
      <c r="P4419">
        <v>1</v>
      </c>
      <c r="Q4419">
        <v>0</v>
      </c>
      <c r="R4419" t="s">
        <v>16047</v>
      </c>
      <c r="S4419">
        <v>22</v>
      </c>
    </row>
    <row r="4420" spans="1:19" x14ac:dyDescent="0.25">
      <c r="A4420">
        <v>52820132</v>
      </c>
      <c r="B4420" t="s">
        <v>22836</v>
      </c>
      <c r="C4420" s="1" t="s">
        <v>22837</v>
      </c>
      <c r="D4420">
        <v>52820314</v>
      </c>
      <c r="E4420">
        <v>4</v>
      </c>
      <c r="F4420">
        <v>3</v>
      </c>
      <c r="H4420" t="s">
        <v>22838</v>
      </c>
      <c r="J4420" t="s">
        <v>22839</v>
      </c>
      <c r="K4420" t="s">
        <v>22839</v>
      </c>
      <c r="M4420">
        <v>2946329</v>
      </c>
      <c r="O4420">
        <v>8194831</v>
      </c>
      <c r="P4420">
        <v>1</v>
      </c>
      <c r="Q4420">
        <v>0</v>
      </c>
      <c r="R4420" t="s">
        <v>22840</v>
      </c>
      <c r="S4420">
        <v>116</v>
      </c>
    </row>
    <row r="4421" spans="1:19" x14ac:dyDescent="0.25">
      <c r="A4421">
        <v>41371158</v>
      </c>
      <c r="B4421" t="s">
        <v>22841</v>
      </c>
      <c r="C4421" s="1" t="s">
        <v>22842</v>
      </c>
      <c r="D4421">
        <v>41371263</v>
      </c>
      <c r="E4421">
        <v>4</v>
      </c>
      <c r="F4421">
        <v>5</v>
      </c>
      <c r="H4421" t="s">
        <v>22843</v>
      </c>
      <c r="I4421">
        <v>1</v>
      </c>
      <c r="J4421" t="s">
        <v>22844</v>
      </c>
      <c r="O4421">
        <v>6032623</v>
      </c>
      <c r="P4421">
        <v>1</v>
      </c>
      <c r="Q4421">
        <v>-5</v>
      </c>
      <c r="R4421" t="s">
        <v>22845</v>
      </c>
      <c r="S4421">
        <v>4898</v>
      </c>
    </row>
    <row r="4422" spans="1:19" x14ac:dyDescent="0.25">
      <c r="A4422">
        <v>23832660</v>
      </c>
      <c r="B4422" t="s">
        <v>22846</v>
      </c>
      <c r="C4422" s="1" t="s">
        <v>22847</v>
      </c>
      <c r="E4422">
        <v>1</v>
      </c>
      <c r="F4422">
        <v>0</v>
      </c>
      <c r="H4422" t="s">
        <v>22848</v>
      </c>
      <c r="J4422" t="s">
        <v>22849</v>
      </c>
      <c r="O4422">
        <v>3169706</v>
      </c>
      <c r="P4422">
        <v>1</v>
      </c>
      <c r="Q4422">
        <v>0</v>
      </c>
      <c r="R4422" t="s">
        <v>22850</v>
      </c>
      <c r="S4422">
        <v>134</v>
      </c>
    </row>
    <row r="4423" spans="1:19" x14ac:dyDescent="0.25">
      <c r="A4423">
        <v>42642405</v>
      </c>
      <c r="B4423" t="s">
        <v>22851</v>
      </c>
      <c r="C4423" s="1" t="s">
        <v>22852</v>
      </c>
      <c r="E4423">
        <v>0</v>
      </c>
      <c r="F4423">
        <v>2</v>
      </c>
      <c r="H4423" t="s">
        <v>22853</v>
      </c>
      <c r="I4423">
        <v>1</v>
      </c>
      <c r="J4423" t="s">
        <v>22854</v>
      </c>
      <c r="K4423" t="s">
        <v>22854</v>
      </c>
      <c r="M4423">
        <v>2099119</v>
      </c>
      <c r="O4423">
        <v>7022905</v>
      </c>
      <c r="P4423">
        <v>1</v>
      </c>
      <c r="Q4423">
        <v>2</v>
      </c>
      <c r="R4423" t="s">
        <v>3034</v>
      </c>
      <c r="S4423">
        <v>537</v>
      </c>
    </row>
    <row r="4424" spans="1:19" x14ac:dyDescent="0.25">
      <c r="A4424">
        <v>9499288</v>
      </c>
      <c r="B4424" t="s">
        <v>22855</v>
      </c>
      <c r="C4424" s="1" t="s">
        <v>22856</v>
      </c>
      <c r="E4424">
        <v>1</v>
      </c>
      <c r="F4424">
        <v>3</v>
      </c>
      <c r="H4424" t="s">
        <v>22857</v>
      </c>
      <c r="J4424" t="s">
        <v>22858</v>
      </c>
      <c r="K4424" t="s">
        <v>22859</v>
      </c>
      <c r="M4424">
        <v>250832</v>
      </c>
      <c r="O4424">
        <v>1081064</v>
      </c>
      <c r="P4424">
        <v>1</v>
      </c>
      <c r="Q4424">
        <v>1</v>
      </c>
      <c r="R4424" t="s">
        <v>5941</v>
      </c>
      <c r="S4424">
        <v>141</v>
      </c>
    </row>
    <row r="4425" spans="1:19" x14ac:dyDescent="0.25">
      <c r="A4425">
        <v>34381844</v>
      </c>
      <c r="B4425" t="s">
        <v>22860</v>
      </c>
      <c r="C4425" s="1" t="s">
        <v>22861</v>
      </c>
      <c r="D4425">
        <v>34381936</v>
      </c>
      <c r="E4425">
        <v>1</v>
      </c>
      <c r="F4425">
        <v>2</v>
      </c>
      <c r="H4425" t="s">
        <v>22862</v>
      </c>
      <c r="I4425">
        <v>1</v>
      </c>
      <c r="J4425" t="s">
        <v>22863</v>
      </c>
      <c r="K4425" t="s">
        <v>22863</v>
      </c>
      <c r="M4425">
        <v>113962</v>
      </c>
      <c r="O4425">
        <v>2607447</v>
      </c>
      <c r="P4425">
        <v>1</v>
      </c>
      <c r="Q4425">
        <v>0</v>
      </c>
      <c r="R4425" t="s">
        <v>22864</v>
      </c>
      <c r="S4425">
        <v>308</v>
      </c>
    </row>
    <row r="4426" spans="1:19" x14ac:dyDescent="0.25">
      <c r="A4426">
        <v>37529619</v>
      </c>
      <c r="B4426" t="s">
        <v>22865</v>
      </c>
      <c r="C4426" s="1" t="s">
        <v>22866</v>
      </c>
      <c r="E4426">
        <v>2</v>
      </c>
      <c r="F4426">
        <v>2</v>
      </c>
      <c r="H4426" t="s">
        <v>22867</v>
      </c>
      <c r="I4426">
        <v>2</v>
      </c>
      <c r="J4426" t="s">
        <v>22868</v>
      </c>
      <c r="K4426" t="s">
        <v>22869</v>
      </c>
      <c r="M4426">
        <v>5512319</v>
      </c>
      <c r="O4426">
        <v>5512319</v>
      </c>
      <c r="P4426">
        <v>1</v>
      </c>
      <c r="Q4426">
        <v>40</v>
      </c>
      <c r="R4426" t="s">
        <v>22870</v>
      </c>
      <c r="S4426">
        <v>1291</v>
      </c>
    </row>
    <row r="4427" spans="1:19" x14ac:dyDescent="0.25">
      <c r="A4427">
        <v>3954582</v>
      </c>
      <c r="B4427" t="s">
        <v>22871</v>
      </c>
      <c r="C4427" s="1" t="s">
        <v>22872</v>
      </c>
      <c r="D4427">
        <v>3961587</v>
      </c>
      <c r="E4427">
        <v>3</v>
      </c>
      <c r="F4427">
        <v>1</v>
      </c>
      <c r="H4427" t="s">
        <v>22873</v>
      </c>
      <c r="J4427" t="s">
        <v>22874</v>
      </c>
      <c r="K4427" t="s">
        <v>22875</v>
      </c>
      <c r="M4427">
        <v>423105</v>
      </c>
      <c r="O4427">
        <v>442065</v>
      </c>
      <c r="P4427">
        <v>1</v>
      </c>
      <c r="Q4427">
        <v>1</v>
      </c>
      <c r="R4427" t="s">
        <v>22876</v>
      </c>
      <c r="S4427">
        <v>2303</v>
      </c>
    </row>
    <row r="4428" spans="1:19" x14ac:dyDescent="0.25">
      <c r="A4428">
        <v>4540037</v>
      </c>
      <c r="B4428" t="s">
        <v>22877</v>
      </c>
      <c r="C4428" s="1" t="s">
        <v>22878</v>
      </c>
      <c r="E4428">
        <v>4</v>
      </c>
      <c r="F4428">
        <v>1</v>
      </c>
      <c r="H4428" t="s">
        <v>22879</v>
      </c>
      <c r="J4428" t="s">
        <v>22880</v>
      </c>
      <c r="O4428">
        <v>555127</v>
      </c>
      <c r="P4428">
        <v>1</v>
      </c>
      <c r="Q4428">
        <v>3</v>
      </c>
      <c r="R4428" t="s">
        <v>22881</v>
      </c>
      <c r="S4428">
        <v>200</v>
      </c>
    </row>
    <row r="4429" spans="1:19" x14ac:dyDescent="0.25">
      <c r="A4429">
        <v>5659201</v>
      </c>
      <c r="B4429" t="s">
        <v>22882</v>
      </c>
      <c r="C4429" s="1" t="s">
        <v>22883</v>
      </c>
      <c r="E4429">
        <v>1</v>
      </c>
      <c r="F4429">
        <v>0</v>
      </c>
      <c r="H4429" t="s">
        <v>22884</v>
      </c>
      <c r="J4429" t="s">
        <v>22885</v>
      </c>
      <c r="K4429" t="s">
        <v>22886</v>
      </c>
      <c r="M4429">
        <v>366904</v>
      </c>
      <c r="O4429">
        <v>706413</v>
      </c>
      <c r="P4429">
        <v>1</v>
      </c>
      <c r="Q4429">
        <v>2</v>
      </c>
      <c r="R4429" t="s">
        <v>22887</v>
      </c>
      <c r="S4429">
        <v>1173</v>
      </c>
    </row>
    <row r="4430" spans="1:19" x14ac:dyDescent="0.25">
      <c r="A4430">
        <v>51718402</v>
      </c>
      <c r="B4430" t="s">
        <v>22888</v>
      </c>
      <c r="C4430" s="1" t="s">
        <v>22889</v>
      </c>
      <c r="D4430">
        <v>51718881</v>
      </c>
      <c r="E4430">
        <v>1</v>
      </c>
      <c r="F4430">
        <v>3</v>
      </c>
      <c r="H4430" t="s">
        <v>22890</v>
      </c>
      <c r="J4430" t="s">
        <v>22891</v>
      </c>
      <c r="K4430" t="s">
        <v>22891</v>
      </c>
      <c r="M4430">
        <v>6296561</v>
      </c>
      <c r="O4430">
        <v>1081000</v>
      </c>
      <c r="P4430">
        <v>1</v>
      </c>
      <c r="Q4430">
        <v>-3</v>
      </c>
      <c r="R4430" t="s">
        <v>22892</v>
      </c>
      <c r="S4430">
        <v>38</v>
      </c>
    </row>
    <row r="4431" spans="1:19" x14ac:dyDescent="0.25">
      <c r="A4431">
        <v>7328132</v>
      </c>
      <c r="B4431" t="s">
        <v>22893</v>
      </c>
      <c r="C4431" s="1" t="s">
        <v>22894</v>
      </c>
      <c r="D4431">
        <v>7350095</v>
      </c>
      <c r="E4431">
        <v>2</v>
      </c>
      <c r="F4431">
        <v>10</v>
      </c>
      <c r="H4431" t="s">
        <v>22895</v>
      </c>
      <c r="J4431" t="s">
        <v>22896</v>
      </c>
      <c r="K4431" t="s">
        <v>22897</v>
      </c>
      <c r="M4431">
        <v>-1</v>
      </c>
      <c r="O4431">
        <v>931860</v>
      </c>
      <c r="P4431">
        <v>1</v>
      </c>
      <c r="Q4431">
        <v>2</v>
      </c>
      <c r="R4431" t="s">
        <v>22898</v>
      </c>
      <c r="S4431">
        <v>3882</v>
      </c>
    </row>
    <row r="4432" spans="1:19" x14ac:dyDescent="0.25">
      <c r="A4432">
        <v>51907704</v>
      </c>
      <c r="B4432" t="s">
        <v>22899</v>
      </c>
      <c r="C4432" s="1" t="s">
        <v>22900</v>
      </c>
      <c r="D4432">
        <v>51908083</v>
      </c>
      <c r="E4432">
        <v>2</v>
      </c>
      <c r="F4432">
        <v>0</v>
      </c>
      <c r="H4432" t="s">
        <v>22901</v>
      </c>
      <c r="J4432" t="s">
        <v>22902</v>
      </c>
      <c r="O4432">
        <v>10233005</v>
      </c>
      <c r="P4432">
        <v>1</v>
      </c>
      <c r="Q4432">
        <v>1</v>
      </c>
      <c r="R4432" t="s">
        <v>22903</v>
      </c>
      <c r="S4432">
        <v>60</v>
      </c>
    </row>
    <row r="4433" spans="1:19" x14ac:dyDescent="0.25">
      <c r="A4433">
        <v>23628401</v>
      </c>
      <c r="B4433" t="s">
        <v>22904</v>
      </c>
      <c r="C4433" s="1" t="s">
        <v>22905</v>
      </c>
      <c r="E4433">
        <v>1</v>
      </c>
      <c r="F4433">
        <v>0</v>
      </c>
      <c r="H4433" t="s">
        <v>22906</v>
      </c>
      <c r="J4433" t="s">
        <v>22907</v>
      </c>
      <c r="O4433">
        <v>1518564</v>
      </c>
      <c r="P4433">
        <v>1</v>
      </c>
      <c r="Q4433">
        <v>0</v>
      </c>
      <c r="R4433" t="s">
        <v>22908</v>
      </c>
      <c r="S4433">
        <v>128</v>
      </c>
    </row>
    <row r="4434" spans="1:19" x14ac:dyDescent="0.25">
      <c r="A4434">
        <v>26615991</v>
      </c>
      <c r="B4434" t="s">
        <v>22909</v>
      </c>
      <c r="C4434" s="1" t="s">
        <v>22910</v>
      </c>
      <c r="E4434">
        <v>1</v>
      </c>
      <c r="F4434">
        <v>1</v>
      </c>
      <c r="H4434" t="s">
        <v>22911</v>
      </c>
      <c r="J4434" t="s">
        <v>22912</v>
      </c>
      <c r="O4434">
        <v>228674</v>
      </c>
      <c r="P4434">
        <v>1</v>
      </c>
      <c r="Q4434">
        <v>1</v>
      </c>
      <c r="R4434" t="s">
        <v>22913</v>
      </c>
      <c r="S4434">
        <v>269</v>
      </c>
    </row>
    <row r="4435" spans="1:19" x14ac:dyDescent="0.25">
      <c r="A4435">
        <v>43310630</v>
      </c>
      <c r="B4435" t="s">
        <v>22914</v>
      </c>
      <c r="C4435" s="1" t="s">
        <v>22915</v>
      </c>
      <c r="E4435">
        <v>1</v>
      </c>
      <c r="F4435">
        <v>5</v>
      </c>
      <c r="H4435" t="s">
        <v>22916</v>
      </c>
      <c r="J4435" t="s">
        <v>22917</v>
      </c>
      <c r="O4435">
        <v>7841478</v>
      </c>
      <c r="P4435">
        <v>1</v>
      </c>
      <c r="Q4435">
        <v>1</v>
      </c>
      <c r="R4435" t="s">
        <v>22918</v>
      </c>
      <c r="S4435">
        <v>28</v>
      </c>
    </row>
    <row r="4436" spans="1:19" x14ac:dyDescent="0.25">
      <c r="A4436">
        <v>51693298</v>
      </c>
      <c r="B4436" t="s">
        <v>22919</v>
      </c>
      <c r="C4436" s="1" t="s">
        <v>22920</v>
      </c>
      <c r="E4436">
        <v>0</v>
      </c>
      <c r="F4436">
        <v>2</v>
      </c>
      <c r="H4436" t="s">
        <v>22921</v>
      </c>
      <c r="J4436" t="s">
        <v>22922</v>
      </c>
      <c r="O4436">
        <v>10179885</v>
      </c>
      <c r="P4436">
        <v>1</v>
      </c>
      <c r="Q4436">
        <v>0</v>
      </c>
      <c r="R4436" t="s">
        <v>22923</v>
      </c>
      <c r="S4436">
        <v>48</v>
      </c>
    </row>
    <row r="4437" spans="1:19" x14ac:dyDescent="0.25">
      <c r="A4437">
        <v>49557983</v>
      </c>
      <c r="B4437" t="s">
        <v>22924</v>
      </c>
      <c r="C4437" s="1" t="s">
        <v>22925</v>
      </c>
      <c r="E4437">
        <v>1</v>
      </c>
      <c r="F4437">
        <v>1</v>
      </c>
      <c r="H4437" t="s">
        <v>22926</v>
      </c>
      <c r="I4437">
        <v>0</v>
      </c>
      <c r="J4437" t="s">
        <v>22927</v>
      </c>
      <c r="O4437">
        <v>5291351</v>
      </c>
      <c r="P4437">
        <v>1</v>
      </c>
      <c r="Q4437">
        <v>0</v>
      </c>
      <c r="R4437" t="s">
        <v>22928</v>
      </c>
      <c r="S4437">
        <v>47</v>
      </c>
    </row>
    <row r="4438" spans="1:19" x14ac:dyDescent="0.25">
      <c r="A4438">
        <v>30581178</v>
      </c>
      <c r="B4438" t="s">
        <v>22929</v>
      </c>
      <c r="C4438" s="1" t="s">
        <v>22930</v>
      </c>
      <c r="E4438">
        <v>1</v>
      </c>
      <c r="F4438">
        <v>1</v>
      </c>
      <c r="H4438" t="s">
        <v>22931</v>
      </c>
      <c r="J4438" t="s">
        <v>22932</v>
      </c>
      <c r="O4438">
        <v>1947393</v>
      </c>
      <c r="P4438">
        <v>1</v>
      </c>
      <c r="Q4438">
        <v>1</v>
      </c>
      <c r="R4438" t="s">
        <v>22933</v>
      </c>
      <c r="S4438">
        <v>1156</v>
      </c>
    </row>
    <row r="4439" spans="1:19" x14ac:dyDescent="0.25">
      <c r="A4439">
        <v>5890382</v>
      </c>
      <c r="B4439" t="s">
        <v>22934</v>
      </c>
      <c r="C4439" s="1" t="s">
        <v>22935</v>
      </c>
      <c r="D4439">
        <v>5890644</v>
      </c>
      <c r="E4439">
        <v>1</v>
      </c>
      <c r="F4439">
        <v>7</v>
      </c>
      <c r="H4439" t="s">
        <v>22936</v>
      </c>
      <c r="I4439">
        <v>2</v>
      </c>
      <c r="J4439" t="s">
        <v>22937</v>
      </c>
      <c r="K4439" t="s">
        <v>22937</v>
      </c>
      <c r="M4439">
        <v>500104</v>
      </c>
      <c r="O4439">
        <v>738881</v>
      </c>
      <c r="P4439">
        <v>1</v>
      </c>
      <c r="Q4439">
        <v>7</v>
      </c>
      <c r="R4439" t="s">
        <v>22938</v>
      </c>
      <c r="S4439">
        <v>439</v>
      </c>
    </row>
    <row r="4440" spans="1:19" x14ac:dyDescent="0.25">
      <c r="A4440">
        <v>12915245</v>
      </c>
      <c r="B4440" t="s">
        <v>22939</v>
      </c>
      <c r="C4440" s="1" t="s">
        <v>22940</v>
      </c>
      <c r="D4440">
        <v>12918721</v>
      </c>
      <c r="E4440">
        <v>1</v>
      </c>
      <c r="F4440">
        <v>0</v>
      </c>
      <c r="H4440" t="s">
        <v>22941</v>
      </c>
      <c r="J4440" t="s">
        <v>22942</v>
      </c>
      <c r="K4440" t="s">
        <v>22943</v>
      </c>
      <c r="M4440">
        <v>750613</v>
      </c>
      <c r="O4440">
        <v>1360254</v>
      </c>
      <c r="P4440">
        <v>1</v>
      </c>
      <c r="Q4440">
        <v>2</v>
      </c>
      <c r="R4440" t="s">
        <v>22944</v>
      </c>
      <c r="S4440">
        <v>913</v>
      </c>
    </row>
    <row r="4441" spans="1:19" x14ac:dyDescent="0.25">
      <c r="A4441">
        <v>36650474</v>
      </c>
      <c r="B4441" t="s">
        <v>22945</v>
      </c>
      <c r="C4441" s="1" t="s">
        <v>22946</v>
      </c>
      <c r="D4441">
        <v>36662060</v>
      </c>
      <c r="E4441">
        <v>1</v>
      </c>
      <c r="F4441">
        <v>2</v>
      </c>
      <c r="H4441" t="s">
        <v>22947</v>
      </c>
      <c r="J4441" t="s">
        <v>22948</v>
      </c>
      <c r="K4441" t="s">
        <v>22949</v>
      </c>
      <c r="M4441">
        <v>2405040</v>
      </c>
      <c r="O4441">
        <v>4642055</v>
      </c>
      <c r="P4441">
        <v>1</v>
      </c>
      <c r="Q4441">
        <v>2</v>
      </c>
      <c r="R4441" t="s">
        <v>22950</v>
      </c>
      <c r="S4441">
        <v>108</v>
      </c>
    </row>
    <row r="4442" spans="1:19" x14ac:dyDescent="0.25">
      <c r="A4442">
        <v>10941470</v>
      </c>
      <c r="B4442" t="s">
        <v>22951</v>
      </c>
      <c r="C4442" s="1" t="s">
        <v>22952</v>
      </c>
      <c r="D4442">
        <v>10941634</v>
      </c>
      <c r="E4442">
        <v>1</v>
      </c>
      <c r="F4442">
        <v>0</v>
      </c>
      <c r="H4442" t="s">
        <v>22953</v>
      </c>
      <c r="J4442" t="s">
        <v>22954</v>
      </c>
      <c r="O4442">
        <v>668138</v>
      </c>
      <c r="P4442">
        <v>1</v>
      </c>
      <c r="Q4442">
        <v>0</v>
      </c>
      <c r="R4442" t="s">
        <v>13244</v>
      </c>
      <c r="S4442">
        <v>110</v>
      </c>
    </row>
    <row r="4443" spans="1:19" x14ac:dyDescent="0.25">
      <c r="A4443">
        <v>48533617</v>
      </c>
      <c r="B4443" t="s">
        <v>22955</v>
      </c>
      <c r="C4443" s="1" t="s">
        <v>22956</v>
      </c>
      <c r="E4443">
        <v>1</v>
      </c>
      <c r="F4443">
        <v>0</v>
      </c>
      <c r="H4443" t="s">
        <v>22957</v>
      </c>
      <c r="J4443" t="s">
        <v>22958</v>
      </c>
      <c r="K4443" t="s">
        <v>22958</v>
      </c>
      <c r="M4443">
        <v>5487689</v>
      </c>
      <c r="O4443">
        <v>8514282</v>
      </c>
      <c r="P4443">
        <v>1</v>
      </c>
      <c r="Q4443">
        <v>1</v>
      </c>
      <c r="R4443" t="s">
        <v>22959</v>
      </c>
      <c r="S4443">
        <v>45</v>
      </c>
    </row>
    <row r="4444" spans="1:19" x14ac:dyDescent="0.25">
      <c r="A4444">
        <v>41521665</v>
      </c>
      <c r="B4444" t="s">
        <v>22960</v>
      </c>
      <c r="C4444" s="1" t="s">
        <v>22961</v>
      </c>
      <c r="E4444">
        <v>1</v>
      </c>
      <c r="F4444">
        <v>0</v>
      </c>
      <c r="H4444" t="s">
        <v>22962</v>
      </c>
      <c r="I4444">
        <v>1</v>
      </c>
      <c r="J4444" t="s">
        <v>22963</v>
      </c>
      <c r="K4444" t="s">
        <v>22964</v>
      </c>
      <c r="M4444">
        <v>7337616</v>
      </c>
      <c r="O4444">
        <v>7337616</v>
      </c>
      <c r="P4444">
        <v>1</v>
      </c>
      <c r="Q4444">
        <v>1</v>
      </c>
      <c r="R4444" t="s">
        <v>19102</v>
      </c>
      <c r="S4444">
        <v>383</v>
      </c>
    </row>
    <row r="4445" spans="1:19" x14ac:dyDescent="0.25">
      <c r="A4445">
        <v>38986117</v>
      </c>
      <c r="B4445" t="s">
        <v>22965</v>
      </c>
      <c r="C4445" s="1" t="s">
        <v>22966</v>
      </c>
      <c r="D4445">
        <v>39112179</v>
      </c>
      <c r="E4445">
        <v>1</v>
      </c>
      <c r="F4445">
        <v>0</v>
      </c>
      <c r="H4445" t="s">
        <v>22967</v>
      </c>
      <c r="J4445" t="s">
        <v>22968</v>
      </c>
      <c r="K4445" t="s">
        <v>22969</v>
      </c>
      <c r="M4445">
        <v>2308683</v>
      </c>
      <c r="O4445">
        <v>6724024</v>
      </c>
      <c r="P4445">
        <v>1</v>
      </c>
      <c r="Q4445">
        <v>1</v>
      </c>
      <c r="R4445" t="s">
        <v>22970</v>
      </c>
      <c r="S4445">
        <v>81</v>
      </c>
    </row>
    <row r="4446" spans="1:19" x14ac:dyDescent="0.25">
      <c r="A4446">
        <v>25861468</v>
      </c>
      <c r="B4446" t="s">
        <v>22971</v>
      </c>
      <c r="C4446" s="1" t="s">
        <v>22972</v>
      </c>
      <c r="D4446">
        <v>25861718</v>
      </c>
      <c r="E4446">
        <v>10</v>
      </c>
      <c r="F4446">
        <v>1</v>
      </c>
      <c r="H4446" t="s">
        <v>22973</v>
      </c>
      <c r="I4446">
        <v>5</v>
      </c>
      <c r="J4446" t="s">
        <v>22974</v>
      </c>
      <c r="K4446" t="s">
        <v>22974</v>
      </c>
      <c r="M4446">
        <v>4253437</v>
      </c>
      <c r="O4446">
        <v>2246798</v>
      </c>
      <c r="P4446">
        <v>1</v>
      </c>
      <c r="Q4446">
        <v>34</v>
      </c>
      <c r="R4446" t="s">
        <v>22975</v>
      </c>
      <c r="S4446">
        <v>25827</v>
      </c>
    </row>
    <row r="4447" spans="1:19" x14ac:dyDescent="0.25">
      <c r="A4447">
        <v>49789228</v>
      </c>
      <c r="B4447" t="s">
        <v>22976</v>
      </c>
      <c r="C4447" s="1" t="s">
        <v>22977</v>
      </c>
      <c r="D4447">
        <v>49791114</v>
      </c>
      <c r="E4447">
        <v>1</v>
      </c>
      <c r="F4447">
        <v>0</v>
      </c>
      <c r="H4447" t="s">
        <v>22978</v>
      </c>
      <c r="J4447" t="s">
        <v>22979</v>
      </c>
      <c r="K4447" t="s">
        <v>22980</v>
      </c>
      <c r="M4447">
        <v>8361742</v>
      </c>
      <c r="O4447">
        <v>8361742</v>
      </c>
      <c r="P4447">
        <v>1</v>
      </c>
      <c r="Q4447">
        <v>1</v>
      </c>
      <c r="R4447" t="s">
        <v>22981</v>
      </c>
      <c r="S4447">
        <v>92</v>
      </c>
    </row>
    <row r="4448" spans="1:19" x14ac:dyDescent="0.25">
      <c r="A4448">
        <v>50460774</v>
      </c>
      <c r="B4448" t="s">
        <v>22982</v>
      </c>
      <c r="C4448" s="1" t="s">
        <v>22983</v>
      </c>
      <c r="D4448">
        <v>50465499</v>
      </c>
      <c r="E4448">
        <v>1</v>
      </c>
      <c r="F4448">
        <v>3</v>
      </c>
      <c r="H4448" t="s">
        <v>22984</v>
      </c>
      <c r="J4448" t="s">
        <v>22985</v>
      </c>
      <c r="O4448">
        <v>9786615</v>
      </c>
      <c r="P4448">
        <v>1</v>
      </c>
      <c r="Q4448">
        <v>0</v>
      </c>
      <c r="R4448" t="s">
        <v>22986</v>
      </c>
      <c r="S4448">
        <v>53</v>
      </c>
    </row>
    <row r="4449" spans="1:19" x14ac:dyDescent="0.25">
      <c r="A4449">
        <v>52818032</v>
      </c>
      <c r="B4449" t="s">
        <v>22987</v>
      </c>
      <c r="C4449" s="1" t="s">
        <v>22988</v>
      </c>
      <c r="E4449">
        <v>0</v>
      </c>
      <c r="F4449">
        <v>2</v>
      </c>
      <c r="H4449" t="s">
        <v>22989</v>
      </c>
      <c r="I4449">
        <v>1</v>
      </c>
      <c r="J4449" t="s">
        <v>22990</v>
      </c>
      <c r="K4449" t="s">
        <v>22990</v>
      </c>
      <c r="M4449">
        <v>10495097</v>
      </c>
      <c r="O4449">
        <v>10495097</v>
      </c>
      <c r="P4449">
        <v>1</v>
      </c>
      <c r="Q4449">
        <v>0</v>
      </c>
      <c r="R4449" t="s">
        <v>22991</v>
      </c>
      <c r="S4449">
        <v>62</v>
      </c>
    </row>
    <row r="4450" spans="1:19" x14ac:dyDescent="0.25">
      <c r="A4450">
        <v>24932234</v>
      </c>
      <c r="B4450" t="s">
        <v>22992</v>
      </c>
      <c r="C4450" s="1" t="s">
        <v>22993</v>
      </c>
      <c r="D4450">
        <v>24940343</v>
      </c>
      <c r="E4450">
        <v>1</v>
      </c>
      <c r="F4450">
        <v>3</v>
      </c>
      <c r="H4450" t="s">
        <v>22994</v>
      </c>
      <c r="I4450">
        <v>2</v>
      </c>
      <c r="J4450" t="s">
        <v>22995</v>
      </c>
      <c r="O4450">
        <v>2838252</v>
      </c>
      <c r="P4450">
        <v>1</v>
      </c>
      <c r="Q4450">
        <v>1</v>
      </c>
      <c r="R4450" t="s">
        <v>22996</v>
      </c>
      <c r="S4450">
        <v>1117</v>
      </c>
    </row>
    <row r="4451" spans="1:19" x14ac:dyDescent="0.25">
      <c r="A4451">
        <v>50762126</v>
      </c>
      <c r="B4451" t="s">
        <v>22997</v>
      </c>
      <c r="C4451" s="1" t="s">
        <v>22998</v>
      </c>
      <c r="D4451">
        <v>50762315</v>
      </c>
      <c r="E4451">
        <v>1</v>
      </c>
      <c r="F4451">
        <v>1</v>
      </c>
      <c r="H4451" t="s">
        <v>22999</v>
      </c>
      <c r="J4451" t="s">
        <v>23000</v>
      </c>
      <c r="O4451">
        <v>9686495</v>
      </c>
      <c r="P4451">
        <v>1</v>
      </c>
      <c r="Q4451">
        <v>0</v>
      </c>
      <c r="R4451" t="s">
        <v>20333</v>
      </c>
      <c r="S4451">
        <v>25</v>
      </c>
    </row>
    <row r="4452" spans="1:19" x14ac:dyDescent="0.25">
      <c r="A4452">
        <v>5227636</v>
      </c>
      <c r="B4452" t="s">
        <v>23001</v>
      </c>
      <c r="C4452" s="1" t="s">
        <v>23002</v>
      </c>
      <c r="D4452">
        <v>5260641</v>
      </c>
      <c r="E4452">
        <v>2</v>
      </c>
      <c r="F4452">
        <v>0</v>
      </c>
      <c r="H4452" t="s">
        <v>23003</v>
      </c>
      <c r="I4452">
        <v>2</v>
      </c>
      <c r="J4452" t="s">
        <v>23004</v>
      </c>
      <c r="K4452" t="s">
        <v>23004</v>
      </c>
      <c r="M4452">
        <v>1743997</v>
      </c>
      <c r="O4452">
        <v>37422</v>
      </c>
      <c r="P4452">
        <v>1</v>
      </c>
      <c r="Q4452">
        <v>7</v>
      </c>
      <c r="R4452" t="s">
        <v>23005</v>
      </c>
      <c r="S4452">
        <v>6314</v>
      </c>
    </row>
    <row r="4453" spans="1:19" x14ac:dyDescent="0.25">
      <c r="A4453">
        <v>52980536</v>
      </c>
      <c r="B4453" t="s">
        <v>23006</v>
      </c>
      <c r="C4453" t="s">
        <v>23007</v>
      </c>
      <c r="E4453">
        <v>0</v>
      </c>
      <c r="F4453">
        <v>2</v>
      </c>
      <c r="H4453" t="s">
        <v>23008</v>
      </c>
      <c r="J4453" t="s">
        <v>23008</v>
      </c>
      <c r="O4453">
        <v>10369429</v>
      </c>
      <c r="P4453">
        <v>1</v>
      </c>
      <c r="Q4453">
        <v>0</v>
      </c>
      <c r="R4453" t="s">
        <v>23009</v>
      </c>
      <c r="S4453">
        <v>15</v>
      </c>
    </row>
    <row r="4454" spans="1:19" x14ac:dyDescent="0.25">
      <c r="A4454">
        <v>967952</v>
      </c>
      <c r="B4454" t="s">
        <v>23010</v>
      </c>
      <c r="C4454" s="1" t="s">
        <v>23011</v>
      </c>
      <c r="D4454">
        <v>967979</v>
      </c>
      <c r="E4454">
        <v>4</v>
      </c>
      <c r="F4454">
        <v>0</v>
      </c>
      <c r="H4454" t="s">
        <v>23012</v>
      </c>
      <c r="J4454" t="s">
        <v>23013</v>
      </c>
      <c r="O4454">
        <v>48695</v>
      </c>
      <c r="P4454">
        <v>1</v>
      </c>
      <c r="Q4454">
        <v>1</v>
      </c>
      <c r="R4454" t="s">
        <v>989</v>
      </c>
      <c r="S4454">
        <v>370</v>
      </c>
    </row>
    <row r="4455" spans="1:19" x14ac:dyDescent="0.25">
      <c r="A4455">
        <v>9760259</v>
      </c>
      <c r="B4455" t="s">
        <v>23014</v>
      </c>
      <c r="C4455" t="s">
        <v>23015</v>
      </c>
      <c r="D4455">
        <v>9760375</v>
      </c>
      <c r="E4455">
        <v>1</v>
      </c>
      <c r="F4455">
        <v>0</v>
      </c>
      <c r="H4455" t="s">
        <v>23016</v>
      </c>
      <c r="J4455" t="s">
        <v>23017</v>
      </c>
      <c r="K4455" t="s">
        <v>23018</v>
      </c>
      <c r="M4455">
        <v>704848</v>
      </c>
      <c r="O4455">
        <v>51275</v>
      </c>
      <c r="P4455">
        <v>1</v>
      </c>
      <c r="Q4455">
        <v>0</v>
      </c>
      <c r="R4455" t="s">
        <v>23019</v>
      </c>
      <c r="S4455">
        <v>79</v>
      </c>
    </row>
    <row r="4456" spans="1:19" x14ac:dyDescent="0.25">
      <c r="A4456">
        <v>41360886</v>
      </c>
      <c r="B4456" t="s">
        <v>23020</v>
      </c>
      <c r="C4456" s="1" t="s">
        <v>23021</v>
      </c>
      <c r="E4456">
        <v>1</v>
      </c>
      <c r="F4456">
        <v>1</v>
      </c>
      <c r="H4456" t="s">
        <v>23022</v>
      </c>
      <c r="J4456" t="s">
        <v>23023</v>
      </c>
      <c r="K4456" t="s">
        <v>23024</v>
      </c>
      <c r="M4456">
        <v>3477870</v>
      </c>
      <c r="O4456">
        <v>3477870</v>
      </c>
      <c r="P4456">
        <v>1</v>
      </c>
      <c r="Q4456">
        <v>0</v>
      </c>
      <c r="R4456" t="s">
        <v>23025</v>
      </c>
      <c r="S4456">
        <v>201</v>
      </c>
    </row>
    <row r="4457" spans="1:19" x14ac:dyDescent="0.25">
      <c r="A4457">
        <v>39751859</v>
      </c>
      <c r="B4457" t="s">
        <v>23026</v>
      </c>
      <c r="C4457" s="1" t="s">
        <v>23027</v>
      </c>
      <c r="E4457">
        <v>0</v>
      </c>
      <c r="F4457">
        <v>3</v>
      </c>
      <c r="H4457" t="s">
        <v>23028</v>
      </c>
      <c r="J4457" t="s">
        <v>23028</v>
      </c>
      <c r="O4457">
        <v>4703638</v>
      </c>
      <c r="P4457">
        <v>1</v>
      </c>
      <c r="Q4457">
        <v>2</v>
      </c>
      <c r="R4457" t="s">
        <v>23029</v>
      </c>
      <c r="S4457">
        <v>1523</v>
      </c>
    </row>
    <row r="4458" spans="1:19" x14ac:dyDescent="0.25">
      <c r="A4458">
        <v>23310115</v>
      </c>
      <c r="B4458" t="s">
        <v>23030</v>
      </c>
      <c r="C4458" s="1" t="s">
        <v>23031</v>
      </c>
      <c r="E4458">
        <v>1</v>
      </c>
      <c r="F4458">
        <v>2</v>
      </c>
      <c r="H4458" t="s">
        <v>23032</v>
      </c>
      <c r="J4458" t="s">
        <v>23033</v>
      </c>
      <c r="K4458" t="s">
        <v>23034</v>
      </c>
      <c r="M4458">
        <v>3397236</v>
      </c>
      <c r="O4458">
        <v>3397236</v>
      </c>
      <c r="P4458">
        <v>1</v>
      </c>
      <c r="Q4458">
        <v>0</v>
      </c>
      <c r="R4458" t="s">
        <v>23035</v>
      </c>
      <c r="S4458">
        <v>68</v>
      </c>
    </row>
    <row r="4459" spans="1:19" x14ac:dyDescent="0.25">
      <c r="A4459">
        <v>39598384</v>
      </c>
      <c r="B4459" t="s">
        <v>23036</v>
      </c>
      <c r="C4459" s="1" t="s">
        <v>23037</v>
      </c>
      <c r="E4459">
        <v>0</v>
      </c>
      <c r="F4459">
        <v>2</v>
      </c>
      <c r="H4459" t="s">
        <v>23038</v>
      </c>
      <c r="J4459" t="s">
        <v>23039</v>
      </c>
      <c r="K4459" t="s">
        <v>23039</v>
      </c>
      <c r="M4459">
        <v>3494503</v>
      </c>
      <c r="O4459">
        <v>3494503</v>
      </c>
      <c r="P4459">
        <v>1</v>
      </c>
      <c r="Q4459">
        <v>0</v>
      </c>
      <c r="R4459" t="s">
        <v>23040</v>
      </c>
      <c r="S4459">
        <v>73</v>
      </c>
    </row>
    <row r="4460" spans="1:19" x14ac:dyDescent="0.25">
      <c r="A4460">
        <v>8121980</v>
      </c>
      <c r="B4460" t="s">
        <v>23041</v>
      </c>
      <c r="C4460" s="1" t="s">
        <v>23042</v>
      </c>
      <c r="D4460">
        <v>8124483</v>
      </c>
      <c r="E4460">
        <v>1</v>
      </c>
      <c r="F4460">
        <v>1</v>
      </c>
      <c r="H4460" t="s">
        <v>23043</v>
      </c>
      <c r="J4460" t="s">
        <v>23044</v>
      </c>
      <c r="K4460" t="s">
        <v>23044</v>
      </c>
      <c r="M4460">
        <v>157762</v>
      </c>
      <c r="O4460">
        <v>1045609</v>
      </c>
      <c r="P4460">
        <v>1</v>
      </c>
      <c r="Q4460">
        <v>3</v>
      </c>
      <c r="R4460" t="s">
        <v>23045</v>
      </c>
      <c r="S4460">
        <v>7258</v>
      </c>
    </row>
    <row r="4461" spans="1:19" x14ac:dyDescent="0.25">
      <c r="A4461">
        <v>28962844</v>
      </c>
      <c r="B4461" t="s">
        <v>23046</v>
      </c>
      <c r="C4461" t="s">
        <v>23047</v>
      </c>
      <c r="E4461">
        <v>1</v>
      </c>
      <c r="F4461">
        <v>2</v>
      </c>
      <c r="H4461" t="s">
        <v>23048</v>
      </c>
      <c r="J4461" t="s">
        <v>23049</v>
      </c>
      <c r="K4461" t="s">
        <v>23049</v>
      </c>
      <c r="M4461">
        <v>3396197</v>
      </c>
      <c r="O4461">
        <v>3089377</v>
      </c>
      <c r="P4461">
        <v>1</v>
      </c>
      <c r="Q4461">
        <v>1</v>
      </c>
      <c r="R4461" t="s">
        <v>23050</v>
      </c>
      <c r="S4461">
        <v>501</v>
      </c>
    </row>
    <row r="4462" spans="1:19" x14ac:dyDescent="0.25">
      <c r="A4462">
        <v>28070497</v>
      </c>
      <c r="B4462" t="s">
        <v>23051</v>
      </c>
      <c r="C4462" s="1" t="s">
        <v>23052</v>
      </c>
      <c r="E4462">
        <v>2</v>
      </c>
      <c r="F4462">
        <v>0</v>
      </c>
      <c r="H4462" t="s">
        <v>23053</v>
      </c>
      <c r="J4462" t="s">
        <v>23054</v>
      </c>
      <c r="K4462" t="s">
        <v>23055</v>
      </c>
      <c r="M4462">
        <v>281469</v>
      </c>
      <c r="O4462">
        <v>281469</v>
      </c>
      <c r="P4462">
        <v>1</v>
      </c>
      <c r="Q4462">
        <v>1</v>
      </c>
      <c r="R4462" t="s">
        <v>22272</v>
      </c>
      <c r="S4462">
        <v>407</v>
      </c>
    </row>
    <row r="4463" spans="1:19" x14ac:dyDescent="0.25">
      <c r="A4463">
        <v>13193987</v>
      </c>
      <c r="B4463" t="s">
        <v>23056</v>
      </c>
      <c r="C4463" s="1" t="s">
        <v>23057</v>
      </c>
      <c r="E4463">
        <v>2</v>
      </c>
      <c r="F4463">
        <v>0</v>
      </c>
      <c r="H4463" t="s">
        <v>23058</v>
      </c>
      <c r="I4463">
        <v>0</v>
      </c>
      <c r="J4463" t="s">
        <v>23059</v>
      </c>
      <c r="K4463" t="s">
        <v>23060</v>
      </c>
      <c r="M4463">
        <v>234451</v>
      </c>
      <c r="O4463">
        <v>104735</v>
      </c>
      <c r="P4463">
        <v>1</v>
      </c>
      <c r="Q4463">
        <v>2</v>
      </c>
      <c r="R4463" t="s">
        <v>23061</v>
      </c>
      <c r="S4463">
        <v>929</v>
      </c>
    </row>
    <row r="4464" spans="1:19" x14ac:dyDescent="0.25">
      <c r="A4464">
        <v>25993742</v>
      </c>
      <c r="B4464" t="s">
        <v>23062</v>
      </c>
      <c r="C4464" s="1" t="s">
        <v>23063</v>
      </c>
      <c r="E4464">
        <v>1</v>
      </c>
      <c r="F4464">
        <v>0</v>
      </c>
      <c r="H4464" t="s">
        <v>23064</v>
      </c>
      <c r="I4464">
        <v>1</v>
      </c>
      <c r="J4464" t="s">
        <v>23065</v>
      </c>
      <c r="O4464">
        <v>2830545</v>
      </c>
      <c r="P4464">
        <v>1</v>
      </c>
      <c r="Q4464">
        <v>1</v>
      </c>
      <c r="R4464" t="s">
        <v>23066</v>
      </c>
      <c r="S4464">
        <v>957</v>
      </c>
    </row>
    <row r="4465" spans="1:19" x14ac:dyDescent="0.25">
      <c r="A4465">
        <v>33851820</v>
      </c>
      <c r="B4465" t="s">
        <v>23067</v>
      </c>
      <c r="C4465" s="1" t="s">
        <v>23068</v>
      </c>
      <c r="E4465">
        <v>1</v>
      </c>
      <c r="F4465">
        <v>0</v>
      </c>
      <c r="H4465" t="s">
        <v>23069</v>
      </c>
      <c r="J4465" t="s">
        <v>23070</v>
      </c>
      <c r="K4465" t="s">
        <v>23071</v>
      </c>
      <c r="M4465">
        <v>3063910</v>
      </c>
      <c r="O4465">
        <v>5033654</v>
      </c>
      <c r="P4465">
        <v>1</v>
      </c>
      <c r="Q4465">
        <v>2</v>
      </c>
      <c r="R4465" t="s">
        <v>23072</v>
      </c>
      <c r="S4465">
        <v>37</v>
      </c>
    </row>
    <row r="4466" spans="1:19" x14ac:dyDescent="0.25">
      <c r="A4466">
        <v>18901949</v>
      </c>
      <c r="B4466" t="s">
        <v>23073</v>
      </c>
      <c r="C4466" s="1" t="s">
        <v>23074</v>
      </c>
      <c r="D4466">
        <v>19421967</v>
      </c>
      <c r="E4466">
        <v>1</v>
      </c>
      <c r="F4466">
        <v>0</v>
      </c>
      <c r="H4466" t="s">
        <v>23075</v>
      </c>
      <c r="I4466">
        <v>1</v>
      </c>
      <c r="J4466" t="s">
        <v>23076</v>
      </c>
      <c r="K4466" t="s">
        <v>23077</v>
      </c>
      <c r="M4466">
        <v>1081069</v>
      </c>
      <c r="O4466">
        <v>1081069</v>
      </c>
      <c r="P4466">
        <v>1</v>
      </c>
      <c r="Q4466">
        <v>2</v>
      </c>
      <c r="R4466" t="s">
        <v>23078</v>
      </c>
      <c r="S4466">
        <v>988</v>
      </c>
    </row>
    <row r="4467" spans="1:19" x14ac:dyDescent="0.25">
      <c r="A4467">
        <v>45130971</v>
      </c>
      <c r="B4467" t="s">
        <v>23079</v>
      </c>
      <c r="C4467" s="1" t="s">
        <v>23080</v>
      </c>
      <c r="E4467">
        <v>1</v>
      </c>
      <c r="F4467">
        <v>0</v>
      </c>
      <c r="H4467" t="s">
        <v>23081</v>
      </c>
      <c r="J4467" t="s">
        <v>23082</v>
      </c>
      <c r="O4467">
        <v>7734948</v>
      </c>
      <c r="P4467">
        <v>1</v>
      </c>
      <c r="Q4467">
        <v>0</v>
      </c>
      <c r="R4467" t="s">
        <v>23083</v>
      </c>
      <c r="S4467">
        <v>23</v>
      </c>
    </row>
    <row r="4468" spans="1:19" x14ac:dyDescent="0.25">
      <c r="A4468">
        <v>47974267</v>
      </c>
      <c r="B4468" t="s">
        <v>23084</v>
      </c>
      <c r="C4468" s="1" t="s">
        <v>23085</v>
      </c>
      <c r="D4468">
        <v>47974341</v>
      </c>
      <c r="E4468">
        <v>1</v>
      </c>
      <c r="F4468">
        <v>0</v>
      </c>
      <c r="H4468" t="s">
        <v>23086</v>
      </c>
      <c r="J4468" t="s">
        <v>23087</v>
      </c>
      <c r="K4468" t="s">
        <v>23087</v>
      </c>
      <c r="M4468">
        <v>807126</v>
      </c>
      <c r="O4468">
        <v>5220257</v>
      </c>
      <c r="P4468">
        <v>1</v>
      </c>
      <c r="Q4468">
        <v>1</v>
      </c>
      <c r="R4468" t="s">
        <v>23088</v>
      </c>
      <c r="S4468">
        <v>34</v>
      </c>
    </row>
    <row r="4469" spans="1:19" x14ac:dyDescent="0.25">
      <c r="A4469">
        <v>19886197</v>
      </c>
      <c r="B4469" t="s">
        <v>23089</v>
      </c>
      <c r="C4469" s="1" t="s">
        <v>23090</v>
      </c>
      <c r="D4469">
        <v>19886269</v>
      </c>
      <c r="E4469">
        <v>3</v>
      </c>
      <c r="F4469">
        <v>0</v>
      </c>
      <c r="H4469" t="s">
        <v>23091</v>
      </c>
      <c r="J4469" t="s">
        <v>23092</v>
      </c>
      <c r="O4469">
        <v>492025</v>
      </c>
      <c r="P4469">
        <v>1</v>
      </c>
      <c r="Q4469">
        <v>1</v>
      </c>
      <c r="R4469" t="s">
        <v>23093</v>
      </c>
      <c r="S4469">
        <v>47</v>
      </c>
    </row>
    <row r="4470" spans="1:19" x14ac:dyDescent="0.25">
      <c r="A4470">
        <v>7315065</v>
      </c>
      <c r="B4470" t="s">
        <v>23094</v>
      </c>
      <c r="C4470" s="1" t="s">
        <v>23095</v>
      </c>
      <c r="E4470">
        <v>1</v>
      </c>
      <c r="F4470">
        <v>0</v>
      </c>
      <c r="H4470" t="s">
        <v>23096</v>
      </c>
      <c r="J4470" t="s">
        <v>23097</v>
      </c>
      <c r="K4470" t="s">
        <v>23097</v>
      </c>
      <c r="M4470">
        <v>17516</v>
      </c>
      <c r="O4470">
        <v>929938</v>
      </c>
      <c r="P4470">
        <v>1</v>
      </c>
      <c r="Q4470">
        <v>0</v>
      </c>
      <c r="R4470" t="s">
        <v>23098</v>
      </c>
      <c r="S4470">
        <v>430</v>
      </c>
    </row>
    <row r="4471" spans="1:19" x14ac:dyDescent="0.25">
      <c r="A4471">
        <v>20138099</v>
      </c>
      <c r="B4471" t="s">
        <v>23099</v>
      </c>
      <c r="C4471" s="1" t="s">
        <v>23100</v>
      </c>
      <c r="E4471">
        <v>2</v>
      </c>
      <c r="F4471">
        <v>1</v>
      </c>
      <c r="H4471" t="s">
        <v>23101</v>
      </c>
      <c r="I4471">
        <v>1</v>
      </c>
      <c r="J4471" t="s">
        <v>23102</v>
      </c>
      <c r="O4471">
        <v>836308</v>
      </c>
      <c r="P4471">
        <v>1</v>
      </c>
      <c r="Q4471">
        <v>3</v>
      </c>
      <c r="R4471" t="s">
        <v>2771</v>
      </c>
      <c r="S4471">
        <v>3281</v>
      </c>
    </row>
    <row r="4472" spans="1:19" x14ac:dyDescent="0.25">
      <c r="A4472">
        <v>53247685</v>
      </c>
      <c r="B4472" t="s">
        <v>23103</v>
      </c>
      <c r="C4472" s="1" t="s">
        <v>23104</v>
      </c>
      <c r="D4472">
        <v>53276715</v>
      </c>
      <c r="E4472">
        <v>2</v>
      </c>
      <c r="F4472">
        <v>0</v>
      </c>
      <c r="H4472" t="s">
        <v>23105</v>
      </c>
      <c r="J4472" t="s">
        <v>23106</v>
      </c>
      <c r="K4472" t="s">
        <v>23107</v>
      </c>
      <c r="M4472">
        <v>10635671</v>
      </c>
      <c r="O4472">
        <v>10635671</v>
      </c>
      <c r="P4472">
        <v>1</v>
      </c>
      <c r="Q4472">
        <v>1</v>
      </c>
      <c r="R4472" t="s">
        <v>23108</v>
      </c>
      <c r="S4472">
        <v>66</v>
      </c>
    </row>
    <row r="4473" spans="1:19" x14ac:dyDescent="0.25">
      <c r="A4473">
        <v>44196041</v>
      </c>
      <c r="B4473" t="s">
        <v>23109</v>
      </c>
      <c r="C4473" s="1" t="s">
        <v>23110</v>
      </c>
      <c r="E4473">
        <v>1</v>
      </c>
      <c r="F4473">
        <v>5</v>
      </c>
      <c r="H4473" t="s">
        <v>23111</v>
      </c>
      <c r="J4473" t="s">
        <v>23112</v>
      </c>
      <c r="O4473">
        <v>3935156</v>
      </c>
      <c r="P4473">
        <v>1</v>
      </c>
      <c r="Q4473">
        <v>1</v>
      </c>
      <c r="R4473" t="s">
        <v>23113</v>
      </c>
      <c r="S4473">
        <v>779</v>
      </c>
    </row>
    <row r="4474" spans="1:19" x14ac:dyDescent="0.25">
      <c r="A4474">
        <v>50074370</v>
      </c>
      <c r="B4474" t="s">
        <v>23114</v>
      </c>
      <c r="C4474" s="1" t="s">
        <v>23115</v>
      </c>
      <c r="E4474">
        <v>1</v>
      </c>
      <c r="F4474">
        <v>6</v>
      </c>
      <c r="H4474" t="s">
        <v>23116</v>
      </c>
      <c r="J4474" t="s">
        <v>23117</v>
      </c>
      <c r="K4474" t="s">
        <v>23118</v>
      </c>
      <c r="M4474">
        <v>9268778</v>
      </c>
      <c r="O4474">
        <v>9268778</v>
      </c>
      <c r="P4474">
        <v>1</v>
      </c>
      <c r="Q4474">
        <v>-1</v>
      </c>
      <c r="R4474" t="s">
        <v>23119</v>
      </c>
      <c r="S4474">
        <v>128</v>
      </c>
    </row>
    <row r="4475" spans="1:19" x14ac:dyDescent="0.25">
      <c r="A4475">
        <v>52415807</v>
      </c>
      <c r="B4475" t="s">
        <v>23120</v>
      </c>
      <c r="C4475" s="1" t="s">
        <v>23121</v>
      </c>
      <c r="D4475">
        <v>52415826</v>
      </c>
      <c r="E4475">
        <v>3</v>
      </c>
      <c r="F4475">
        <v>13</v>
      </c>
      <c r="H4475" t="s">
        <v>23122</v>
      </c>
      <c r="J4475" t="s">
        <v>23123</v>
      </c>
      <c r="O4475">
        <v>5771029</v>
      </c>
      <c r="P4475">
        <v>1</v>
      </c>
      <c r="Q4475">
        <v>0</v>
      </c>
      <c r="R4475" t="s">
        <v>23124</v>
      </c>
      <c r="S4475">
        <v>91</v>
      </c>
    </row>
    <row r="4476" spans="1:19" x14ac:dyDescent="0.25">
      <c r="A4476">
        <v>24594478</v>
      </c>
      <c r="B4476" t="s">
        <v>23125</v>
      </c>
      <c r="C4476" s="1" t="s">
        <v>23126</v>
      </c>
      <c r="D4476">
        <v>24594642</v>
      </c>
      <c r="E4476">
        <v>2</v>
      </c>
      <c r="F4476">
        <v>7</v>
      </c>
      <c r="H4476" t="s">
        <v>23127</v>
      </c>
      <c r="J4476" t="s">
        <v>23128</v>
      </c>
      <c r="K4476" t="s">
        <v>23129</v>
      </c>
      <c r="M4476">
        <v>2387756</v>
      </c>
      <c r="O4476">
        <v>1281864</v>
      </c>
      <c r="P4476">
        <v>1</v>
      </c>
      <c r="Q4476">
        <v>-1</v>
      </c>
      <c r="R4476" t="s">
        <v>23130</v>
      </c>
      <c r="S4476">
        <v>745</v>
      </c>
    </row>
    <row r="4477" spans="1:19" x14ac:dyDescent="0.25">
      <c r="A4477">
        <v>36170778</v>
      </c>
      <c r="B4477" t="s">
        <v>23131</v>
      </c>
      <c r="C4477" s="1" t="s">
        <v>23132</v>
      </c>
      <c r="D4477">
        <v>36181817</v>
      </c>
      <c r="E4477">
        <v>2</v>
      </c>
      <c r="F4477">
        <v>0</v>
      </c>
      <c r="H4477" t="s">
        <v>23133</v>
      </c>
      <c r="I4477">
        <v>1</v>
      </c>
      <c r="J4477" t="s">
        <v>23134</v>
      </c>
      <c r="O4477">
        <v>94102</v>
      </c>
      <c r="P4477">
        <v>1</v>
      </c>
      <c r="Q4477">
        <v>3</v>
      </c>
      <c r="R4477" t="s">
        <v>23135</v>
      </c>
      <c r="S4477">
        <v>1199</v>
      </c>
    </row>
    <row r="4478" spans="1:19" x14ac:dyDescent="0.25">
      <c r="A4478">
        <v>16999498</v>
      </c>
      <c r="B4478" t="s">
        <v>23136</v>
      </c>
      <c r="C4478" s="1" t="s">
        <v>23137</v>
      </c>
      <c r="D4478">
        <v>17042596</v>
      </c>
      <c r="E4478">
        <v>2</v>
      </c>
      <c r="F4478">
        <v>0</v>
      </c>
      <c r="H4478" t="s">
        <v>23138</v>
      </c>
      <c r="I4478">
        <v>2</v>
      </c>
      <c r="J4478" t="s">
        <v>23139</v>
      </c>
      <c r="K4478" t="s">
        <v>23139</v>
      </c>
      <c r="M4478">
        <v>712579</v>
      </c>
      <c r="O4478">
        <v>497600</v>
      </c>
      <c r="P4478">
        <v>1</v>
      </c>
      <c r="Q4478">
        <v>4</v>
      </c>
      <c r="R4478" t="s">
        <v>23140</v>
      </c>
      <c r="S4478">
        <v>1885</v>
      </c>
    </row>
    <row r="4479" spans="1:19" x14ac:dyDescent="0.25">
      <c r="A4479">
        <v>13893430</v>
      </c>
      <c r="B4479" t="s">
        <v>23141</v>
      </c>
      <c r="C4479" s="1" t="s">
        <v>23142</v>
      </c>
      <c r="D4479">
        <v>13893448</v>
      </c>
      <c r="E4479">
        <v>1</v>
      </c>
      <c r="F4479">
        <v>0</v>
      </c>
      <c r="H4479" t="s">
        <v>23143</v>
      </c>
      <c r="I4479">
        <v>0</v>
      </c>
      <c r="J4479" t="s">
        <v>23144</v>
      </c>
      <c r="O4479">
        <v>1319368</v>
      </c>
      <c r="P4479">
        <v>1</v>
      </c>
      <c r="Q4479">
        <v>0</v>
      </c>
      <c r="R4479" t="s">
        <v>213</v>
      </c>
      <c r="S4479">
        <v>74</v>
      </c>
    </row>
    <row r="4480" spans="1:19" x14ac:dyDescent="0.25">
      <c r="A4480">
        <v>20782123</v>
      </c>
      <c r="B4480" t="s">
        <v>23145</v>
      </c>
      <c r="C4480" s="1" t="s">
        <v>23146</v>
      </c>
      <c r="D4480">
        <v>20794267</v>
      </c>
      <c r="E4480">
        <v>1</v>
      </c>
      <c r="F4480">
        <v>0</v>
      </c>
      <c r="H4480" t="s">
        <v>23147</v>
      </c>
      <c r="J4480" t="s">
        <v>23148</v>
      </c>
      <c r="K4480" t="s">
        <v>23149</v>
      </c>
      <c r="M4480">
        <v>-1</v>
      </c>
      <c r="O4480">
        <v>2104638</v>
      </c>
      <c r="P4480">
        <v>1</v>
      </c>
      <c r="Q4480">
        <v>0</v>
      </c>
      <c r="R4480" t="s">
        <v>23150</v>
      </c>
      <c r="S4480">
        <v>1339</v>
      </c>
    </row>
    <row r="4481" spans="1:19" x14ac:dyDescent="0.25">
      <c r="A4481">
        <v>43666879</v>
      </c>
      <c r="B4481" t="s">
        <v>23151</v>
      </c>
      <c r="C4481" s="1" t="s">
        <v>23152</v>
      </c>
      <c r="D4481">
        <v>45290502</v>
      </c>
      <c r="E4481">
        <v>1</v>
      </c>
      <c r="F4481">
        <v>0</v>
      </c>
      <c r="H4481" t="s">
        <v>23153</v>
      </c>
      <c r="J4481" t="s">
        <v>23154</v>
      </c>
      <c r="O4481">
        <v>6827503</v>
      </c>
      <c r="P4481">
        <v>1</v>
      </c>
      <c r="Q4481">
        <v>1</v>
      </c>
      <c r="R4481" t="s">
        <v>23155</v>
      </c>
      <c r="S4481">
        <v>57</v>
      </c>
    </row>
    <row r="4482" spans="1:19" x14ac:dyDescent="0.25">
      <c r="A4482">
        <v>44384542</v>
      </c>
      <c r="B4482" t="s">
        <v>23156</v>
      </c>
      <c r="C4482" s="1" t="s">
        <v>23157</v>
      </c>
      <c r="D4482">
        <v>44529789</v>
      </c>
      <c r="E4482">
        <v>2</v>
      </c>
      <c r="F4482">
        <v>0</v>
      </c>
      <c r="H4482" t="s">
        <v>23158</v>
      </c>
      <c r="J4482" t="s">
        <v>23159</v>
      </c>
      <c r="K4482" t="s">
        <v>23160</v>
      </c>
      <c r="M4482">
        <v>394312</v>
      </c>
      <c r="O4482">
        <v>394312</v>
      </c>
      <c r="P4482">
        <v>1</v>
      </c>
      <c r="Q4482">
        <v>0</v>
      </c>
      <c r="R4482" t="s">
        <v>23161</v>
      </c>
      <c r="S4482">
        <v>51</v>
      </c>
    </row>
    <row r="4483" spans="1:19" x14ac:dyDescent="0.25">
      <c r="A4483">
        <v>48783147</v>
      </c>
      <c r="B4483" t="s">
        <v>23162</v>
      </c>
      <c r="C4483" s="1" t="s">
        <v>23163</v>
      </c>
      <c r="E4483">
        <v>0</v>
      </c>
      <c r="F4483">
        <v>1</v>
      </c>
      <c r="H4483" t="s">
        <v>23164</v>
      </c>
      <c r="J4483" t="s">
        <v>23164</v>
      </c>
      <c r="O4483">
        <v>6900003</v>
      </c>
      <c r="P4483">
        <v>1</v>
      </c>
      <c r="Q4483">
        <v>0</v>
      </c>
      <c r="R4483" t="s">
        <v>23165</v>
      </c>
      <c r="S4483">
        <v>58</v>
      </c>
    </row>
    <row r="4484" spans="1:19" x14ac:dyDescent="0.25">
      <c r="A4484">
        <v>53304578</v>
      </c>
      <c r="B4484" t="s">
        <v>23166</v>
      </c>
      <c r="C4484" s="1" t="s">
        <v>23167</v>
      </c>
      <c r="D4484">
        <v>53305777</v>
      </c>
      <c r="E4484">
        <v>1</v>
      </c>
      <c r="F4484">
        <v>2</v>
      </c>
      <c r="H4484" t="s">
        <v>23168</v>
      </c>
      <c r="J4484" t="s">
        <v>23169</v>
      </c>
      <c r="O4484">
        <v>10612691</v>
      </c>
      <c r="P4484">
        <v>1</v>
      </c>
      <c r="Q4484">
        <v>0</v>
      </c>
      <c r="R4484" t="s">
        <v>23170</v>
      </c>
      <c r="S4484">
        <v>27</v>
      </c>
    </row>
    <row r="4485" spans="1:19" x14ac:dyDescent="0.25">
      <c r="A4485">
        <v>19995698</v>
      </c>
      <c r="B4485" t="s">
        <v>23171</v>
      </c>
      <c r="C4485" s="1" t="s">
        <v>23172</v>
      </c>
      <c r="D4485">
        <v>20073177</v>
      </c>
      <c r="E4485">
        <v>5</v>
      </c>
      <c r="F4485">
        <v>8</v>
      </c>
      <c r="H4485" t="s">
        <v>23173</v>
      </c>
      <c r="J4485" t="s">
        <v>23174</v>
      </c>
      <c r="K4485" t="s">
        <v>23174</v>
      </c>
      <c r="M4485">
        <v>1172950</v>
      </c>
      <c r="O4485">
        <v>2906829</v>
      </c>
      <c r="P4485">
        <v>1</v>
      </c>
      <c r="Q4485">
        <v>4</v>
      </c>
      <c r="R4485" t="s">
        <v>9863</v>
      </c>
      <c r="S4485">
        <v>1834</v>
      </c>
    </row>
    <row r="4486" spans="1:19" x14ac:dyDescent="0.25">
      <c r="A4486">
        <v>47455475</v>
      </c>
      <c r="B4486" t="s">
        <v>23175</v>
      </c>
      <c r="C4486" s="1" t="s">
        <v>23176</v>
      </c>
      <c r="E4486">
        <v>1</v>
      </c>
      <c r="F4486">
        <v>0</v>
      </c>
      <c r="H4486" t="s">
        <v>23177</v>
      </c>
      <c r="J4486" t="s">
        <v>23178</v>
      </c>
      <c r="O4486">
        <v>8996238</v>
      </c>
      <c r="P4486">
        <v>1</v>
      </c>
      <c r="Q4486">
        <v>0</v>
      </c>
      <c r="R4486" t="s">
        <v>23179</v>
      </c>
      <c r="S4486">
        <v>22</v>
      </c>
    </row>
    <row r="4487" spans="1:19" x14ac:dyDescent="0.25">
      <c r="A4487">
        <v>53144641</v>
      </c>
      <c r="B4487" t="s">
        <v>23180</v>
      </c>
      <c r="C4487" s="1" t="s">
        <v>23181</v>
      </c>
      <c r="E4487">
        <v>4</v>
      </c>
      <c r="F4487">
        <v>0</v>
      </c>
      <c r="H4487" t="s">
        <v>23182</v>
      </c>
      <c r="J4487" t="s">
        <v>23183</v>
      </c>
      <c r="O4487">
        <v>10604724</v>
      </c>
      <c r="P4487">
        <v>1</v>
      </c>
      <c r="Q4487">
        <v>1</v>
      </c>
      <c r="R4487" t="s">
        <v>6516</v>
      </c>
      <c r="S4487">
        <v>90</v>
      </c>
    </row>
    <row r="4488" spans="1:19" x14ac:dyDescent="0.25">
      <c r="A4488">
        <v>19766061</v>
      </c>
      <c r="B4488" t="s">
        <v>23184</v>
      </c>
      <c r="C4488" s="1" t="s">
        <v>23185</v>
      </c>
      <c r="D4488">
        <v>19769544</v>
      </c>
      <c r="E4488">
        <v>1</v>
      </c>
      <c r="F4488">
        <v>12</v>
      </c>
      <c r="H4488" t="s">
        <v>23186</v>
      </c>
      <c r="J4488" t="s">
        <v>23187</v>
      </c>
      <c r="K4488" t="s">
        <v>23187</v>
      </c>
      <c r="M4488">
        <v>468903</v>
      </c>
      <c r="O4488">
        <v>468903</v>
      </c>
      <c r="P4488">
        <v>1</v>
      </c>
      <c r="Q4488">
        <v>1</v>
      </c>
      <c r="R4488" t="s">
        <v>23188</v>
      </c>
      <c r="S4488">
        <v>99</v>
      </c>
    </row>
    <row r="4489" spans="1:19" x14ac:dyDescent="0.25">
      <c r="A4489">
        <v>36850229</v>
      </c>
      <c r="B4489" t="s">
        <v>23189</v>
      </c>
      <c r="C4489" s="1" t="s">
        <v>23190</v>
      </c>
      <c r="E4489">
        <v>2</v>
      </c>
      <c r="F4489">
        <v>6</v>
      </c>
      <c r="H4489" t="s">
        <v>23191</v>
      </c>
      <c r="J4489" t="s">
        <v>23192</v>
      </c>
      <c r="O4489">
        <v>5410911</v>
      </c>
      <c r="P4489">
        <v>1</v>
      </c>
      <c r="Q4489">
        <v>-3</v>
      </c>
      <c r="R4489" t="s">
        <v>23193</v>
      </c>
      <c r="S4489">
        <v>64</v>
      </c>
    </row>
    <row r="4490" spans="1:19" x14ac:dyDescent="0.25">
      <c r="A4490">
        <v>2652786</v>
      </c>
      <c r="B4490" t="s">
        <v>23194</v>
      </c>
      <c r="C4490" s="1" t="s">
        <v>23195</v>
      </c>
      <c r="E4490">
        <v>2</v>
      </c>
      <c r="F4490">
        <v>0</v>
      </c>
      <c r="H4490" t="s">
        <v>23196</v>
      </c>
      <c r="J4490" t="s">
        <v>23197</v>
      </c>
      <c r="O4490">
        <v>318462</v>
      </c>
      <c r="P4490">
        <v>1</v>
      </c>
      <c r="Q4490">
        <v>1</v>
      </c>
      <c r="R4490" t="s">
        <v>23198</v>
      </c>
      <c r="S4490">
        <v>131</v>
      </c>
    </row>
    <row r="4491" spans="1:19" x14ac:dyDescent="0.25">
      <c r="A4491">
        <v>48553445</v>
      </c>
      <c r="B4491" t="s">
        <v>23199</v>
      </c>
      <c r="C4491" s="1" t="s">
        <v>23200</v>
      </c>
      <c r="D4491">
        <v>48553569</v>
      </c>
      <c r="E4491">
        <v>1</v>
      </c>
      <c r="F4491">
        <v>0</v>
      </c>
      <c r="H4491" t="s">
        <v>23201</v>
      </c>
      <c r="I4491">
        <v>1</v>
      </c>
      <c r="J4491" t="s">
        <v>23202</v>
      </c>
      <c r="K4491" t="s">
        <v>23203</v>
      </c>
      <c r="M4491">
        <v>4749396</v>
      </c>
      <c r="O4491">
        <v>4749396</v>
      </c>
      <c r="P4491">
        <v>1</v>
      </c>
      <c r="Q4491">
        <v>5</v>
      </c>
      <c r="R4491" t="s">
        <v>23204</v>
      </c>
      <c r="S4491">
        <v>203</v>
      </c>
    </row>
    <row r="4492" spans="1:19" x14ac:dyDescent="0.25">
      <c r="A4492">
        <v>22187879</v>
      </c>
      <c r="B4492" t="s">
        <v>23205</v>
      </c>
      <c r="C4492" s="1" t="s">
        <v>23206</v>
      </c>
      <c r="E4492">
        <v>1</v>
      </c>
      <c r="F4492">
        <v>0</v>
      </c>
      <c r="H4492" t="s">
        <v>23207</v>
      </c>
      <c r="J4492" t="s">
        <v>23208</v>
      </c>
      <c r="K4492" t="s">
        <v>23209</v>
      </c>
      <c r="M4492">
        <v>2225682</v>
      </c>
      <c r="O4492">
        <v>3381727</v>
      </c>
      <c r="P4492">
        <v>1</v>
      </c>
      <c r="Q4492">
        <v>0</v>
      </c>
      <c r="R4492" t="s">
        <v>13424</v>
      </c>
      <c r="S4492">
        <v>20</v>
      </c>
    </row>
    <row r="4493" spans="1:19" x14ac:dyDescent="0.25">
      <c r="A4493">
        <v>37939010</v>
      </c>
      <c r="B4493" t="s">
        <v>23210</v>
      </c>
      <c r="C4493" s="1" t="s">
        <v>23211</v>
      </c>
      <c r="E4493">
        <v>2</v>
      </c>
      <c r="F4493">
        <v>3</v>
      </c>
      <c r="H4493" t="s">
        <v>23212</v>
      </c>
      <c r="J4493" t="s">
        <v>23213</v>
      </c>
      <c r="K4493" t="s">
        <v>23214</v>
      </c>
      <c r="M4493">
        <v>1238965</v>
      </c>
      <c r="O4493">
        <v>3340573</v>
      </c>
      <c r="P4493">
        <v>1</v>
      </c>
      <c r="Q4493">
        <v>1</v>
      </c>
      <c r="R4493" t="s">
        <v>23215</v>
      </c>
      <c r="S4493">
        <v>747</v>
      </c>
    </row>
    <row r="4494" spans="1:19" x14ac:dyDescent="0.25">
      <c r="A4494">
        <v>33837038</v>
      </c>
      <c r="B4494" t="s">
        <v>23216</v>
      </c>
      <c r="C4494" s="1" t="s">
        <v>23217</v>
      </c>
      <c r="E4494">
        <v>1</v>
      </c>
      <c r="F4494">
        <v>0</v>
      </c>
      <c r="H4494" t="s">
        <v>23218</v>
      </c>
      <c r="J4494" t="s">
        <v>23219</v>
      </c>
      <c r="K4494" t="s">
        <v>23220</v>
      </c>
      <c r="M4494">
        <v>-1</v>
      </c>
      <c r="O4494">
        <v>4221158</v>
      </c>
      <c r="P4494">
        <v>1</v>
      </c>
      <c r="Q4494">
        <v>0</v>
      </c>
      <c r="R4494" t="s">
        <v>23221</v>
      </c>
      <c r="S4494">
        <v>61</v>
      </c>
    </row>
    <row r="4495" spans="1:19" x14ac:dyDescent="0.25">
      <c r="A4495">
        <v>35401978</v>
      </c>
      <c r="B4495" t="s">
        <v>23222</v>
      </c>
      <c r="C4495" s="1" t="s">
        <v>23223</v>
      </c>
      <c r="D4495">
        <v>35404972</v>
      </c>
      <c r="E4495">
        <v>1</v>
      </c>
      <c r="F4495">
        <v>3</v>
      </c>
      <c r="H4495" t="s">
        <v>23224</v>
      </c>
      <c r="J4495" t="s">
        <v>23225</v>
      </c>
      <c r="O4495">
        <v>5927971</v>
      </c>
      <c r="P4495">
        <v>1</v>
      </c>
      <c r="Q4495">
        <v>-5</v>
      </c>
      <c r="R4495" t="s">
        <v>14343</v>
      </c>
      <c r="S4495">
        <v>99</v>
      </c>
    </row>
    <row r="4496" spans="1:19" x14ac:dyDescent="0.25">
      <c r="A4496">
        <v>49996828</v>
      </c>
      <c r="B4496" t="s">
        <v>23226</v>
      </c>
      <c r="C4496" t="s">
        <v>23227</v>
      </c>
      <c r="D4496">
        <v>49998134</v>
      </c>
      <c r="E4496">
        <v>1</v>
      </c>
      <c r="F4496">
        <v>0</v>
      </c>
      <c r="H4496" t="s">
        <v>23228</v>
      </c>
      <c r="J4496" t="s">
        <v>23229</v>
      </c>
      <c r="K4496" t="s">
        <v>23229</v>
      </c>
      <c r="M4496">
        <v>2417812</v>
      </c>
      <c r="O4496">
        <v>8096492</v>
      </c>
      <c r="P4496">
        <v>1</v>
      </c>
      <c r="Q4496">
        <v>0</v>
      </c>
      <c r="R4496" t="s">
        <v>23230</v>
      </c>
      <c r="S4496">
        <v>20</v>
      </c>
    </row>
    <row r="4497" spans="1:19" x14ac:dyDescent="0.25">
      <c r="A4497">
        <v>44030810</v>
      </c>
      <c r="B4497" t="s">
        <v>23231</v>
      </c>
      <c r="C4497" s="1" t="s">
        <v>23232</v>
      </c>
      <c r="D4497">
        <v>44032133</v>
      </c>
      <c r="E4497">
        <v>1</v>
      </c>
      <c r="F4497">
        <v>0</v>
      </c>
      <c r="H4497" t="s">
        <v>23233</v>
      </c>
      <c r="J4497" t="s">
        <v>23234</v>
      </c>
      <c r="K4497" t="s">
        <v>23235</v>
      </c>
      <c r="M4497">
        <v>5291015</v>
      </c>
      <c r="O4497">
        <v>2032632</v>
      </c>
      <c r="P4497">
        <v>1</v>
      </c>
      <c r="Q4497">
        <v>1</v>
      </c>
      <c r="R4497" t="s">
        <v>23236</v>
      </c>
      <c r="S4497">
        <v>63</v>
      </c>
    </row>
    <row r="4498" spans="1:19" x14ac:dyDescent="0.25">
      <c r="A4498">
        <v>29243039</v>
      </c>
      <c r="B4498" t="s">
        <v>23237</v>
      </c>
      <c r="C4498" s="1" t="s">
        <v>23238</v>
      </c>
      <c r="D4498">
        <v>29243222</v>
      </c>
      <c r="E4498">
        <v>1</v>
      </c>
      <c r="F4498">
        <v>0</v>
      </c>
      <c r="H4498" t="s">
        <v>23239</v>
      </c>
      <c r="I4498">
        <v>0</v>
      </c>
      <c r="J4498" t="s">
        <v>23240</v>
      </c>
      <c r="O4498">
        <v>1464297</v>
      </c>
      <c r="P4498">
        <v>1</v>
      </c>
      <c r="Q4498">
        <v>0</v>
      </c>
      <c r="R4498" t="s">
        <v>23241</v>
      </c>
      <c r="S4498">
        <v>270</v>
      </c>
    </row>
    <row r="4499" spans="1:19" x14ac:dyDescent="0.25">
      <c r="A4499">
        <v>6420454</v>
      </c>
      <c r="B4499" t="s">
        <v>23242</v>
      </c>
      <c r="C4499" s="1" t="s">
        <v>23243</v>
      </c>
      <c r="D4499">
        <v>6420576</v>
      </c>
      <c r="E4499">
        <v>1</v>
      </c>
      <c r="F4499">
        <v>0</v>
      </c>
      <c r="H4499" t="s">
        <v>23244</v>
      </c>
      <c r="J4499" t="s">
        <v>23245</v>
      </c>
      <c r="K4499" t="s">
        <v>23246</v>
      </c>
      <c r="M4499">
        <v>398242</v>
      </c>
      <c r="O4499">
        <v>799100</v>
      </c>
      <c r="P4499">
        <v>1</v>
      </c>
      <c r="Q4499">
        <v>1</v>
      </c>
      <c r="R4499" t="s">
        <v>23247</v>
      </c>
      <c r="S4499">
        <v>1171</v>
      </c>
    </row>
    <row r="4500" spans="1:19" x14ac:dyDescent="0.25">
      <c r="A4500">
        <v>48826947</v>
      </c>
      <c r="B4500" t="s">
        <v>23248</v>
      </c>
      <c r="C4500" s="1" t="s">
        <v>23249</v>
      </c>
      <c r="D4500">
        <v>48865025</v>
      </c>
      <c r="E4500">
        <v>1</v>
      </c>
      <c r="F4500">
        <v>4</v>
      </c>
      <c r="H4500" t="s">
        <v>23250</v>
      </c>
      <c r="I4500">
        <v>1</v>
      </c>
      <c r="J4500" t="s">
        <v>23251</v>
      </c>
      <c r="O4500">
        <v>3528590</v>
      </c>
      <c r="P4500">
        <v>1</v>
      </c>
      <c r="Q4500">
        <v>0</v>
      </c>
      <c r="R4500" t="s">
        <v>23252</v>
      </c>
      <c r="S4500">
        <v>39</v>
      </c>
    </row>
    <row r="4501" spans="1:19" x14ac:dyDescent="0.25">
      <c r="A4501">
        <v>27898536</v>
      </c>
      <c r="B4501" t="s">
        <v>23253</v>
      </c>
      <c r="C4501" s="1" t="s">
        <v>23254</v>
      </c>
      <c r="D4501">
        <v>27898825</v>
      </c>
      <c r="E4501">
        <v>2</v>
      </c>
      <c r="F4501">
        <v>2</v>
      </c>
      <c r="H4501" t="s">
        <v>23255</v>
      </c>
      <c r="I4501">
        <v>2</v>
      </c>
      <c r="J4501" t="s">
        <v>23256</v>
      </c>
      <c r="O4501">
        <v>4444533</v>
      </c>
      <c r="P4501">
        <v>1</v>
      </c>
      <c r="Q4501">
        <v>4</v>
      </c>
      <c r="R4501" t="s">
        <v>23257</v>
      </c>
      <c r="S4501">
        <v>8123</v>
      </c>
    </row>
    <row r="4502" spans="1:19" x14ac:dyDescent="0.25">
      <c r="A4502">
        <v>45539770</v>
      </c>
      <c r="B4502" t="s">
        <v>23258</v>
      </c>
      <c r="C4502" s="1" t="s">
        <v>23259</v>
      </c>
      <c r="E4502">
        <v>2</v>
      </c>
      <c r="F4502">
        <v>4</v>
      </c>
      <c r="H4502" t="s">
        <v>23260</v>
      </c>
      <c r="J4502" t="s">
        <v>23261</v>
      </c>
      <c r="O4502">
        <v>5171335</v>
      </c>
      <c r="P4502">
        <v>1</v>
      </c>
      <c r="Q4502">
        <v>0</v>
      </c>
      <c r="R4502" t="s">
        <v>23262</v>
      </c>
      <c r="S4502">
        <v>186</v>
      </c>
    </row>
    <row r="4503" spans="1:19" x14ac:dyDescent="0.25">
      <c r="A4503">
        <v>15360342</v>
      </c>
      <c r="B4503" t="s">
        <v>23263</v>
      </c>
      <c r="C4503" s="1" t="s">
        <v>23264</v>
      </c>
      <c r="D4503">
        <v>15360382</v>
      </c>
      <c r="E4503">
        <v>1</v>
      </c>
      <c r="F4503">
        <v>0</v>
      </c>
      <c r="H4503" t="s">
        <v>23265</v>
      </c>
      <c r="I4503">
        <v>1</v>
      </c>
      <c r="J4503" t="s">
        <v>23266</v>
      </c>
      <c r="O4503">
        <v>1688518</v>
      </c>
      <c r="P4503">
        <v>1</v>
      </c>
      <c r="Q4503">
        <v>5</v>
      </c>
      <c r="R4503" t="s">
        <v>23267</v>
      </c>
      <c r="S4503">
        <v>1670</v>
      </c>
    </row>
    <row r="4504" spans="1:19" x14ac:dyDescent="0.25">
      <c r="A4504">
        <v>22911112</v>
      </c>
      <c r="B4504" t="s">
        <v>23268</v>
      </c>
      <c r="C4504" s="1" t="s">
        <v>23269</v>
      </c>
      <c r="D4504">
        <v>44048358</v>
      </c>
      <c r="E4504">
        <v>2</v>
      </c>
      <c r="F4504">
        <v>6</v>
      </c>
      <c r="H4504" t="s">
        <v>23270</v>
      </c>
      <c r="I4504">
        <v>13</v>
      </c>
      <c r="J4504" t="s">
        <v>23271</v>
      </c>
      <c r="O4504">
        <v>2684539</v>
      </c>
      <c r="P4504">
        <v>1</v>
      </c>
      <c r="Q4504">
        <v>27</v>
      </c>
      <c r="R4504" t="s">
        <v>23272</v>
      </c>
      <c r="S4504">
        <v>1465</v>
      </c>
    </row>
    <row r="4505" spans="1:19" x14ac:dyDescent="0.25">
      <c r="A4505">
        <v>50214001</v>
      </c>
      <c r="B4505" t="s">
        <v>23273</v>
      </c>
      <c r="C4505" s="1" t="s">
        <v>23274</v>
      </c>
      <c r="E4505">
        <v>1</v>
      </c>
      <c r="F4505">
        <v>2</v>
      </c>
      <c r="H4505" t="s">
        <v>23275</v>
      </c>
      <c r="J4505" t="s">
        <v>23276</v>
      </c>
      <c r="K4505" t="s">
        <v>23276</v>
      </c>
      <c r="M4505">
        <v>1388292</v>
      </c>
      <c r="O4505">
        <v>1612271</v>
      </c>
      <c r="P4505">
        <v>1</v>
      </c>
      <c r="Q4505">
        <v>-3</v>
      </c>
      <c r="R4505" t="s">
        <v>213</v>
      </c>
      <c r="S4505">
        <v>40</v>
      </c>
    </row>
    <row r="4506" spans="1:19" x14ac:dyDescent="0.25">
      <c r="A4506">
        <v>3217711</v>
      </c>
      <c r="B4506" t="s">
        <v>23277</v>
      </c>
      <c r="C4506" s="1" t="s">
        <v>23278</v>
      </c>
      <c r="D4506">
        <v>3217717</v>
      </c>
      <c r="E4506">
        <v>1</v>
      </c>
      <c r="F4506">
        <v>0</v>
      </c>
      <c r="H4506" t="s">
        <v>23279</v>
      </c>
      <c r="J4506" t="s">
        <v>23280</v>
      </c>
      <c r="K4506" t="s">
        <v>23281</v>
      </c>
      <c r="M4506">
        <v>-1</v>
      </c>
      <c r="N4506" t="s">
        <v>23282</v>
      </c>
      <c r="P4506">
        <v>1</v>
      </c>
      <c r="Q4506">
        <v>3</v>
      </c>
      <c r="R4506" t="s">
        <v>23283</v>
      </c>
      <c r="S4506">
        <v>2454</v>
      </c>
    </row>
    <row r="4507" spans="1:19" x14ac:dyDescent="0.25">
      <c r="A4507">
        <v>28246280</v>
      </c>
      <c r="B4507" t="s">
        <v>23284</v>
      </c>
      <c r="C4507" s="1" t="s">
        <v>23285</v>
      </c>
      <c r="D4507">
        <v>28246292</v>
      </c>
      <c r="E4507">
        <v>1</v>
      </c>
      <c r="F4507">
        <v>1</v>
      </c>
      <c r="H4507" t="s">
        <v>23286</v>
      </c>
      <c r="J4507" t="s">
        <v>23287</v>
      </c>
      <c r="O4507">
        <v>115652</v>
      </c>
      <c r="P4507">
        <v>1</v>
      </c>
      <c r="Q4507">
        <v>0</v>
      </c>
      <c r="R4507" t="s">
        <v>871</v>
      </c>
      <c r="S4507">
        <v>273</v>
      </c>
    </row>
    <row r="4508" spans="1:19" x14ac:dyDescent="0.25">
      <c r="A4508">
        <v>6157584</v>
      </c>
      <c r="B4508" t="s">
        <v>23288</v>
      </c>
      <c r="C4508" s="1" t="s">
        <v>23289</v>
      </c>
      <c r="D4508">
        <v>6158366</v>
      </c>
      <c r="E4508">
        <v>3</v>
      </c>
      <c r="F4508">
        <v>0</v>
      </c>
      <c r="H4508" t="s">
        <v>23290</v>
      </c>
      <c r="I4508">
        <v>3</v>
      </c>
      <c r="J4508" t="s">
        <v>23291</v>
      </c>
      <c r="K4508" t="s">
        <v>23292</v>
      </c>
      <c r="M4508">
        <v>377052</v>
      </c>
      <c r="O4508">
        <v>377052</v>
      </c>
      <c r="P4508">
        <v>1</v>
      </c>
      <c r="Q4508">
        <v>9</v>
      </c>
      <c r="R4508" t="s">
        <v>23293</v>
      </c>
      <c r="S4508">
        <v>3741</v>
      </c>
    </row>
    <row r="4509" spans="1:19" x14ac:dyDescent="0.25">
      <c r="A4509">
        <v>11420324</v>
      </c>
      <c r="B4509" t="s">
        <v>23294</v>
      </c>
      <c r="C4509" s="1" t="s">
        <v>23295</v>
      </c>
      <c r="E4509">
        <v>1</v>
      </c>
      <c r="F4509">
        <v>0</v>
      </c>
      <c r="H4509" t="s">
        <v>23296</v>
      </c>
      <c r="J4509" t="s">
        <v>23297</v>
      </c>
      <c r="O4509">
        <v>1515810</v>
      </c>
      <c r="P4509">
        <v>1</v>
      </c>
      <c r="Q4509">
        <v>0</v>
      </c>
      <c r="R4509" t="s">
        <v>23298</v>
      </c>
      <c r="S4509">
        <v>452</v>
      </c>
    </row>
    <row r="4510" spans="1:19" x14ac:dyDescent="0.25">
      <c r="A4510">
        <v>24384803</v>
      </c>
      <c r="B4510" t="s">
        <v>23299</v>
      </c>
      <c r="C4510" s="1" t="s">
        <v>23300</v>
      </c>
      <c r="D4510">
        <v>24392436</v>
      </c>
      <c r="E4510">
        <v>2</v>
      </c>
      <c r="F4510">
        <v>0</v>
      </c>
      <c r="H4510" t="s">
        <v>23301</v>
      </c>
      <c r="I4510">
        <v>6</v>
      </c>
      <c r="J4510" t="s">
        <v>23302</v>
      </c>
      <c r="K4510" t="s">
        <v>23303</v>
      </c>
      <c r="M4510">
        <v>13860</v>
      </c>
      <c r="O4510">
        <v>626485</v>
      </c>
      <c r="P4510">
        <v>1</v>
      </c>
      <c r="Q4510">
        <v>25</v>
      </c>
      <c r="R4510" t="s">
        <v>23304</v>
      </c>
      <c r="S4510">
        <v>11202</v>
      </c>
    </row>
    <row r="4511" spans="1:19" x14ac:dyDescent="0.25">
      <c r="A4511">
        <v>43656246</v>
      </c>
      <c r="B4511" t="s">
        <v>23305</v>
      </c>
      <c r="C4511" s="1" t="s">
        <v>23306</v>
      </c>
      <c r="E4511">
        <v>2</v>
      </c>
      <c r="F4511">
        <v>0</v>
      </c>
      <c r="H4511" t="s">
        <v>23307</v>
      </c>
      <c r="J4511" t="s">
        <v>23308</v>
      </c>
      <c r="O4511">
        <v>7710232</v>
      </c>
      <c r="P4511">
        <v>1</v>
      </c>
      <c r="Q4511">
        <v>3</v>
      </c>
      <c r="R4511" t="s">
        <v>23309</v>
      </c>
      <c r="S4511">
        <v>1217</v>
      </c>
    </row>
    <row r="4512" spans="1:19" x14ac:dyDescent="0.25">
      <c r="A4512">
        <v>11708906</v>
      </c>
      <c r="B4512" t="s">
        <v>23310</v>
      </c>
      <c r="C4512" s="1" t="s">
        <v>23311</v>
      </c>
      <c r="D4512">
        <v>11709069</v>
      </c>
      <c r="E4512">
        <v>1</v>
      </c>
      <c r="F4512">
        <v>1</v>
      </c>
      <c r="H4512" t="s">
        <v>23312</v>
      </c>
      <c r="J4512" t="s">
        <v>23313</v>
      </c>
      <c r="K4512" t="s">
        <v>23314</v>
      </c>
      <c r="M4512">
        <v>635608</v>
      </c>
      <c r="O4512">
        <v>1559811</v>
      </c>
      <c r="P4512">
        <v>1</v>
      </c>
      <c r="Q4512">
        <v>1</v>
      </c>
      <c r="R4512" t="s">
        <v>1359</v>
      </c>
      <c r="S4512">
        <v>2016</v>
      </c>
    </row>
    <row r="4513" spans="1:19" x14ac:dyDescent="0.25">
      <c r="A4513">
        <v>47403264</v>
      </c>
      <c r="B4513" t="s">
        <v>23315</v>
      </c>
      <c r="C4513" s="1" t="s">
        <v>23316</v>
      </c>
      <c r="E4513">
        <v>1</v>
      </c>
      <c r="F4513">
        <v>0</v>
      </c>
      <c r="H4513" t="s">
        <v>23317</v>
      </c>
      <c r="J4513" t="s">
        <v>23318</v>
      </c>
      <c r="O4513">
        <v>4538158</v>
      </c>
      <c r="P4513">
        <v>1</v>
      </c>
      <c r="Q4513">
        <v>0</v>
      </c>
      <c r="R4513" t="s">
        <v>23319</v>
      </c>
      <c r="S4513">
        <v>120</v>
      </c>
    </row>
    <row r="4514" spans="1:19" x14ac:dyDescent="0.25">
      <c r="A4514">
        <v>36427269</v>
      </c>
      <c r="B4514" t="s">
        <v>23320</v>
      </c>
      <c r="C4514" s="1" t="s">
        <v>23321</v>
      </c>
      <c r="E4514">
        <v>1</v>
      </c>
      <c r="F4514">
        <v>1</v>
      </c>
      <c r="H4514" t="s">
        <v>23322</v>
      </c>
      <c r="J4514" t="s">
        <v>23323</v>
      </c>
      <c r="K4514" t="s">
        <v>23323</v>
      </c>
      <c r="M4514">
        <v>869105</v>
      </c>
      <c r="O4514">
        <v>6161463</v>
      </c>
      <c r="P4514">
        <v>1</v>
      </c>
      <c r="Q4514">
        <v>-4</v>
      </c>
      <c r="R4514" t="s">
        <v>23324</v>
      </c>
      <c r="S4514">
        <v>1081</v>
      </c>
    </row>
    <row r="4515" spans="1:19" x14ac:dyDescent="0.25">
      <c r="A4515">
        <v>30365311</v>
      </c>
      <c r="B4515" t="s">
        <v>23325</v>
      </c>
      <c r="C4515" s="1" t="s">
        <v>23326</v>
      </c>
      <c r="E4515">
        <v>0</v>
      </c>
      <c r="F4515">
        <v>1</v>
      </c>
      <c r="H4515" t="s">
        <v>23327</v>
      </c>
      <c r="J4515" t="s">
        <v>23328</v>
      </c>
      <c r="K4515" t="s">
        <v>23329</v>
      </c>
      <c r="M4515">
        <v>-1</v>
      </c>
      <c r="O4515">
        <v>1682353</v>
      </c>
      <c r="P4515">
        <v>1</v>
      </c>
      <c r="Q4515">
        <v>2</v>
      </c>
      <c r="R4515" t="s">
        <v>1754</v>
      </c>
      <c r="S4515">
        <v>932</v>
      </c>
    </row>
    <row r="4516" spans="1:19" x14ac:dyDescent="0.25">
      <c r="A4516">
        <v>43476474</v>
      </c>
      <c r="B4516" t="s">
        <v>23330</v>
      </c>
      <c r="C4516" s="1" t="s">
        <v>23331</v>
      </c>
      <c r="E4516">
        <v>1</v>
      </c>
      <c r="F4516">
        <v>0</v>
      </c>
      <c r="H4516" t="s">
        <v>23332</v>
      </c>
      <c r="J4516" t="s">
        <v>23333</v>
      </c>
      <c r="O4516">
        <v>2169884</v>
      </c>
      <c r="P4516">
        <v>1</v>
      </c>
      <c r="Q4516">
        <v>1</v>
      </c>
      <c r="R4516" t="s">
        <v>23334</v>
      </c>
      <c r="S4516">
        <v>57</v>
      </c>
    </row>
    <row r="4517" spans="1:19" x14ac:dyDescent="0.25">
      <c r="A4517">
        <v>30669285</v>
      </c>
      <c r="B4517" t="s">
        <v>23335</v>
      </c>
      <c r="C4517" s="1" t="s">
        <v>23336</v>
      </c>
      <c r="D4517">
        <v>30670639</v>
      </c>
      <c r="E4517">
        <v>1</v>
      </c>
      <c r="F4517">
        <v>0</v>
      </c>
      <c r="H4517" t="s">
        <v>23337</v>
      </c>
      <c r="J4517" t="s">
        <v>23338</v>
      </c>
      <c r="K4517" t="s">
        <v>23339</v>
      </c>
      <c r="M4517">
        <v>-1</v>
      </c>
      <c r="O4517">
        <v>4673764</v>
      </c>
      <c r="P4517">
        <v>1</v>
      </c>
      <c r="Q4517">
        <v>2</v>
      </c>
      <c r="R4517" t="s">
        <v>23340</v>
      </c>
      <c r="S4517">
        <v>496</v>
      </c>
    </row>
    <row r="4518" spans="1:19" x14ac:dyDescent="0.25">
      <c r="A4518">
        <v>46958432</v>
      </c>
      <c r="B4518" t="s">
        <v>23341</v>
      </c>
      <c r="C4518" s="1" t="s">
        <v>23342</v>
      </c>
      <c r="D4518">
        <v>46959382</v>
      </c>
      <c r="E4518">
        <v>1</v>
      </c>
      <c r="F4518">
        <v>0</v>
      </c>
      <c r="H4518" t="s">
        <v>23343</v>
      </c>
      <c r="J4518" t="s">
        <v>23344</v>
      </c>
      <c r="O4518">
        <v>684259</v>
      </c>
      <c r="P4518">
        <v>1</v>
      </c>
      <c r="Q4518">
        <v>1</v>
      </c>
      <c r="R4518" t="s">
        <v>23345</v>
      </c>
      <c r="S4518">
        <v>387</v>
      </c>
    </row>
    <row r="4519" spans="1:19" x14ac:dyDescent="0.25">
      <c r="A4519">
        <v>22110009</v>
      </c>
      <c r="B4519" t="s">
        <v>23346</v>
      </c>
      <c r="C4519" s="1" t="s">
        <v>23347</v>
      </c>
      <c r="E4519">
        <v>3</v>
      </c>
      <c r="F4519">
        <v>6</v>
      </c>
      <c r="H4519" t="s">
        <v>23348</v>
      </c>
      <c r="J4519" t="s">
        <v>23349</v>
      </c>
      <c r="K4519" t="s">
        <v>23349</v>
      </c>
      <c r="M4519">
        <v>1214743</v>
      </c>
      <c r="O4519">
        <v>3367295</v>
      </c>
      <c r="P4519">
        <v>1</v>
      </c>
      <c r="Q4519">
        <v>0</v>
      </c>
      <c r="R4519" t="s">
        <v>23350</v>
      </c>
      <c r="S4519">
        <v>170</v>
      </c>
    </row>
    <row r="4520" spans="1:19" x14ac:dyDescent="0.25">
      <c r="A4520">
        <v>49383042</v>
      </c>
      <c r="B4520" t="s">
        <v>23351</v>
      </c>
      <c r="C4520" s="1" t="s">
        <v>23352</v>
      </c>
      <c r="E4520">
        <v>0</v>
      </c>
      <c r="F4520">
        <v>4</v>
      </c>
      <c r="H4520" t="s">
        <v>23353</v>
      </c>
      <c r="J4520" t="s">
        <v>23354</v>
      </c>
      <c r="K4520" t="s">
        <v>23354</v>
      </c>
      <c r="M4520">
        <v>2697997</v>
      </c>
      <c r="O4520">
        <v>2697997</v>
      </c>
      <c r="P4520">
        <v>1</v>
      </c>
      <c r="Q4520">
        <v>1</v>
      </c>
      <c r="R4520" t="s">
        <v>23355</v>
      </c>
      <c r="S4520">
        <v>53</v>
      </c>
    </row>
    <row r="4521" spans="1:19" x14ac:dyDescent="0.25">
      <c r="A4521">
        <v>26642525</v>
      </c>
      <c r="B4521" t="s">
        <v>23356</v>
      </c>
      <c r="C4521" s="1" t="s">
        <v>23357</v>
      </c>
      <c r="E4521">
        <v>1</v>
      </c>
      <c r="F4521">
        <v>3</v>
      </c>
      <c r="H4521" t="s">
        <v>23358</v>
      </c>
      <c r="I4521">
        <v>0</v>
      </c>
      <c r="J4521" t="s">
        <v>23359</v>
      </c>
      <c r="O4521">
        <v>1468396</v>
      </c>
      <c r="P4521">
        <v>1</v>
      </c>
      <c r="Q4521">
        <v>1</v>
      </c>
      <c r="R4521" t="s">
        <v>23360</v>
      </c>
      <c r="S4521">
        <v>246</v>
      </c>
    </row>
    <row r="4522" spans="1:19" x14ac:dyDescent="0.25">
      <c r="A4522">
        <v>40609352</v>
      </c>
      <c r="B4522" t="s">
        <v>23361</v>
      </c>
      <c r="C4522" s="1" t="s">
        <v>23362</v>
      </c>
      <c r="D4522">
        <v>40610580</v>
      </c>
      <c r="E4522">
        <v>2</v>
      </c>
      <c r="F4522">
        <v>0</v>
      </c>
      <c r="H4522" t="s">
        <v>23363</v>
      </c>
      <c r="I4522">
        <v>0</v>
      </c>
      <c r="J4522" t="s">
        <v>23364</v>
      </c>
      <c r="K4522" t="s">
        <v>23365</v>
      </c>
      <c r="M4522">
        <v>-1</v>
      </c>
      <c r="O4522">
        <v>3163588</v>
      </c>
      <c r="P4522">
        <v>1</v>
      </c>
      <c r="Q4522">
        <v>1</v>
      </c>
      <c r="R4522" t="s">
        <v>23366</v>
      </c>
      <c r="S4522">
        <v>2436</v>
      </c>
    </row>
    <row r="4523" spans="1:19" x14ac:dyDescent="0.25">
      <c r="A4523">
        <v>46978502</v>
      </c>
      <c r="B4523" t="s">
        <v>23367</v>
      </c>
      <c r="C4523" s="1" t="s">
        <v>23368</v>
      </c>
      <c r="E4523">
        <v>0</v>
      </c>
      <c r="F4523">
        <v>5</v>
      </c>
      <c r="H4523" t="s">
        <v>23369</v>
      </c>
      <c r="J4523" t="s">
        <v>23370</v>
      </c>
      <c r="K4523" t="s">
        <v>23370</v>
      </c>
      <c r="M4523">
        <v>5958455</v>
      </c>
      <c r="O4523">
        <v>5958455</v>
      </c>
      <c r="P4523">
        <v>1</v>
      </c>
      <c r="Q4523">
        <v>0</v>
      </c>
      <c r="R4523" t="s">
        <v>23371</v>
      </c>
      <c r="S4523">
        <v>60</v>
      </c>
    </row>
    <row r="4524" spans="1:19" x14ac:dyDescent="0.25">
      <c r="A4524">
        <v>20418919</v>
      </c>
      <c r="B4524" t="s">
        <v>23372</v>
      </c>
      <c r="C4524" s="1" t="s">
        <v>23373</v>
      </c>
      <c r="E4524">
        <v>1</v>
      </c>
      <c r="F4524">
        <v>0</v>
      </c>
      <c r="H4524" t="s">
        <v>23374</v>
      </c>
      <c r="J4524" t="s">
        <v>23375</v>
      </c>
      <c r="O4524">
        <v>1523451</v>
      </c>
      <c r="P4524">
        <v>1</v>
      </c>
      <c r="Q4524">
        <v>0</v>
      </c>
      <c r="R4524" t="s">
        <v>23376</v>
      </c>
      <c r="S4524">
        <v>567</v>
      </c>
    </row>
    <row r="4525" spans="1:19" x14ac:dyDescent="0.25">
      <c r="A4525">
        <v>15003027</v>
      </c>
      <c r="B4525" t="s">
        <v>23377</v>
      </c>
      <c r="C4525" s="1" t="s">
        <v>23378</v>
      </c>
      <c r="E4525">
        <v>2</v>
      </c>
      <c r="F4525">
        <v>2</v>
      </c>
      <c r="H4525" t="s">
        <v>23379</v>
      </c>
      <c r="I4525">
        <v>1</v>
      </c>
      <c r="J4525" t="s">
        <v>23380</v>
      </c>
      <c r="O4525">
        <v>667266</v>
      </c>
      <c r="P4525">
        <v>1</v>
      </c>
      <c r="Q4525">
        <v>5</v>
      </c>
      <c r="R4525" t="s">
        <v>23381</v>
      </c>
      <c r="S4525">
        <v>4933</v>
      </c>
    </row>
    <row r="4526" spans="1:19" x14ac:dyDescent="0.25">
      <c r="A4526">
        <v>53219393</v>
      </c>
      <c r="B4526" t="s">
        <v>23382</v>
      </c>
      <c r="C4526" s="1" t="s">
        <v>23383</v>
      </c>
      <c r="D4526">
        <v>53259667</v>
      </c>
      <c r="E4526">
        <v>1</v>
      </c>
      <c r="F4526">
        <v>2</v>
      </c>
      <c r="H4526" t="s">
        <v>23384</v>
      </c>
      <c r="J4526" t="s">
        <v>23385</v>
      </c>
      <c r="K4526" t="s">
        <v>23386</v>
      </c>
      <c r="M4526">
        <v>6403611</v>
      </c>
      <c r="O4526">
        <v>6403611</v>
      </c>
      <c r="P4526">
        <v>1</v>
      </c>
      <c r="Q4526">
        <v>0</v>
      </c>
      <c r="R4526" t="s">
        <v>23387</v>
      </c>
      <c r="S4526">
        <v>43</v>
      </c>
    </row>
    <row r="4527" spans="1:19" x14ac:dyDescent="0.25">
      <c r="A4527">
        <v>5649069</v>
      </c>
      <c r="B4527" t="s">
        <v>23388</v>
      </c>
      <c r="C4527" s="1" t="s">
        <v>23389</v>
      </c>
      <c r="E4527">
        <v>2</v>
      </c>
      <c r="F4527">
        <v>4</v>
      </c>
      <c r="H4527" t="s">
        <v>23390</v>
      </c>
      <c r="J4527" t="s">
        <v>23391</v>
      </c>
      <c r="K4527" t="s">
        <v>23392</v>
      </c>
      <c r="M4527">
        <v>57508</v>
      </c>
      <c r="O4527">
        <v>706016</v>
      </c>
      <c r="P4527">
        <v>1</v>
      </c>
      <c r="Q4527">
        <v>0</v>
      </c>
      <c r="R4527" t="s">
        <v>23393</v>
      </c>
      <c r="S4527">
        <v>1029</v>
      </c>
    </row>
    <row r="4528" spans="1:19" x14ac:dyDescent="0.25">
      <c r="A4528">
        <v>42227304</v>
      </c>
      <c r="B4528" t="s">
        <v>23394</v>
      </c>
      <c r="C4528" s="1" t="s">
        <v>23395</v>
      </c>
      <c r="E4528">
        <v>1</v>
      </c>
      <c r="F4528">
        <v>0</v>
      </c>
      <c r="H4528" t="s">
        <v>23396</v>
      </c>
      <c r="J4528" t="s">
        <v>23397</v>
      </c>
      <c r="K4528" t="s">
        <v>23398</v>
      </c>
      <c r="M4528">
        <v>-1</v>
      </c>
      <c r="O4528">
        <v>4533188</v>
      </c>
      <c r="P4528">
        <v>1</v>
      </c>
      <c r="Q4528">
        <v>0</v>
      </c>
      <c r="R4528" t="s">
        <v>23399</v>
      </c>
      <c r="S4528">
        <v>997</v>
      </c>
    </row>
    <row r="4529" spans="1:19" x14ac:dyDescent="0.25">
      <c r="A4529">
        <v>36300370</v>
      </c>
      <c r="B4529" t="s">
        <v>23400</v>
      </c>
      <c r="C4529" s="1" t="s">
        <v>23401</v>
      </c>
      <c r="D4529">
        <v>36300421</v>
      </c>
      <c r="E4529">
        <v>2</v>
      </c>
      <c r="F4529">
        <v>1</v>
      </c>
      <c r="H4529" t="s">
        <v>23402</v>
      </c>
      <c r="J4529" t="s">
        <v>23403</v>
      </c>
      <c r="K4529" t="s">
        <v>23403</v>
      </c>
      <c r="M4529">
        <v>1961575</v>
      </c>
      <c r="O4529">
        <v>5860382</v>
      </c>
      <c r="P4529">
        <v>1</v>
      </c>
      <c r="Q4529">
        <v>-1</v>
      </c>
      <c r="R4529" t="s">
        <v>23404</v>
      </c>
      <c r="S4529">
        <v>90</v>
      </c>
    </row>
    <row r="4530" spans="1:19" x14ac:dyDescent="0.25">
      <c r="A4530">
        <v>33884418</v>
      </c>
      <c r="B4530" t="s">
        <v>23405</v>
      </c>
      <c r="C4530" t="s">
        <v>23406</v>
      </c>
      <c r="D4530">
        <v>33917412</v>
      </c>
      <c r="E4530">
        <v>1</v>
      </c>
      <c r="F4530">
        <v>0</v>
      </c>
      <c r="H4530" t="s">
        <v>23407</v>
      </c>
      <c r="J4530" t="s">
        <v>23408</v>
      </c>
      <c r="O4530">
        <v>5597618</v>
      </c>
      <c r="P4530">
        <v>1</v>
      </c>
      <c r="Q4530">
        <v>0</v>
      </c>
      <c r="R4530" t="s">
        <v>23409</v>
      </c>
      <c r="S4530">
        <v>134</v>
      </c>
    </row>
    <row r="4531" spans="1:19" x14ac:dyDescent="0.25">
      <c r="A4531">
        <v>8598109</v>
      </c>
      <c r="B4531" t="s">
        <v>23410</v>
      </c>
      <c r="C4531" s="1" t="s">
        <v>23411</v>
      </c>
      <c r="D4531">
        <v>8608608</v>
      </c>
      <c r="E4531">
        <v>1</v>
      </c>
      <c r="F4531">
        <v>2</v>
      </c>
      <c r="H4531" t="s">
        <v>23412</v>
      </c>
      <c r="J4531" t="s">
        <v>23413</v>
      </c>
      <c r="K4531" t="s">
        <v>23414</v>
      </c>
      <c r="M4531">
        <v>1093960</v>
      </c>
      <c r="O4531">
        <v>1093960</v>
      </c>
      <c r="P4531">
        <v>1</v>
      </c>
      <c r="Q4531">
        <v>0</v>
      </c>
      <c r="R4531" t="s">
        <v>23415</v>
      </c>
      <c r="S4531">
        <v>278</v>
      </c>
    </row>
    <row r="4532" spans="1:19" x14ac:dyDescent="0.25">
      <c r="A4532">
        <v>13566196</v>
      </c>
      <c r="B4532" t="s">
        <v>23416</v>
      </c>
      <c r="C4532" s="1" t="s">
        <v>23417</v>
      </c>
      <c r="E4532">
        <v>0</v>
      </c>
      <c r="F4532">
        <v>2</v>
      </c>
      <c r="H4532" t="s">
        <v>23418</v>
      </c>
      <c r="J4532" t="s">
        <v>23418</v>
      </c>
      <c r="O4532">
        <v>238190</v>
      </c>
      <c r="P4532">
        <v>1</v>
      </c>
      <c r="Q4532">
        <v>0</v>
      </c>
      <c r="R4532" t="s">
        <v>2771</v>
      </c>
      <c r="S4532">
        <v>553</v>
      </c>
    </row>
    <row r="4533" spans="1:19" x14ac:dyDescent="0.25">
      <c r="A4533">
        <v>5614060</v>
      </c>
      <c r="B4533" t="s">
        <v>23419</v>
      </c>
      <c r="C4533" s="1" t="s">
        <v>23420</v>
      </c>
      <c r="D4533">
        <v>7686885</v>
      </c>
      <c r="E4533">
        <v>1</v>
      </c>
      <c r="F4533">
        <v>2</v>
      </c>
      <c r="H4533" t="s">
        <v>23421</v>
      </c>
      <c r="I4533">
        <v>1</v>
      </c>
      <c r="J4533" t="s">
        <v>23422</v>
      </c>
      <c r="O4533">
        <v>615823</v>
      </c>
      <c r="P4533">
        <v>1</v>
      </c>
      <c r="Q4533">
        <v>2</v>
      </c>
      <c r="R4533" t="s">
        <v>7913</v>
      </c>
      <c r="S4533">
        <v>1198</v>
      </c>
    </row>
    <row r="4534" spans="1:19" x14ac:dyDescent="0.25">
      <c r="A4534">
        <v>53381440</v>
      </c>
      <c r="B4534" t="s">
        <v>23423</v>
      </c>
      <c r="C4534" s="1" t="s">
        <v>23424</v>
      </c>
      <c r="D4534">
        <v>53381607</v>
      </c>
      <c r="E4534">
        <v>2</v>
      </c>
      <c r="F4534">
        <v>0</v>
      </c>
      <c r="H4534" t="s">
        <v>23425</v>
      </c>
      <c r="J4534" t="s">
        <v>23426</v>
      </c>
      <c r="K4534" t="s">
        <v>23427</v>
      </c>
      <c r="M4534">
        <v>4822561</v>
      </c>
      <c r="O4534">
        <v>4822561</v>
      </c>
      <c r="P4534">
        <v>1</v>
      </c>
      <c r="Q4534">
        <v>0</v>
      </c>
      <c r="R4534" t="s">
        <v>23428</v>
      </c>
      <c r="S4534">
        <v>37</v>
      </c>
    </row>
    <row r="4535" spans="1:19" x14ac:dyDescent="0.25">
      <c r="A4535">
        <v>23327919</v>
      </c>
      <c r="B4535" t="s">
        <v>23429</v>
      </c>
      <c r="C4535" s="1" t="s">
        <v>23430</v>
      </c>
      <c r="D4535">
        <v>23378752</v>
      </c>
      <c r="E4535">
        <v>1</v>
      </c>
      <c r="F4535">
        <v>1</v>
      </c>
      <c r="H4535" t="s">
        <v>23431</v>
      </c>
      <c r="J4535" t="s">
        <v>23432</v>
      </c>
      <c r="O4535">
        <v>2720572</v>
      </c>
      <c r="P4535">
        <v>1</v>
      </c>
      <c r="Q4535">
        <v>0</v>
      </c>
      <c r="R4535" t="s">
        <v>23433</v>
      </c>
      <c r="S4535">
        <v>273</v>
      </c>
    </row>
    <row r="4536" spans="1:19" x14ac:dyDescent="0.25">
      <c r="A4536">
        <v>45035314</v>
      </c>
      <c r="B4536" t="s">
        <v>23434</v>
      </c>
      <c r="C4536" s="1" t="s">
        <v>23435</v>
      </c>
      <c r="E4536">
        <v>1</v>
      </c>
      <c r="F4536">
        <v>6</v>
      </c>
      <c r="H4536" t="s">
        <v>23436</v>
      </c>
      <c r="J4536" t="s">
        <v>23437</v>
      </c>
      <c r="O4536">
        <v>6788679</v>
      </c>
      <c r="P4536">
        <v>1</v>
      </c>
      <c r="Q4536">
        <v>0</v>
      </c>
      <c r="R4536" t="s">
        <v>23438</v>
      </c>
      <c r="S4536">
        <v>345</v>
      </c>
    </row>
    <row r="4537" spans="1:19" x14ac:dyDescent="0.25">
      <c r="A4537">
        <v>6560330</v>
      </c>
      <c r="B4537" t="s">
        <v>23439</v>
      </c>
      <c r="C4537" s="1" t="s">
        <v>23440</v>
      </c>
      <c r="D4537">
        <v>6560410</v>
      </c>
      <c r="E4537">
        <v>2</v>
      </c>
      <c r="F4537">
        <v>3</v>
      </c>
      <c r="H4537" t="s">
        <v>23441</v>
      </c>
      <c r="J4537" t="s">
        <v>23442</v>
      </c>
      <c r="K4537" t="s">
        <v>23443</v>
      </c>
      <c r="M4537">
        <v>807267</v>
      </c>
      <c r="O4537">
        <v>807267</v>
      </c>
      <c r="P4537">
        <v>1</v>
      </c>
      <c r="Q4537">
        <v>0</v>
      </c>
      <c r="R4537" t="s">
        <v>5486</v>
      </c>
      <c r="S4537">
        <v>4535</v>
      </c>
    </row>
    <row r="4538" spans="1:19" x14ac:dyDescent="0.25">
      <c r="A4538">
        <v>11386149</v>
      </c>
      <c r="B4538" t="s">
        <v>23444</v>
      </c>
      <c r="C4538" s="1" t="s">
        <v>23445</v>
      </c>
      <c r="E4538">
        <v>1</v>
      </c>
      <c r="F4538">
        <v>1</v>
      </c>
      <c r="H4538" t="s">
        <v>23446</v>
      </c>
      <c r="J4538" t="s">
        <v>23447</v>
      </c>
      <c r="O4538">
        <v>1235841</v>
      </c>
      <c r="P4538">
        <v>1</v>
      </c>
      <c r="Q4538">
        <v>2</v>
      </c>
      <c r="R4538" t="s">
        <v>23448</v>
      </c>
      <c r="S4538">
        <v>526</v>
      </c>
    </row>
    <row r="4539" spans="1:19" x14ac:dyDescent="0.25">
      <c r="A4539">
        <v>53155445</v>
      </c>
      <c r="B4539" t="s">
        <v>23449</v>
      </c>
      <c r="C4539" t="s">
        <v>23450</v>
      </c>
      <c r="E4539">
        <v>0</v>
      </c>
      <c r="F4539">
        <v>0</v>
      </c>
      <c r="H4539" t="s">
        <v>23451</v>
      </c>
      <c r="J4539" t="s">
        <v>23451</v>
      </c>
      <c r="O4539">
        <v>8688902</v>
      </c>
      <c r="P4539">
        <v>1</v>
      </c>
      <c r="Q4539">
        <v>0</v>
      </c>
      <c r="R4539" t="s">
        <v>23452</v>
      </c>
      <c r="S4539">
        <v>17</v>
      </c>
    </row>
    <row r="4540" spans="1:19" x14ac:dyDescent="0.25">
      <c r="A4540">
        <v>18558927</v>
      </c>
      <c r="B4540" t="s">
        <v>23453</v>
      </c>
      <c r="C4540" s="1" t="s">
        <v>23454</v>
      </c>
      <c r="D4540">
        <v>18714068</v>
      </c>
      <c r="E4540">
        <v>3</v>
      </c>
      <c r="F4540">
        <v>1</v>
      </c>
      <c r="H4540" t="s">
        <v>23455</v>
      </c>
      <c r="J4540" t="s">
        <v>23456</v>
      </c>
      <c r="K4540" t="s">
        <v>23457</v>
      </c>
      <c r="M4540">
        <v>981715</v>
      </c>
      <c r="O4540">
        <v>780694</v>
      </c>
      <c r="P4540">
        <v>1</v>
      </c>
      <c r="Q4540">
        <v>4</v>
      </c>
      <c r="R4540" t="s">
        <v>23458</v>
      </c>
      <c r="S4540">
        <v>1515</v>
      </c>
    </row>
    <row r="4541" spans="1:19" x14ac:dyDescent="0.25">
      <c r="A4541">
        <v>48159636</v>
      </c>
      <c r="B4541" t="s">
        <v>23459</v>
      </c>
      <c r="C4541" s="1" t="s">
        <v>23460</v>
      </c>
      <c r="E4541">
        <v>1</v>
      </c>
      <c r="F4541">
        <v>1</v>
      </c>
      <c r="H4541" t="s">
        <v>23461</v>
      </c>
      <c r="J4541" t="s">
        <v>23462</v>
      </c>
      <c r="K4541" t="s">
        <v>23462</v>
      </c>
      <c r="M4541">
        <v>845568</v>
      </c>
      <c r="O4541">
        <v>9190324</v>
      </c>
      <c r="P4541">
        <v>1</v>
      </c>
      <c r="Q4541">
        <v>0</v>
      </c>
      <c r="R4541" t="s">
        <v>23463</v>
      </c>
      <c r="S4541">
        <v>34</v>
      </c>
    </row>
    <row r="4542" spans="1:19" x14ac:dyDescent="0.25">
      <c r="A4542">
        <v>5536486</v>
      </c>
      <c r="B4542" t="s">
        <v>23464</v>
      </c>
      <c r="C4542" s="1" t="s">
        <v>23465</v>
      </c>
      <c r="D4542">
        <v>5536554</v>
      </c>
      <c r="E4542">
        <v>2</v>
      </c>
      <c r="F4542">
        <v>2</v>
      </c>
      <c r="H4542" t="s">
        <v>23466</v>
      </c>
      <c r="I4542">
        <v>3</v>
      </c>
      <c r="J4542" t="s">
        <v>23467</v>
      </c>
      <c r="K4542" t="s">
        <v>23468</v>
      </c>
      <c r="M4542">
        <v>377270</v>
      </c>
      <c r="O4542">
        <v>540350</v>
      </c>
      <c r="P4542">
        <v>1</v>
      </c>
      <c r="Q4542">
        <v>3</v>
      </c>
      <c r="R4542" t="s">
        <v>23469</v>
      </c>
      <c r="S4542">
        <v>16015</v>
      </c>
    </row>
    <row r="4543" spans="1:19" x14ac:dyDescent="0.25">
      <c r="A4543">
        <v>23811580</v>
      </c>
      <c r="B4543" t="s">
        <v>23470</v>
      </c>
      <c r="C4543" s="1" t="s">
        <v>23471</v>
      </c>
      <c r="D4543">
        <v>23811677</v>
      </c>
      <c r="E4543">
        <v>1</v>
      </c>
      <c r="F4543">
        <v>0</v>
      </c>
      <c r="H4543" t="s">
        <v>23472</v>
      </c>
      <c r="J4543" t="s">
        <v>23473</v>
      </c>
      <c r="O4543">
        <v>3282998</v>
      </c>
      <c r="P4543">
        <v>1</v>
      </c>
      <c r="Q4543">
        <v>0</v>
      </c>
      <c r="R4543" t="s">
        <v>23474</v>
      </c>
      <c r="S4543">
        <v>154</v>
      </c>
    </row>
    <row r="4544" spans="1:19" x14ac:dyDescent="0.25">
      <c r="A4544">
        <v>21335865</v>
      </c>
      <c r="B4544" t="s">
        <v>23475</v>
      </c>
      <c r="C4544" s="1" t="s">
        <v>23476</v>
      </c>
      <c r="E4544">
        <v>1</v>
      </c>
      <c r="F4544">
        <v>2</v>
      </c>
      <c r="H4544" t="s">
        <v>23477</v>
      </c>
      <c r="J4544" t="s">
        <v>23478</v>
      </c>
      <c r="O4544">
        <v>1746604</v>
      </c>
      <c r="P4544">
        <v>1</v>
      </c>
      <c r="Q4544">
        <v>1</v>
      </c>
      <c r="R4544" t="s">
        <v>4215</v>
      </c>
      <c r="S4544">
        <v>644</v>
      </c>
    </row>
    <row r="4545" spans="1:19" x14ac:dyDescent="0.25">
      <c r="A4545">
        <v>20848809</v>
      </c>
      <c r="B4545" t="s">
        <v>23479</v>
      </c>
      <c r="C4545" s="1" t="s">
        <v>23480</v>
      </c>
      <c r="D4545">
        <v>20914634</v>
      </c>
      <c r="E4545">
        <v>1</v>
      </c>
      <c r="F4545">
        <v>0</v>
      </c>
      <c r="H4545" t="s">
        <v>23481</v>
      </c>
      <c r="J4545" t="s">
        <v>23482</v>
      </c>
      <c r="K4545" t="s">
        <v>23483</v>
      </c>
      <c r="M4545">
        <v>1226963</v>
      </c>
      <c r="O4545">
        <v>1027644</v>
      </c>
      <c r="P4545">
        <v>1</v>
      </c>
      <c r="Q4545">
        <v>2</v>
      </c>
      <c r="R4545" t="s">
        <v>23484</v>
      </c>
      <c r="S4545">
        <v>4186</v>
      </c>
    </row>
    <row r="4546" spans="1:19" x14ac:dyDescent="0.25">
      <c r="A4546">
        <v>21431344</v>
      </c>
      <c r="B4546" t="s">
        <v>23485</v>
      </c>
      <c r="C4546" s="1" t="s">
        <v>23486</v>
      </c>
      <c r="E4546">
        <v>2</v>
      </c>
      <c r="F4546">
        <v>1</v>
      </c>
      <c r="H4546" t="s">
        <v>23487</v>
      </c>
      <c r="J4546" t="s">
        <v>23488</v>
      </c>
      <c r="K4546" t="s">
        <v>23489</v>
      </c>
      <c r="M4546">
        <v>256196</v>
      </c>
      <c r="O4546">
        <v>1708240</v>
      </c>
      <c r="P4546">
        <v>1</v>
      </c>
      <c r="Q4546">
        <v>1</v>
      </c>
      <c r="R4546" t="s">
        <v>23490</v>
      </c>
      <c r="S4546">
        <v>2475</v>
      </c>
    </row>
    <row r="4547" spans="1:19" x14ac:dyDescent="0.25">
      <c r="A4547">
        <v>36438921</v>
      </c>
      <c r="B4547" t="s">
        <v>23491</v>
      </c>
      <c r="C4547" s="1" t="s">
        <v>23492</v>
      </c>
      <c r="D4547">
        <v>36439054</v>
      </c>
      <c r="E4547">
        <v>1</v>
      </c>
      <c r="F4547">
        <v>1</v>
      </c>
      <c r="H4547" t="s">
        <v>23493</v>
      </c>
      <c r="J4547" t="s">
        <v>23494</v>
      </c>
      <c r="K4547" t="s">
        <v>23495</v>
      </c>
      <c r="M4547">
        <v>2203084</v>
      </c>
      <c r="O4547">
        <v>6163927</v>
      </c>
      <c r="P4547">
        <v>1</v>
      </c>
      <c r="Q4547">
        <v>0</v>
      </c>
      <c r="R4547" t="s">
        <v>780</v>
      </c>
      <c r="S4547">
        <v>14</v>
      </c>
    </row>
    <row r="4548" spans="1:19" x14ac:dyDescent="0.25">
      <c r="A4548">
        <v>30635656</v>
      </c>
      <c r="B4548" t="s">
        <v>23496</v>
      </c>
      <c r="C4548" t="s">
        <v>23497</v>
      </c>
      <c r="E4548">
        <v>0</v>
      </c>
      <c r="F4548">
        <v>5</v>
      </c>
      <c r="H4548" t="s">
        <v>23498</v>
      </c>
      <c r="J4548" t="s">
        <v>23499</v>
      </c>
      <c r="K4548" t="s">
        <v>23499</v>
      </c>
      <c r="M4548">
        <v>2853645</v>
      </c>
      <c r="O4548">
        <v>2853645</v>
      </c>
      <c r="P4548">
        <v>1</v>
      </c>
      <c r="Q4548">
        <v>0</v>
      </c>
      <c r="R4548" t="s">
        <v>23500</v>
      </c>
      <c r="S4548">
        <v>129</v>
      </c>
    </row>
    <row r="4549" spans="1:19" x14ac:dyDescent="0.25">
      <c r="A4549">
        <v>46340419</v>
      </c>
      <c r="B4549" t="s">
        <v>23501</v>
      </c>
      <c r="C4549" s="1" t="s">
        <v>23502</v>
      </c>
      <c r="E4549">
        <v>0</v>
      </c>
      <c r="F4549">
        <v>2</v>
      </c>
      <c r="H4549" t="s">
        <v>23503</v>
      </c>
      <c r="J4549" t="s">
        <v>23503</v>
      </c>
      <c r="O4549">
        <v>3984000</v>
      </c>
      <c r="P4549">
        <v>1</v>
      </c>
      <c r="Q4549">
        <v>0</v>
      </c>
      <c r="R4549" t="s">
        <v>23504</v>
      </c>
      <c r="S4549">
        <v>28</v>
      </c>
    </row>
    <row r="4550" spans="1:19" x14ac:dyDescent="0.25">
      <c r="A4550">
        <v>32357939</v>
      </c>
      <c r="B4550" t="s">
        <v>23505</v>
      </c>
      <c r="C4550" s="1" t="s">
        <v>23506</v>
      </c>
      <c r="D4550">
        <v>32358288</v>
      </c>
      <c r="E4550">
        <v>1</v>
      </c>
      <c r="F4550">
        <v>2</v>
      </c>
      <c r="H4550" t="s">
        <v>23507</v>
      </c>
      <c r="J4550" t="s">
        <v>23508</v>
      </c>
      <c r="O4550">
        <v>5293288</v>
      </c>
      <c r="P4550">
        <v>1</v>
      </c>
      <c r="Q4550">
        <v>0</v>
      </c>
      <c r="R4550" t="s">
        <v>23509</v>
      </c>
      <c r="S4550">
        <v>97</v>
      </c>
    </row>
    <row r="4551" spans="1:19" x14ac:dyDescent="0.25">
      <c r="A4551">
        <v>32441680</v>
      </c>
      <c r="B4551" t="s">
        <v>23510</v>
      </c>
      <c r="C4551" s="1" t="s">
        <v>23511</v>
      </c>
      <c r="E4551">
        <v>2</v>
      </c>
      <c r="F4551">
        <v>8</v>
      </c>
      <c r="H4551" t="s">
        <v>23512</v>
      </c>
      <c r="I4551">
        <v>1</v>
      </c>
      <c r="J4551" t="s">
        <v>23513</v>
      </c>
      <c r="K4551" t="s">
        <v>23513</v>
      </c>
      <c r="M4551">
        <v>1538099</v>
      </c>
      <c r="O4551">
        <v>1538099</v>
      </c>
      <c r="P4551">
        <v>1</v>
      </c>
      <c r="Q4551">
        <v>0</v>
      </c>
      <c r="R4551" t="s">
        <v>23514</v>
      </c>
      <c r="S4551">
        <v>287</v>
      </c>
    </row>
    <row r="4552" spans="1:19" x14ac:dyDescent="0.25">
      <c r="A4552">
        <v>37062977</v>
      </c>
      <c r="B4552" t="s">
        <v>23515</v>
      </c>
      <c r="C4552" s="1" t="s">
        <v>23516</v>
      </c>
      <c r="E4552">
        <v>2</v>
      </c>
      <c r="F4552">
        <v>0</v>
      </c>
      <c r="H4552" t="s">
        <v>23517</v>
      </c>
      <c r="I4552">
        <v>1</v>
      </c>
      <c r="J4552" t="s">
        <v>23518</v>
      </c>
      <c r="K4552" t="s">
        <v>23519</v>
      </c>
      <c r="M4552">
        <v>-1</v>
      </c>
      <c r="O4552">
        <v>1871869</v>
      </c>
      <c r="P4552">
        <v>1</v>
      </c>
      <c r="Q4552">
        <v>3</v>
      </c>
      <c r="R4552" t="s">
        <v>23520</v>
      </c>
      <c r="S4552">
        <v>1920</v>
      </c>
    </row>
    <row r="4553" spans="1:19" x14ac:dyDescent="0.25">
      <c r="A4553">
        <v>38033225</v>
      </c>
      <c r="B4553" t="s">
        <v>23521</v>
      </c>
      <c r="C4553" s="1" t="s">
        <v>23522</v>
      </c>
      <c r="D4553">
        <v>38033781</v>
      </c>
      <c r="E4553">
        <v>1</v>
      </c>
      <c r="F4553">
        <v>2</v>
      </c>
      <c r="H4553" t="s">
        <v>23523</v>
      </c>
      <c r="J4553" t="s">
        <v>23524</v>
      </c>
      <c r="K4553" t="s">
        <v>23525</v>
      </c>
      <c r="M4553">
        <v>5509627</v>
      </c>
      <c r="O4553">
        <v>612849</v>
      </c>
      <c r="P4553">
        <v>1</v>
      </c>
      <c r="Q4553">
        <v>0</v>
      </c>
      <c r="R4553" t="s">
        <v>23526</v>
      </c>
      <c r="S4553">
        <v>56</v>
      </c>
    </row>
    <row r="4554" spans="1:19" x14ac:dyDescent="0.25">
      <c r="A4554">
        <v>39640029</v>
      </c>
      <c r="B4554" t="s">
        <v>23527</v>
      </c>
      <c r="C4554" s="1" t="s">
        <v>23528</v>
      </c>
      <c r="E4554">
        <v>3</v>
      </c>
      <c r="F4554">
        <v>1</v>
      </c>
      <c r="H4554" t="s">
        <v>23529</v>
      </c>
      <c r="J4554" t="s">
        <v>23530</v>
      </c>
      <c r="K4554" t="s">
        <v>23531</v>
      </c>
      <c r="M4554">
        <v>3050403</v>
      </c>
      <c r="O4554">
        <v>3675173</v>
      </c>
      <c r="P4554">
        <v>1</v>
      </c>
      <c r="Q4554">
        <v>1</v>
      </c>
      <c r="R4554" t="s">
        <v>23532</v>
      </c>
      <c r="S4554">
        <v>2002</v>
      </c>
    </row>
    <row r="4555" spans="1:19" x14ac:dyDescent="0.25">
      <c r="A4555">
        <v>26507370</v>
      </c>
      <c r="B4555" t="s">
        <v>23533</v>
      </c>
      <c r="C4555" s="1" t="s">
        <v>23534</v>
      </c>
      <c r="D4555">
        <v>26507962</v>
      </c>
      <c r="E4555">
        <v>3</v>
      </c>
      <c r="F4555">
        <v>4</v>
      </c>
      <c r="H4555" t="s">
        <v>23535</v>
      </c>
      <c r="J4555" t="s">
        <v>23536</v>
      </c>
      <c r="K4555" t="s">
        <v>23537</v>
      </c>
      <c r="M4555">
        <v>3189923</v>
      </c>
      <c r="O4555">
        <v>3189923</v>
      </c>
      <c r="P4555">
        <v>1</v>
      </c>
      <c r="Q4555">
        <v>2</v>
      </c>
      <c r="R4555" t="s">
        <v>23538</v>
      </c>
      <c r="S4555">
        <v>1863</v>
      </c>
    </row>
    <row r="4556" spans="1:19" x14ac:dyDescent="0.25">
      <c r="A4556">
        <v>18383887</v>
      </c>
      <c r="B4556" t="s">
        <v>23539</v>
      </c>
      <c r="C4556" s="1" t="s">
        <v>23540</v>
      </c>
      <c r="E4556">
        <v>2</v>
      </c>
      <c r="F4556">
        <v>8</v>
      </c>
      <c r="H4556" t="s">
        <v>23541</v>
      </c>
      <c r="J4556" t="s">
        <v>23542</v>
      </c>
      <c r="O4556">
        <v>1888266</v>
      </c>
      <c r="P4556">
        <v>1</v>
      </c>
      <c r="Q4556">
        <v>4</v>
      </c>
      <c r="R4556" t="s">
        <v>23543</v>
      </c>
      <c r="S4556">
        <v>690</v>
      </c>
    </row>
    <row r="4557" spans="1:19" x14ac:dyDescent="0.25">
      <c r="A4557">
        <v>5825651</v>
      </c>
      <c r="B4557" t="s">
        <v>23544</v>
      </c>
      <c r="C4557" s="1" t="s">
        <v>23545</v>
      </c>
      <c r="D4557">
        <v>5826232</v>
      </c>
      <c r="E4557">
        <v>4</v>
      </c>
      <c r="F4557">
        <v>0</v>
      </c>
      <c r="H4557" t="s">
        <v>23546</v>
      </c>
      <c r="I4557">
        <v>2</v>
      </c>
      <c r="J4557" t="s">
        <v>23547</v>
      </c>
      <c r="K4557" t="s">
        <v>23548</v>
      </c>
      <c r="M4557">
        <v>546730</v>
      </c>
      <c r="O4557">
        <v>1514</v>
      </c>
      <c r="P4557">
        <v>1</v>
      </c>
      <c r="Q4557">
        <v>13</v>
      </c>
      <c r="R4557" t="s">
        <v>23549</v>
      </c>
      <c r="S4557">
        <v>14147</v>
      </c>
    </row>
    <row r="4558" spans="1:19" x14ac:dyDescent="0.25">
      <c r="A4558">
        <v>51839684</v>
      </c>
      <c r="B4558" t="s">
        <v>23550</v>
      </c>
      <c r="C4558" s="1" t="s">
        <v>23551</v>
      </c>
      <c r="E4558">
        <v>1</v>
      </c>
      <c r="F4558">
        <v>2</v>
      </c>
      <c r="H4558" t="s">
        <v>23552</v>
      </c>
      <c r="J4558" t="s">
        <v>23553</v>
      </c>
      <c r="O4558">
        <v>10224051</v>
      </c>
      <c r="P4558">
        <v>1</v>
      </c>
      <c r="Q4558">
        <v>0</v>
      </c>
      <c r="R4558" t="s">
        <v>23554</v>
      </c>
      <c r="S4558">
        <v>69</v>
      </c>
    </row>
    <row r="4559" spans="1:19" x14ac:dyDescent="0.25">
      <c r="A4559">
        <v>25977882</v>
      </c>
      <c r="B4559" t="s">
        <v>23555</v>
      </c>
      <c r="C4559" s="1" t="s">
        <v>23556</v>
      </c>
      <c r="E4559">
        <v>0</v>
      </c>
      <c r="F4559">
        <v>2</v>
      </c>
      <c r="H4559" t="s">
        <v>23557</v>
      </c>
      <c r="I4559">
        <v>0</v>
      </c>
      <c r="J4559" t="s">
        <v>23557</v>
      </c>
      <c r="O4559">
        <v>1809538</v>
      </c>
      <c r="P4559">
        <v>1</v>
      </c>
      <c r="Q4559">
        <v>0</v>
      </c>
      <c r="R4559" t="s">
        <v>23558</v>
      </c>
      <c r="S4559">
        <v>134</v>
      </c>
    </row>
    <row r="4560" spans="1:19" x14ac:dyDescent="0.25">
      <c r="A4560">
        <v>41718826</v>
      </c>
      <c r="B4560" t="s">
        <v>23559</v>
      </c>
      <c r="C4560" s="1" t="s">
        <v>23560</v>
      </c>
      <c r="D4560">
        <v>41719093</v>
      </c>
      <c r="E4560">
        <v>1</v>
      </c>
      <c r="F4560">
        <v>4</v>
      </c>
      <c r="H4560" t="s">
        <v>23561</v>
      </c>
      <c r="J4560" t="s">
        <v>23562</v>
      </c>
      <c r="K4560" t="s">
        <v>23562</v>
      </c>
      <c r="M4560">
        <v>4380409</v>
      </c>
      <c r="O4560">
        <v>5370838</v>
      </c>
      <c r="P4560">
        <v>1</v>
      </c>
      <c r="Q4560">
        <v>0</v>
      </c>
      <c r="R4560" t="s">
        <v>23563</v>
      </c>
      <c r="S4560">
        <v>74</v>
      </c>
    </row>
    <row r="4561" spans="1:19" x14ac:dyDescent="0.25">
      <c r="A4561">
        <v>42852297</v>
      </c>
      <c r="B4561" t="s">
        <v>23564</v>
      </c>
      <c r="C4561" s="1" t="s">
        <v>23565</v>
      </c>
      <c r="E4561">
        <v>4</v>
      </c>
      <c r="F4561">
        <v>6</v>
      </c>
      <c r="H4561" t="s">
        <v>23566</v>
      </c>
      <c r="J4561" t="s">
        <v>23567</v>
      </c>
      <c r="K4561" t="s">
        <v>23568</v>
      </c>
      <c r="M4561">
        <v>4670317</v>
      </c>
      <c r="O4561">
        <v>7002051</v>
      </c>
      <c r="P4561">
        <v>1</v>
      </c>
      <c r="Q4561">
        <v>0</v>
      </c>
      <c r="R4561" t="s">
        <v>23569</v>
      </c>
      <c r="S4561">
        <v>349</v>
      </c>
    </row>
    <row r="4562" spans="1:19" x14ac:dyDescent="0.25">
      <c r="A4562">
        <v>15215209</v>
      </c>
      <c r="B4562" t="s">
        <v>23570</v>
      </c>
      <c r="C4562" s="1" t="s">
        <v>23571</v>
      </c>
      <c r="E4562">
        <v>0</v>
      </c>
      <c r="F4562">
        <v>5</v>
      </c>
      <c r="H4562" t="s">
        <v>23572</v>
      </c>
      <c r="J4562" t="s">
        <v>23573</v>
      </c>
      <c r="K4562" t="s">
        <v>23573</v>
      </c>
      <c r="M4562">
        <v>1781060</v>
      </c>
      <c r="O4562">
        <v>1781060</v>
      </c>
      <c r="P4562">
        <v>1</v>
      </c>
      <c r="Q4562">
        <v>1</v>
      </c>
      <c r="R4562" t="s">
        <v>23574</v>
      </c>
      <c r="S4562">
        <v>524</v>
      </c>
    </row>
    <row r="4563" spans="1:19" x14ac:dyDescent="0.25">
      <c r="A4563">
        <v>28373154</v>
      </c>
      <c r="B4563" t="s">
        <v>23575</v>
      </c>
      <c r="C4563" s="1" t="s">
        <v>23576</v>
      </c>
      <c r="D4563">
        <v>28373469</v>
      </c>
      <c r="E4563">
        <v>3</v>
      </c>
      <c r="F4563">
        <v>14</v>
      </c>
      <c r="H4563" t="s">
        <v>23577</v>
      </c>
      <c r="J4563" t="s">
        <v>23578</v>
      </c>
      <c r="K4563" t="s">
        <v>23579</v>
      </c>
      <c r="M4563">
        <v>728168</v>
      </c>
      <c r="O4563">
        <v>728168</v>
      </c>
      <c r="P4563">
        <v>1</v>
      </c>
      <c r="Q4563">
        <v>2</v>
      </c>
      <c r="R4563" t="s">
        <v>23580</v>
      </c>
      <c r="S4563">
        <v>411</v>
      </c>
    </row>
    <row r="4564" spans="1:19" x14ac:dyDescent="0.25">
      <c r="A4564">
        <v>33549087</v>
      </c>
      <c r="B4564" t="s">
        <v>23581</v>
      </c>
      <c r="C4564" s="1" t="s">
        <v>23582</v>
      </c>
      <c r="E4564">
        <v>1</v>
      </c>
      <c r="F4564">
        <v>3</v>
      </c>
      <c r="H4564" t="s">
        <v>23583</v>
      </c>
      <c r="J4564" t="s">
        <v>23584</v>
      </c>
      <c r="O4564">
        <v>5418784</v>
      </c>
      <c r="P4564">
        <v>1</v>
      </c>
      <c r="Q4564">
        <v>0</v>
      </c>
      <c r="R4564" t="s">
        <v>213</v>
      </c>
      <c r="S4564">
        <v>79</v>
      </c>
    </row>
    <row r="4565" spans="1:19" x14ac:dyDescent="0.25">
      <c r="A4565">
        <v>45406769</v>
      </c>
      <c r="B4565" t="s">
        <v>23585</v>
      </c>
      <c r="C4565" s="1" t="s">
        <v>23586</v>
      </c>
      <c r="D4565">
        <v>45411354</v>
      </c>
      <c r="E4565">
        <v>2</v>
      </c>
      <c r="F4565">
        <v>0</v>
      </c>
      <c r="H4565" t="s">
        <v>23587</v>
      </c>
      <c r="J4565" t="s">
        <v>23588</v>
      </c>
      <c r="K4565" t="s">
        <v>23589</v>
      </c>
      <c r="M4565">
        <v>5693811</v>
      </c>
      <c r="O4565">
        <v>8389261</v>
      </c>
      <c r="P4565">
        <v>1</v>
      </c>
      <c r="Q4565">
        <v>-2</v>
      </c>
      <c r="R4565" t="s">
        <v>15815</v>
      </c>
      <c r="S4565">
        <v>39</v>
      </c>
    </row>
    <row r="4566" spans="1:19" x14ac:dyDescent="0.25">
      <c r="A4566">
        <v>44209491</v>
      </c>
      <c r="B4566" t="s">
        <v>23590</v>
      </c>
      <c r="C4566" s="1" t="s">
        <v>23591</v>
      </c>
      <c r="D4566">
        <v>44209719</v>
      </c>
      <c r="E4566">
        <v>2</v>
      </c>
      <c r="F4566">
        <v>1</v>
      </c>
      <c r="H4566" t="s">
        <v>23592</v>
      </c>
      <c r="J4566" t="s">
        <v>23593</v>
      </c>
      <c r="O4566">
        <v>6115533</v>
      </c>
      <c r="P4566">
        <v>1</v>
      </c>
      <c r="Q4566">
        <v>0</v>
      </c>
      <c r="R4566" t="s">
        <v>23594</v>
      </c>
      <c r="S4566">
        <v>158</v>
      </c>
    </row>
    <row r="4567" spans="1:19" x14ac:dyDescent="0.25">
      <c r="A4567">
        <v>27910204</v>
      </c>
      <c r="B4567" t="s">
        <v>23595</v>
      </c>
      <c r="C4567" s="1" t="s">
        <v>23596</v>
      </c>
      <c r="D4567">
        <v>27935771</v>
      </c>
      <c r="E4567">
        <v>2</v>
      </c>
      <c r="F4567">
        <v>11</v>
      </c>
      <c r="H4567" t="s">
        <v>23597</v>
      </c>
      <c r="I4567">
        <v>1</v>
      </c>
      <c r="J4567" t="s">
        <v>23598</v>
      </c>
      <c r="K4567" t="s">
        <v>23599</v>
      </c>
      <c r="M4567">
        <v>324922</v>
      </c>
      <c r="O4567">
        <v>324922</v>
      </c>
      <c r="P4567">
        <v>1</v>
      </c>
      <c r="Q4567">
        <v>3</v>
      </c>
      <c r="R4567" t="s">
        <v>23600</v>
      </c>
      <c r="S4567">
        <v>1213</v>
      </c>
    </row>
    <row r="4568" spans="1:19" x14ac:dyDescent="0.25">
      <c r="A4568">
        <v>49404921</v>
      </c>
      <c r="B4568" t="s">
        <v>23601</v>
      </c>
      <c r="C4568" s="1" t="s">
        <v>23602</v>
      </c>
      <c r="E4568">
        <v>1</v>
      </c>
      <c r="F4568">
        <v>1</v>
      </c>
      <c r="H4568" t="s">
        <v>23603</v>
      </c>
      <c r="J4568" t="s">
        <v>23604</v>
      </c>
      <c r="O4568">
        <v>9441981</v>
      </c>
      <c r="P4568">
        <v>1</v>
      </c>
      <c r="Q4568">
        <v>0</v>
      </c>
      <c r="R4568" t="s">
        <v>23605</v>
      </c>
      <c r="S4568">
        <v>322</v>
      </c>
    </row>
    <row r="4569" spans="1:19" x14ac:dyDescent="0.25">
      <c r="A4569">
        <v>53192426</v>
      </c>
      <c r="B4569" t="s">
        <v>23606</v>
      </c>
      <c r="C4569" s="1" t="s">
        <v>23607</v>
      </c>
      <c r="E4569">
        <v>2</v>
      </c>
      <c r="F4569">
        <v>2</v>
      </c>
      <c r="H4569" t="s">
        <v>23608</v>
      </c>
      <c r="J4569" t="s">
        <v>23609</v>
      </c>
      <c r="O4569">
        <v>5790382</v>
      </c>
      <c r="P4569">
        <v>1</v>
      </c>
      <c r="Q4569">
        <v>-1</v>
      </c>
      <c r="R4569" t="s">
        <v>23610</v>
      </c>
      <c r="S4569">
        <v>51</v>
      </c>
    </row>
    <row r="4570" spans="1:19" x14ac:dyDescent="0.25">
      <c r="A4570">
        <v>51145372</v>
      </c>
      <c r="B4570" t="s">
        <v>23611</v>
      </c>
      <c r="C4570" s="1" t="s">
        <v>23612</v>
      </c>
      <c r="E4570">
        <v>1</v>
      </c>
      <c r="F4570">
        <v>2</v>
      </c>
      <c r="H4570" t="s">
        <v>23613</v>
      </c>
      <c r="J4570" t="s">
        <v>23614</v>
      </c>
      <c r="O4570">
        <v>9814112</v>
      </c>
      <c r="P4570">
        <v>1</v>
      </c>
      <c r="Q4570">
        <v>-4</v>
      </c>
      <c r="R4570" t="s">
        <v>23615</v>
      </c>
      <c r="S4570">
        <v>26</v>
      </c>
    </row>
    <row r="4571" spans="1:19" x14ac:dyDescent="0.25">
      <c r="A4571">
        <v>47565299</v>
      </c>
      <c r="B4571" t="s">
        <v>23616</v>
      </c>
      <c r="C4571" s="1" t="s">
        <v>23617</v>
      </c>
      <c r="E4571">
        <v>0</v>
      </c>
      <c r="F4571">
        <v>0</v>
      </c>
      <c r="H4571" t="s">
        <v>23618</v>
      </c>
      <c r="J4571" t="s">
        <v>23619</v>
      </c>
      <c r="K4571" t="s">
        <v>23619</v>
      </c>
      <c r="M4571">
        <v>9029850</v>
      </c>
      <c r="O4571">
        <v>9029850</v>
      </c>
      <c r="P4571">
        <v>1</v>
      </c>
      <c r="Q4571">
        <v>0</v>
      </c>
      <c r="R4571" t="s">
        <v>351</v>
      </c>
      <c r="S4571">
        <v>35</v>
      </c>
    </row>
    <row r="4572" spans="1:19" x14ac:dyDescent="0.25">
      <c r="A4572">
        <v>26110031</v>
      </c>
      <c r="B4572" t="s">
        <v>23620</v>
      </c>
      <c r="C4572" s="1" t="s">
        <v>23621</v>
      </c>
      <c r="E4572">
        <v>1</v>
      </c>
      <c r="F4572">
        <v>3</v>
      </c>
      <c r="H4572" t="s">
        <v>23622</v>
      </c>
      <c r="J4572" t="s">
        <v>23623</v>
      </c>
      <c r="K4572" t="s">
        <v>23624</v>
      </c>
      <c r="M4572">
        <v>3654246</v>
      </c>
      <c r="O4572">
        <v>3654246</v>
      </c>
      <c r="P4572">
        <v>1</v>
      </c>
      <c r="Q4572">
        <v>-2</v>
      </c>
      <c r="R4572" t="s">
        <v>23625</v>
      </c>
      <c r="S4572">
        <v>104</v>
      </c>
    </row>
    <row r="4573" spans="1:19" x14ac:dyDescent="0.25">
      <c r="A4573">
        <v>16179206</v>
      </c>
      <c r="B4573" t="s">
        <v>23626</v>
      </c>
      <c r="C4573" s="1" t="s">
        <v>23627</v>
      </c>
      <c r="E4573">
        <v>1</v>
      </c>
      <c r="F4573">
        <v>1</v>
      </c>
      <c r="H4573" t="s">
        <v>23628</v>
      </c>
      <c r="J4573" t="s">
        <v>23629</v>
      </c>
      <c r="K4573" t="s">
        <v>23630</v>
      </c>
      <c r="M4573">
        <v>147037</v>
      </c>
      <c r="O4573">
        <v>1108319</v>
      </c>
      <c r="P4573">
        <v>1</v>
      </c>
      <c r="Q4573">
        <v>0</v>
      </c>
      <c r="R4573" t="s">
        <v>23631</v>
      </c>
      <c r="S4573">
        <v>70</v>
      </c>
    </row>
    <row r="4574" spans="1:19" x14ac:dyDescent="0.25">
      <c r="A4574">
        <v>44867037</v>
      </c>
      <c r="B4574" t="s">
        <v>23632</v>
      </c>
      <c r="C4574" s="1" t="s">
        <v>23633</v>
      </c>
      <c r="D4574">
        <v>44871164</v>
      </c>
      <c r="E4574">
        <v>2</v>
      </c>
      <c r="F4574">
        <v>1</v>
      </c>
      <c r="H4574" t="s">
        <v>23634</v>
      </c>
      <c r="J4574" t="s">
        <v>23635</v>
      </c>
      <c r="K4574" t="s">
        <v>23636</v>
      </c>
      <c r="M4574">
        <v>7145834</v>
      </c>
      <c r="O4574">
        <v>7145834</v>
      </c>
      <c r="P4574">
        <v>1</v>
      </c>
      <c r="Q4574">
        <v>0</v>
      </c>
      <c r="R4574" t="s">
        <v>23637</v>
      </c>
      <c r="S4574">
        <v>524</v>
      </c>
    </row>
    <row r="4575" spans="1:19" x14ac:dyDescent="0.25">
      <c r="A4575">
        <v>41847845</v>
      </c>
      <c r="B4575" t="s">
        <v>23638</v>
      </c>
      <c r="C4575" s="1" t="s">
        <v>23639</v>
      </c>
      <c r="D4575">
        <v>41847983</v>
      </c>
      <c r="E4575">
        <v>1</v>
      </c>
      <c r="F4575">
        <v>2</v>
      </c>
      <c r="H4575" t="s">
        <v>23640</v>
      </c>
      <c r="J4575" t="s">
        <v>23641</v>
      </c>
      <c r="O4575">
        <v>7468146</v>
      </c>
      <c r="P4575">
        <v>1</v>
      </c>
      <c r="Q4575">
        <v>0</v>
      </c>
      <c r="R4575" t="s">
        <v>23642</v>
      </c>
      <c r="S4575">
        <v>30</v>
      </c>
    </row>
    <row r="4576" spans="1:19" x14ac:dyDescent="0.25">
      <c r="A4576">
        <v>14536767</v>
      </c>
      <c r="B4576" t="s">
        <v>23643</v>
      </c>
      <c r="C4576" s="1" t="s">
        <v>23644</v>
      </c>
      <c r="D4576">
        <v>14536794</v>
      </c>
      <c r="E4576">
        <v>3</v>
      </c>
      <c r="F4576">
        <v>1</v>
      </c>
      <c r="H4576" t="s">
        <v>23645</v>
      </c>
      <c r="J4576" t="s">
        <v>23646</v>
      </c>
      <c r="O4576">
        <v>1152980</v>
      </c>
      <c r="P4576">
        <v>1</v>
      </c>
      <c r="Q4576">
        <v>0</v>
      </c>
      <c r="R4576" t="s">
        <v>929</v>
      </c>
      <c r="S4576">
        <v>77</v>
      </c>
    </row>
    <row r="4577" spans="1:19" x14ac:dyDescent="0.25">
      <c r="A4577">
        <v>21854445</v>
      </c>
      <c r="B4577" t="s">
        <v>23647</v>
      </c>
      <c r="C4577" s="1" t="s">
        <v>23648</v>
      </c>
      <c r="D4577">
        <v>21854570</v>
      </c>
      <c r="E4577">
        <v>1</v>
      </c>
      <c r="F4577">
        <v>1</v>
      </c>
      <c r="H4577" t="s">
        <v>23649</v>
      </c>
      <c r="J4577" t="s">
        <v>23650</v>
      </c>
      <c r="K4577" t="s">
        <v>23651</v>
      </c>
      <c r="M4577">
        <v>225799</v>
      </c>
      <c r="O4577">
        <v>225799</v>
      </c>
      <c r="P4577">
        <v>1</v>
      </c>
      <c r="Q4577">
        <v>4</v>
      </c>
      <c r="R4577" t="s">
        <v>23652</v>
      </c>
      <c r="S4577">
        <v>772</v>
      </c>
    </row>
    <row r="4578" spans="1:19" x14ac:dyDescent="0.25">
      <c r="A4578">
        <v>17792699</v>
      </c>
      <c r="B4578" t="s">
        <v>23653</v>
      </c>
      <c r="C4578" s="1" t="s">
        <v>23654</v>
      </c>
      <c r="E4578">
        <v>0</v>
      </c>
      <c r="F4578">
        <v>4</v>
      </c>
      <c r="H4578" t="s">
        <v>23655</v>
      </c>
      <c r="J4578" t="s">
        <v>23656</v>
      </c>
      <c r="K4578" t="s">
        <v>23656</v>
      </c>
      <c r="M4578">
        <v>2533772</v>
      </c>
      <c r="O4578">
        <v>1854150</v>
      </c>
      <c r="P4578">
        <v>1</v>
      </c>
      <c r="Q4578">
        <v>0</v>
      </c>
      <c r="R4578" t="s">
        <v>23657</v>
      </c>
      <c r="S4578">
        <v>51</v>
      </c>
    </row>
    <row r="4579" spans="1:19" x14ac:dyDescent="0.25">
      <c r="A4579">
        <v>50671213</v>
      </c>
      <c r="B4579" t="s">
        <v>23658</v>
      </c>
      <c r="C4579" t="s">
        <v>23659</v>
      </c>
      <c r="E4579">
        <v>1</v>
      </c>
      <c r="F4579">
        <v>0</v>
      </c>
      <c r="H4579" t="s">
        <v>23660</v>
      </c>
      <c r="J4579" t="s">
        <v>23661</v>
      </c>
      <c r="K4579" t="s">
        <v>23661</v>
      </c>
      <c r="M4579">
        <v>314166</v>
      </c>
      <c r="O4579">
        <v>9226882</v>
      </c>
      <c r="P4579">
        <v>1</v>
      </c>
      <c r="Q4579">
        <v>0</v>
      </c>
      <c r="R4579" t="s">
        <v>23662</v>
      </c>
      <c r="S4579">
        <v>58</v>
      </c>
    </row>
    <row r="4580" spans="1:19" x14ac:dyDescent="0.25">
      <c r="A4580">
        <v>51457267</v>
      </c>
      <c r="B4580" t="s">
        <v>23663</v>
      </c>
      <c r="C4580" s="1" t="s">
        <v>23664</v>
      </c>
      <c r="D4580">
        <v>51457365</v>
      </c>
      <c r="E4580">
        <v>2</v>
      </c>
      <c r="F4580">
        <v>2</v>
      </c>
      <c r="H4580" t="s">
        <v>23665</v>
      </c>
      <c r="J4580" t="s">
        <v>23666</v>
      </c>
      <c r="O4580">
        <v>9262619</v>
      </c>
      <c r="P4580">
        <v>1</v>
      </c>
      <c r="Q4580">
        <v>0</v>
      </c>
      <c r="R4580" t="s">
        <v>23667</v>
      </c>
      <c r="S4580">
        <v>37</v>
      </c>
    </row>
    <row r="4581" spans="1:19" x14ac:dyDescent="0.25">
      <c r="A4581">
        <v>20051361</v>
      </c>
      <c r="B4581" t="s">
        <v>23668</v>
      </c>
      <c r="C4581" s="1" t="s">
        <v>23669</v>
      </c>
      <c r="D4581">
        <v>20053024</v>
      </c>
      <c r="E4581">
        <v>1</v>
      </c>
      <c r="F4581">
        <v>1</v>
      </c>
      <c r="H4581" t="s">
        <v>23670</v>
      </c>
      <c r="J4581" t="s">
        <v>23671</v>
      </c>
      <c r="O4581">
        <v>610217</v>
      </c>
      <c r="P4581">
        <v>1</v>
      </c>
      <c r="Q4581">
        <v>0</v>
      </c>
      <c r="R4581" t="s">
        <v>23672</v>
      </c>
      <c r="S4581">
        <v>327</v>
      </c>
    </row>
    <row r="4582" spans="1:19" x14ac:dyDescent="0.25">
      <c r="A4582">
        <v>3962628</v>
      </c>
      <c r="B4582" t="s">
        <v>23673</v>
      </c>
      <c r="C4582" s="1" t="s">
        <v>23674</v>
      </c>
      <c r="D4582">
        <v>3964360</v>
      </c>
      <c r="E4582">
        <v>2</v>
      </c>
      <c r="F4582">
        <v>0</v>
      </c>
      <c r="H4582" t="s">
        <v>23675</v>
      </c>
      <c r="I4582">
        <v>1</v>
      </c>
      <c r="J4582" t="s">
        <v>23676</v>
      </c>
      <c r="K4582" t="s">
        <v>23676</v>
      </c>
      <c r="M4582">
        <v>25616</v>
      </c>
      <c r="O4582">
        <v>25616</v>
      </c>
      <c r="P4582">
        <v>1</v>
      </c>
      <c r="Q4582">
        <v>0</v>
      </c>
      <c r="R4582" t="s">
        <v>23677</v>
      </c>
      <c r="S4582">
        <v>158</v>
      </c>
    </row>
    <row r="4583" spans="1:19" x14ac:dyDescent="0.25">
      <c r="A4583">
        <v>46975993</v>
      </c>
      <c r="B4583" t="s">
        <v>23678</v>
      </c>
      <c r="C4583" s="1" t="s">
        <v>23679</v>
      </c>
      <c r="D4583">
        <v>46976054</v>
      </c>
      <c r="E4583">
        <v>1</v>
      </c>
      <c r="F4583">
        <v>0</v>
      </c>
      <c r="H4583" t="s">
        <v>23680</v>
      </c>
      <c r="I4583">
        <v>1</v>
      </c>
      <c r="J4583" t="s">
        <v>23681</v>
      </c>
      <c r="O4583">
        <v>3844127</v>
      </c>
      <c r="P4583">
        <v>1</v>
      </c>
      <c r="Q4583">
        <v>1</v>
      </c>
      <c r="R4583" t="s">
        <v>23682</v>
      </c>
      <c r="S4583">
        <v>50</v>
      </c>
    </row>
    <row r="4584" spans="1:19" x14ac:dyDescent="0.25">
      <c r="A4584">
        <v>19380439</v>
      </c>
      <c r="B4584" t="s">
        <v>23683</v>
      </c>
      <c r="C4584" s="1" t="s">
        <v>23684</v>
      </c>
      <c r="E4584">
        <v>1</v>
      </c>
      <c r="F4584">
        <v>4</v>
      </c>
      <c r="H4584" t="s">
        <v>23685</v>
      </c>
      <c r="J4584" t="s">
        <v>23686</v>
      </c>
      <c r="K4584" t="s">
        <v>23687</v>
      </c>
      <c r="M4584">
        <v>5292302</v>
      </c>
      <c r="O4584">
        <v>1954953</v>
      </c>
      <c r="P4584">
        <v>1</v>
      </c>
      <c r="Q4584">
        <v>0</v>
      </c>
      <c r="R4584" t="s">
        <v>23688</v>
      </c>
      <c r="S4584">
        <v>2113</v>
      </c>
    </row>
    <row r="4585" spans="1:19" x14ac:dyDescent="0.25">
      <c r="A4585">
        <v>40704428</v>
      </c>
      <c r="B4585" t="s">
        <v>23689</v>
      </c>
      <c r="C4585" s="1" t="s">
        <v>23690</v>
      </c>
      <c r="E4585">
        <v>1</v>
      </c>
      <c r="F4585">
        <v>0</v>
      </c>
      <c r="H4585" t="s">
        <v>23691</v>
      </c>
      <c r="I4585">
        <v>1</v>
      </c>
      <c r="J4585" t="s">
        <v>23692</v>
      </c>
      <c r="O4585">
        <v>3452075</v>
      </c>
      <c r="P4585">
        <v>1</v>
      </c>
      <c r="Q4585">
        <v>1</v>
      </c>
      <c r="R4585" t="s">
        <v>23693</v>
      </c>
      <c r="S4585">
        <v>705</v>
      </c>
    </row>
    <row r="4586" spans="1:19" x14ac:dyDescent="0.25">
      <c r="A4586">
        <v>4293605</v>
      </c>
      <c r="B4586" t="s">
        <v>23694</v>
      </c>
      <c r="C4586" s="1" t="s">
        <v>23695</v>
      </c>
      <c r="E4586">
        <v>1</v>
      </c>
      <c r="F4586">
        <v>0</v>
      </c>
      <c r="H4586" t="s">
        <v>23696</v>
      </c>
      <c r="J4586" t="s">
        <v>23697</v>
      </c>
      <c r="O4586">
        <v>522502</v>
      </c>
      <c r="P4586">
        <v>1</v>
      </c>
      <c r="Q4586">
        <v>0</v>
      </c>
      <c r="R4586" t="s">
        <v>23698</v>
      </c>
      <c r="S4586">
        <v>248</v>
      </c>
    </row>
    <row r="4587" spans="1:19" x14ac:dyDescent="0.25">
      <c r="A4587">
        <v>3161268</v>
      </c>
      <c r="B4587" t="s">
        <v>23699</v>
      </c>
      <c r="C4587" s="1" t="s">
        <v>23700</v>
      </c>
      <c r="D4587">
        <v>3163803</v>
      </c>
      <c r="E4587">
        <v>4</v>
      </c>
      <c r="F4587">
        <v>0</v>
      </c>
      <c r="H4587" t="s">
        <v>23701</v>
      </c>
      <c r="I4587">
        <v>1</v>
      </c>
      <c r="J4587" t="s">
        <v>23702</v>
      </c>
      <c r="K4587" t="s">
        <v>23702</v>
      </c>
      <c r="M4587">
        <v>91299</v>
      </c>
      <c r="O4587">
        <v>267885</v>
      </c>
      <c r="P4587">
        <v>1</v>
      </c>
      <c r="Q4587">
        <v>4</v>
      </c>
      <c r="R4587" t="s">
        <v>23703</v>
      </c>
      <c r="S4587">
        <v>2047</v>
      </c>
    </row>
    <row r="4588" spans="1:19" x14ac:dyDescent="0.25">
      <c r="A4588">
        <v>1773040</v>
      </c>
      <c r="B4588" t="s">
        <v>23704</v>
      </c>
      <c r="C4588" s="1" t="s">
        <v>23705</v>
      </c>
      <c r="E4588">
        <v>2</v>
      </c>
      <c r="F4588">
        <v>0</v>
      </c>
      <c r="H4588" t="s">
        <v>23706</v>
      </c>
      <c r="J4588" t="s">
        <v>23707</v>
      </c>
      <c r="K4588" t="s">
        <v>23707</v>
      </c>
      <c r="M4588">
        <v>1253219</v>
      </c>
      <c r="O4588">
        <v>215756</v>
      </c>
      <c r="P4588">
        <v>1</v>
      </c>
      <c r="Q4588">
        <v>1</v>
      </c>
      <c r="R4588" t="s">
        <v>23708</v>
      </c>
      <c r="S4588">
        <v>612</v>
      </c>
    </row>
    <row r="4589" spans="1:19" x14ac:dyDescent="0.25">
      <c r="A4589">
        <v>6715061</v>
      </c>
      <c r="B4589" t="s">
        <v>23709</v>
      </c>
      <c r="C4589" s="1" t="s">
        <v>23710</v>
      </c>
      <c r="D4589">
        <v>6715106</v>
      </c>
      <c r="E4589">
        <v>3</v>
      </c>
      <c r="F4589">
        <v>3</v>
      </c>
      <c r="H4589" t="s">
        <v>23711</v>
      </c>
      <c r="I4589">
        <v>1</v>
      </c>
      <c r="J4589" t="s">
        <v>23712</v>
      </c>
      <c r="O4589">
        <v>266457</v>
      </c>
      <c r="P4589">
        <v>1</v>
      </c>
      <c r="Q4589">
        <v>3</v>
      </c>
      <c r="R4589" t="s">
        <v>23713</v>
      </c>
      <c r="S4589">
        <v>1886</v>
      </c>
    </row>
    <row r="4590" spans="1:19" x14ac:dyDescent="0.25">
      <c r="A4590">
        <v>18040619</v>
      </c>
      <c r="B4590" t="s">
        <v>23714</v>
      </c>
      <c r="C4590" s="1" t="s">
        <v>23715</v>
      </c>
      <c r="E4590">
        <v>2</v>
      </c>
      <c r="F4590">
        <v>4</v>
      </c>
      <c r="H4590" t="s">
        <v>23716</v>
      </c>
      <c r="J4590" t="s">
        <v>23717</v>
      </c>
      <c r="O4590">
        <v>1138938</v>
      </c>
      <c r="P4590">
        <v>1</v>
      </c>
      <c r="Q4590">
        <v>-2</v>
      </c>
      <c r="R4590" t="s">
        <v>413</v>
      </c>
      <c r="S4590">
        <v>63</v>
      </c>
    </row>
    <row r="4591" spans="1:19" x14ac:dyDescent="0.25">
      <c r="A4591">
        <v>11467280</v>
      </c>
      <c r="B4591" t="s">
        <v>23718</v>
      </c>
      <c r="C4591" s="1" t="s">
        <v>23719</v>
      </c>
      <c r="D4591">
        <v>11476532</v>
      </c>
      <c r="E4591">
        <v>2</v>
      </c>
      <c r="F4591">
        <v>0</v>
      </c>
      <c r="H4591" t="s">
        <v>23720</v>
      </c>
      <c r="J4591" t="s">
        <v>23721</v>
      </c>
      <c r="K4591" t="s">
        <v>23722</v>
      </c>
      <c r="M4591">
        <v>240255</v>
      </c>
      <c r="O4591">
        <v>240255</v>
      </c>
      <c r="P4591">
        <v>1</v>
      </c>
      <c r="Q4591">
        <v>2</v>
      </c>
      <c r="R4591" t="s">
        <v>23723</v>
      </c>
      <c r="S4591">
        <v>1707</v>
      </c>
    </row>
    <row r="4592" spans="1:19" x14ac:dyDescent="0.25">
      <c r="A4592">
        <v>33269270</v>
      </c>
      <c r="B4592" t="s">
        <v>23724</v>
      </c>
      <c r="C4592" s="1" t="s">
        <v>23725</v>
      </c>
      <c r="D4592">
        <v>33269707</v>
      </c>
      <c r="E4592">
        <v>1</v>
      </c>
      <c r="F4592">
        <v>5</v>
      </c>
      <c r="H4592" t="s">
        <v>23726</v>
      </c>
      <c r="J4592" t="s">
        <v>23727</v>
      </c>
      <c r="K4592" t="s">
        <v>23727</v>
      </c>
      <c r="M4592">
        <v>4214407</v>
      </c>
      <c r="O4592">
        <v>4214407</v>
      </c>
      <c r="P4592">
        <v>1</v>
      </c>
      <c r="Q4592">
        <v>0</v>
      </c>
      <c r="R4592" t="s">
        <v>6842</v>
      </c>
      <c r="S4592">
        <v>613</v>
      </c>
    </row>
    <row r="4593" spans="1:19" x14ac:dyDescent="0.25">
      <c r="A4593">
        <v>47828463</v>
      </c>
      <c r="B4593" t="s">
        <v>23728</v>
      </c>
      <c r="C4593" s="1" t="s">
        <v>23729</v>
      </c>
      <c r="E4593">
        <v>0</v>
      </c>
      <c r="F4593">
        <v>0</v>
      </c>
      <c r="H4593" t="s">
        <v>23730</v>
      </c>
      <c r="J4593" t="s">
        <v>23731</v>
      </c>
      <c r="K4593" t="s">
        <v>23731</v>
      </c>
      <c r="M4593">
        <v>2781215</v>
      </c>
      <c r="O4593">
        <v>2781215</v>
      </c>
      <c r="P4593">
        <v>1</v>
      </c>
      <c r="Q4593">
        <v>1</v>
      </c>
      <c r="R4593" t="s">
        <v>23732</v>
      </c>
      <c r="S4593">
        <v>20</v>
      </c>
    </row>
    <row r="4594" spans="1:19" x14ac:dyDescent="0.25">
      <c r="A4594">
        <v>42585858</v>
      </c>
      <c r="B4594" t="s">
        <v>23733</v>
      </c>
      <c r="C4594" s="1" t="s">
        <v>23734</v>
      </c>
      <c r="D4594">
        <v>42586436</v>
      </c>
      <c r="E4594">
        <v>1</v>
      </c>
      <c r="F4594">
        <v>0</v>
      </c>
      <c r="H4594" t="s">
        <v>23735</v>
      </c>
      <c r="J4594" t="s">
        <v>23736</v>
      </c>
      <c r="O4594">
        <v>7067274</v>
      </c>
      <c r="P4594">
        <v>1</v>
      </c>
      <c r="Q4594">
        <v>0</v>
      </c>
      <c r="R4594" t="s">
        <v>23737</v>
      </c>
      <c r="S4594">
        <v>112</v>
      </c>
    </row>
    <row r="4595" spans="1:19" x14ac:dyDescent="0.25">
      <c r="A4595">
        <v>3896564</v>
      </c>
      <c r="B4595" t="s">
        <v>23738</v>
      </c>
      <c r="C4595" s="1" t="s">
        <v>23739</v>
      </c>
      <c r="D4595">
        <v>3896243</v>
      </c>
      <c r="E4595">
        <v>1</v>
      </c>
      <c r="F4595">
        <v>0</v>
      </c>
      <c r="H4595" t="s">
        <v>23740</v>
      </c>
      <c r="J4595" t="s">
        <v>23741</v>
      </c>
      <c r="K4595" t="s">
        <v>23742</v>
      </c>
      <c r="M4595">
        <v>280314</v>
      </c>
      <c r="O4595">
        <v>179727</v>
      </c>
      <c r="P4595">
        <v>1</v>
      </c>
      <c r="Q4595">
        <v>0</v>
      </c>
      <c r="R4595" t="s">
        <v>16995</v>
      </c>
      <c r="S4595">
        <v>59</v>
      </c>
    </row>
    <row r="4596" spans="1:19" x14ac:dyDescent="0.25">
      <c r="A4596">
        <v>52448693</v>
      </c>
      <c r="B4596" t="s">
        <v>23743</v>
      </c>
      <c r="C4596" t="s">
        <v>23744</v>
      </c>
      <c r="E4596">
        <v>0</v>
      </c>
      <c r="F4596">
        <v>0</v>
      </c>
      <c r="H4596" t="s">
        <v>23745</v>
      </c>
      <c r="J4596" t="s">
        <v>23745</v>
      </c>
      <c r="O4596">
        <v>8578027</v>
      </c>
      <c r="P4596">
        <v>1</v>
      </c>
      <c r="Q4596">
        <v>0</v>
      </c>
      <c r="R4596" t="s">
        <v>23746</v>
      </c>
      <c r="S4596">
        <v>15</v>
      </c>
    </row>
    <row r="4597" spans="1:19" x14ac:dyDescent="0.25">
      <c r="A4597">
        <v>2907780</v>
      </c>
      <c r="B4597" t="s">
        <v>23747</v>
      </c>
      <c r="C4597" s="1" t="s">
        <v>23748</v>
      </c>
      <c r="E4597">
        <v>1</v>
      </c>
      <c r="F4597">
        <v>2</v>
      </c>
      <c r="H4597" t="s">
        <v>23749</v>
      </c>
      <c r="I4597">
        <v>4</v>
      </c>
      <c r="J4597" t="s">
        <v>23750</v>
      </c>
      <c r="K4597" t="s">
        <v>23751</v>
      </c>
      <c r="M4597">
        <v>-1</v>
      </c>
      <c r="O4597">
        <v>348698</v>
      </c>
      <c r="P4597">
        <v>1</v>
      </c>
      <c r="Q4597">
        <v>3</v>
      </c>
      <c r="R4597" t="s">
        <v>23752</v>
      </c>
      <c r="S4597">
        <v>5218</v>
      </c>
    </row>
    <row r="4598" spans="1:19" x14ac:dyDescent="0.25">
      <c r="A4598">
        <v>52369203</v>
      </c>
      <c r="B4598" t="s">
        <v>23753</v>
      </c>
      <c r="C4598" s="1" t="s">
        <v>23754</v>
      </c>
      <c r="D4598">
        <v>52369488</v>
      </c>
      <c r="E4598">
        <v>2</v>
      </c>
      <c r="F4598">
        <v>5</v>
      </c>
      <c r="H4598" t="s">
        <v>23755</v>
      </c>
      <c r="J4598" t="s">
        <v>23756</v>
      </c>
      <c r="K4598" t="s">
        <v>23757</v>
      </c>
      <c r="M4598">
        <v>849891</v>
      </c>
      <c r="O4598">
        <v>9306372</v>
      </c>
      <c r="P4598">
        <v>1</v>
      </c>
      <c r="Q4598">
        <v>3</v>
      </c>
      <c r="R4598" t="s">
        <v>23758</v>
      </c>
      <c r="S4598">
        <v>86</v>
      </c>
    </row>
    <row r="4599" spans="1:19" x14ac:dyDescent="0.25">
      <c r="A4599">
        <v>42394120</v>
      </c>
      <c r="B4599" t="s">
        <v>23759</v>
      </c>
      <c r="C4599" s="1" t="s">
        <v>23760</v>
      </c>
      <c r="E4599">
        <v>1</v>
      </c>
      <c r="F4599">
        <v>1</v>
      </c>
      <c r="H4599" t="s">
        <v>23761</v>
      </c>
      <c r="J4599" t="s">
        <v>23762</v>
      </c>
      <c r="O4599">
        <v>1592645</v>
      </c>
      <c r="P4599">
        <v>1</v>
      </c>
      <c r="Q4599">
        <v>0</v>
      </c>
      <c r="R4599" t="s">
        <v>23763</v>
      </c>
      <c r="S4599">
        <v>235</v>
      </c>
    </row>
    <row r="4600" spans="1:19" x14ac:dyDescent="0.25">
      <c r="A4600">
        <v>50270009</v>
      </c>
      <c r="B4600" t="s">
        <v>23764</v>
      </c>
      <c r="C4600" s="1" t="s">
        <v>23765</v>
      </c>
      <c r="E4600">
        <v>0</v>
      </c>
      <c r="F4600">
        <v>3</v>
      </c>
      <c r="H4600" t="s">
        <v>23766</v>
      </c>
      <c r="J4600" t="s">
        <v>23767</v>
      </c>
      <c r="K4600" t="s">
        <v>23767</v>
      </c>
      <c r="M4600">
        <v>1567352</v>
      </c>
      <c r="O4600">
        <v>5189496</v>
      </c>
      <c r="P4600">
        <v>1</v>
      </c>
      <c r="Q4600">
        <v>2</v>
      </c>
      <c r="R4600" t="s">
        <v>23768</v>
      </c>
      <c r="S4600">
        <v>141</v>
      </c>
    </row>
    <row r="4601" spans="1:19" x14ac:dyDescent="0.25">
      <c r="A4601">
        <v>17871539</v>
      </c>
      <c r="B4601" t="s">
        <v>23769</v>
      </c>
      <c r="C4601" s="1" t="s">
        <v>23770</v>
      </c>
      <c r="E4601">
        <v>1</v>
      </c>
      <c r="F4601">
        <v>0</v>
      </c>
      <c r="H4601" t="s">
        <v>23771</v>
      </c>
      <c r="J4601" t="s">
        <v>23772</v>
      </c>
      <c r="O4601">
        <v>1153720</v>
      </c>
      <c r="P4601">
        <v>1</v>
      </c>
      <c r="Q4601">
        <v>0</v>
      </c>
      <c r="R4601" t="s">
        <v>23773</v>
      </c>
      <c r="S4601">
        <v>459</v>
      </c>
    </row>
    <row r="4602" spans="1:19" x14ac:dyDescent="0.25">
      <c r="A4602">
        <v>8072172</v>
      </c>
      <c r="B4602" t="s">
        <v>23774</v>
      </c>
      <c r="C4602" s="1" t="s">
        <v>23775</v>
      </c>
      <c r="D4602">
        <v>8072188</v>
      </c>
      <c r="E4602">
        <v>7</v>
      </c>
      <c r="F4602">
        <v>1</v>
      </c>
      <c r="H4602" t="s">
        <v>23776</v>
      </c>
      <c r="I4602">
        <v>1</v>
      </c>
      <c r="J4602" t="s">
        <v>23777</v>
      </c>
      <c r="O4602">
        <v>810653</v>
      </c>
      <c r="P4602">
        <v>1</v>
      </c>
      <c r="Q4602">
        <v>5</v>
      </c>
      <c r="R4602" t="s">
        <v>23778</v>
      </c>
      <c r="S4602">
        <v>1053</v>
      </c>
    </row>
    <row r="4603" spans="1:19" x14ac:dyDescent="0.25">
      <c r="A4603">
        <v>12681722</v>
      </c>
      <c r="B4603" t="s">
        <v>23779</v>
      </c>
      <c r="C4603" s="1" t="s">
        <v>23780</v>
      </c>
      <c r="E4603">
        <v>1</v>
      </c>
      <c r="F4603">
        <v>0</v>
      </c>
      <c r="H4603" t="s">
        <v>23781</v>
      </c>
      <c r="J4603" t="s">
        <v>23782</v>
      </c>
      <c r="O4603">
        <v>1010877</v>
      </c>
      <c r="P4603">
        <v>1</v>
      </c>
      <c r="Q4603">
        <v>0</v>
      </c>
      <c r="R4603" t="s">
        <v>23783</v>
      </c>
      <c r="S4603">
        <v>211</v>
      </c>
    </row>
    <row r="4604" spans="1:19" x14ac:dyDescent="0.25">
      <c r="A4604">
        <v>16226656</v>
      </c>
      <c r="B4604" t="s">
        <v>23784</v>
      </c>
      <c r="C4604" s="1" t="s">
        <v>23785</v>
      </c>
      <c r="D4604">
        <v>16226746</v>
      </c>
      <c r="E4604">
        <v>1</v>
      </c>
      <c r="F4604">
        <v>1</v>
      </c>
      <c r="H4604" t="s">
        <v>23786</v>
      </c>
      <c r="J4604" t="s">
        <v>23787</v>
      </c>
      <c r="O4604">
        <v>1821297</v>
      </c>
      <c r="P4604">
        <v>1</v>
      </c>
      <c r="Q4604">
        <v>1</v>
      </c>
      <c r="R4604" t="s">
        <v>23788</v>
      </c>
      <c r="S4604">
        <v>574</v>
      </c>
    </row>
    <row r="4605" spans="1:19" x14ac:dyDescent="0.25">
      <c r="A4605">
        <v>33485079</v>
      </c>
      <c r="B4605" t="s">
        <v>23789</v>
      </c>
      <c r="C4605" s="1" t="s">
        <v>23790</v>
      </c>
      <c r="D4605">
        <v>33485106</v>
      </c>
      <c r="E4605">
        <v>7</v>
      </c>
      <c r="F4605">
        <v>0</v>
      </c>
      <c r="H4605" t="s">
        <v>23791</v>
      </c>
      <c r="J4605" t="s">
        <v>23792</v>
      </c>
      <c r="O4605">
        <v>5504709</v>
      </c>
      <c r="P4605">
        <v>1</v>
      </c>
      <c r="Q4605">
        <v>0</v>
      </c>
      <c r="R4605" t="s">
        <v>20558</v>
      </c>
      <c r="S4605">
        <v>61</v>
      </c>
    </row>
    <row r="4606" spans="1:19" x14ac:dyDescent="0.25">
      <c r="A4606">
        <v>21866993</v>
      </c>
      <c r="B4606" t="s">
        <v>23793</v>
      </c>
      <c r="C4606" s="1" t="s">
        <v>23794</v>
      </c>
      <c r="E4606">
        <v>0</v>
      </c>
      <c r="F4606">
        <v>0</v>
      </c>
      <c r="H4606" t="s">
        <v>23795</v>
      </c>
      <c r="J4606" t="s">
        <v>23795</v>
      </c>
      <c r="O4606">
        <v>3131157</v>
      </c>
      <c r="P4606">
        <v>1</v>
      </c>
      <c r="Q4606">
        <v>1</v>
      </c>
      <c r="R4606" t="s">
        <v>23796</v>
      </c>
      <c r="S4606">
        <v>153</v>
      </c>
    </row>
    <row r="4607" spans="1:19" x14ac:dyDescent="0.25">
      <c r="A4607">
        <v>41703942</v>
      </c>
      <c r="B4607" t="s">
        <v>23797</v>
      </c>
      <c r="C4607" s="1" t="s">
        <v>23798</v>
      </c>
      <c r="D4607">
        <v>41704990</v>
      </c>
      <c r="E4607">
        <v>1</v>
      </c>
      <c r="F4607">
        <v>7</v>
      </c>
      <c r="H4607" t="s">
        <v>23799</v>
      </c>
      <c r="J4607" t="s">
        <v>23800</v>
      </c>
      <c r="O4607">
        <v>7339235</v>
      </c>
      <c r="P4607">
        <v>1</v>
      </c>
      <c r="Q4607">
        <v>0</v>
      </c>
      <c r="R4607" t="s">
        <v>23801</v>
      </c>
      <c r="S4607">
        <v>28</v>
      </c>
    </row>
    <row r="4608" spans="1:19" x14ac:dyDescent="0.25">
      <c r="A4608">
        <v>977588</v>
      </c>
      <c r="B4608" t="s">
        <v>23802</v>
      </c>
      <c r="C4608" s="1" t="s">
        <v>23803</v>
      </c>
      <c r="D4608">
        <v>977598</v>
      </c>
      <c r="E4608">
        <v>2</v>
      </c>
      <c r="F4608">
        <v>0</v>
      </c>
      <c r="H4608" t="s">
        <v>23804</v>
      </c>
      <c r="J4608" t="s">
        <v>23805</v>
      </c>
      <c r="K4608" t="s">
        <v>23805</v>
      </c>
      <c r="M4608">
        <v>52443</v>
      </c>
      <c r="O4608">
        <v>107421</v>
      </c>
      <c r="P4608">
        <v>1</v>
      </c>
      <c r="Q4608">
        <v>2</v>
      </c>
      <c r="R4608" t="s">
        <v>23806</v>
      </c>
      <c r="S4608">
        <v>1504</v>
      </c>
    </row>
    <row r="4609" spans="1:19" x14ac:dyDescent="0.25">
      <c r="A4609">
        <v>41477215</v>
      </c>
      <c r="B4609" t="s">
        <v>23807</v>
      </c>
      <c r="C4609" s="1" t="s">
        <v>23808</v>
      </c>
      <c r="E4609">
        <v>2</v>
      </c>
      <c r="F4609">
        <v>0</v>
      </c>
      <c r="H4609" t="s">
        <v>23809</v>
      </c>
      <c r="J4609" t="s">
        <v>23810</v>
      </c>
      <c r="K4609" t="s">
        <v>23811</v>
      </c>
      <c r="M4609">
        <v>838902</v>
      </c>
      <c r="O4609">
        <v>7376506</v>
      </c>
      <c r="P4609">
        <v>1</v>
      </c>
      <c r="Q4609">
        <v>0</v>
      </c>
      <c r="R4609" t="s">
        <v>23812</v>
      </c>
      <c r="S4609">
        <v>162</v>
      </c>
    </row>
    <row r="4610" spans="1:19" x14ac:dyDescent="0.25">
      <c r="A4610">
        <v>25953499</v>
      </c>
      <c r="B4610" t="s">
        <v>23813</v>
      </c>
      <c r="C4610" s="1" t="s">
        <v>23814</v>
      </c>
      <c r="D4610">
        <v>25980085</v>
      </c>
      <c r="E4610">
        <v>1</v>
      </c>
      <c r="F4610">
        <v>2</v>
      </c>
      <c r="H4610" t="s">
        <v>23815</v>
      </c>
      <c r="I4610">
        <v>1</v>
      </c>
      <c r="J4610" t="s">
        <v>23816</v>
      </c>
      <c r="K4610" t="s">
        <v>23816</v>
      </c>
      <c r="M4610">
        <v>744588</v>
      </c>
      <c r="O4610">
        <v>1408294</v>
      </c>
      <c r="P4610">
        <v>1</v>
      </c>
      <c r="Q4610">
        <v>1</v>
      </c>
      <c r="R4610" t="s">
        <v>23817</v>
      </c>
      <c r="S4610">
        <v>3171</v>
      </c>
    </row>
    <row r="4611" spans="1:19" x14ac:dyDescent="0.25">
      <c r="A4611">
        <v>49230210</v>
      </c>
      <c r="B4611" t="s">
        <v>23818</v>
      </c>
      <c r="C4611" s="1" t="s">
        <v>23819</v>
      </c>
      <c r="E4611">
        <v>1</v>
      </c>
      <c r="F4611">
        <v>0</v>
      </c>
      <c r="H4611" t="s">
        <v>23820</v>
      </c>
      <c r="J4611" t="s">
        <v>23821</v>
      </c>
      <c r="O4611">
        <v>1115992</v>
      </c>
      <c r="P4611">
        <v>1</v>
      </c>
      <c r="Q4611">
        <v>1</v>
      </c>
      <c r="R4611" t="s">
        <v>1759</v>
      </c>
      <c r="S4611">
        <v>284</v>
      </c>
    </row>
    <row r="4612" spans="1:19" x14ac:dyDescent="0.25">
      <c r="A4612">
        <v>887425</v>
      </c>
      <c r="B4612" t="s">
        <v>23822</v>
      </c>
      <c r="C4612" s="1" t="s">
        <v>23823</v>
      </c>
      <c r="E4612">
        <v>5</v>
      </c>
      <c r="F4612">
        <v>6</v>
      </c>
      <c r="H4612" t="s">
        <v>23824</v>
      </c>
      <c r="J4612" t="s">
        <v>23825</v>
      </c>
      <c r="K4612" t="s">
        <v>23826</v>
      </c>
      <c r="M4612">
        <v>30056</v>
      </c>
      <c r="O4612">
        <v>30056</v>
      </c>
      <c r="P4612">
        <v>1</v>
      </c>
      <c r="Q4612">
        <v>1</v>
      </c>
      <c r="R4612" t="s">
        <v>23827</v>
      </c>
      <c r="S4612">
        <v>2763</v>
      </c>
    </row>
    <row r="4613" spans="1:19" x14ac:dyDescent="0.25">
      <c r="A4613">
        <v>10449161</v>
      </c>
      <c r="B4613" t="s">
        <v>23828</v>
      </c>
      <c r="C4613" s="1" t="s">
        <v>23829</v>
      </c>
      <c r="D4613">
        <v>10459106</v>
      </c>
      <c r="E4613">
        <v>2</v>
      </c>
      <c r="F4613">
        <v>0</v>
      </c>
      <c r="H4613" t="s">
        <v>23830</v>
      </c>
      <c r="J4613" t="s">
        <v>23831</v>
      </c>
      <c r="O4613">
        <v>1249792</v>
      </c>
      <c r="P4613">
        <v>1</v>
      </c>
      <c r="Q4613">
        <v>0</v>
      </c>
      <c r="R4613" t="s">
        <v>23832</v>
      </c>
      <c r="S4613">
        <v>799</v>
      </c>
    </row>
    <row r="4614" spans="1:19" x14ac:dyDescent="0.25">
      <c r="A4614">
        <v>44722294</v>
      </c>
      <c r="B4614" t="s">
        <v>23833</v>
      </c>
      <c r="C4614" s="1" t="s">
        <v>23834</v>
      </c>
      <c r="E4614">
        <v>1</v>
      </c>
      <c r="F4614">
        <v>2</v>
      </c>
      <c r="H4614" t="s">
        <v>23835</v>
      </c>
      <c r="J4614" t="s">
        <v>23836</v>
      </c>
      <c r="K4614" t="s">
        <v>23836</v>
      </c>
      <c r="M4614">
        <v>398963</v>
      </c>
      <c r="O4614">
        <v>398963</v>
      </c>
      <c r="P4614">
        <v>1</v>
      </c>
      <c r="Q4614">
        <v>0</v>
      </c>
      <c r="R4614" t="s">
        <v>23837</v>
      </c>
      <c r="S4614">
        <v>250</v>
      </c>
    </row>
    <row r="4615" spans="1:19" x14ac:dyDescent="0.25">
      <c r="A4615">
        <v>34434820</v>
      </c>
      <c r="B4615" t="s">
        <v>23838</v>
      </c>
      <c r="C4615" s="1" t="s">
        <v>23839</v>
      </c>
      <c r="D4615">
        <v>34441530</v>
      </c>
      <c r="E4615">
        <v>2</v>
      </c>
      <c r="F4615">
        <v>8</v>
      </c>
      <c r="H4615" t="s">
        <v>23840</v>
      </c>
      <c r="J4615" t="s">
        <v>23841</v>
      </c>
      <c r="K4615" t="s">
        <v>23842</v>
      </c>
      <c r="M4615">
        <v>1790982</v>
      </c>
      <c r="O4615">
        <v>4753301</v>
      </c>
      <c r="P4615">
        <v>1</v>
      </c>
      <c r="Q4615">
        <v>1</v>
      </c>
      <c r="R4615" t="s">
        <v>23843</v>
      </c>
      <c r="S4615">
        <v>494</v>
      </c>
    </row>
    <row r="4616" spans="1:19" x14ac:dyDescent="0.25">
      <c r="A4616">
        <v>38267136</v>
      </c>
      <c r="B4616" t="s">
        <v>23844</v>
      </c>
      <c r="C4616" s="1" t="s">
        <v>23845</v>
      </c>
      <c r="E4616">
        <v>1</v>
      </c>
      <c r="F4616">
        <v>2</v>
      </c>
      <c r="H4616" t="s">
        <v>23846</v>
      </c>
      <c r="J4616" t="s">
        <v>23847</v>
      </c>
      <c r="K4616" t="s">
        <v>23848</v>
      </c>
      <c r="M4616">
        <v>6364190</v>
      </c>
      <c r="O4616">
        <v>6107745</v>
      </c>
      <c r="P4616">
        <v>1</v>
      </c>
      <c r="Q4616">
        <v>-4</v>
      </c>
      <c r="R4616" t="s">
        <v>23849</v>
      </c>
      <c r="S4616">
        <v>563</v>
      </c>
    </row>
    <row r="4617" spans="1:19" x14ac:dyDescent="0.25">
      <c r="A4617">
        <v>11878833</v>
      </c>
      <c r="B4617" t="s">
        <v>23850</v>
      </c>
      <c r="C4617" s="1" t="s">
        <v>23851</v>
      </c>
      <c r="D4617">
        <v>11880125</v>
      </c>
      <c r="E4617">
        <v>4</v>
      </c>
      <c r="F4617">
        <v>1</v>
      </c>
      <c r="H4617" t="s">
        <v>23852</v>
      </c>
      <c r="J4617" t="s">
        <v>23853</v>
      </c>
      <c r="K4617" t="s">
        <v>23854</v>
      </c>
      <c r="M4617">
        <v>47013</v>
      </c>
      <c r="O4617">
        <v>47013</v>
      </c>
      <c r="P4617">
        <v>1</v>
      </c>
      <c r="Q4617">
        <v>0</v>
      </c>
      <c r="R4617" t="s">
        <v>93</v>
      </c>
      <c r="S4617">
        <v>1276</v>
      </c>
    </row>
    <row r="4618" spans="1:19" x14ac:dyDescent="0.25">
      <c r="A4618">
        <v>5999807</v>
      </c>
      <c r="B4618" t="s">
        <v>23855</v>
      </c>
      <c r="C4618" s="1" t="s">
        <v>23856</v>
      </c>
      <c r="D4618">
        <v>5999863</v>
      </c>
      <c r="E4618">
        <v>2</v>
      </c>
      <c r="F4618">
        <v>0</v>
      </c>
      <c r="H4618" t="s">
        <v>23857</v>
      </c>
      <c r="I4618">
        <v>1</v>
      </c>
      <c r="J4618" t="s">
        <v>23858</v>
      </c>
      <c r="K4618" t="s">
        <v>23859</v>
      </c>
      <c r="M4618">
        <v>635300</v>
      </c>
      <c r="O4618">
        <v>635300</v>
      </c>
      <c r="P4618">
        <v>1</v>
      </c>
      <c r="Q4618">
        <v>0</v>
      </c>
      <c r="R4618" t="s">
        <v>989</v>
      </c>
      <c r="S4618">
        <v>439</v>
      </c>
    </row>
    <row r="4619" spans="1:19" x14ac:dyDescent="0.25">
      <c r="A4619">
        <v>25760765</v>
      </c>
      <c r="B4619" t="s">
        <v>23860</v>
      </c>
      <c r="C4619" s="1" t="s">
        <v>23861</v>
      </c>
      <c r="D4619">
        <v>25843128</v>
      </c>
      <c r="E4619">
        <v>3</v>
      </c>
      <c r="F4619">
        <v>0</v>
      </c>
      <c r="H4619" t="s">
        <v>23862</v>
      </c>
      <c r="J4619" t="s">
        <v>23863</v>
      </c>
      <c r="K4619" t="s">
        <v>23864</v>
      </c>
      <c r="M4619">
        <v>3933089</v>
      </c>
      <c r="O4619">
        <v>3322853</v>
      </c>
      <c r="P4619">
        <v>1</v>
      </c>
      <c r="Q4619">
        <v>2</v>
      </c>
      <c r="R4619" t="s">
        <v>23865</v>
      </c>
      <c r="S4619">
        <v>1041</v>
      </c>
    </row>
    <row r="4620" spans="1:19" x14ac:dyDescent="0.25">
      <c r="A4620">
        <v>42432020</v>
      </c>
      <c r="B4620" t="s">
        <v>23866</v>
      </c>
      <c r="C4620" s="1" t="s">
        <v>23867</v>
      </c>
      <c r="D4620">
        <v>42433285</v>
      </c>
      <c r="E4620">
        <v>2</v>
      </c>
      <c r="F4620">
        <v>1</v>
      </c>
      <c r="H4620" t="s">
        <v>23868</v>
      </c>
      <c r="J4620" t="s">
        <v>23869</v>
      </c>
      <c r="K4620" t="s">
        <v>23870</v>
      </c>
      <c r="M4620">
        <v>7311767</v>
      </c>
      <c r="O4620">
        <v>7615139</v>
      </c>
      <c r="P4620">
        <v>1</v>
      </c>
      <c r="Q4620">
        <v>0</v>
      </c>
      <c r="R4620" t="s">
        <v>23871</v>
      </c>
      <c r="S4620">
        <v>57</v>
      </c>
    </row>
    <row r="4621" spans="1:19" x14ac:dyDescent="0.25">
      <c r="A4621">
        <v>48246175</v>
      </c>
      <c r="B4621" t="s">
        <v>23872</v>
      </c>
      <c r="C4621" s="1" t="s">
        <v>23873</v>
      </c>
      <c r="E4621">
        <v>1</v>
      </c>
      <c r="F4621">
        <v>0</v>
      </c>
      <c r="H4621" t="s">
        <v>23874</v>
      </c>
      <c r="J4621" t="s">
        <v>23875</v>
      </c>
      <c r="K4621" t="s">
        <v>23876</v>
      </c>
      <c r="M4621">
        <v>1198458</v>
      </c>
      <c r="O4621">
        <v>1198458</v>
      </c>
      <c r="P4621">
        <v>1</v>
      </c>
      <c r="Q4621">
        <v>0</v>
      </c>
      <c r="R4621" t="s">
        <v>23877</v>
      </c>
      <c r="S4621">
        <v>182</v>
      </c>
    </row>
    <row r="4622" spans="1:19" x14ac:dyDescent="0.25">
      <c r="A4622">
        <v>27982242</v>
      </c>
      <c r="B4622" t="s">
        <v>23878</v>
      </c>
      <c r="C4622" s="1" t="s">
        <v>23879</v>
      </c>
      <c r="D4622">
        <v>27982326</v>
      </c>
      <c r="E4622">
        <v>1</v>
      </c>
      <c r="F4622">
        <v>0</v>
      </c>
      <c r="H4622" t="s">
        <v>23880</v>
      </c>
      <c r="I4622">
        <v>1</v>
      </c>
      <c r="J4622" t="s">
        <v>23881</v>
      </c>
      <c r="O4622">
        <v>458060</v>
      </c>
      <c r="P4622">
        <v>1</v>
      </c>
      <c r="Q4622">
        <v>1</v>
      </c>
      <c r="R4622" t="s">
        <v>11699</v>
      </c>
      <c r="S4622">
        <v>18</v>
      </c>
    </row>
    <row r="4623" spans="1:19" x14ac:dyDescent="0.25">
      <c r="A4623">
        <v>18411234</v>
      </c>
      <c r="B4623" t="s">
        <v>23882</v>
      </c>
      <c r="C4623" s="1" t="s">
        <v>23883</v>
      </c>
      <c r="D4623">
        <v>18411488</v>
      </c>
      <c r="E4623">
        <v>1</v>
      </c>
      <c r="F4623">
        <v>5</v>
      </c>
      <c r="H4623" t="s">
        <v>23884</v>
      </c>
      <c r="J4623" t="s">
        <v>23885</v>
      </c>
      <c r="K4623" t="s">
        <v>23886</v>
      </c>
      <c r="M4623">
        <v>76337</v>
      </c>
      <c r="O4623">
        <v>2654817</v>
      </c>
      <c r="P4623">
        <v>1</v>
      </c>
      <c r="Q4623">
        <v>0</v>
      </c>
      <c r="R4623" t="s">
        <v>3061</v>
      </c>
      <c r="S4623">
        <v>772</v>
      </c>
    </row>
    <row r="4624" spans="1:19" x14ac:dyDescent="0.25">
      <c r="A4624">
        <v>31443601</v>
      </c>
      <c r="B4624" t="s">
        <v>23887</v>
      </c>
      <c r="C4624" s="1" t="s">
        <v>23888</v>
      </c>
      <c r="E4624">
        <v>0</v>
      </c>
      <c r="F4624">
        <v>8</v>
      </c>
      <c r="H4624" t="s">
        <v>23889</v>
      </c>
      <c r="J4624" t="s">
        <v>23889</v>
      </c>
      <c r="O4624">
        <v>3083243</v>
      </c>
      <c r="P4624">
        <v>1</v>
      </c>
      <c r="Q4624">
        <v>0</v>
      </c>
      <c r="R4624" t="s">
        <v>23890</v>
      </c>
      <c r="S4624">
        <v>31</v>
      </c>
    </row>
    <row r="4625" spans="1:19" x14ac:dyDescent="0.25">
      <c r="A4625">
        <v>38179649</v>
      </c>
      <c r="B4625" t="s">
        <v>23891</v>
      </c>
      <c r="C4625" s="1" t="s">
        <v>23892</v>
      </c>
      <c r="D4625">
        <v>38179784</v>
      </c>
      <c r="E4625">
        <v>3</v>
      </c>
      <c r="F4625">
        <v>1</v>
      </c>
      <c r="H4625" t="s">
        <v>23893</v>
      </c>
      <c r="J4625" t="s">
        <v>23894</v>
      </c>
      <c r="K4625" t="s">
        <v>23895</v>
      </c>
      <c r="M4625">
        <v>3275754</v>
      </c>
      <c r="O4625">
        <v>6419638</v>
      </c>
      <c r="P4625">
        <v>1</v>
      </c>
      <c r="Q4625">
        <v>-4</v>
      </c>
      <c r="R4625" t="s">
        <v>23896</v>
      </c>
      <c r="S4625">
        <v>83</v>
      </c>
    </row>
    <row r="4626" spans="1:19" x14ac:dyDescent="0.25">
      <c r="A4626">
        <v>40240326</v>
      </c>
      <c r="B4626" t="s">
        <v>23897</v>
      </c>
      <c r="C4626" s="1" t="s">
        <v>23898</v>
      </c>
      <c r="D4626">
        <v>40241580</v>
      </c>
      <c r="E4626">
        <v>3</v>
      </c>
      <c r="F4626">
        <v>0</v>
      </c>
      <c r="H4626" t="s">
        <v>23899</v>
      </c>
      <c r="J4626" t="s">
        <v>23900</v>
      </c>
      <c r="O4626">
        <v>2637368</v>
      </c>
      <c r="P4626">
        <v>1</v>
      </c>
      <c r="Q4626">
        <v>1</v>
      </c>
      <c r="R4626" t="s">
        <v>23901</v>
      </c>
      <c r="S4626">
        <v>91</v>
      </c>
    </row>
    <row r="4627" spans="1:19" x14ac:dyDescent="0.25">
      <c r="A4627">
        <v>9889853</v>
      </c>
      <c r="B4627" t="s">
        <v>23902</v>
      </c>
      <c r="C4627" s="1" t="s">
        <v>23903</v>
      </c>
      <c r="E4627">
        <v>1</v>
      </c>
      <c r="F4627">
        <v>3</v>
      </c>
      <c r="H4627" t="s">
        <v>23904</v>
      </c>
      <c r="J4627" t="s">
        <v>23905</v>
      </c>
      <c r="K4627" t="s">
        <v>23905</v>
      </c>
      <c r="M4627">
        <v>43959</v>
      </c>
      <c r="O4627">
        <v>1286094</v>
      </c>
      <c r="P4627">
        <v>1</v>
      </c>
      <c r="Q4627">
        <v>1</v>
      </c>
      <c r="R4627" t="s">
        <v>23906</v>
      </c>
      <c r="S4627">
        <v>529</v>
      </c>
    </row>
    <row r="4628" spans="1:19" x14ac:dyDescent="0.25">
      <c r="A4628">
        <v>27814500</v>
      </c>
      <c r="B4628" t="s">
        <v>23907</v>
      </c>
      <c r="C4628" s="1" t="s">
        <v>23908</v>
      </c>
      <c r="D4628">
        <v>32766186</v>
      </c>
      <c r="E4628">
        <v>2</v>
      </c>
      <c r="F4628">
        <v>4</v>
      </c>
      <c r="H4628" t="s">
        <v>23909</v>
      </c>
      <c r="I4628">
        <v>7</v>
      </c>
      <c r="J4628" t="s">
        <v>23910</v>
      </c>
      <c r="O4628">
        <v>2889276</v>
      </c>
      <c r="P4628">
        <v>1</v>
      </c>
      <c r="Q4628">
        <v>26</v>
      </c>
      <c r="R4628" t="s">
        <v>23911</v>
      </c>
      <c r="S4628">
        <v>4934</v>
      </c>
    </row>
    <row r="4629" spans="1:19" x14ac:dyDescent="0.25">
      <c r="A4629">
        <v>49405290</v>
      </c>
      <c r="B4629" t="s">
        <v>23912</v>
      </c>
      <c r="C4629" s="1" t="s">
        <v>23913</v>
      </c>
      <c r="D4629">
        <v>49408116</v>
      </c>
      <c r="E4629">
        <v>2</v>
      </c>
      <c r="F4629">
        <v>2</v>
      </c>
      <c r="H4629" t="s">
        <v>23914</v>
      </c>
      <c r="J4629" t="s">
        <v>23915</v>
      </c>
      <c r="K4629" t="s">
        <v>23915</v>
      </c>
      <c r="M4629">
        <v>5900416</v>
      </c>
      <c r="O4629">
        <v>4498610</v>
      </c>
      <c r="P4629">
        <v>1</v>
      </c>
      <c r="Q4629">
        <v>0</v>
      </c>
      <c r="R4629" t="s">
        <v>23916</v>
      </c>
      <c r="S4629">
        <v>926</v>
      </c>
    </row>
    <row r="4630" spans="1:19" x14ac:dyDescent="0.25">
      <c r="A4630">
        <v>49324437</v>
      </c>
      <c r="B4630" t="s">
        <v>23917</v>
      </c>
      <c r="C4630" s="1" t="s">
        <v>23918</v>
      </c>
      <c r="D4630">
        <v>49332217</v>
      </c>
      <c r="E4630">
        <v>4</v>
      </c>
      <c r="F4630">
        <v>5</v>
      </c>
      <c r="H4630" t="s">
        <v>23919</v>
      </c>
      <c r="I4630">
        <v>3</v>
      </c>
      <c r="J4630" t="s">
        <v>23920</v>
      </c>
      <c r="K4630" t="s">
        <v>23921</v>
      </c>
      <c r="M4630">
        <v>5930242</v>
      </c>
      <c r="O4630">
        <v>5930242</v>
      </c>
      <c r="P4630">
        <v>1</v>
      </c>
      <c r="Q4630">
        <v>5</v>
      </c>
      <c r="R4630" t="s">
        <v>23922</v>
      </c>
      <c r="S4630">
        <v>264</v>
      </c>
    </row>
    <row r="4631" spans="1:19" x14ac:dyDescent="0.25">
      <c r="A4631">
        <v>44802364</v>
      </c>
      <c r="B4631" t="s">
        <v>23923</v>
      </c>
      <c r="C4631" s="1" t="s">
        <v>23924</v>
      </c>
      <c r="E4631">
        <v>0</v>
      </c>
      <c r="F4631">
        <v>2</v>
      </c>
      <c r="H4631" t="s">
        <v>23925</v>
      </c>
      <c r="J4631" t="s">
        <v>23925</v>
      </c>
      <c r="O4631">
        <v>5473614</v>
      </c>
      <c r="P4631">
        <v>1</v>
      </c>
      <c r="Q4631">
        <v>0</v>
      </c>
      <c r="R4631" t="s">
        <v>23926</v>
      </c>
      <c r="S4631">
        <v>68</v>
      </c>
    </row>
    <row r="4632" spans="1:19" x14ac:dyDescent="0.25">
      <c r="A4632">
        <v>2208009</v>
      </c>
      <c r="B4632" t="s">
        <v>23927</v>
      </c>
      <c r="C4632" s="1" t="s">
        <v>23928</v>
      </c>
      <c r="E4632">
        <v>2</v>
      </c>
      <c r="F4632">
        <v>0</v>
      </c>
      <c r="H4632" t="s">
        <v>23929</v>
      </c>
      <c r="J4632" t="s">
        <v>23930</v>
      </c>
      <c r="K4632" t="s">
        <v>23931</v>
      </c>
      <c r="M4632">
        <v>51310</v>
      </c>
      <c r="O4632">
        <v>51310</v>
      </c>
      <c r="P4632">
        <v>1</v>
      </c>
      <c r="Q4632">
        <v>2</v>
      </c>
      <c r="R4632" t="s">
        <v>23932</v>
      </c>
      <c r="S4632">
        <v>1189</v>
      </c>
    </row>
    <row r="4633" spans="1:19" x14ac:dyDescent="0.25">
      <c r="A4633">
        <v>8819201</v>
      </c>
      <c r="B4633" t="s">
        <v>23933</v>
      </c>
      <c r="C4633" s="1" t="s">
        <v>23934</v>
      </c>
      <c r="D4633">
        <v>8819274</v>
      </c>
      <c r="E4633">
        <v>1</v>
      </c>
      <c r="F4633">
        <v>1</v>
      </c>
      <c r="H4633" t="s">
        <v>23935</v>
      </c>
      <c r="J4633" t="s">
        <v>23936</v>
      </c>
      <c r="K4633" t="s">
        <v>23937</v>
      </c>
      <c r="M4633">
        <v>166749</v>
      </c>
      <c r="O4633">
        <v>1127906</v>
      </c>
      <c r="P4633">
        <v>1</v>
      </c>
      <c r="Q4633">
        <v>1</v>
      </c>
      <c r="R4633" t="s">
        <v>23938</v>
      </c>
      <c r="S4633">
        <v>4323</v>
      </c>
    </row>
    <row r="4634" spans="1:19" x14ac:dyDescent="0.25">
      <c r="A4634">
        <v>6168889</v>
      </c>
      <c r="B4634" t="s">
        <v>23939</v>
      </c>
      <c r="C4634" s="1" t="s">
        <v>23940</v>
      </c>
      <c r="D4634">
        <v>6168943</v>
      </c>
      <c r="E4634">
        <v>2</v>
      </c>
      <c r="F4634">
        <v>4</v>
      </c>
      <c r="H4634" t="s">
        <v>23941</v>
      </c>
      <c r="I4634">
        <v>1</v>
      </c>
      <c r="J4634" t="s">
        <v>23942</v>
      </c>
      <c r="K4634" t="s">
        <v>23942</v>
      </c>
      <c r="M4634">
        <v>452880</v>
      </c>
      <c r="O4634">
        <v>452880</v>
      </c>
      <c r="P4634">
        <v>1</v>
      </c>
      <c r="Q4634">
        <v>3</v>
      </c>
      <c r="R4634" t="s">
        <v>23943</v>
      </c>
      <c r="S4634">
        <v>8310</v>
      </c>
    </row>
    <row r="4635" spans="1:19" x14ac:dyDescent="0.25">
      <c r="A4635">
        <v>29757424</v>
      </c>
      <c r="B4635" t="s">
        <v>23944</v>
      </c>
      <c r="C4635" s="1" t="s">
        <v>23945</v>
      </c>
      <c r="E4635">
        <v>1</v>
      </c>
      <c r="F4635">
        <v>1</v>
      </c>
      <c r="H4635" t="s">
        <v>23946</v>
      </c>
      <c r="J4635" t="s">
        <v>23947</v>
      </c>
      <c r="K4635" t="s">
        <v>23948</v>
      </c>
      <c r="M4635">
        <v>3834415</v>
      </c>
      <c r="O4635">
        <v>3834415</v>
      </c>
      <c r="P4635">
        <v>1</v>
      </c>
      <c r="Q4635">
        <v>1</v>
      </c>
      <c r="R4635" t="s">
        <v>23949</v>
      </c>
      <c r="S4635">
        <v>969</v>
      </c>
    </row>
    <row r="4636" spans="1:19" x14ac:dyDescent="0.25">
      <c r="A4636">
        <v>37549713</v>
      </c>
      <c r="B4636" t="s">
        <v>23950</v>
      </c>
      <c r="C4636" s="1" t="s">
        <v>23951</v>
      </c>
      <c r="E4636">
        <v>1</v>
      </c>
      <c r="F4636">
        <v>0</v>
      </c>
      <c r="H4636" t="s">
        <v>23952</v>
      </c>
      <c r="J4636" t="s">
        <v>23953</v>
      </c>
      <c r="O4636">
        <v>4246052</v>
      </c>
      <c r="P4636">
        <v>1</v>
      </c>
      <c r="Q4636">
        <v>0</v>
      </c>
      <c r="R4636" t="s">
        <v>23954</v>
      </c>
      <c r="S4636">
        <v>91</v>
      </c>
    </row>
    <row r="4637" spans="1:19" x14ac:dyDescent="0.25">
      <c r="A4637">
        <v>22736967</v>
      </c>
      <c r="B4637" t="s">
        <v>23955</v>
      </c>
      <c r="C4637" s="1" t="s">
        <v>23956</v>
      </c>
      <c r="D4637">
        <v>22737388</v>
      </c>
      <c r="E4637">
        <v>1</v>
      </c>
      <c r="F4637">
        <v>0</v>
      </c>
      <c r="H4637" t="s">
        <v>23957</v>
      </c>
      <c r="I4637">
        <v>1</v>
      </c>
      <c r="J4637" t="s">
        <v>23958</v>
      </c>
      <c r="O4637">
        <v>2802916</v>
      </c>
      <c r="P4637">
        <v>1</v>
      </c>
      <c r="Q4637">
        <v>3</v>
      </c>
      <c r="R4637" t="s">
        <v>23959</v>
      </c>
      <c r="S4637">
        <v>1454</v>
      </c>
    </row>
    <row r="4638" spans="1:19" x14ac:dyDescent="0.25">
      <c r="A4638">
        <v>35377549</v>
      </c>
      <c r="B4638" t="s">
        <v>23960</v>
      </c>
      <c r="C4638" s="1" t="s">
        <v>23961</v>
      </c>
      <c r="E4638">
        <v>1</v>
      </c>
      <c r="F4638">
        <v>0</v>
      </c>
      <c r="H4638" t="s">
        <v>23962</v>
      </c>
      <c r="J4638" t="s">
        <v>23963</v>
      </c>
      <c r="K4638" t="s">
        <v>23963</v>
      </c>
      <c r="M4638">
        <v>2370483</v>
      </c>
      <c r="O4638">
        <v>3110164</v>
      </c>
      <c r="P4638">
        <v>1</v>
      </c>
      <c r="Q4638">
        <v>0</v>
      </c>
      <c r="R4638" t="s">
        <v>23964</v>
      </c>
      <c r="S4638">
        <v>247</v>
      </c>
    </row>
    <row r="4639" spans="1:19" x14ac:dyDescent="0.25">
      <c r="A4639">
        <v>9275417</v>
      </c>
      <c r="B4639" t="s">
        <v>23965</v>
      </c>
      <c r="C4639" s="1" t="s">
        <v>23966</v>
      </c>
      <c r="E4639">
        <v>1</v>
      </c>
      <c r="F4639">
        <v>11</v>
      </c>
      <c r="H4639" t="s">
        <v>23967</v>
      </c>
      <c r="J4639" t="s">
        <v>23968</v>
      </c>
      <c r="K4639" t="s">
        <v>23969</v>
      </c>
      <c r="M4639">
        <v>388787</v>
      </c>
      <c r="O4639">
        <v>1101489</v>
      </c>
      <c r="P4639">
        <v>1</v>
      </c>
      <c r="Q4639">
        <v>0</v>
      </c>
      <c r="R4639" t="s">
        <v>23970</v>
      </c>
      <c r="S4639">
        <v>2187</v>
      </c>
    </row>
    <row r="4640" spans="1:19" x14ac:dyDescent="0.25">
      <c r="A4640">
        <v>15442842</v>
      </c>
      <c r="B4640" t="s">
        <v>23971</v>
      </c>
      <c r="C4640" s="1" t="s">
        <v>23972</v>
      </c>
      <c r="D4640">
        <v>15442882</v>
      </c>
      <c r="E4640">
        <v>1</v>
      </c>
      <c r="F4640">
        <v>2</v>
      </c>
      <c r="H4640" t="s">
        <v>23973</v>
      </c>
      <c r="J4640" t="s">
        <v>23974</v>
      </c>
      <c r="K4640" t="s">
        <v>23974</v>
      </c>
      <c r="M4640">
        <v>472495</v>
      </c>
      <c r="O4640">
        <v>1818692</v>
      </c>
      <c r="P4640">
        <v>1</v>
      </c>
      <c r="Q4640">
        <v>0</v>
      </c>
      <c r="R4640" t="s">
        <v>1359</v>
      </c>
      <c r="S4640">
        <v>49</v>
      </c>
    </row>
    <row r="4641" spans="1:19" x14ac:dyDescent="0.25">
      <c r="A4641">
        <v>34155681</v>
      </c>
      <c r="B4641" t="s">
        <v>23975</v>
      </c>
      <c r="C4641" s="1" t="s">
        <v>23976</v>
      </c>
      <c r="D4641">
        <v>34156181</v>
      </c>
      <c r="E4641">
        <v>2</v>
      </c>
      <c r="F4641">
        <v>1</v>
      </c>
      <c r="H4641" t="s">
        <v>23977</v>
      </c>
      <c r="J4641" t="s">
        <v>23978</v>
      </c>
      <c r="K4641" t="s">
        <v>23979</v>
      </c>
      <c r="M4641">
        <v>3431936</v>
      </c>
      <c r="O4641">
        <v>3431936</v>
      </c>
      <c r="P4641">
        <v>1</v>
      </c>
      <c r="Q4641">
        <v>2</v>
      </c>
      <c r="R4641" t="s">
        <v>819</v>
      </c>
      <c r="S4641">
        <v>2936</v>
      </c>
    </row>
    <row r="4642" spans="1:19" x14ac:dyDescent="0.25">
      <c r="A4642">
        <v>49705076</v>
      </c>
      <c r="B4642" t="s">
        <v>23980</v>
      </c>
      <c r="C4642" s="1" t="s">
        <v>23981</v>
      </c>
      <c r="E4642">
        <v>1</v>
      </c>
      <c r="F4642">
        <v>17</v>
      </c>
      <c r="H4642" t="s">
        <v>23982</v>
      </c>
      <c r="J4642" t="s">
        <v>23983</v>
      </c>
      <c r="K4642" t="s">
        <v>23984</v>
      </c>
      <c r="M4642">
        <v>9238777</v>
      </c>
      <c r="O4642">
        <v>4129913</v>
      </c>
      <c r="P4642">
        <v>1</v>
      </c>
      <c r="Q4642">
        <v>-5</v>
      </c>
      <c r="R4642" t="s">
        <v>23985</v>
      </c>
      <c r="S4642">
        <v>44</v>
      </c>
    </row>
    <row r="4643" spans="1:19" x14ac:dyDescent="0.25">
      <c r="A4643">
        <v>30974972</v>
      </c>
      <c r="B4643" t="s">
        <v>23986</v>
      </c>
      <c r="C4643" s="1" t="s">
        <v>23987</v>
      </c>
      <c r="E4643">
        <v>1</v>
      </c>
      <c r="F4643">
        <v>4</v>
      </c>
      <c r="H4643" t="s">
        <v>23988</v>
      </c>
      <c r="J4643" t="s">
        <v>23989</v>
      </c>
      <c r="K4643" t="s">
        <v>23990</v>
      </c>
      <c r="M4643">
        <v>3813371</v>
      </c>
      <c r="O4643">
        <v>3813371</v>
      </c>
      <c r="P4643">
        <v>1</v>
      </c>
      <c r="Q4643">
        <v>0</v>
      </c>
      <c r="R4643" t="s">
        <v>23991</v>
      </c>
      <c r="S4643">
        <v>848</v>
      </c>
    </row>
    <row r="4644" spans="1:19" x14ac:dyDescent="0.25">
      <c r="A4644">
        <v>2468677</v>
      </c>
      <c r="B4644" t="s">
        <v>23992</v>
      </c>
      <c r="C4644" s="1" t="s">
        <v>23993</v>
      </c>
      <c r="D4644">
        <v>2468893</v>
      </c>
      <c r="E4644">
        <v>2</v>
      </c>
      <c r="F4644">
        <v>0</v>
      </c>
      <c r="H4644" t="s">
        <v>23994</v>
      </c>
      <c r="J4644" t="s">
        <v>23995</v>
      </c>
      <c r="O4644">
        <v>120399</v>
      </c>
      <c r="P4644">
        <v>1</v>
      </c>
      <c r="Q4644">
        <v>1</v>
      </c>
      <c r="R4644" t="s">
        <v>23996</v>
      </c>
      <c r="S4644">
        <v>3304</v>
      </c>
    </row>
    <row r="4645" spans="1:19" x14ac:dyDescent="0.25">
      <c r="A4645">
        <v>38300645</v>
      </c>
      <c r="B4645" t="s">
        <v>23997</v>
      </c>
      <c r="C4645" s="1" t="s">
        <v>23998</v>
      </c>
      <c r="E4645">
        <v>1</v>
      </c>
      <c r="F4645">
        <v>0</v>
      </c>
      <c r="H4645" t="s">
        <v>23999</v>
      </c>
      <c r="I4645">
        <v>1</v>
      </c>
      <c r="J4645" t="s">
        <v>24000</v>
      </c>
      <c r="O4645">
        <v>6218011</v>
      </c>
      <c r="P4645">
        <v>1</v>
      </c>
      <c r="Q4645">
        <v>0</v>
      </c>
      <c r="R4645" t="s">
        <v>24001</v>
      </c>
      <c r="S4645">
        <v>254</v>
      </c>
    </row>
    <row r="4646" spans="1:19" x14ac:dyDescent="0.25">
      <c r="A4646">
        <v>40246945</v>
      </c>
      <c r="B4646" t="s">
        <v>24002</v>
      </c>
      <c r="C4646" t="s">
        <v>24003</v>
      </c>
      <c r="D4646">
        <v>40248400</v>
      </c>
      <c r="E4646">
        <v>1</v>
      </c>
      <c r="F4646">
        <v>0</v>
      </c>
      <c r="H4646" t="s">
        <v>24004</v>
      </c>
      <c r="J4646" t="s">
        <v>24005</v>
      </c>
      <c r="O4646">
        <v>3881111</v>
      </c>
      <c r="P4646">
        <v>1</v>
      </c>
      <c r="Q4646">
        <v>0</v>
      </c>
      <c r="R4646" t="s">
        <v>24006</v>
      </c>
      <c r="S4646">
        <v>15</v>
      </c>
    </row>
    <row r="4647" spans="1:19" x14ac:dyDescent="0.25">
      <c r="A4647">
        <v>9784073</v>
      </c>
      <c r="B4647" t="s">
        <v>24007</v>
      </c>
      <c r="C4647" s="1" t="s">
        <v>24008</v>
      </c>
      <c r="D4647">
        <v>9784220</v>
      </c>
      <c r="E4647">
        <v>1</v>
      </c>
      <c r="F4647">
        <v>0</v>
      </c>
      <c r="H4647" t="s">
        <v>24009</v>
      </c>
      <c r="J4647" t="s">
        <v>24010</v>
      </c>
      <c r="K4647" t="s">
        <v>24010</v>
      </c>
      <c r="M4647">
        <v>366234</v>
      </c>
      <c r="O4647">
        <v>606939</v>
      </c>
      <c r="P4647">
        <v>1</v>
      </c>
      <c r="Q4647">
        <v>4</v>
      </c>
      <c r="R4647" t="s">
        <v>24011</v>
      </c>
      <c r="S4647">
        <v>62</v>
      </c>
    </row>
    <row r="4648" spans="1:19" x14ac:dyDescent="0.25">
      <c r="A4648">
        <v>47261594</v>
      </c>
      <c r="B4648" t="s">
        <v>24012</v>
      </c>
      <c r="C4648" s="1" t="s">
        <v>24013</v>
      </c>
      <c r="D4648">
        <v>47261798</v>
      </c>
      <c r="E4648">
        <v>2</v>
      </c>
      <c r="F4648">
        <v>2</v>
      </c>
      <c r="H4648" t="s">
        <v>24014</v>
      </c>
      <c r="J4648" t="s">
        <v>24015</v>
      </c>
      <c r="K4648" t="s">
        <v>24016</v>
      </c>
      <c r="M4648">
        <v>7616442</v>
      </c>
      <c r="O4648">
        <v>8148759</v>
      </c>
      <c r="P4648">
        <v>1</v>
      </c>
      <c r="Q4648">
        <v>0</v>
      </c>
      <c r="R4648" t="s">
        <v>2494</v>
      </c>
      <c r="S4648">
        <v>34</v>
      </c>
    </row>
    <row r="4649" spans="1:19" x14ac:dyDescent="0.25">
      <c r="A4649">
        <v>35652067</v>
      </c>
      <c r="B4649" t="s">
        <v>24017</v>
      </c>
      <c r="C4649" s="1" t="s">
        <v>24018</v>
      </c>
      <c r="D4649">
        <v>35652156</v>
      </c>
      <c r="E4649">
        <v>1</v>
      </c>
      <c r="F4649">
        <v>1</v>
      </c>
      <c r="H4649" t="s">
        <v>24019</v>
      </c>
      <c r="J4649" t="s">
        <v>24020</v>
      </c>
      <c r="O4649">
        <v>3200485</v>
      </c>
      <c r="P4649">
        <v>1</v>
      </c>
      <c r="Q4649">
        <v>1</v>
      </c>
      <c r="R4649" t="s">
        <v>3056</v>
      </c>
      <c r="S4649">
        <v>60</v>
      </c>
    </row>
    <row r="4650" spans="1:19" x14ac:dyDescent="0.25">
      <c r="A4650">
        <v>26621876</v>
      </c>
      <c r="B4650" t="s">
        <v>24021</v>
      </c>
      <c r="C4650" s="1" t="s">
        <v>24022</v>
      </c>
      <c r="D4650">
        <v>26622352</v>
      </c>
      <c r="E4650">
        <v>2</v>
      </c>
      <c r="F4650">
        <v>0</v>
      </c>
      <c r="H4650" t="s">
        <v>24023</v>
      </c>
      <c r="J4650" t="s">
        <v>24024</v>
      </c>
      <c r="O4650">
        <v>3023931</v>
      </c>
      <c r="P4650">
        <v>1</v>
      </c>
      <c r="Q4650">
        <v>0</v>
      </c>
      <c r="R4650" t="s">
        <v>24025</v>
      </c>
      <c r="S4650">
        <v>70</v>
      </c>
    </row>
    <row r="4651" spans="1:19" x14ac:dyDescent="0.25">
      <c r="A4651">
        <v>3984700</v>
      </c>
      <c r="B4651" t="s">
        <v>24026</v>
      </c>
      <c r="C4651" s="1" t="s">
        <v>24027</v>
      </c>
      <c r="E4651">
        <v>2</v>
      </c>
      <c r="F4651">
        <v>0</v>
      </c>
      <c r="H4651" t="s">
        <v>24028</v>
      </c>
      <c r="J4651" t="s">
        <v>24029</v>
      </c>
      <c r="K4651" t="s">
        <v>24029</v>
      </c>
      <c r="M4651">
        <v>689356</v>
      </c>
      <c r="O4651">
        <v>482600</v>
      </c>
      <c r="P4651">
        <v>1</v>
      </c>
      <c r="Q4651">
        <v>1</v>
      </c>
      <c r="R4651" t="s">
        <v>24030</v>
      </c>
      <c r="S4651">
        <v>3296</v>
      </c>
    </row>
    <row r="4652" spans="1:19" x14ac:dyDescent="0.25">
      <c r="A4652">
        <v>45819658</v>
      </c>
      <c r="B4652" t="s">
        <v>24031</v>
      </c>
      <c r="C4652" s="1" t="s">
        <v>24032</v>
      </c>
      <c r="D4652">
        <v>45821060</v>
      </c>
      <c r="E4652">
        <v>1</v>
      </c>
      <c r="F4652">
        <v>2</v>
      </c>
      <c r="H4652" t="s">
        <v>24033</v>
      </c>
      <c r="J4652" t="s">
        <v>24034</v>
      </c>
      <c r="O4652">
        <v>8491385</v>
      </c>
      <c r="P4652">
        <v>1</v>
      </c>
      <c r="Q4652">
        <v>1</v>
      </c>
      <c r="R4652" t="s">
        <v>24035</v>
      </c>
      <c r="S4652">
        <v>365</v>
      </c>
    </row>
    <row r="4653" spans="1:19" x14ac:dyDescent="0.25">
      <c r="A4653">
        <v>50637914</v>
      </c>
      <c r="B4653" t="s">
        <v>24036</v>
      </c>
      <c r="C4653" s="1" t="s">
        <v>24037</v>
      </c>
      <c r="E4653">
        <v>0</v>
      </c>
      <c r="F4653">
        <v>0</v>
      </c>
      <c r="H4653" t="s">
        <v>24038</v>
      </c>
      <c r="J4653" t="s">
        <v>24039</v>
      </c>
      <c r="O4653">
        <v>9879609</v>
      </c>
      <c r="P4653">
        <v>1</v>
      </c>
      <c r="Q4653">
        <v>0</v>
      </c>
      <c r="R4653" t="s">
        <v>24040</v>
      </c>
      <c r="S4653">
        <v>48</v>
      </c>
    </row>
    <row r="4654" spans="1:19" x14ac:dyDescent="0.25">
      <c r="A4654">
        <v>48393398</v>
      </c>
      <c r="B4654" t="s">
        <v>24041</v>
      </c>
      <c r="C4654" s="1" t="s">
        <v>24042</v>
      </c>
      <c r="E4654">
        <v>3</v>
      </c>
      <c r="F4654">
        <v>0</v>
      </c>
      <c r="H4654" t="s">
        <v>24043</v>
      </c>
      <c r="J4654" t="s">
        <v>24044</v>
      </c>
      <c r="K4654" t="s">
        <v>24045</v>
      </c>
      <c r="M4654">
        <v>1402846</v>
      </c>
      <c r="O4654">
        <v>2095535</v>
      </c>
      <c r="P4654">
        <v>1</v>
      </c>
      <c r="Q4654">
        <v>0</v>
      </c>
      <c r="R4654" t="s">
        <v>24046</v>
      </c>
      <c r="S4654">
        <v>155</v>
      </c>
    </row>
    <row r="4655" spans="1:19" x14ac:dyDescent="0.25">
      <c r="A4655">
        <v>30904459</v>
      </c>
      <c r="B4655" t="s">
        <v>24047</v>
      </c>
      <c r="C4655" s="1" t="s">
        <v>24048</v>
      </c>
      <c r="D4655">
        <v>30904502</v>
      </c>
      <c r="E4655">
        <v>1</v>
      </c>
      <c r="F4655">
        <v>0</v>
      </c>
      <c r="H4655" t="s">
        <v>24049</v>
      </c>
      <c r="J4655" t="s">
        <v>24050</v>
      </c>
      <c r="O4655">
        <v>5021926</v>
      </c>
      <c r="P4655">
        <v>1</v>
      </c>
      <c r="Q4655">
        <v>-1</v>
      </c>
      <c r="R4655" t="s">
        <v>24051</v>
      </c>
      <c r="S4655">
        <v>18</v>
      </c>
    </row>
    <row r="4656" spans="1:19" x14ac:dyDescent="0.25">
      <c r="A4656">
        <v>30987969</v>
      </c>
      <c r="B4656" t="s">
        <v>24052</v>
      </c>
      <c r="C4656" s="1" t="s">
        <v>24053</v>
      </c>
      <c r="D4656">
        <v>30988119</v>
      </c>
      <c r="E4656">
        <v>1</v>
      </c>
      <c r="F4656">
        <v>0</v>
      </c>
      <c r="H4656" t="s">
        <v>24054</v>
      </c>
      <c r="J4656" t="s">
        <v>24055</v>
      </c>
      <c r="O4656">
        <v>1135714</v>
      </c>
      <c r="P4656">
        <v>1</v>
      </c>
      <c r="Q4656">
        <v>0</v>
      </c>
      <c r="R4656" t="s">
        <v>24056</v>
      </c>
      <c r="S4656">
        <v>47</v>
      </c>
    </row>
    <row r="4657" spans="1:19" x14ac:dyDescent="0.25">
      <c r="A4657">
        <v>32180133</v>
      </c>
      <c r="B4657" t="s">
        <v>24057</v>
      </c>
      <c r="C4657" s="1" t="s">
        <v>24058</v>
      </c>
      <c r="D4657">
        <v>32180536</v>
      </c>
      <c r="E4657">
        <v>1</v>
      </c>
      <c r="F4657">
        <v>1</v>
      </c>
      <c r="H4657" t="s">
        <v>24059</v>
      </c>
      <c r="J4657" t="s">
        <v>24060</v>
      </c>
      <c r="O4657">
        <v>4773326</v>
      </c>
      <c r="P4657">
        <v>1</v>
      </c>
      <c r="Q4657">
        <v>0</v>
      </c>
      <c r="R4657" t="s">
        <v>989</v>
      </c>
      <c r="S4657">
        <v>656</v>
      </c>
    </row>
    <row r="4658" spans="1:19" x14ac:dyDescent="0.25">
      <c r="A4658">
        <v>27522815</v>
      </c>
      <c r="B4658" t="s">
        <v>24061</v>
      </c>
      <c r="C4658" s="1" t="s">
        <v>24062</v>
      </c>
      <c r="E4658">
        <v>0</v>
      </c>
      <c r="F4658">
        <v>5</v>
      </c>
      <c r="H4658" t="s">
        <v>24063</v>
      </c>
      <c r="J4658" t="s">
        <v>24063</v>
      </c>
      <c r="O4658">
        <v>4369643</v>
      </c>
      <c r="P4658">
        <v>1</v>
      </c>
      <c r="Q4658">
        <v>0</v>
      </c>
      <c r="R4658" t="s">
        <v>24064</v>
      </c>
      <c r="S4658">
        <v>475</v>
      </c>
    </row>
    <row r="4659" spans="1:19" x14ac:dyDescent="0.25">
      <c r="A4659">
        <v>19701156</v>
      </c>
      <c r="B4659" t="s">
        <v>24065</v>
      </c>
      <c r="C4659" s="1" t="s">
        <v>24066</v>
      </c>
      <c r="D4659">
        <v>19701283</v>
      </c>
      <c r="E4659">
        <v>3</v>
      </c>
      <c r="F4659">
        <v>3</v>
      </c>
      <c r="H4659" t="s">
        <v>24067</v>
      </c>
      <c r="J4659" t="s">
        <v>24068</v>
      </c>
      <c r="K4659" t="s">
        <v>24069</v>
      </c>
      <c r="M4659">
        <v>1545777</v>
      </c>
      <c r="O4659">
        <v>1992649</v>
      </c>
      <c r="P4659">
        <v>1</v>
      </c>
      <c r="Q4659">
        <v>0</v>
      </c>
      <c r="R4659" t="s">
        <v>24070</v>
      </c>
      <c r="S4659">
        <v>62</v>
      </c>
    </row>
    <row r="4660" spans="1:19" x14ac:dyDescent="0.25">
      <c r="A4660">
        <v>22004738</v>
      </c>
      <c r="B4660" t="s">
        <v>24071</v>
      </c>
      <c r="C4660" s="1" t="s">
        <v>24072</v>
      </c>
      <c r="E4660">
        <v>1</v>
      </c>
      <c r="F4660">
        <v>1</v>
      </c>
      <c r="H4660" t="s">
        <v>24073</v>
      </c>
      <c r="J4660" t="s">
        <v>24074</v>
      </c>
      <c r="K4660" t="s">
        <v>24074</v>
      </c>
      <c r="M4660">
        <v>3085479</v>
      </c>
      <c r="O4660">
        <v>1616217</v>
      </c>
      <c r="P4660">
        <v>1</v>
      </c>
      <c r="Q4660">
        <v>0</v>
      </c>
      <c r="R4660" t="s">
        <v>24075</v>
      </c>
      <c r="S4660">
        <v>45</v>
      </c>
    </row>
    <row r="4661" spans="1:19" x14ac:dyDescent="0.25">
      <c r="A4661">
        <v>44490437</v>
      </c>
      <c r="B4661" t="s">
        <v>24076</v>
      </c>
      <c r="C4661" s="1" t="s">
        <v>24077</v>
      </c>
      <c r="E4661">
        <v>0</v>
      </c>
      <c r="F4661">
        <v>6</v>
      </c>
      <c r="H4661" t="s">
        <v>24078</v>
      </c>
      <c r="J4661" t="s">
        <v>24079</v>
      </c>
      <c r="K4661" t="s">
        <v>24080</v>
      </c>
      <c r="M4661">
        <v>3482140</v>
      </c>
      <c r="O4661">
        <v>8146431</v>
      </c>
      <c r="P4661">
        <v>1</v>
      </c>
      <c r="Q4661">
        <v>0</v>
      </c>
      <c r="R4661" t="s">
        <v>24081</v>
      </c>
      <c r="S4661">
        <v>75</v>
      </c>
    </row>
    <row r="4662" spans="1:19" x14ac:dyDescent="0.25">
      <c r="A4662">
        <v>24766866</v>
      </c>
      <c r="B4662" t="s">
        <v>24082</v>
      </c>
      <c r="C4662" s="1" t="s">
        <v>24083</v>
      </c>
      <c r="D4662">
        <v>24767128</v>
      </c>
      <c r="E4662">
        <v>1</v>
      </c>
      <c r="F4662">
        <v>0</v>
      </c>
      <c r="H4662" t="s">
        <v>24084</v>
      </c>
      <c r="I4662">
        <v>2</v>
      </c>
      <c r="J4662" t="s">
        <v>24085</v>
      </c>
      <c r="O4662">
        <v>1183635</v>
      </c>
      <c r="P4662">
        <v>1</v>
      </c>
      <c r="Q4662">
        <v>14</v>
      </c>
      <c r="R4662" t="s">
        <v>8078</v>
      </c>
      <c r="S4662">
        <v>9924</v>
      </c>
    </row>
    <row r="4663" spans="1:19" x14ac:dyDescent="0.25">
      <c r="A4663">
        <v>43707725</v>
      </c>
      <c r="B4663" t="s">
        <v>24086</v>
      </c>
      <c r="C4663" s="1" t="s">
        <v>24087</v>
      </c>
      <c r="D4663">
        <v>43728707</v>
      </c>
      <c r="E4663">
        <v>2</v>
      </c>
      <c r="F4663">
        <v>2</v>
      </c>
      <c r="H4663" t="s">
        <v>24088</v>
      </c>
      <c r="J4663" t="s">
        <v>24089</v>
      </c>
      <c r="K4663" t="s">
        <v>24090</v>
      </c>
      <c r="M4663">
        <v>4165377</v>
      </c>
      <c r="N4663" t="s">
        <v>24091</v>
      </c>
      <c r="P4663">
        <v>1</v>
      </c>
      <c r="Q4663">
        <v>0</v>
      </c>
      <c r="R4663" t="s">
        <v>24092</v>
      </c>
      <c r="S4663">
        <v>92</v>
      </c>
    </row>
    <row r="4664" spans="1:19" x14ac:dyDescent="0.25">
      <c r="A4664">
        <v>44215118</v>
      </c>
      <c r="B4664" t="s">
        <v>24093</v>
      </c>
      <c r="C4664" s="1" t="s">
        <v>24094</v>
      </c>
      <c r="D4664">
        <v>44215539</v>
      </c>
      <c r="E4664">
        <v>1</v>
      </c>
      <c r="F4664">
        <v>0</v>
      </c>
      <c r="H4664" t="s">
        <v>24095</v>
      </c>
      <c r="I4664">
        <v>0</v>
      </c>
      <c r="J4664" t="s">
        <v>24096</v>
      </c>
      <c r="K4664" t="s">
        <v>24097</v>
      </c>
      <c r="M4664">
        <v>509670</v>
      </c>
      <c r="O4664">
        <v>509670</v>
      </c>
      <c r="P4664">
        <v>1</v>
      </c>
      <c r="Q4664">
        <v>0</v>
      </c>
      <c r="R4664" t="s">
        <v>24098</v>
      </c>
      <c r="S4664">
        <v>78</v>
      </c>
    </row>
    <row r="4665" spans="1:19" x14ac:dyDescent="0.25">
      <c r="A4665">
        <v>44208070</v>
      </c>
      <c r="B4665" t="s">
        <v>24099</v>
      </c>
      <c r="C4665" s="1" t="s">
        <v>24100</v>
      </c>
      <c r="E4665">
        <v>1</v>
      </c>
      <c r="F4665">
        <v>1</v>
      </c>
      <c r="H4665" t="s">
        <v>24101</v>
      </c>
      <c r="J4665" t="s">
        <v>24102</v>
      </c>
      <c r="O4665">
        <v>6679117</v>
      </c>
      <c r="P4665">
        <v>1</v>
      </c>
      <c r="Q4665">
        <v>0</v>
      </c>
      <c r="R4665" t="s">
        <v>24103</v>
      </c>
      <c r="S4665">
        <v>36</v>
      </c>
    </row>
    <row r="4666" spans="1:19" x14ac:dyDescent="0.25">
      <c r="A4666">
        <v>25858898</v>
      </c>
      <c r="B4666" t="s">
        <v>24104</v>
      </c>
      <c r="C4666" s="1" t="s">
        <v>24105</v>
      </c>
      <c r="D4666">
        <v>25859212</v>
      </c>
      <c r="E4666">
        <v>1</v>
      </c>
      <c r="F4666">
        <v>9</v>
      </c>
      <c r="H4666" t="s">
        <v>24106</v>
      </c>
      <c r="J4666" t="s">
        <v>24107</v>
      </c>
      <c r="O4666">
        <v>1965156</v>
      </c>
      <c r="P4666">
        <v>1</v>
      </c>
      <c r="Q4666">
        <v>1</v>
      </c>
      <c r="R4666" t="s">
        <v>24108</v>
      </c>
      <c r="S4666">
        <v>56</v>
      </c>
    </row>
    <row r="4667" spans="1:19" x14ac:dyDescent="0.25">
      <c r="A4667">
        <v>39088439</v>
      </c>
      <c r="B4667" t="s">
        <v>24109</v>
      </c>
      <c r="C4667" s="1" t="s">
        <v>24110</v>
      </c>
      <c r="D4667">
        <v>39099576</v>
      </c>
      <c r="E4667">
        <v>2</v>
      </c>
      <c r="F4667">
        <v>2</v>
      </c>
      <c r="H4667" t="s">
        <v>24111</v>
      </c>
      <c r="J4667" t="s">
        <v>24112</v>
      </c>
      <c r="O4667">
        <v>1503606</v>
      </c>
      <c r="P4667">
        <v>1</v>
      </c>
      <c r="Q4667">
        <v>3</v>
      </c>
      <c r="R4667" t="s">
        <v>24113</v>
      </c>
      <c r="S4667">
        <v>3700</v>
      </c>
    </row>
    <row r="4668" spans="1:19" x14ac:dyDescent="0.25">
      <c r="A4668">
        <v>14735734</v>
      </c>
      <c r="B4668" t="s">
        <v>24114</v>
      </c>
      <c r="C4668" s="1" t="s">
        <v>24115</v>
      </c>
      <c r="E4668">
        <v>1</v>
      </c>
      <c r="F4668">
        <v>2</v>
      </c>
      <c r="H4668" t="s">
        <v>24116</v>
      </c>
      <c r="J4668" t="s">
        <v>24117</v>
      </c>
      <c r="O4668">
        <v>992470</v>
      </c>
      <c r="P4668">
        <v>1</v>
      </c>
      <c r="Q4668">
        <v>1</v>
      </c>
      <c r="R4668" t="s">
        <v>24118</v>
      </c>
      <c r="S4668">
        <v>264</v>
      </c>
    </row>
    <row r="4669" spans="1:19" x14ac:dyDescent="0.25">
      <c r="A4669">
        <v>17366271</v>
      </c>
      <c r="B4669" t="s">
        <v>24119</v>
      </c>
      <c r="C4669" s="1" t="s">
        <v>24120</v>
      </c>
      <c r="D4669">
        <v>17370445</v>
      </c>
      <c r="E4669">
        <v>1</v>
      </c>
      <c r="F4669">
        <v>0</v>
      </c>
      <c r="H4669" t="s">
        <v>24121</v>
      </c>
      <c r="J4669" t="s">
        <v>24122</v>
      </c>
      <c r="K4669" t="s">
        <v>24122</v>
      </c>
      <c r="M4669">
        <v>3244185</v>
      </c>
      <c r="O4669">
        <v>558139</v>
      </c>
      <c r="P4669">
        <v>1</v>
      </c>
      <c r="Q4669">
        <v>1</v>
      </c>
      <c r="R4669" t="s">
        <v>24123</v>
      </c>
      <c r="S4669">
        <v>77</v>
      </c>
    </row>
    <row r="4670" spans="1:19" x14ac:dyDescent="0.25">
      <c r="A4670">
        <v>50509911</v>
      </c>
      <c r="B4670" t="s">
        <v>24124</v>
      </c>
      <c r="C4670" s="1" t="s">
        <v>24125</v>
      </c>
      <c r="E4670">
        <v>1</v>
      </c>
      <c r="F4670">
        <v>0</v>
      </c>
      <c r="H4670" t="s">
        <v>24126</v>
      </c>
      <c r="J4670" t="s">
        <v>24127</v>
      </c>
      <c r="K4670" t="s">
        <v>24128</v>
      </c>
      <c r="M4670">
        <v>752890</v>
      </c>
      <c r="O4670">
        <v>4576602</v>
      </c>
      <c r="P4670">
        <v>1</v>
      </c>
      <c r="Q4670">
        <v>0</v>
      </c>
      <c r="R4670" t="s">
        <v>24129</v>
      </c>
      <c r="S4670">
        <v>83</v>
      </c>
    </row>
    <row r="4671" spans="1:19" x14ac:dyDescent="0.25">
      <c r="A4671">
        <v>40647994</v>
      </c>
      <c r="B4671" t="s">
        <v>24130</v>
      </c>
      <c r="C4671" s="1" t="s">
        <v>24131</v>
      </c>
      <c r="E4671">
        <v>1</v>
      </c>
      <c r="F4671">
        <v>0</v>
      </c>
      <c r="H4671" t="s">
        <v>24132</v>
      </c>
      <c r="J4671" t="s">
        <v>24133</v>
      </c>
      <c r="O4671">
        <v>1335606</v>
      </c>
      <c r="P4671">
        <v>1</v>
      </c>
      <c r="Q4671">
        <v>0</v>
      </c>
      <c r="R4671" t="s">
        <v>24134</v>
      </c>
      <c r="S4671">
        <v>35</v>
      </c>
    </row>
    <row r="4672" spans="1:19" x14ac:dyDescent="0.25">
      <c r="A4672">
        <v>45228002</v>
      </c>
      <c r="B4672" t="s">
        <v>24135</v>
      </c>
      <c r="C4672" s="1" t="s">
        <v>24136</v>
      </c>
      <c r="D4672">
        <v>46022769</v>
      </c>
      <c r="E4672">
        <v>2</v>
      </c>
      <c r="F4672">
        <v>3</v>
      </c>
      <c r="H4672" t="s">
        <v>24137</v>
      </c>
      <c r="I4672">
        <v>1</v>
      </c>
      <c r="J4672" t="s">
        <v>24138</v>
      </c>
      <c r="K4672" t="s">
        <v>24138</v>
      </c>
      <c r="M4672">
        <v>8270343</v>
      </c>
      <c r="O4672">
        <v>8242664</v>
      </c>
      <c r="P4672">
        <v>1</v>
      </c>
      <c r="Q4672">
        <v>-1</v>
      </c>
      <c r="R4672" t="s">
        <v>1754</v>
      </c>
      <c r="S4672">
        <v>74</v>
      </c>
    </row>
    <row r="4673" spans="1:19" x14ac:dyDescent="0.25">
      <c r="A4673">
        <v>29418876</v>
      </c>
      <c r="B4673" t="s">
        <v>24139</v>
      </c>
      <c r="C4673" s="1" t="s">
        <v>24140</v>
      </c>
      <c r="E4673">
        <v>0</v>
      </c>
      <c r="F4673">
        <v>6</v>
      </c>
      <c r="H4673" t="s">
        <v>24141</v>
      </c>
      <c r="J4673" t="s">
        <v>24141</v>
      </c>
      <c r="O4673">
        <v>392591</v>
      </c>
      <c r="P4673">
        <v>1</v>
      </c>
      <c r="Q4673">
        <v>0</v>
      </c>
      <c r="R4673" t="s">
        <v>24142</v>
      </c>
      <c r="S4673">
        <v>255</v>
      </c>
    </row>
    <row r="4674" spans="1:19" x14ac:dyDescent="0.25">
      <c r="A4674">
        <v>25515555</v>
      </c>
      <c r="B4674" t="s">
        <v>24143</v>
      </c>
      <c r="C4674" s="1" t="s">
        <v>24144</v>
      </c>
      <c r="E4674">
        <v>0</v>
      </c>
      <c r="F4674">
        <v>1</v>
      </c>
      <c r="H4674" t="s">
        <v>24145</v>
      </c>
      <c r="J4674" t="s">
        <v>24145</v>
      </c>
      <c r="O4674">
        <v>1299585</v>
      </c>
      <c r="P4674">
        <v>1</v>
      </c>
      <c r="Q4674">
        <v>3</v>
      </c>
      <c r="R4674" t="s">
        <v>24146</v>
      </c>
      <c r="S4674">
        <v>634</v>
      </c>
    </row>
    <row r="4675" spans="1:19" x14ac:dyDescent="0.25">
      <c r="A4675">
        <v>25890120</v>
      </c>
      <c r="B4675" t="s">
        <v>24147</v>
      </c>
      <c r="C4675" s="1" t="s">
        <v>24148</v>
      </c>
      <c r="D4675">
        <v>25890434</v>
      </c>
      <c r="E4675">
        <v>3</v>
      </c>
      <c r="F4675">
        <v>1</v>
      </c>
      <c r="H4675" t="s">
        <v>24149</v>
      </c>
      <c r="J4675" t="s">
        <v>24150</v>
      </c>
      <c r="O4675">
        <v>4046640</v>
      </c>
      <c r="P4675">
        <v>1</v>
      </c>
      <c r="Q4675">
        <v>0</v>
      </c>
      <c r="R4675" t="s">
        <v>24151</v>
      </c>
      <c r="S4675">
        <v>86</v>
      </c>
    </row>
    <row r="4676" spans="1:19" x14ac:dyDescent="0.25">
      <c r="A4676">
        <v>19220634</v>
      </c>
      <c r="B4676" t="s">
        <v>24152</v>
      </c>
      <c r="C4676" s="1" t="s">
        <v>24153</v>
      </c>
      <c r="D4676">
        <v>19220845</v>
      </c>
      <c r="E4676">
        <v>2</v>
      </c>
      <c r="F4676">
        <v>2</v>
      </c>
      <c r="H4676" t="s">
        <v>24154</v>
      </c>
      <c r="J4676" t="s">
        <v>24155</v>
      </c>
      <c r="O4676">
        <v>364312</v>
      </c>
      <c r="P4676">
        <v>1</v>
      </c>
      <c r="Q4676">
        <v>1</v>
      </c>
      <c r="R4676" t="s">
        <v>2494</v>
      </c>
      <c r="S4676">
        <v>107</v>
      </c>
    </row>
    <row r="4677" spans="1:19" x14ac:dyDescent="0.25">
      <c r="A4677">
        <v>4838763</v>
      </c>
      <c r="B4677" t="s">
        <v>24156</v>
      </c>
      <c r="C4677" s="1" t="s">
        <v>24157</v>
      </c>
      <c r="D4677">
        <v>4843168</v>
      </c>
      <c r="E4677">
        <v>2</v>
      </c>
      <c r="F4677">
        <v>0</v>
      </c>
      <c r="H4677" t="s">
        <v>24158</v>
      </c>
      <c r="J4677" t="s">
        <v>24159</v>
      </c>
      <c r="O4677">
        <v>190629</v>
      </c>
      <c r="P4677">
        <v>1</v>
      </c>
      <c r="Q4677">
        <v>0</v>
      </c>
      <c r="R4677" t="s">
        <v>24160</v>
      </c>
      <c r="S4677">
        <v>290</v>
      </c>
    </row>
    <row r="4678" spans="1:19" x14ac:dyDescent="0.25">
      <c r="A4678">
        <v>8292909</v>
      </c>
      <c r="B4678" t="s">
        <v>24161</v>
      </c>
      <c r="C4678" s="1" t="s">
        <v>24162</v>
      </c>
      <c r="E4678">
        <v>1</v>
      </c>
      <c r="F4678">
        <v>0</v>
      </c>
      <c r="H4678" t="s">
        <v>24163</v>
      </c>
      <c r="J4678" t="s">
        <v>24164</v>
      </c>
      <c r="O4678">
        <v>614779</v>
      </c>
      <c r="P4678">
        <v>1</v>
      </c>
      <c r="Q4678">
        <v>0</v>
      </c>
      <c r="R4678" t="s">
        <v>24165</v>
      </c>
      <c r="S4678">
        <v>187</v>
      </c>
    </row>
    <row r="4679" spans="1:19" x14ac:dyDescent="0.25">
      <c r="A4679">
        <v>38554081</v>
      </c>
      <c r="B4679" t="s">
        <v>24166</v>
      </c>
      <c r="C4679" s="1" t="s">
        <v>24167</v>
      </c>
      <c r="E4679">
        <v>0</v>
      </c>
      <c r="F4679">
        <v>3</v>
      </c>
      <c r="H4679" t="s">
        <v>24168</v>
      </c>
      <c r="J4679" t="s">
        <v>24168</v>
      </c>
      <c r="O4679">
        <v>6201454</v>
      </c>
      <c r="P4679">
        <v>1</v>
      </c>
      <c r="Q4679">
        <v>0</v>
      </c>
      <c r="R4679" t="s">
        <v>24169</v>
      </c>
      <c r="S4679">
        <v>109</v>
      </c>
    </row>
    <row r="4680" spans="1:19" x14ac:dyDescent="0.25">
      <c r="A4680">
        <v>3512561</v>
      </c>
      <c r="B4680" t="s">
        <v>24170</v>
      </c>
      <c r="C4680" s="1" t="s">
        <v>24171</v>
      </c>
      <c r="E4680">
        <v>2</v>
      </c>
      <c r="F4680">
        <v>0</v>
      </c>
      <c r="H4680" t="s">
        <v>24172</v>
      </c>
      <c r="J4680" t="s">
        <v>24173</v>
      </c>
      <c r="O4680">
        <v>292320</v>
      </c>
      <c r="P4680">
        <v>1</v>
      </c>
      <c r="Q4680">
        <v>0</v>
      </c>
      <c r="R4680" t="s">
        <v>5746</v>
      </c>
      <c r="S4680">
        <v>261</v>
      </c>
    </row>
    <row r="4681" spans="1:19" x14ac:dyDescent="0.25">
      <c r="A4681">
        <v>12889728</v>
      </c>
      <c r="B4681" t="s">
        <v>24174</v>
      </c>
      <c r="C4681" s="1" t="s">
        <v>24175</v>
      </c>
      <c r="D4681">
        <v>12889911</v>
      </c>
      <c r="E4681">
        <v>2</v>
      </c>
      <c r="F4681">
        <v>0</v>
      </c>
      <c r="H4681" t="s">
        <v>24176</v>
      </c>
      <c r="J4681" t="s">
        <v>24177</v>
      </c>
      <c r="K4681" t="s">
        <v>24178</v>
      </c>
      <c r="M4681">
        <v>1659213</v>
      </c>
      <c r="O4681">
        <v>1659213</v>
      </c>
      <c r="P4681">
        <v>1</v>
      </c>
      <c r="Q4681">
        <v>0</v>
      </c>
      <c r="R4681" t="s">
        <v>24179</v>
      </c>
      <c r="S4681">
        <v>399</v>
      </c>
    </row>
    <row r="4682" spans="1:19" x14ac:dyDescent="0.25">
      <c r="A4682">
        <v>17296308</v>
      </c>
      <c r="B4682" t="s">
        <v>24180</v>
      </c>
      <c r="C4682" s="1" t="s">
        <v>24181</v>
      </c>
      <c r="E4682">
        <v>1</v>
      </c>
      <c r="F4682">
        <v>2</v>
      </c>
      <c r="H4682" t="s">
        <v>24182</v>
      </c>
      <c r="J4682" t="s">
        <v>24183</v>
      </c>
      <c r="O4682">
        <v>2306941</v>
      </c>
      <c r="P4682">
        <v>1</v>
      </c>
      <c r="Q4682">
        <v>0</v>
      </c>
      <c r="R4682" t="s">
        <v>24184</v>
      </c>
      <c r="S4682">
        <v>55</v>
      </c>
    </row>
    <row r="4683" spans="1:19" x14ac:dyDescent="0.25">
      <c r="A4683">
        <v>31360376</v>
      </c>
      <c r="B4683" t="s">
        <v>24185</v>
      </c>
      <c r="C4683" s="1" t="s">
        <v>24186</v>
      </c>
      <c r="E4683">
        <v>3</v>
      </c>
      <c r="F4683">
        <v>0</v>
      </c>
      <c r="H4683" t="s">
        <v>24187</v>
      </c>
      <c r="J4683" t="s">
        <v>24188</v>
      </c>
      <c r="K4683" t="s">
        <v>24189</v>
      </c>
      <c r="M4683">
        <v>2259517</v>
      </c>
      <c r="O4683">
        <v>2259517</v>
      </c>
      <c r="P4683">
        <v>1</v>
      </c>
      <c r="Q4683">
        <v>0</v>
      </c>
      <c r="R4683" t="s">
        <v>24190</v>
      </c>
      <c r="S4683">
        <v>173</v>
      </c>
    </row>
    <row r="4684" spans="1:19" x14ac:dyDescent="0.25">
      <c r="A4684">
        <v>31318478</v>
      </c>
      <c r="B4684" t="s">
        <v>24191</v>
      </c>
      <c r="C4684" s="1" t="s">
        <v>24192</v>
      </c>
      <c r="E4684">
        <v>1</v>
      </c>
      <c r="F4684">
        <v>0</v>
      </c>
      <c r="H4684" t="s">
        <v>24193</v>
      </c>
      <c r="I4684">
        <v>1</v>
      </c>
      <c r="J4684" t="s">
        <v>24194</v>
      </c>
      <c r="O4684">
        <v>2210777</v>
      </c>
      <c r="P4684">
        <v>1</v>
      </c>
      <c r="Q4684">
        <v>0</v>
      </c>
      <c r="R4684" t="s">
        <v>24195</v>
      </c>
      <c r="S4684">
        <v>477</v>
      </c>
    </row>
    <row r="4685" spans="1:19" x14ac:dyDescent="0.25">
      <c r="A4685">
        <v>13474455</v>
      </c>
      <c r="B4685" t="s">
        <v>24196</v>
      </c>
      <c r="C4685" s="1" t="s">
        <v>24197</v>
      </c>
      <c r="E4685">
        <v>2</v>
      </c>
      <c r="F4685">
        <v>2</v>
      </c>
      <c r="H4685" t="s">
        <v>24198</v>
      </c>
      <c r="J4685" t="s">
        <v>24199</v>
      </c>
      <c r="K4685" t="s">
        <v>24200</v>
      </c>
      <c r="M4685">
        <v>1720616</v>
      </c>
      <c r="O4685">
        <v>1720616</v>
      </c>
      <c r="P4685">
        <v>1</v>
      </c>
      <c r="Q4685">
        <v>0</v>
      </c>
      <c r="R4685" t="s">
        <v>24201</v>
      </c>
      <c r="S4685">
        <v>4091</v>
      </c>
    </row>
    <row r="4686" spans="1:19" x14ac:dyDescent="0.25">
      <c r="A4686">
        <v>49365757</v>
      </c>
      <c r="B4686" t="s">
        <v>24202</v>
      </c>
      <c r="C4686" s="1" t="s">
        <v>24203</v>
      </c>
      <c r="D4686">
        <v>49508455</v>
      </c>
      <c r="E4686">
        <v>1</v>
      </c>
      <c r="F4686">
        <v>3</v>
      </c>
      <c r="H4686" t="s">
        <v>24204</v>
      </c>
      <c r="I4686">
        <v>0</v>
      </c>
      <c r="J4686" t="s">
        <v>24205</v>
      </c>
      <c r="K4686" t="s">
        <v>24206</v>
      </c>
      <c r="M4686">
        <v>9517257</v>
      </c>
      <c r="O4686">
        <v>9517257</v>
      </c>
      <c r="P4686">
        <v>1</v>
      </c>
      <c r="Q4686">
        <v>0</v>
      </c>
      <c r="R4686" t="s">
        <v>24207</v>
      </c>
      <c r="S4686">
        <v>58</v>
      </c>
    </row>
    <row r="4687" spans="1:19" x14ac:dyDescent="0.25">
      <c r="A4687">
        <v>32475667</v>
      </c>
      <c r="B4687" t="s">
        <v>24208</v>
      </c>
      <c r="C4687" s="1" t="s">
        <v>24209</v>
      </c>
      <c r="E4687">
        <v>1</v>
      </c>
      <c r="F4687">
        <v>3</v>
      </c>
      <c r="H4687" t="s">
        <v>24210</v>
      </c>
      <c r="J4687" t="s">
        <v>24211</v>
      </c>
      <c r="K4687" t="s">
        <v>24212</v>
      </c>
      <c r="M4687">
        <v>3711928</v>
      </c>
      <c r="O4687">
        <v>3734952</v>
      </c>
      <c r="P4687">
        <v>1</v>
      </c>
      <c r="Q4687">
        <v>1</v>
      </c>
      <c r="R4687" t="s">
        <v>24213</v>
      </c>
      <c r="S4687">
        <v>361</v>
      </c>
    </row>
    <row r="4688" spans="1:19" x14ac:dyDescent="0.25">
      <c r="A4688">
        <v>47332164</v>
      </c>
      <c r="B4688" t="s">
        <v>24214</v>
      </c>
      <c r="C4688" s="1" t="s">
        <v>24215</v>
      </c>
      <c r="D4688">
        <v>47332938</v>
      </c>
      <c r="E4688">
        <v>3</v>
      </c>
      <c r="F4688">
        <v>0</v>
      </c>
      <c r="H4688" t="s">
        <v>24216</v>
      </c>
      <c r="J4688" t="s">
        <v>24217</v>
      </c>
      <c r="O4688">
        <v>8952133</v>
      </c>
      <c r="P4688">
        <v>1</v>
      </c>
      <c r="Q4688">
        <v>3</v>
      </c>
      <c r="R4688" t="s">
        <v>24218</v>
      </c>
      <c r="S4688">
        <v>1163</v>
      </c>
    </row>
    <row r="4689" spans="1:19" x14ac:dyDescent="0.25">
      <c r="A4689">
        <v>20792887</v>
      </c>
      <c r="B4689" t="s">
        <v>24219</v>
      </c>
      <c r="C4689" s="1" t="s">
        <v>24220</v>
      </c>
      <c r="D4689">
        <v>20792895</v>
      </c>
      <c r="E4689">
        <v>2</v>
      </c>
      <c r="F4689">
        <v>9</v>
      </c>
      <c r="H4689" t="s">
        <v>24221</v>
      </c>
      <c r="J4689" t="s">
        <v>24222</v>
      </c>
      <c r="K4689" t="s">
        <v>24223</v>
      </c>
      <c r="M4689">
        <v>837722</v>
      </c>
      <c r="O4689">
        <v>837722</v>
      </c>
      <c r="P4689">
        <v>1</v>
      </c>
      <c r="Q4689">
        <v>0</v>
      </c>
      <c r="R4689" t="s">
        <v>24224</v>
      </c>
      <c r="S4689">
        <v>1635</v>
      </c>
    </row>
    <row r="4690" spans="1:19" x14ac:dyDescent="0.25">
      <c r="A4690">
        <v>38751767</v>
      </c>
      <c r="B4690" t="s">
        <v>24225</v>
      </c>
      <c r="C4690" s="1" t="s">
        <v>24226</v>
      </c>
      <c r="E4690">
        <v>3</v>
      </c>
      <c r="F4690">
        <v>4</v>
      </c>
      <c r="H4690" t="s">
        <v>24227</v>
      </c>
      <c r="I4690">
        <v>2</v>
      </c>
      <c r="J4690" t="s">
        <v>24228</v>
      </c>
      <c r="K4690" t="s">
        <v>24229</v>
      </c>
      <c r="M4690">
        <v>6673799</v>
      </c>
      <c r="O4690">
        <v>6673799</v>
      </c>
      <c r="P4690">
        <v>1</v>
      </c>
      <c r="Q4690">
        <v>5</v>
      </c>
      <c r="R4690" t="s">
        <v>24230</v>
      </c>
      <c r="S4690">
        <v>932</v>
      </c>
    </row>
    <row r="4691" spans="1:19" x14ac:dyDescent="0.25">
      <c r="A4691">
        <v>26677037</v>
      </c>
      <c r="B4691" t="s">
        <v>24231</v>
      </c>
      <c r="C4691" s="1" t="s">
        <v>24232</v>
      </c>
      <c r="E4691">
        <v>3</v>
      </c>
      <c r="F4691">
        <v>1</v>
      </c>
      <c r="H4691" t="s">
        <v>24233</v>
      </c>
      <c r="J4691" t="s">
        <v>24234</v>
      </c>
      <c r="K4691" t="s">
        <v>24235</v>
      </c>
      <c r="M4691">
        <v>765368</v>
      </c>
      <c r="O4691">
        <v>765368</v>
      </c>
      <c r="P4691">
        <v>1</v>
      </c>
      <c r="Q4691">
        <v>0</v>
      </c>
      <c r="R4691" t="s">
        <v>24236</v>
      </c>
      <c r="S4691">
        <v>582</v>
      </c>
    </row>
    <row r="4692" spans="1:19" x14ac:dyDescent="0.25">
      <c r="A4692">
        <v>34473520</v>
      </c>
      <c r="B4692" t="s">
        <v>24237</v>
      </c>
      <c r="C4692" s="1" t="s">
        <v>24238</v>
      </c>
      <c r="E4692">
        <v>1</v>
      </c>
      <c r="F4692">
        <v>1</v>
      </c>
      <c r="H4692" t="s">
        <v>24239</v>
      </c>
      <c r="J4692" t="s">
        <v>24240</v>
      </c>
      <c r="O4692">
        <v>5707946</v>
      </c>
      <c r="P4692">
        <v>1</v>
      </c>
      <c r="Q4692">
        <v>0</v>
      </c>
      <c r="R4692" t="s">
        <v>24241</v>
      </c>
      <c r="S4692">
        <v>368</v>
      </c>
    </row>
    <row r="4693" spans="1:19" x14ac:dyDescent="0.25">
      <c r="A4693">
        <v>49144313</v>
      </c>
      <c r="B4693" t="s">
        <v>24242</v>
      </c>
      <c r="C4693" s="1" t="s">
        <v>24243</v>
      </c>
      <c r="E4693">
        <v>1</v>
      </c>
      <c r="F4693">
        <v>0</v>
      </c>
      <c r="H4693" t="s">
        <v>24244</v>
      </c>
      <c r="I4693">
        <v>2</v>
      </c>
      <c r="J4693" t="s">
        <v>24245</v>
      </c>
      <c r="O4693">
        <v>9332352</v>
      </c>
      <c r="P4693">
        <v>1</v>
      </c>
      <c r="Q4693">
        <v>1</v>
      </c>
      <c r="R4693" t="s">
        <v>24246</v>
      </c>
      <c r="S4693">
        <v>15</v>
      </c>
    </row>
    <row r="4694" spans="1:19" x14ac:dyDescent="0.25">
      <c r="A4694">
        <v>13853734</v>
      </c>
      <c r="B4694" t="s">
        <v>24247</v>
      </c>
      <c r="C4694" s="1" t="s">
        <v>24248</v>
      </c>
      <c r="E4694">
        <v>2</v>
      </c>
      <c r="F4694">
        <v>3</v>
      </c>
      <c r="H4694" t="s">
        <v>24249</v>
      </c>
      <c r="J4694" t="s">
        <v>24250</v>
      </c>
      <c r="K4694" t="s">
        <v>24250</v>
      </c>
      <c r="M4694">
        <v>1391713</v>
      </c>
      <c r="O4694">
        <v>1087106</v>
      </c>
      <c r="P4694">
        <v>1</v>
      </c>
      <c r="Q4694">
        <v>1</v>
      </c>
      <c r="R4694" t="s">
        <v>14942</v>
      </c>
      <c r="S4694">
        <v>858</v>
      </c>
    </row>
    <row r="4695" spans="1:19" x14ac:dyDescent="0.25">
      <c r="A4695">
        <v>41291971</v>
      </c>
      <c r="B4695" t="s">
        <v>24251</v>
      </c>
      <c r="C4695" s="1" t="s">
        <v>24252</v>
      </c>
      <c r="D4695">
        <v>41294518</v>
      </c>
      <c r="E4695">
        <v>1</v>
      </c>
      <c r="F4695">
        <v>3</v>
      </c>
      <c r="H4695" t="s">
        <v>24253</v>
      </c>
      <c r="J4695" t="s">
        <v>24254</v>
      </c>
      <c r="K4695" t="s">
        <v>24254</v>
      </c>
      <c r="M4695">
        <v>7269381</v>
      </c>
      <c r="O4695">
        <v>7269381</v>
      </c>
      <c r="P4695">
        <v>1</v>
      </c>
      <c r="Q4695">
        <v>1</v>
      </c>
      <c r="R4695" t="s">
        <v>24255</v>
      </c>
      <c r="S4695">
        <v>62</v>
      </c>
    </row>
    <row r="4696" spans="1:19" x14ac:dyDescent="0.25">
      <c r="A4696">
        <v>12175950</v>
      </c>
      <c r="B4696" t="s">
        <v>24256</v>
      </c>
      <c r="C4696" s="1" t="s">
        <v>24257</v>
      </c>
      <c r="E4696">
        <v>1</v>
      </c>
      <c r="F4696">
        <v>2</v>
      </c>
      <c r="H4696" t="s">
        <v>24258</v>
      </c>
      <c r="J4696" t="s">
        <v>24259</v>
      </c>
      <c r="K4696" t="s">
        <v>24259</v>
      </c>
      <c r="M4696">
        <v>99256</v>
      </c>
      <c r="O4696">
        <v>1632849</v>
      </c>
      <c r="P4696">
        <v>1</v>
      </c>
      <c r="Q4696">
        <v>1</v>
      </c>
      <c r="R4696" t="s">
        <v>24260</v>
      </c>
      <c r="S4696">
        <v>471</v>
      </c>
    </row>
    <row r="4697" spans="1:19" x14ac:dyDescent="0.25">
      <c r="A4697">
        <v>49718972</v>
      </c>
      <c r="B4697" t="s">
        <v>24261</v>
      </c>
      <c r="C4697" s="1" t="s">
        <v>24262</v>
      </c>
      <c r="E4697">
        <v>1</v>
      </c>
      <c r="F4697">
        <v>3</v>
      </c>
      <c r="H4697" t="s">
        <v>24263</v>
      </c>
      <c r="J4697" t="s">
        <v>24264</v>
      </c>
      <c r="K4697" t="s">
        <v>24265</v>
      </c>
      <c r="M4697">
        <v>3519009</v>
      </c>
      <c r="O4697">
        <v>7192867</v>
      </c>
      <c r="P4697">
        <v>1</v>
      </c>
      <c r="Q4697">
        <v>-1</v>
      </c>
      <c r="R4697" t="s">
        <v>24266</v>
      </c>
      <c r="S4697">
        <v>179</v>
      </c>
    </row>
    <row r="4698" spans="1:19" x14ac:dyDescent="0.25">
      <c r="A4698">
        <v>41692888</v>
      </c>
      <c r="B4698" t="s">
        <v>24267</v>
      </c>
      <c r="C4698" s="1" t="s">
        <v>24268</v>
      </c>
      <c r="D4698">
        <v>41712419</v>
      </c>
      <c r="E4698">
        <v>1</v>
      </c>
      <c r="F4698">
        <v>0</v>
      </c>
      <c r="H4698" t="s">
        <v>24269</v>
      </c>
      <c r="J4698" t="s">
        <v>24270</v>
      </c>
      <c r="K4698" t="s">
        <v>24271</v>
      </c>
      <c r="M4698">
        <v>4872155</v>
      </c>
      <c r="O4698">
        <v>7255164</v>
      </c>
      <c r="P4698">
        <v>1</v>
      </c>
      <c r="Q4698">
        <v>-1</v>
      </c>
      <c r="R4698" t="s">
        <v>24272</v>
      </c>
      <c r="S4698">
        <v>111</v>
      </c>
    </row>
    <row r="4699" spans="1:19" x14ac:dyDescent="0.25">
      <c r="A4699">
        <v>46480188</v>
      </c>
      <c r="B4699" t="s">
        <v>24273</v>
      </c>
      <c r="C4699" s="1" t="s">
        <v>24274</v>
      </c>
      <c r="E4699">
        <v>1</v>
      </c>
      <c r="F4699">
        <v>2</v>
      </c>
      <c r="H4699" t="s">
        <v>24275</v>
      </c>
      <c r="J4699" t="s">
        <v>24276</v>
      </c>
      <c r="O4699">
        <v>4761746</v>
      </c>
      <c r="P4699">
        <v>1</v>
      </c>
      <c r="Q4699">
        <v>0</v>
      </c>
      <c r="R4699" t="s">
        <v>24277</v>
      </c>
      <c r="S4699">
        <v>202</v>
      </c>
    </row>
    <row r="4700" spans="1:19" x14ac:dyDescent="0.25">
      <c r="A4700">
        <v>4727115</v>
      </c>
      <c r="B4700" t="s">
        <v>24278</v>
      </c>
      <c r="C4700" s="1" t="s">
        <v>24279</v>
      </c>
      <c r="D4700">
        <v>4727646</v>
      </c>
      <c r="E4700">
        <v>3</v>
      </c>
      <c r="F4700">
        <v>0</v>
      </c>
      <c r="H4700" t="s">
        <v>24280</v>
      </c>
      <c r="J4700" t="s">
        <v>24281</v>
      </c>
      <c r="K4700" t="s">
        <v>24282</v>
      </c>
      <c r="M4700">
        <v>302093</v>
      </c>
      <c r="O4700">
        <v>302093</v>
      </c>
      <c r="P4700">
        <v>1</v>
      </c>
      <c r="Q4700">
        <v>0</v>
      </c>
      <c r="R4700" t="s">
        <v>24283</v>
      </c>
      <c r="S4700">
        <v>53</v>
      </c>
    </row>
    <row r="4701" spans="1:19" x14ac:dyDescent="0.25">
      <c r="A4701">
        <v>46200862</v>
      </c>
      <c r="B4701" t="s">
        <v>24284</v>
      </c>
      <c r="C4701" s="1" t="s">
        <v>24285</v>
      </c>
      <c r="D4701">
        <v>46201713</v>
      </c>
      <c r="E4701">
        <v>1</v>
      </c>
      <c r="F4701">
        <v>1</v>
      </c>
      <c r="H4701" t="s">
        <v>24286</v>
      </c>
      <c r="J4701" t="s">
        <v>24287</v>
      </c>
      <c r="K4701" t="s">
        <v>24288</v>
      </c>
      <c r="M4701">
        <v>7301630</v>
      </c>
      <c r="O4701">
        <v>7301630</v>
      </c>
      <c r="P4701">
        <v>1</v>
      </c>
      <c r="Q4701">
        <v>1</v>
      </c>
      <c r="R4701" t="s">
        <v>24289</v>
      </c>
      <c r="S4701">
        <v>578</v>
      </c>
    </row>
    <row r="4702" spans="1:19" x14ac:dyDescent="0.25">
      <c r="A4702">
        <v>4770130</v>
      </c>
      <c r="B4702" t="s">
        <v>24290</v>
      </c>
      <c r="C4702" s="1" t="s">
        <v>24291</v>
      </c>
      <c r="D4702">
        <v>4770212</v>
      </c>
      <c r="E4702">
        <v>2</v>
      </c>
      <c r="F4702">
        <v>0</v>
      </c>
      <c r="H4702" t="s">
        <v>24292</v>
      </c>
      <c r="J4702" t="s">
        <v>24293</v>
      </c>
      <c r="K4702" t="s">
        <v>24293</v>
      </c>
      <c r="M4702">
        <v>17034</v>
      </c>
      <c r="O4702">
        <v>476024</v>
      </c>
      <c r="P4702">
        <v>1</v>
      </c>
      <c r="Q4702">
        <v>0</v>
      </c>
      <c r="R4702" t="s">
        <v>24294</v>
      </c>
      <c r="S4702">
        <v>239</v>
      </c>
    </row>
    <row r="4703" spans="1:19" x14ac:dyDescent="0.25">
      <c r="A4703">
        <v>29849463</v>
      </c>
      <c r="B4703" t="s">
        <v>24295</v>
      </c>
      <c r="C4703" s="1" t="s">
        <v>24296</v>
      </c>
      <c r="E4703">
        <v>1</v>
      </c>
      <c r="F4703">
        <v>3</v>
      </c>
      <c r="H4703" t="s">
        <v>24297</v>
      </c>
      <c r="J4703" t="s">
        <v>24298</v>
      </c>
      <c r="O4703">
        <v>4703688</v>
      </c>
      <c r="P4703">
        <v>1</v>
      </c>
      <c r="Q4703">
        <v>1</v>
      </c>
      <c r="R4703" t="s">
        <v>24299</v>
      </c>
      <c r="S4703">
        <v>46</v>
      </c>
    </row>
    <row r="4704" spans="1:19" x14ac:dyDescent="0.25">
      <c r="A4704">
        <v>709941</v>
      </c>
      <c r="B4704" t="s">
        <v>24300</v>
      </c>
      <c r="C4704" t="s">
        <v>24301</v>
      </c>
      <c r="D4704">
        <v>13261857</v>
      </c>
      <c r="E4704">
        <v>9</v>
      </c>
      <c r="F4704">
        <v>1</v>
      </c>
      <c r="H4704" t="s">
        <v>24302</v>
      </c>
      <c r="I4704">
        <v>2</v>
      </c>
      <c r="J4704" t="s">
        <v>24303</v>
      </c>
      <c r="K4704" t="s">
        <v>24304</v>
      </c>
      <c r="L4704" t="s">
        <v>24305</v>
      </c>
      <c r="M4704">
        <v>437</v>
      </c>
      <c r="N4704" t="s">
        <v>24306</v>
      </c>
      <c r="O4704">
        <v>86224</v>
      </c>
      <c r="P4704">
        <v>1</v>
      </c>
      <c r="Q4704">
        <v>10</v>
      </c>
      <c r="R4704" t="s">
        <v>24307</v>
      </c>
      <c r="S4704">
        <v>8818</v>
      </c>
    </row>
    <row r="4705" spans="1:19" x14ac:dyDescent="0.25">
      <c r="A4705">
        <v>27436822</v>
      </c>
      <c r="B4705" t="s">
        <v>24308</v>
      </c>
      <c r="C4705" s="1" t="s">
        <v>24309</v>
      </c>
      <c r="D4705">
        <v>27437042</v>
      </c>
      <c r="E4705">
        <v>2</v>
      </c>
      <c r="F4705">
        <v>0</v>
      </c>
      <c r="H4705" t="s">
        <v>24310</v>
      </c>
      <c r="J4705" t="s">
        <v>24311</v>
      </c>
      <c r="K4705" t="s">
        <v>24311</v>
      </c>
      <c r="M4705">
        <v>1620210</v>
      </c>
      <c r="O4705">
        <v>1620210</v>
      </c>
      <c r="P4705">
        <v>1</v>
      </c>
      <c r="Q4705">
        <v>0</v>
      </c>
      <c r="R4705" t="s">
        <v>24312</v>
      </c>
      <c r="S4705">
        <v>42</v>
      </c>
    </row>
    <row r="4706" spans="1:19" x14ac:dyDescent="0.25">
      <c r="A4706">
        <v>4429907</v>
      </c>
      <c r="B4706" t="s">
        <v>24313</v>
      </c>
      <c r="C4706" s="1" t="s">
        <v>24314</v>
      </c>
      <c r="D4706">
        <v>4462544</v>
      </c>
      <c r="E4706">
        <v>1</v>
      </c>
      <c r="F4706">
        <v>0</v>
      </c>
      <c r="H4706" t="s">
        <v>24315</v>
      </c>
      <c r="I4706">
        <v>2</v>
      </c>
      <c r="J4706" t="s">
        <v>24316</v>
      </c>
      <c r="O4706">
        <v>509296</v>
      </c>
      <c r="P4706">
        <v>1</v>
      </c>
      <c r="Q4706">
        <v>4</v>
      </c>
      <c r="R4706" t="s">
        <v>24317</v>
      </c>
      <c r="S4706">
        <v>7318</v>
      </c>
    </row>
    <row r="4707" spans="1:19" x14ac:dyDescent="0.25">
      <c r="A4707">
        <v>15145860</v>
      </c>
      <c r="B4707" t="s">
        <v>24318</v>
      </c>
      <c r="C4707" s="1" t="s">
        <v>24319</v>
      </c>
      <c r="E4707">
        <v>2</v>
      </c>
      <c r="F4707">
        <v>10</v>
      </c>
      <c r="H4707" t="s">
        <v>24320</v>
      </c>
      <c r="I4707">
        <v>4</v>
      </c>
      <c r="J4707" t="s">
        <v>24321</v>
      </c>
      <c r="K4707" t="s">
        <v>24322</v>
      </c>
      <c r="M4707">
        <v>-1</v>
      </c>
      <c r="O4707">
        <v>87454</v>
      </c>
      <c r="P4707">
        <v>1</v>
      </c>
      <c r="Q4707">
        <v>21</v>
      </c>
      <c r="R4707" t="s">
        <v>24323</v>
      </c>
      <c r="S4707">
        <v>3726</v>
      </c>
    </row>
    <row r="4708" spans="1:19" x14ac:dyDescent="0.25">
      <c r="A4708">
        <v>51949259</v>
      </c>
      <c r="B4708" t="s">
        <v>24324</v>
      </c>
      <c r="C4708" s="1" t="s">
        <v>24325</v>
      </c>
      <c r="E4708">
        <v>0</v>
      </c>
      <c r="F4708">
        <v>0</v>
      </c>
      <c r="H4708" t="s">
        <v>24326</v>
      </c>
      <c r="J4708" t="s">
        <v>24326</v>
      </c>
      <c r="O4708">
        <v>3557684</v>
      </c>
      <c r="P4708">
        <v>1</v>
      </c>
      <c r="Q4708">
        <v>0</v>
      </c>
      <c r="R4708" t="s">
        <v>24327</v>
      </c>
      <c r="S4708">
        <v>25</v>
      </c>
    </row>
    <row r="4709" spans="1:19" x14ac:dyDescent="0.25">
      <c r="A4709">
        <v>23078145</v>
      </c>
      <c r="B4709" t="s">
        <v>24328</v>
      </c>
      <c r="C4709" s="1" t="s">
        <v>24329</v>
      </c>
      <c r="D4709">
        <v>23078343</v>
      </c>
      <c r="E4709">
        <v>1</v>
      </c>
      <c r="F4709">
        <v>0</v>
      </c>
      <c r="H4709" t="s">
        <v>24330</v>
      </c>
      <c r="J4709" t="s">
        <v>24331</v>
      </c>
      <c r="O4709">
        <v>3531220</v>
      </c>
      <c r="P4709">
        <v>1</v>
      </c>
      <c r="Q4709">
        <v>0</v>
      </c>
      <c r="R4709" t="s">
        <v>24332</v>
      </c>
      <c r="S4709">
        <v>159</v>
      </c>
    </row>
    <row r="4710" spans="1:19" x14ac:dyDescent="0.25">
      <c r="A4710">
        <v>30560255</v>
      </c>
      <c r="B4710" t="s">
        <v>24333</v>
      </c>
      <c r="C4710" s="1" t="s">
        <v>24334</v>
      </c>
      <c r="D4710">
        <v>30567603</v>
      </c>
      <c r="E4710">
        <v>1</v>
      </c>
      <c r="F4710">
        <v>8</v>
      </c>
      <c r="H4710" t="s">
        <v>24335</v>
      </c>
      <c r="J4710" t="s">
        <v>24336</v>
      </c>
      <c r="K4710" t="s">
        <v>24337</v>
      </c>
      <c r="M4710">
        <v>4172698</v>
      </c>
      <c r="O4710">
        <v>4172698</v>
      </c>
      <c r="P4710">
        <v>1</v>
      </c>
      <c r="Q4710">
        <v>1</v>
      </c>
      <c r="R4710" t="s">
        <v>24338</v>
      </c>
      <c r="S4710">
        <v>96</v>
      </c>
    </row>
    <row r="4711" spans="1:19" x14ac:dyDescent="0.25">
      <c r="A4711">
        <v>43249580</v>
      </c>
      <c r="B4711" t="s">
        <v>24339</v>
      </c>
      <c r="C4711" s="1" t="s">
        <v>24340</v>
      </c>
      <c r="E4711">
        <v>0</v>
      </c>
      <c r="F4711">
        <v>5</v>
      </c>
      <c r="H4711" t="s">
        <v>24341</v>
      </c>
      <c r="J4711" t="s">
        <v>24341</v>
      </c>
      <c r="O4711">
        <v>5594098</v>
      </c>
      <c r="P4711">
        <v>1</v>
      </c>
      <c r="Q4711">
        <v>0</v>
      </c>
      <c r="R4711" t="s">
        <v>24342</v>
      </c>
      <c r="S4711">
        <v>398</v>
      </c>
    </row>
    <row r="4712" spans="1:19" x14ac:dyDescent="0.25">
      <c r="A4712">
        <v>51938310</v>
      </c>
      <c r="B4712" t="s">
        <v>24343</v>
      </c>
      <c r="C4712" s="1" t="s">
        <v>24344</v>
      </c>
      <c r="E4712">
        <v>2</v>
      </c>
      <c r="F4712">
        <v>2</v>
      </c>
      <c r="H4712" t="s">
        <v>24345</v>
      </c>
      <c r="J4712" t="s">
        <v>24346</v>
      </c>
      <c r="O4712">
        <v>6294035</v>
      </c>
      <c r="P4712">
        <v>1</v>
      </c>
      <c r="Q4712">
        <v>-1</v>
      </c>
      <c r="R4712" t="s">
        <v>780</v>
      </c>
      <c r="S4712">
        <v>137</v>
      </c>
    </row>
    <row r="4713" spans="1:19" x14ac:dyDescent="0.25">
      <c r="A4713">
        <v>17949053</v>
      </c>
      <c r="B4713" t="s">
        <v>24347</v>
      </c>
      <c r="C4713" s="1" t="s">
        <v>24348</v>
      </c>
      <c r="D4713">
        <v>17949109</v>
      </c>
      <c r="E4713">
        <v>1</v>
      </c>
      <c r="F4713">
        <v>7</v>
      </c>
      <c r="H4713" t="s">
        <v>24349</v>
      </c>
      <c r="J4713" t="s">
        <v>24350</v>
      </c>
      <c r="K4713" t="s">
        <v>24351</v>
      </c>
      <c r="M4713">
        <v>561731</v>
      </c>
      <c r="O4713">
        <v>1301435</v>
      </c>
      <c r="P4713">
        <v>1</v>
      </c>
      <c r="Q4713">
        <v>0</v>
      </c>
      <c r="R4713" t="s">
        <v>1446</v>
      </c>
      <c r="S4713">
        <v>73</v>
      </c>
    </row>
    <row r="4714" spans="1:19" x14ac:dyDescent="0.25">
      <c r="A4714">
        <v>53483665</v>
      </c>
      <c r="B4714" t="s">
        <v>24352</v>
      </c>
      <c r="C4714" s="1" t="s">
        <v>24353</v>
      </c>
      <c r="D4714">
        <v>53484258</v>
      </c>
      <c r="E4714">
        <v>2</v>
      </c>
      <c r="F4714">
        <v>6</v>
      </c>
      <c r="H4714" t="s">
        <v>24354</v>
      </c>
      <c r="J4714" t="s">
        <v>24355</v>
      </c>
      <c r="K4714" t="s">
        <v>24355</v>
      </c>
      <c r="M4714">
        <v>1534242</v>
      </c>
      <c r="O4714">
        <v>1534242</v>
      </c>
      <c r="P4714">
        <v>1</v>
      </c>
      <c r="Q4714">
        <v>-1</v>
      </c>
      <c r="R4714" t="s">
        <v>24356</v>
      </c>
      <c r="S4714">
        <v>41</v>
      </c>
    </row>
    <row r="4715" spans="1:19" x14ac:dyDescent="0.25">
      <c r="A4715">
        <v>19417811</v>
      </c>
      <c r="B4715" t="s">
        <v>24357</v>
      </c>
      <c r="C4715" s="1" t="s">
        <v>24358</v>
      </c>
      <c r="E4715">
        <v>0</v>
      </c>
      <c r="F4715">
        <v>12</v>
      </c>
      <c r="H4715" t="s">
        <v>24359</v>
      </c>
      <c r="J4715" t="s">
        <v>24360</v>
      </c>
      <c r="K4715" t="s">
        <v>24360</v>
      </c>
      <c r="M4715">
        <v>769193</v>
      </c>
      <c r="O4715">
        <v>769193</v>
      </c>
      <c r="P4715">
        <v>1</v>
      </c>
      <c r="Q4715">
        <v>1</v>
      </c>
      <c r="R4715" t="s">
        <v>24361</v>
      </c>
      <c r="S4715">
        <v>98</v>
      </c>
    </row>
    <row r="4716" spans="1:19" x14ac:dyDescent="0.25">
      <c r="A4716">
        <v>36478422</v>
      </c>
      <c r="B4716" t="s">
        <v>24362</v>
      </c>
      <c r="C4716" s="1" t="s">
        <v>24363</v>
      </c>
      <c r="E4716">
        <v>3</v>
      </c>
      <c r="F4716">
        <v>3</v>
      </c>
      <c r="H4716" t="s">
        <v>24364</v>
      </c>
      <c r="I4716">
        <v>0</v>
      </c>
      <c r="J4716" t="s">
        <v>24365</v>
      </c>
      <c r="K4716" t="s">
        <v>24365</v>
      </c>
      <c r="M4716">
        <v>3794075</v>
      </c>
      <c r="O4716">
        <v>3794075</v>
      </c>
      <c r="P4716">
        <v>1</v>
      </c>
      <c r="Q4716">
        <v>0</v>
      </c>
      <c r="R4716" t="s">
        <v>24366</v>
      </c>
      <c r="S4716">
        <v>6297</v>
      </c>
    </row>
    <row r="4717" spans="1:19" x14ac:dyDescent="0.25">
      <c r="A4717">
        <v>41398528</v>
      </c>
      <c r="B4717" t="s">
        <v>24367</v>
      </c>
      <c r="C4717" t="s">
        <v>24368</v>
      </c>
      <c r="D4717">
        <v>41832617</v>
      </c>
      <c r="E4717">
        <v>1</v>
      </c>
      <c r="F4717">
        <v>0</v>
      </c>
      <c r="H4717" t="s">
        <v>24369</v>
      </c>
      <c r="J4717" t="s">
        <v>24370</v>
      </c>
      <c r="O4717">
        <v>5074973</v>
      </c>
      <c r="P4717">
        <v>1</v>
      </c>
      <c r="Q4717">
        <v>0</v>
      </c>
      <c r="R4717" t="s">
        <v>24371</v>
      </c>
      <c r="S4717">
        <v>17</v>
      </c>
    </row>
    <row r="4718" spans="1:19" x14ac:dyDescent="0.25">
      <c r="A4718">
        <v>47621044</v>
      </c>
      <c r="B4718" t="s">
        <v>24372</v>
      </c>
      <c r="C4718" s="1" t="s">
        <v>24373</v>
      </c>
      <c r="E4718">
        <v>1</v>
      </c>
      <c r="F4718">
        <v>8</v>
      </c>
      <c r="H4718" t="s">
        <v>24374</v>
      </c>
      <c r="J4718" t="s">
        <v>24375</v>
      </c>
      <c r="K4718" t="s">
        <v>24376</v>
      </c>
      <c r="M4718">
        <v>9010917</v>
      </c>
      <c r="O4718">
        <v>9010917</v>
      </c>
      <c r="P4718">
        <v>1</v>
      </c>
      <c r="Q4718">
        <v>0</v>
      </c>
      <c r="R4718" t="s">
        <v>213</v>
      </c>
      <c r="S4718">
        <v>1973</v>
      </c>
    </row>
    <row r="4719" spans="1:19" x14ac:dyDescent="0.25">
      <c r="A4719">
        <v>45607222</v>
      </c>
      <c r="B4719" t="s">
        <v>24377</v>
      </c>
      <c r="C4719" s="1" t="s">
        <v>24378</v>
      </c>
      <c r="D4719">
        <v>45637070</v>
      </c>
      <c r="E4719">
        <v>1</v>
      </c>
      <c r="F4719">
        <v>0</v>
      </c>
      <c r="H4719" t="s">
        <v>24379</v>
      </c>
      <c r="J4719" t="s">
        <v>24380</v>
      </c>
      <c r="K4719" t="s">
        <v>24380</v>
      </c>
      <c r="M4719">
        <v>727208</v>
      </c>
      <c r="O4719">
        <v>6625254</v>
      </c>
      <c r="P4719">
        <v>1</v>
      </c>
      <c r="Q4719">
        <v>0</v>
      </c>
      <c r="R4719" t="s">
        <v>24381</v>
      </c>
      <c r="S4719">
        <v>228</v>
      </c>
    </row>
    <row r="4720" spans="1:19" x14ac:dyDescent="0.25">
      <c r="A4720">
        <v>11463636</v>
      </c>
      <c r="B4720" t="s">
        <v>24382</v>
      </c>
      <c r="C4720" s="1" t="s">
        <v>24383</v>
      </c>
      <c r="D4720">
        <v>11537640</v>
      </c>
      <c r="E4720">
        <v>3</v>
      </c>
      <c r="F4720">
        <v>5</v>
      </c>
      <c r="H4720" t="s">
        <v>24384</v>
      </c>
      <c r="J4720" t="s">
        <v>24385</v>
      </c>
      <c r="K4720" t="s">
        <v>24386</v>
      </c>
      <c r="M4720">
        <v>1358441</v>
      </c>
      <c r="O4720">
        <v>1358441</v>
      </c>
      <c r="P4720">
        <v>1</v>
      </c>
      <c r="Q4720">
        <v>0</v>
      </c>
      <c r="R4720" t="s">
        <v>24387</v>
      </c>
      <c r="S4720">
        <v>265</v>
      </c>
    </row>
    <row r="4721" spans="1:19" x14ac:dyDescent="0.25">
      <c r="A4721">
        <v>39846384</v>
      </c>
      <c r="B4721" t="s">
        <v>24388</v>
      </c>
      <c r="C4721" s="1" t="s">
        <v>24389</v>
      </c>
      <c r="D4721">
        <v>41996017</v>
      </c>
      <c r="E4721">
        <v>2</v>
      </c>
      <c r="F4721">
        <v>2</v>
      </c>
      <c r="H4721" t="s">
        <v>24390</v>
      </c>
      <c r="I4721">
        <v>1</v>
      </c>
      <c r="J4721" t="s">
        <v>24391</v>
      </c>
      <c r="K4721" t="s">
        <v>24392</v>
      </c>
      <c r="M4721">
        <v>6808674</v>
      </c>
      <c r="O4721">
        <v>6808674</v>
      </c>
      <c r="P4721">
        <v>1</v>
      </c>
      <c r="Q4721">
        <v>1</v>
      </c>
      <c r="R4721" t="s">
        <v>24393</v>
      </c>
      <c r="S4721">
        <v>236</v>
      </c>
    </row>
    <row r="4722" spans="1:19" x14ac:dyDescent="0.25">
      <c r="A4722">
        <v>12406484</v>
      </c>
      <c r="B4722" t="s">
        <v>24394</v>
      </c>
      <c r="C4722" t="s">
        <v>24395</v>
      </c>
      <c r="D4722">
        <v>12406506</v>
      </c>
      <c r="E4722">
        <v>4</v>
      </c>
      <c r="F4722">
        <v>0</v>
      </c>
      <c r="H4722" t="s">
        <v>24396</v>
      </c>
      <c r="J4722" t="s">
        <v>24397</v>
      </c>
      <c r="K4722" t="s">
        <v>24397</v>
      </c>
      <c r="M4722">
        <v>1280410</v>
      </c>
      <c r="O4722">
        <v>233286</v>
      </c>
      <c r="P4722">
        <v>1</v>
      </c>
      <c r="Q4722">
        <v>2</v>
      </c>
      <c r="R4722" t="s">
        <v>24398</v>
      </c>
      <c r="S4722">
        <v>67</v>
      </c>
    </row>
    <row r="4723" spans="1:19" x14ac:dyDescent="0.25">
      <c r="A4723">
        <v>22903681</v>
      </c>
      <c r="B4723" t="s">
        <v>24399</v>
      </c>
      <c r="C4723" t="s">
        <v>24400</v>
      </c>
      <c r="E4723">
        <v>1</v>
      </c>
      <c r="F4723">
        <v>5</v>
      </c>
      <c r="H4723" t="s">
        <v>24401</v>
      </c>
      <c r="J4723" t="s">
        <v>24402</v>
      </c>
      <c r="O4723">
        <v>3505296</v>
      </c>
      <c r="P4723">
        <v>1</v>
      </c>
      <c r="Q4723">
        <v>0</v>
      </c>
      <c r="R4723" t="s">
        <v>22729</v>
      </c>
      <c r="S4723">
        <v>55</v>
      </c>
    </row>
    <row r="4724" spans="1:19" x14ac:dyDescent="0.25">
      <c r="A4724">
        <v>35602060</v>
      </c>
      <c r="B4724" t="s">
        <v>24403</v>
      </c>
      <c r="C4724" s="1" t="s">
        <v>24404</v>
      </c>
      <c r="D4724">
        <v>35602585</v>
      </c>
      <c r="E4724">
        <v>2</v>
      </c>
      <c r="F4724">
        <v>0</v>
      </c>
      <c r="H4724" t="s">
        <v>24405</v>
      </c>
      <c r="I4724">
        <v>1</v>
      </c>
      <c r="J4724" t="s">
        <v>24406</v>
      </c>
      <c r="K4724" t="s">
        <v>24406</v>
      </c>
      <c r="M4724">
        <v>720999</v>
      </c>
      <c r="O4724">
        <v>5160937</v>
      </c>
      <c r="P4724">
        <v>1</v>
      </c>
      <c r="Q4724">
        <v>1</v>
      </c>
      <c r="R4724" t="s">
        <v>24407</v>
      </c>
      <c r="S4724">
        <v>54</v>
      </c>
    </row>
    <row r="4725" spans="1:19" x14ac:dyDescent="0.25">
      <c r="A4725">
        <v>40099921</v>
      </c>
      <c r="B4725" t="s">
        <v>24408</v>
      </c>
      <c r="C4725" s="1" t="s">
        <v>24409</v>
      </c>
      <c r="D4725">
        <v>40313504</v>
      </c>
      <c r="E4725">
        <v>1</v>
      </c>
      <c r="F4725">
        <v>0</v>
      </c>
      <c r="H4725" t="s">
        <v>24410</v>
      </c>
      <c r="J4725" t="s">
        <v>24411</v>
      </c>
      <c r="K4725" t="s">
        <v>24412</v>
      </c>
      <c r="M4725">
        <v>2849346</v>
      </c>
      <c r="O4725">
        <v>2638079</v>
      </c>
      <c r="P4725">
        <v>1</v>
      </c>
      <c r="Q4725">
        <v>0</v>
      </c>
      <c r="R4725" t="s">
        <v>24413</v>
      </c>
      <c r="S4725">
        <v>162</v>
      </c>
    </row>
    <row r="4726" spans="1:19" x14ac:dyDescent="0.25">
      <c r="A4726">
        <v>16473603</v>
      </c>
      <c r="B4726" t="s">
        <v>24414</v>
      </c>
      <c r="C4726" s="1" t="s">
        <v>24415</v>
      </c>
      <c r="E4726">
        <v>0</v>
      </c>
      <c r="F4726">
        <v>3</v>
      </c>
      <c r="H4726" t="s">
        <v>24416</v>
      </c>
      <c r="I4726">
        <v>1</v>
      </c>
      <c r="J4726" t="s">
        <v>24416</v>
      </c>
      <c r="O4726">
        <v>884934</v>
      </c>
      <c r="P4726">
        <v>1</v>
      </c>
      <c r="Q4726">
        <v>0</v>
      </c>
      <c r="R4726" t="s">
        <v>24417</v>
      </c>
      <c r="S4726">
        <v>130</v>
      </c>
    </row>
    <row r="4727" spans="1:19" x14ac:dyDescent="0.25">
      <c r="A4727">
        <v>33683063</v>
      </c>
      <c r="B4727" t="s">
        <v>24418</v>
      </c>
      <c r="C4727" s="1" t="s">
        <v>24419</v>
      </c>
      <c r="D4727">
        <v>33683396</v>
      </c>
      <c r="E4727">
        <v>1</v>
      </c>
      <c r="F4727">
        <v>0</v>
      </c>
      <c r="H4727" t="s">
        <v>24420</v>
      </c>
      <c r="J4727" t="s">
        <v>24421</v>
      </c>
      <c r="K4727" t="s">
        <v>24421</v>
      </c>
      <c r="M4727">
        <v>3597276</v>
      </c>
      <c r="O4727">
        <v>409275</v>
      </c>
      <c r="P4727">
        <v>1</v>
      </c>
      <c r="Q4727">
        <v>0</v>
      </c>
      <c r="R4727" t="s">
        <v>24422</v>
      </c>
      <c r="S4727">
        <v>768</v>
      </c>
    </row>
    <row r="4728" spans="1:19" x14ac:dyDescent="0.25">
      <c r="A4728">
        <v>49986884</v>
      </c>
      <c r="B4728" t="s">
        <v>24423</v>
      </c>
      <c r="C4728" s="1" t="s">
        <v>24424</v>
      </c>
      <c r="E4728">
        <v>0</v>
      </c>
      <c r="F4728">
        <v>0</v>
      </c>
      <c r="H4728" t="s">
        <v>24425</v>
      </c>
      <c r="J4728" t="s">
        <v>24425</v>
      </c>
      <c r="O4728">
        <v>5196756</v>
      </c>
      <c r="P4728">
        <v>1</v>
      </c>
      <c r="Q4728">
        <v>0</v>
      </c>
      <c r="R4728" t="s">
        <v>24426</v>
      </c>
      <c r="S4728">
        <v>53</v>
      </c>
    </row>
    <row r="4729" spans="1:19" x14ac:dyDescent="0.25">
      <c r="A4729">
        <v>12097980</v>
      </c>
      <c r="B4729" t="s">
        <v>24427</v>
      </c>
      <c r="C4729" s="1" t="s">
        <v>24428</v>
      </c>
      <c r="D4729">
        <v>12098095</v>
      </c>
      <c r="E4729">
        <v>3</v>
      </c>
      <c r="F4729">
        <v>3</v>
      </c>
      <c r="H4729" t="s">
        <v>24429</v>
      </c>
      <c r="J4729" t="s">
        <v>24430</v>
      </c>
      <c r="O4729">
        <v>486720</v>
      </c>
      <c r="P4729">
        <v>1</v>
      </c>
      <c r="Q4729">
        <v>4</v>
      </c>
      <c r="R4729" t="s">
        <v>24431</v>
      </c>
      <c r="S4729">
        <v>439</v>
      </c>
    </row>
    <row r="4730" spans="1:19" x14ac:dyDescent="0.25">
      <c r="A4730">
        <v>20238061</v>
      </c>
      <c r="B4730" t="s">
        <v>24432</v>
      </c>
      <c r="C4730" s="1" t="s">
        <v>24433</v>
      </c>
      <c r="D4730">
        <v>20238152</v>
      </c>
      <c r="E4730">
        <v>4</v>
      </c>
      <c r="F4730">
        <v>0</v>
      </c>
      <c r="H4730" t="s">
        <v>24434</v>
      </c>
      <c r="J4730" t="s">
        <v>24435</v>
      </c>
      <c r="O4730">
        <v>3040999</v>
      </c>
      <c r="P4730">
        <v>1</v>
      </c>
      <c r="Q4730">
        <v>-1</v>
      </c>
      <c r="R4730" t="s">
        <v>24436</v>
      </c>
      <c r="S4730">
        <v>2045</v>
      </c>
    </row>
    <row r="4731" spans="1:19" x14ac:dyDescent="0.25">
      <c r="A4731">
        <v>44732298</v>
      </c>
      <c r="B4731" t="s">
        <v>24437</v>
      </c>
      <c r="C4731" s="1" t="s">
        <v>24438</v>
      </c>
      <c r="D4731">
        <v>44734695</v>
      </c>
      <c r="E4731">
        <v>1</v>
      </c>
      <c r="F4731">
        <v>0</v>
      </c>
      <c r="H4731" t="s">
        <v>24439</v>
      </c>
      <c r="J4731" t="s">
        <v>24440</v>
      </c>
      <c r="K4731" t="s">
        <v>24440</v>
      </c>
      <c r="M4731">
        <v>7664524</v>
      </c>
      <c r="O4731">
        <v>8111539</v>
      </c>
      <c r="P4731">
        <v>1</v>
      </c>
      <c r="Q4731">
        <v>0</v>
      </c>
      <c r="R4731" t="s">
        <v>4668</v>
      </c>
      <c r="S4731">
        <v>19</v>
      </c>
    </row>
    <row r="4732" spans="1:19" x14ac:dyDescent="0.25">
      <c r="A4732">
        <v>36225667</v>
      </c>
      <c r="B4732" t="s">
        <v>24441</v>
      </c>
      <c r="C4732" s="1" t="s">
        <v>24442</v>
      </c>
      <c r="E4732">
        <v>0</v>
      </c>
      <c r="F4732">
        <v>3</v>
      </c>
      <c r="H4732" t="s">
        <v>24443</v>
      </c>
      <c r="J4732" t="s">
        <v>24443</v>
      </c>
      <c r="O4732">
        <v>3480297</v>
      </c>
      <c r="P4732">
        <v>1</v>
      </c>
      <c r="Q4732">
        <v>0</v>
      </c>
      <c r="R4732" t="s">
        <v>24444</v>
      </c>
      <c r="S4732">
        <v>875</v>
      </c>
    </row>
    <row r="4733" spans="1:19" x14ac:dyDescent="0.25">
      <c r="A4733">
        <v>51577874</v>
      </c>
      <c r="B4733" t="s">
        <v>24445</v>
      </c>
      <c r="C4733" s="1" t="s">
        <v>24446</v>
      </c>
      <c r="E4733">
        <v>0</v>
      </c>
      <c r="F4733">
        <v>0</v>
      </c>
      <c r="H4733" t="s">
        <v>24447</v>
      </c>
      <c r="J4733" t="s">
        <v>24447</v>
      </c>
      <c r="O4733">
        <v>10136184</v>
      </c>
      <c r="P4733">
        <v>1</v>
      </c>
      <c r="Q4733">
        <v>0</v>
      </c>
      <c r="R4733" t="s">
        <v>24448</v>
      </c>
      <c r="S4733">
        <v>19</v>
      </c>
    </row>
    <row r="4734" spans="1:19" x14ac:dyDescent="0.25">
      <c r="A4734">
        <v>38437296</v>
      </c>
      <c r="B4734" t="s">
        <v>24449</v>
      </c>
      <c r="C4734" s="1" t="s">
        <v>24450</v>
      </c>
      <c r="D4734">
        <v>38438789</v>
      </c>
      <c r="E4734">
        <v>2</v>
      </c>
      <c r="F4734">
        <v>5</v>
      </c>
      <c r="H4734" t="s">
        <v>24451</v>
      </c>
      <c r="J4734" t="s">
        <v>24452</v>
      </c>
      <c r="K4734" t="s">
        <v>24453</v>
      </c>
      <c r="M4734">
        <v>3094533</v>
      </c>
      <c r="O4734">
        <v>4545628</v>
      </c>
      <c r="P4734">
        <v>1</v>
      </c>
      <c r="Q4734">
        <v>1</v>
      </c>
      <c r="R4734" t="s">
        <v>24454</v>
      </c>
      <c r="S4734">
        <v>51</v>
      </c>
    </row>
    <row r="4735" spans="1:19" x14ac:dyDescent="0.25">
      <c r="A4735">
        <v>46394523</v>
      </c>
      <c r="B4735" t="s">
        <v>24455</v>
      </c>
      <c r="C4735" s="1" t="s">
        <v>24456</v>
      </c>
      <c r="D4735">
        <v>46394554</v>
      </c>
      <c r="E4735">
        <v>2</v>
      </c>
      <c r="F4735">
        <v>4</v>
      </c>
      <c r="H4735" t="s">
        <v>24457</v>
      </c>
      <c r="I4735">
        <v>0</v>
      </c>
      <c r="J4735" t="s">
        <v>24458</v>
      </c>
      <c r="K4735" t="s">
        <v>24459</v>
      </c>
      <c r="M4735">
        <v>5062625</v>
      </c>
      <c r="O4735">
        <v>5062625</v>
      </c>
      <c r="P4735">
        <v>1</v>
      </c>
      <c r="Q4735">
        <v>-2</v>
      </c>
      <c r="R4735" t="s">
        <v>213</v>
      </c>
      <c r="S4735">
        <v>56</v>
      </c>
    </row>
    <row r="4736" spans="1:19" x14ac:dyDescent="0.25">
      <c r="A4736">
        <v>40574049</v>
      </c>
      <c r="B4736" t="s">
        <v>24460</v>
      </c>
      <c r="C4736" s="1" t="s">
        <v>24461</v>
      </c>
      <c r="D4736">
        <v>40574339</v>
      </c>
      <c r="E4736">
        <v>1</v>
      </c>
      <c r="F4736">
        <v>0</v>
      </c>
      <c r="H4736" t="s">
        <v>24462</v>
      </c>
      <c r="J4736" t="s">
        <v>24463</v>
      </c>
      <c r="O4736">
        <v>7146697</v>
      </c>
      <c r="P4736">
        <v>1</v>
      </c>
      <c r="Q4736">
        <v>0</v>
      </c>
      <c r="R4736" t="s">
        <v>24464</v>
      </c>
      <c r="S4736">
        <v>154</v>
      </c>
    </row>
    <row r="4737" spans="1:19" x14ac:dyDescent="0.25">
      <c r="A4737">
        <v>27442870</v>
      </c>
      <c r="B4737" t="s">
        <v>24465</v>
      </c>
      <c r="C4737" s="1" t="s">
        <v>24466</v>
      </c>
      <c r="D4737">
        <v>27443061</v>
      </c>
      <c r="E4737">
        <v>2</v>
      </c>
      <c r="F4737">
        <v>0</v>
      </c>
      <c r="H4737" t="s">
        <v>24467</v>
      </c>
      <c r="J4737" t="s">
        <v>24468</v>
      </c>
      <c r="K4737" t="s">
        <v>24469</v>
      </c>
      <c r="M4737">
        <v>447156</v>
      </c>
      <c r="O4737">
        <v>707554</v>
      </c>
      <c r="P4737">
        <v>1</v>
      </c>
      <c r="Q4737">
        <v>0</v>
      </c>
      <c r="R4737" t="s">
        <v>24470</v>
      </c>
      <c r="S4737">
        <v>773</v>
      </c>
    </row>
    <row r="4738" spans="1:19" x14ac:dyDescent="0.25">
      <c r="A4738">
        <v>14059837</v>
      </c>
      <c r="B4738" t="s">
        <v>24471</v>
      </c>
      <c r="C4738" s="1" t="s">
        <v>24472</v>
      </c>
      <c r="E4738">
        <v>2</v>
      </c>
      <c r="F4738">
        <v>0</v>
      </c>
      <c r="H4738" t="s">
        <v>24473</v>
      </c>
      <c r="J4738" t="s">
        <v>24474</v>
      </c>
      <c r="O4738">
        <v>534734</v>
      </c>
      <c r="P4738">
        <v>1</v>
      </c>
      <c r="Q4738">
        <v>1</v>
      </c>
      <c r="R4738" t="s">
        <v>11227</v>
      </c>
      <c r="S4738">
        <v>82</v>
      </c>
    </row>
    <row r="4739" spans="1:19" x14ac:dyDescent="0.25">
      <c r="A4739">
        <v>18401861</v>
      </c>
      <c r="B4739" t="s">
        <v>24475</v>
      </c>
      <c r="C4739" t="s">
        <v>24476</v>
      </c>
      <c r="E4739">
        <v>2</v>
      </c>
      <c r="F4739">
        <v>3</v>
      </c>
      <c r="H4739" t="s">
        <v>24477</v>
      </c>
      <c r="I4739">
        <v>4</v>
      </c>
      <c r="J4739" t="s">
        <v>24478</v>
      </c>
      <c r="O4739">
        <v>1530227</v>
      </c>
      <c r="P4739">
        <v>1</v>
      </c>
      <c r="Q4739">
        <v>6</v>
      </c>
      <c r="R4739" t="s">
        <v>24479</v>
      </c>
      <c r="S4739">
        <v>12261</v>
      </c>
    </row>
    <row r="4740" spans="1:19" x14ac:dyDescent="0.25">
      <c r="A4740">
        <v>15163611</v>
      </c>
      <c r="B4740" t="s">
        <v>24480</v>
      </c>
      <c r="C4740" s="1" t="s">
        <v>24481</v>
      </c>
      <c r="D4740">
        <v>15164049</v>
      </c>
      <c r="E4740">
        <v>1</v>
      </c>
      <c r="F4740">
        <v>0</v>
      </c>
      <c r="H4740" t="s">
        <v>24482</v>
      </c>
      <c r="J4740" t="s">
        <v>24483</v>
      </c>
      <c r="K4740" t="s">
        <v>24483</v>
      </c>
      <c r="M4740">
        <v>7231</v>
      </c>
      <c r="O4740">
        <v>253268</v>
      </c>
      <c r="P4740">
        <v>1</v>
      </c>
      <c r="Q4740">
        <v>4</v>
      </c>
      <c r="R4740" t="s">
        <v>24484</v>
      </c>
      <c r="S4740">
        <v>913</v>
      </c>
    </row>
    <row r="4741" spans="1:19" x14ac:dyDescent="0.25">
      <c r="A4741">
        <v>21734238</v>
      </c>
      <c r="B4741" t="s">
        <v>24485</v>
      </c>
      <c r="C4741" s="1" t="s">
        <v>24486</v>
      </c>
      <c r="D4741">
        <v>21738403</v>
      </c>
      <c r="E4741">
        <v>2</v>
      </c>
      <c r="F4741">
        <v>4</v>
      </c>
      <c r="H4741" t="s">
        <v>24487</v>
      </c>
      <c r="J4741" t="s">
        <v>24488</v>
      </c>
      <c r="K4741" t="s">
        <v>24489</v>
      </c>
      <c r="M4741">
        <v>3302572</v>
      </c>
      <c r="O4741">
        <v>3302572</v>
      </c>
      <c r="P4741">
        <v>1</v>
      </c>
      <c r="Q4741">
        <v>-3</v>
      </c>
      <c r="R4741" t="s">
        <v>24490</v>
      </c>
      <c r="S4741">
        <v>163</v>
      </c>
    </row>
    <row r="4742" spans="1:19" x14ac:dyDescent="0.25">
      <c r="A4742">
        <v>32099095</v>
      </c>
      <c r="B4742" t="s">
        <v>24491</v>
      </c>
      <c r="C4742" s="1" t="s">
        <v>24492</v>
      </c>
      <c r="D4742">
        <v>32099476</v>
      </c>
      <c r="E4742">
        <v>1</v>
      </c>
      <c r="F4742">
        <v>0</v>
      </c>
      <c r="H4742" t="s">
        <v>24493</v>
      </c>
      <c r="J4742" t="s">
        <v>24494</v>
      </c>
      <c r="O4742">
        <v>3900894</v>
      </c>
      <c r="P4742">
        <v>1</v>
      </c>
      <c r="Q4742">
        <v>2</v>
      </c>
      <c r="R4742" t="s">
        <v>24495</v>
      </c>
      <c r="S4742">
        <v>185</v>
      </c>
    </row>
    <row r="4743" spans="1:19" x14ac:dyDescent="0.25">
      <c r="A4743">
        <v>18813058</v>
      </c>
      <c r="B4743" t="s">
        <v>24496</v>
      </c>
      <c r="C4743" s="1" t="s">
        <v>24497</v>
      </c>
      <c r="E4743">
        <v>1</v>
      </c>
      <c r="F4743">
        <v>5</v>
      </c>
      <c r="H4743" t="s">
        <v>24498</v>
      </c>
      <c r="J4743" t="s">
        <v>24499</v>
      </c>
      <c r="O4743">
        <v>2448940</v>
      </c>
      <c r="P4743">
        <v>1</v>
      </c>
      <c r="Q4743">
        <v>0</v>
      </c>
      <c r="R4743" t="s">
        <v>2771</v>
      </c>
      <c r="S4743">
        <v>1444</v>
      </c>
    </row>
    <row r="4744" spans="1:19" x14ac:dyDescent="0.25">
      <c r="A4744">
        <v>51295753</v>
      </c>
      <c r="B4744" t="s">
        <v>24500</v>
      </c>
      <c r="C4744" s="1" t="s">
        <v>24501</v>
      </c>
      <c r="E4744">
        <v>2</v>
      </c>
      <c r="F4744">
        <v>0</v>
      </c>
      <c r="H4744" t="s">
        <v>24502</v>
      </c>
      <c r="J4744" t="s">
        <v>24503</v>
      </c>
      <c r="O4744">
        <v>10061290</v>
      </c>
      <c r="P4744">
        <v>1</v>
      </c>
      <c r="Q4744">
        <v>0</v>
      </c>
      <c r="R4744" t="s">
        <v>24504</v>
      </c>
      <c r="S4744">
        <v>24</v>
      </c>
    </row>
    <row r="4745" spans="1:19" x14ac:dyDescent="0.25">
      <c r="A4745">
        <v>10841492</v>
      </c>
      <c r="B4745" t="s">
        <v>24505</v>
      </c>
      <c r="C4745" s="1" t="s">
        <v>24506</v>
      </c>
      <c r="D4745">
        <v>10841509</v>
      </c>
      <c r="E4745">
        <v>7</v>
      </c>
      <c r="F4745">
        <v>1</v>
      </c>
      <c r="H4745" t="s">
        <v>24507</v>
      </c>
      <c r="I4745">
        <v>3</v>
      </c>
      <c r="J4745" t="s">
        <v>24508</v>
      </c>
      <c r="O4745">
        <v>550283</v>
      </c>
      <c r="P4745">
        <v>1</v>
      </c>
      <c r="Q4745">
        <v>9</v>
      </c>
      <c r="R4745" t="s">
        <v>24509</v>
      </c>
      <c r="S4745">
        <v>4856</v>
      </c>
    </row>
    <row r="4746" spans="1:19" x14ac:dyDescent="0.25">
      <c r="A4746">
        <v>46490724</v>
      </c>
      <c r="B4746" t="s">
        <v>24510</v>
      </c>
      <c r="C4746" s="1" t="s">
        <v>24511</v>
      </c>
      <c r="D4746">
        <v>46490750</v>
      </c>
      <c r="E4746">
        <v>2</v>
      </c>
      <c r="F4746">
        <v>5</v>
      </c>
      <c r="H4746" t="s">
        <v>24512</v>
      </c>
      <c r="I4746">
        <v>2</v>
      </c>
      <c r="J4746" t="s">
        <v>24513</v>
      </c>
      <c r="K4746" t="s">
        <v>24513</v>
      </c>
      <c r="M4746">
        <v>1973796</v>
      </c>
      <c r="O4746">
        <v>1973796</v>
      </c>
      <c r="P4746">
        <v>1</v>
      </c>
      <c r="Q4746">
        <v>14</v>
      </c>
      <c r="R4746" t="s">
        <v>24514</v>
      </c>
      <c r="S4746">
        <v>1691</v>
      </c>
    </row>
    <row r="4747" spans="1:19" x14ac:dyDescent="0.25">
      <c r="A4747">
        <v>17968677</v>
      </c>
      <c r="B4747" t="s">
        <v>24515</v>
      </c>
      <c r="C4747" s="1" t="s">
        <v>24516</v>
      </c>
      <c r="E4747">
        <v>1</v>
      </c>
      <c r="F4747">
        <v>0</v>
      </c>
      <c r="H4747" t="s">
        <v>24517</v>
      </c>
      <c r="J4747" t="s">
        <v>24518</v>
      </c>
      <c r="K4747" t="s">
        <v>24519</v>
      </c>
      <c r="M4747">
        <v>334849</v>
      </c>
      <c r="O4747">
        <v>782400</v>
      </c>
      <c r="P4747">
        <v>1</v>
      </c>
      <c r="Q4747">
        <v>1</v>
      </c>
      <c r="R4747" t="s">
        <v>24520</v>
      </c>
      <c r="S4747">
        <v>383</v>
      </c>
    </row>
    <row r="4748" spans="1:19" x14ac:dyDescent="0.25">
      <c r="A4748">
        <v>26889351</v>
      </c>
      <c r="B4748" t="s">
        <v>24521</v>
      </c>
      <c r="C4748" s="1" t="s">
        <v>24522</v>
      </c>
      <c r="D4748">
        <v>26889713</v>
      </c>
      <c r="E4748">
        <v>1</v>
      </c>
      <c r="F4748">
        <v>6</v>
      </c>
      <c r="H4748" t="s">
        <v>24523</v>
      </c>
      <c r="J4748" t="s">
        <v>24524</v>
      </c>
      <c r="K4748" t="s">
        <v>24525</v>
      </c>
      <c r="M4748">
        <v>2572645</v>
      </c>
      <c r="O4748">
        <v>2572645</v>
      </c>
      <c r="P4748">
        <v>1</v>
      </c>
      <c r="Q4748">
        <v>-2</v>
      </c>
      <c r="R4748" t="s">
        <v>24526</v>
      </c>
      <c r="S4748">
        <v>58</v>
      </c>
    </row>
    <row r="4749" spans="1:19" x14ac:dyDescent="0.25">
      <c r="A4749">
        <v>43348872</v>
      </c>
      <c r="B4749" t="s">
        <v>24527</v>
      </c>
      <c r="C4749" s="1" t="s">
        <v>24528</v>
      </c>
      <c r="E4749">
        <v>0</v>
      </c>
      <c r="F4749">
        <v>1</v>
      </c>
      <c r="H4749" t="s">
        <v>24529</v>
      </c>
      <c r="J4749" t="s">
        <v>24530</v>
      </c>
      <c r="K4749" t="s">
        <v>24530</v>
      </c>
      <c r="M4749">
        <v>2191057</v>
      </c>
      <c r="O4749">
        <v>2191057</v>
      </c>
      <c r="P4749">
        <v>1</v>
      </c>
      <c r="Q4749">
        <v>2</v>
      </c>
      <c r="R4749" t="s">
        <v>24531</v>
      </c>
      <c r="S4749">
        <v>206</v>
      </c>
    </row>
    <row r="4750" spans="1:19" x14ac:dyDescent="0.25">
      <c r="A4750">
        <v>8354412</v>
      </c>
      <c r="B4750" t="s">
        <v>24532</v>
      </c>
      <c r="C4750" s="1" t="s">
        <v>24533</v>
      </c>
      <c r="D4750">
        <v>8354510</v>
      </c>
      <c r="E4750">
        <v>4</v>
      </c>
      <c r="F4750">
        <v>1</v>
      </c>
      <c r="H4750" t="s">
        <v>24534</v>
      </c>
      <c r="I4750">
        <v>7</v>
      </c>
      <c r="J4750" t="s">
        <v>24535</v>
      </c>
      <c r="K4750" t="s">
        <v>24536</v>
      </c>
      <c r="M4750">
        <v>-1</v>
      </c>
      <c r="O4750">
        <v>373962</v>
      </c>
      <c r="P4750">
        <v>1</v>
      </c>
      <c r="Q4750">
        <v>36</v>
      </c>
      <c r="R4750" t="s">
        <v>24537</v>
      </c>
      <c r="S4750">
        <v>12240</v>
      </c>
    </row>
    <row r="4751" spans="1:19" x14ac:dyDescent="0.25">
      <c r="A4751">
        <v>6920567</v>
      </c>
      <c r="B4751" t="s">
        <v>24538</v>
      </c>
      <c r="C4751" s="1" t="s">
        <v>24539</v>
      </c>
      <c r="E4751">
        <v>4</v>
      </c>
      <c r="F4751">
        <v>4</v>
      </c>
      <c r="H4751" t="s">
        <v>24540</v>
      </c>
      <c r="J4751" t="s">
        <v>24541</v>
      </c>
      <c r="K4751" t="s">
        <v>24542</v>
      </c>
      <c r="M4751">
        <v>875695</v>
      </c>
      <c r="O4751">
        <v>875695</v>
      </c>
      <c r="P4751">
        <v>1</v>
      </c>
      <c r="Q4751">
        <v>0</v>
      </c>
      <c r="R4751" t="s">
        <v>24543</v>
      </c>
      <c r="S4751">
        <v>280</v>
      </c>
    </row>
    <row r="4752" spans="1:19" x14ac:dyDescent="0.25">
      <c r="A4752">
        <v>18709742</v>
      </c>
      <c r="B4752" t="s">
        <v>24544</v>
      </c>
      <c r="C4752" s="1" t="s">
        <v>24545</v>
      </c>
      <c r="E4752">
        <v>3</v>
      </c>
      <c r="F4752">
        <v>0</v>
      </c>
      <c r="H4752" t="s">
        <v>24546</v>
      </c>
      <c r="J4752" t="s">
        <v>24547</v>
      </c>
      <c r="O4752">
        <v>2691054</v>
      </c>
      <c r="P4752">
        <v>1</v>
      </c>
      <c r="Q4752">
        <v>1</v>
      </c>
      <c r="R4752" t="s">
        <v>24548</v>
      </c>
      <c r="S4752">
        <v>927</v>
      </c>
    </row>
    <row r="4753" spans="1:19" x14ac:dyDescent="0.25">
      <c r="A4753">
        <v>472392</v>
      </c>
      <c r="B4753" t="s">
        <v>24549</v>
      </c>
      <c r="C4753" s="1" t="s">
        <v>24550</v>
      </c>
      <c r="D4753">
        <v>472688</v>
      </c>
      <c r="E4753">
        <v>1</v>
      </c>
      <c r="F4753">
        <v>0</v>
      </c>
      <c r="H4753" t="s">
        <v>24551</v>
      </c>
      <c r="I4753">
        <v>3</v>
      </c>
      <c r="J4753" t="s">
        <v>24552</v>
      </c>
      <c r="K4753" t="s">
        <v>24553</v>
      </c>
      <c r="L4753" t="s">
        <v>7450</v>
      </c>
      <c r="M4753">
        <v>18154</v>
      </c>
      <c r="N4753" t="s">
        <v>24554</v>
      </c>
      <c r="O4753">
        <v>11527</v>
      </c>
      <c r="P4753">
        <v>1</v>
      </c>
      <c r="Q4753">
        <v>15</v>
      </c>
      <c r="R4753" t="s">
        <v>24555</v>
      </c>
      <c r="S4753">
        <v>3452</v>
      </c>
    </row>
    <row r="4754" spans="1:19" x14ac:dyDescent="0.25">
      <c r="A4754">
        <v>8484993</v>
      </c>
      <c r="B4754" t="s">
        <v>24556</v>
      </c>
      <c r="C4754" s="1" t="s">
        <v>24557</v>
      </c>
      <c r="D4754">
        <v>8485187</v>
      </c>
      <c r="E4754">
        <v>1</v>
      </c>
      <c r="F4754">
        <v>0</v>
      </c>
      <c r="H4754" t="s">
        <v>24558</v>
      </c>
      <c r="J4754" t="s">
        <v>24559</v>
      </c>
      <c r="O4754">
        <v>612580</v>
      </c>
      <c r="P4754">
        <v>1</v>
      </c>
      <c r="Q4754">
        <v>1</v>
      </c>
      <c r="R4754" t="s">
        <v>24560</v>
      </c>
      <c r="S4754">
        <v>7217</v>
      </c>
    </row>
    <row r="4755" spans="1:19" x14ac:dyDescent="0.25">
      <c r="A4755">
        <v>11970399</v>
      </c>
      <c r="B4755" t="s">
        <v>24561</v>
      </c>
      <c r="C4755" t="s">
        <v>24562</v>
      </c>
      <c r="D4755">
        <v>11970855</v>
      </c>
      <c r="E4755">
        <v>2</v>
      </c>
      <c r="F4755">
        <v>3</v>
      </c>
      <c r="H4755" t="s">
        <v>24563</v>
      </c>
      <c r="J4755" t="s">
        <v>24564</v>
      </c>
      <c r="K4755" t="s">
        <v>24565</v>
      </c>
      <c r="M4755">
        <v>1167194</v>
      </c>
      <c r="O4755">
        <v>1445532</v>
      </c>
      <c r="P4755">
        <v>1</v>
      </c>
      <c r="Q4755">
        <v>0</v>
      </c>
      <c r="R4755" t="s">
        <v>24566</v>
      </c>
      <c r="S4755">
        <v>2835</v>
      </c>
    </row>
    <row r="4756" spans="1:19" x14ac:dyDescent="0.25">
      <c r="A4756">
        <v>49950269</v>
      </c>
      <c r="B4756" t="s">
        <v>24567</v>
      </c>
      <c r="C4756" s="1" t="s">
        <v>24568</v>
      </c>
      <c r="D4756">
        <v>49950539</v>
      </c>
      <c r="E4756">
        <v>1</v>
      </c>
      <c r="F4756">
        <v>3</v>
      </c>
      <c r="H4756" t="s">
        <v>24569</v>
      </c>
      <c r="J4756" t="s">
        <v>24570</v>
      </c>
      <c r="O4756">
        <v>9023374</v>
      </c>
      <c r="P4756">
        <v>1</v>
      </c>
      <c r="Q4756">
        <v>2</v>
      </c>
      <c r="R4756" t="s">
        <v>24571</v>
      </c>
      <c r="S4756">
        <v>62</v>
      </c>
    </row>
    <row r="4757" spans="1:19" x14ac:dyDescent="0.25">
      <c r="A4757">
        <v>17846636</v>
      </c>
      <c r="B4757" t="s">
        <v>24572</v>
      </c>
      <c r="C4757" s="1" t="s">
        <v>24573</v>
      </c>
      <c r="D4757">
        <v>17846675</v>
      </c>
      <c r="E4757">
        <v>1</v>
      </c>
      <c r="F4757">
        <v>1</v>
      </c>
      <c r="H4757" t="s">
        <v>24574</v>
      </c>
      <c r="J4757" t="s">
        <v>24575</v>
      </c>
      <c r="O4757">
        <v>2499071</v>
      </c>
      <c r="P4757">
        <v>1</v>
      </c>
      <c r="Q4757">
        <v>1</v>
      </c>
      <c r="R4757" t="s">
        <v>1333</v>
      </c>
      <c r="S4757">
        <v>1636</v>
      </c>
    </row>
    <row r="4758" spans="1:19" x14ac:dyDescent="0.25">
      <c r="A4758">
        <v>246193</v>
      </c>
      <c r="B4758" t="s">
        <v>24576</v>
      </c>
      <c r="C4758" s="1" t="s">
        <v>24577</v>
      </c>
      <c r="D4758">
        <v>246447</v>
      </c>
      <c r="E4758">
        <v>8</v>
      </c>
      <c r="F4758">
        <v>1</v>
      </c>
      <c r="H4758" t="s">
        <v>24578</v>
      </c>
      <c r="I4758">
        <v>16</v>
      </c>
      <c r="J4758" t="s">
        <v>24579</v>
      </c>
      <c r="K4758" t="s">
        <v>24580</v>
      </c>
      <c r="M4758">
        <v>834176</v>
      </c>
      <c r="N4758" t="s">
        <v>24581</v>
      </c>
      <c r="O4758">
        <v>18673</v>
      </c>
      <c r="P4758">
        <v>1</v>
      </c>
      <c r="Q4758">
        <v>65</v>
      </c>
      <c r="R4758" t="s">
        <v>24582</v>
      </c>
      <c r="S4758">
        <v>91220</v>
      </c>
    </row>
    <row r="4759" spans="1:19" x14ac:dyDescent="0.25">
      <c r="A4759">
        <v>48710571</v>
      </c>
      <c r="B4759" t="s">
        <v>24583</v>
      </c>
      <c r="C4759" s="1" t="s">
        <v>24584</v>
      </c>
      <c r="D4759">
        <v>48711057</v>
      </c>
      <c r="E4759">
        <v>1</v>
      </c>
      <c r="F4759">
        <v>0</v>
      </c>
      <c r="H4759" t="s">
        <v>24585</v>
      </c>
      <c r="J4759" t="s">
        <v>24586</v>
      </c>
      <c r="K4759" t="s">
        <v>24586</v>
      </c>
      <c r="M4759">
        <v>7868795</v>
      </c>
      <c r="O4759">
        <v>7868795</v>
      </c>
      <c r="P4759">
        <v>1</v>
      </c>
      <c r="Q4759">
        <v>1</v>
      </c>
      <c r="R4759" t="s">
        <v>24587</v>
      </c>
      <c r="S4759">
        <v>37</v>
      </c>
    </row>
    <row r="4760" spans="1:19" x14ac:dyDescent="0.25">
      <c r="A4760">
        <v>29283563</v>
      </c>
      <c r="B4760" t="s">
        <v>24588</v>
      </c>
      <c r="C4760" s="1" t="s">
        <v>24589</v>
      </c>
      <c r="D4760">
        <v>29283585</v>
      </c>
      <c r="E4760">
        <v>1</v>
      </c>
      <c r="F4760">
        <v>0</v>
      </c>
      <c r="H4760" t="s">
        <v>24590</v>
      </c>
      <c r="I4760">
        <v>1</v>
      </c>
      <c r="J4760" t="s">
        <v>24591</v>
      </c>
      <c r="O4760">
        <v>2038257</v>
      </c>
      <c r="P4760">
        <v>1</v>
      </c>
      <c r="Q4760">
        <v>4</v>
      </c>
      <c r="R4760" t="s">
        <v>24592</v>
      </c>
      <c r="S4760">
        <v>40</v>
      </c>
    </row>
    <row r="4761" spans="1:19" x14ac:dyDescent="0.25">
      <c r="A4761">
        <v>17208638</v>
      </c>
      <c r="B4761" t="s">
        <v>24593</v>
      </c>
      <c r="C4761" t="s">
        <v>24594</v>
      </c>
      <c r="D4761">
        <v>17208981</v>
      </c>
      <c r="E4761">
        <v>2</v>
      </c>
      <c r="F4761">
        <v>3</v>
      </c>
      <c r="H4761" t="s">
        <v>24595</v>
      </c>
      <c r="J4761" t="s">
        <v>24596</v>
      </c>
      <c r="O4761">
        <v>2435616</v>
      </c>
      <c r="P4761">
        <v>1</v>
      </c>
      <c r="Q4761">
        <v>-1</v>
      </c>
      <c r="R4761" t="s">
        <v>24597</v>
      </c>
      <c r="S4761">
        <v>6577</v>
      </c>
    </row>
    <row r="4762" spans="1:19" x14ac:dyDescent="0.25">
      <c r="A4762">
        <v>52328027</v>
      </c>
      <c r="B4762" t="s">
        <v>24598</v>
      </c>
      <c r="C4762" s="1" t="s">
        <v>24599</v>
      </c>
      <c r="E4762">
        <v>0</v>
      </c>
      <c r="F4762">
        <v>1</v>
      </c>
      <c r="H4762" t="s">
        <v>24600</v>
      </c>
      <c r="J4762" t="s">
        <v>24600</v>
      </c>
      <c r="O4762">
        <v>2587029</v>
      </c>
      <c r="P4762">
        <v>1</v>
      </c>
      <c r="Q4762">
        <v>0</v>
      </c>
      <c r="R4762" t="s">
        <v>24601</v>
      </c>
      <c r="S4762">
        <v>42</v>
      </c>
    </row>
    <row r="4763" spans="1:19" x14ac:dyDescent="0.25">
      <c r="A4763">
        <v>19793962</v>
      </c>
      <c r="B4763" t="s">
        <v>24602</v>
      </c>
      <c r="C4763" s="1" t="s">
        <v>24603</v>
      </c>
      <c r="E4763">
        <v>2</v>
      </c>
      <c r="F4763">
        <v>2</v>
      </c>
      <c r="H4763" t="s">
        <v>24604</v>
      </c>
      <c r="J4763" t="s">
        <v>24605</v>
      </c>
      <c r="K4763" t="s">
        <v>24605</v>
      </c>
      <c r="M4763">
        <v>2956927</v>
      </c>
      <c r="O4763">
        <v>2956927</v>
      </c>
      <c r="P4763">
        <v>1</v>
      </c>
      <c r="Q4763">
        <v>1</v>
      </c>
      <c r="R4763" t="s">
        <v>24606</v>
      </c>
      <c r="S4763">
        <v>861</v>
      </c>
    </row>
    <row r="4764" spans="1:19" x14ac:dyDescent="0.25">
      <c r="A4764">
        <v>33712341</v>
      </c>
      <c r="B4764" t="s">
        <v>24607</v>
      </c>
      <c r="C4764" s="1" t="s">
        <v>24608</v>
      </c>
      <c r="E4764">
        <v>1</v>
      </c>
      <c r="F4764">
        <v>8</v>
      </c>
      <c r="H4764" t="s">
        <v>24609</v>
      </c>
      <c r="J4764" t="s">
        <v>24610</v>
      </c>
      <c r="K4764" t="s">
        <v>24611</v>
      </c>
      <c r="M4764">
        <v>4731227</v>
      </c>
      <c r="O4764">
        <v>4731227</v>
      </c>
      <c r="P4764">
        <v>1</v>
      </c>
      <c r="Q4764">
        <v>0</v>
      </c>
      <c r="R4764" t="s">
        <v>24612</v>
      </c>
      <c r="S4764">
        <v>106</v>
      </c>
    </row>
    <row r="4765" spans="1:19" x14ac:dyDescent="0.25">
      <c r="A4765">
        <v>3057916</v>
      </c>
      <c r="B4765" t="s">
        <v>24613</v>
      </c>
      <c r="C4765" s="1" t="s">
        <v>24614</v>
      </c>
      <c r="D4765">
        <v>3057974</v>
      </c>
      <c r="E4765">
        <v>3</v>
      </c>
      <c r="F4765">
        <v>0</v>
      </c>
      <c r="H4765" t="s">
        <v>24615</v>
      </c>
      <c r="I4765">
        <v>2</v>
      </c>
      <c r="J4765" t="s">
        <v>24616</v>
      </c>
      <c r="O4765">
        <v>303056</v>
      </c>
      <c r="P4765">
        <v>1</v>
      </c>
      <c r="Q4765">
        <v>13</v>
      </c>
      <c r="R4765" t="s">
        <v>24555</v>
      </c>
      <c r="S4765">
        <v>9654</v>
      </c>
    </row>
    <row r="4766" spans="1:19" x14ac:dyDescent="0.25">
      <c r="A4766">
        <v>24610845</v>
      </c>
      <c r="B4766" t="s">
        <v>24617</v>
      </c>
      <c r="C4766" s="1" t="s">
        <v>24618</v>
      </c>
      <c r="D4766">
        <v>24611923</v>
      </c>
      <c r="E4766">
        <v>1</v>
      </c>
      <c r="F4766">
        <v>2</v>
      </c>
      <c r="H4766" t="s">
        <v>24619</v>
      </c>
      <c r="J4766" t="s">
        <v>24620</v>
      </c>
      <c r="K4766" t="s">
        <v>24620</v>
      </c>
      <c r="M4766">
        <v>1745001</v>
      </c>
      <c r="O4766">
        <v>496112</v>
      </c>
      <c r="P4766">
        <v>1</v>
      </c>
      <c r="Q4766">
        <v>-4</v>
      </c>
      <c r="R4766" t="s">
        <v>24621</v>
      </c>
      <c r="S4766">
        <v>101</v>
      </c>
    </row>
    <row r="4767" spans="1:19" x14ac:dyDescent="0.25">
      <c r="A4767">
        <v>37063125</v>
      </c>
      <c r="B4767" t="s">
        <v>24622</v>
      </c>
      <c r="C4767" s="1" t="s">
        <v>24623</v>
      </c>
      <c r="E4767">
        <v>0</v>
      </c>
      <c r="F4767">
        <v>1</v>
      </c>
      <c r="H4767" t="s">
        <v>24624</v>
      </c>
      <c r="J4767" t="s">
        <v>24624</v>
      </c>
      <c r="O4767">
        <v>1550974</v>
      </c>
      <c r="P4767">
        <v>1</v>
      </c>
      <c r="Q4767">
        <v>1</v>
      </c>
      <c r="R4767" t="s">
        <v>24625</v>
      </c>
      <c r="S4767">
        <v>168</v>
      </c>
    </row>
    <row r="4768" spans="1:19" x14ac:dyDescent="0.25">
      <c r="A4768">
        <v>5274702</v>
      </c>
      <c r="B4768" t="s">
        <v>24626</v>
      </c>
      <c r="C4768" s="1" t="s">
        <v>24627</v>
      </c>
      <c r="D4768">
        <v>5275530</v>
      </c>
      <c r="E4768">
        <v>1</v>
      </c>
      <c r="F4768">
        <v>4</v>
      </c>
      <c r="H4768" t="s">
        <v>24628</v>
      </c>
      <c r="J4768" t="s">
        <v>24629</v>
      </c>
      <c r="K4768" t="s">
        <v>24630</v>
      </c>
      <c r="M4768">
        <v>394157</v>
      </c>
      <c r="O4768">
        <v>394157</v>
      </c>
      <c r="P4768">
        <v>1</v>
      </c>
      <c r="Q4768">
        <v>2</v>
      </c>
      <c r="R4768" t="s">
        <v>24631</v>
      </c>
      <c r="S4768">
        <v>2937</v>
      </c>
    </row>
    <row r="4769" spans="1:19" x14ac:dyDescent="0.25">
      <c r="A4769">
        <v>1591983</v>
      </c>
      <c r="B4769" t="s">
        <v>24632</v>
      </c>
      <c r="C4769" s="1" t="s">
        <v>24633</v>
      </c>
      <c r="D4769">
        <v>1595272</v>
      </c>
      <c r="E4769">
        <v>1</v>
      </c>
      <c r="F4769">
        <v>2</v>
      </c>
      <c r="H4769" t="s">
        <v>24634</v>
      </c>
      <c r="I4769">
        <v>2</v>
      </c>
      <c r="J4769" t="s">
        <v>24635</v>
      </c>
      <c r="K4769" t="s">
        <v>24636</v>
      </c>
      <c r="M4769">
        <v>192759</v>
      </c>
      <c r="O4769">
        <v>192759</v>
      </c>
      <c r="P4769">
        <v>1</v>
      </c>
      <c r="Q4769">
        <v>0</v>
      </c>
      <c r="R4769" t="s">
        <v>8920</v>
      </c>
      <c r="S4769">
        <v>2668</v>
      </c>
    </row>
    <row r="4770" spans="1:19" x14ac:dyDescent="0.25">
      <c r="A4770">
        <v>19644314</v>
      </c>
      <c r="B4770" t="s">
        <v>24637</v>
      </c>
      <c r="C4770" s="1" t="s">
        <v>24638</v>
      </c>
      <c r="D4770">
        <v>19731559</v>
      </c>
      <c r="E4770">
        <v>1</v>
      </c>
      <c r="F4770">
        <v>4</v>
      </c>
      <c r="H4770" t="s">
        <v>24639</v>
      </c>
      <c r="J4770" t="s">
        <v>24640</v>
      </c>
      <c r="O4770">
        <v>172131</v>
      </c>
      <c r="P4770">
        <v>1</v>
      </c>
      <c r="Q4770">
        <v>2</v>
      </c>
      <c r="R4770" t="s">
        <v>24641</v>
      </c>
      <c r="S4770">
        <v>402</v>
      </c>
    </row>
    <row r="4771" spans="1:19" x14ac:dyDescent="0.25">
      <c r="A4771">
        <v>9937940</v>
      </c>
      <c r="B4771" t="s">
        <v>24642</v>
      </c>
      <c r="C4771" s="1" t="s">
        <v>24643</v>
      </c>
      <c r="D4771">
        <v>9950301</v>
      </c>
      <c r="E4771">
        <v>1</v>
      </c>
      <c r="F4771">
        <v>0</v>
      </c>
      <c r="H4771" t="s">
        <v>24644</v>
      </c>
      <c r="J4771" t="s">
        <v>24645</v>
      </c>
      <c r="O4771">
        <v>1302527</v>
      </c>
      <c r="P4771">
        <v>1</v>
      </c>
      <c r="Q4771">
        <v>1</v>
      </c>
      <c r="R4771" t="s">
        <v>24646</v>
      </c>
      <c r="S4771">
        <v>228</v>
      </c>
    </row>
    <row r="4772" spans="1:19" x14ac:dyDescent="0.25">
      <c r="A4772">
        <v>44705136</v>
      </c>
      <c r="B4772" t="s">
        <v>24647</v>
      </c>
      <c r="C4772" s="1" t="s">
        <v>24648</v>
      </c>
      <c r="E4772">
        <v>1</v>
      </c>
      <c r="F4772">
        <v>0</v>
      </c>
      <c r="H4772" t="s">
        <v>24649</v>
      </c>
      <c r="J4772" t="s">
        <v>24650</v>
      </c>
      <c r="K4772" t="s">
        <v>24651</v>
      </c>
      <c r="M4772">
        <v>7456236</v>
      </c>
      <c r="O4772">
        <v>699215</v>
      </c>
      <c r="P4772">
        <v>1</v>
      </c>
      <c r="Q4772">
        <v>0</v>
      </c>
      <c r="R4772" t="s">
        <v>8052</v>
      </c>
      <c r="S4772">
        <v>189</v>
      </c>
    </row>
    <row r="4773" spans="1:19" x14ac:dyDescent="0.25">
      <c r="A4773">
        <v>27565824</v>
      </c>
      <c r="B4773" t="s">
        <v>24652</v>
      </c>
      <c r="C4773" s="1" t="s">
        <v>24653</v>
      </c>
      <c r="D4773">
        <v>27565873</v>
      </c>
      <c r="E4773">
        <v>1</v>
      </c>
      <c r="F4773">
        <v>0</v>
      </c>
      <c r="H4773" t="s">
        <v>24654</v>
      </c>
      <c r="J4773" t="s">
        <v>24655</v>
      </c>
      <c r="O4773">
        <v>4340399</v>
      </c>
      <c r="P4773">
        <v>1</v>
      </c>
      <c r="Q4773">
        <v>0</v>
      </c>
      <c r="R4773" t="s">
        <v>24656</v>
      </c>
      <c r="S4773">
        <v>743</v>
      </c>
    </row>
    <row r="4774" spans="1:19" x14ac:dyDescent="0.25">
      <c r="A4774">
        <v>21244630</v>
      </c>
      <c r="B4774" t="s">
        <v>24657</v>
      </c>
      <c r="C4774" s="1" t="s">
        <v>24658</v>
      </c>
      <c r="D4774">
        <v>21244675</v>
      </c>
      <c r="E4774">
        <v>2</v>
      </c>
      <c r="F4774">
        <v>1</v>
      </c>
      <c r="H4774" t="s">
        <v>24659</v>
      </c>
      <c r="I4774">
        <v>1</v>
      </c>
      <c r="J4774" t="s">
        <v>24660</v>
      </c>
      <c r="O4774">
        <v>1751272</v>
      </c>
      <c r="P4774">
        <v>1</v>
      </c>
      <c r="Q4774">
        <v>0</v>
      </c>
      <c r="R4774" t="s">
        <v>213</v>
      </c>
      <c r="S4774">
        <v>61</v>
      </c>
    </row>
    <row r="4775" spans="1:19" x14ac:dyDescent="0.25">
      <c r="A4775">
        <v>50514954</v>
      </c>
      <c r="B4775" t="s">
        <v>24661</v>
      </c>
      <c r="C4775" s="1" t="s">
        <v>24662</v>
      </c>
      <c r="D4775">
        <v>50529265</v>
      </c>
      <c r="E4775">
        <v>1</v>
      </c>
      <c r="F4775">
        <v>4</v>
      </c>
      <c r="H4775" t="s">
        <v>24663</v>
      </c>
      <c r="I4775">
        <v>0</v>
      </c>
      <c r="J4775" t="s">
        <v>24664</v>
      </c>
      <c r="K4775" t="s">
        <v>24665</v>
      </c>
      <c r="M4775">
        <v>13302</v>
      </c>
      <c r="O4775">
        <v>4690016</v>
      </c>
      <c r="P4775">
        <v>1</v>
      </c>
      <c r="Q4775">
        <v>0</v>
      </c>
      <c r="R4775" t="s">
        <v>24666</v>
      </c>
      <c r="S4775">
        <v>103</v>
      </c>
    </row>
    <row r="4776" spans="1:19" x14ac:dyDescent="0.25">
      <c r="A4776">
        <v>37559709</v>
      </c>
      <c r="B4776" t="s">
        <v>24667</v>
      </c>
      <c r="C4776" s="1" t="s">
        <v>24668</v>
      </c>
      <c r="E4776">
        <v>2</v>
      </c>
      <c r="F4776">
        <v>0</v>
      </c>
      <c r="H4776" t="s">
        <v>24669</v>
      </c>
      <c r="J4776" t="s">
        <v>24670</v>
      </c>
      <c r="K4776" t="s">
        <v>24670</v>
      </c>
      <c r="M4776">
        <v>3731054</v>
      </c>
      <c r="O4776">
        <v>6407391</v>
      </c>
      <c r="P4776">
        <v>1</v>
      </c>
      <c r="Q4776">
        <v>1</v>
      </c>
      <c r="R4776" t="s">
        <v>24671</v>
      </c>
      <c r="S4776">
        <v>430</v>
      </c>
    </row>
    <row r="4777" spans="1:19" x14ac:dyDescent="0.25">
      <c r="A4777">
        <v>5405686</v>
      </c>
      <c r="B4777" t="s">
        <v>24672</v>
      </c>
      <c r="C4777" s="1" t="s">
        <v>24673</v>
      </c>
      <c r="E4777">
        <v>1</v>
      </c>
      <c r="F4777">
        <v>3</v>
      </c>
      <c r="H4777" t="s">
        <v>24674</v>
      </c>
      <c r="J4777" t="s">
        <v>24675</v>
      </c>
      <c r="K4777" t="s">
        <v>24676</v>
      </c>
      <c r="M4777">
        <v>363573</v>
      </c>
      <c r="O4777">
        <v>104856</v>
      </c>
      <c r="P4777">
        <v>1</v>
      </c>
      <c r="Q4777">
        <v>3</v>
      </c>
      <c r="R4777" t="s">
        <v>24677</v>
      </c>
      <c r="S4777">
        <v>403</v>
      </c>
    </row>
    <row r="4778" spans="1:19" x14ac:dyDescent="0.25">
      <c r="A4778">
        <v>38988689</v>
      </c>
      <c r="B4778" t="s">
        <v>24678</v>
      </c>
      <c r="C4778" s="1" t="s">
        <v>24679</v>
      </c>
      <c r="E4778">
        <v>1</v>
      </c>
      <c r="F4778">
        <v>0</v>
      </c>
      <c r="H4778" t="s">
        <v>24680</v>
      </c>
      <c r="J4778" t="s">
        <v>24681</v>
      </c>
      <c r="K4778" t="s">
        <v>24681</v>
      </c>
      <c r="M4778">
        <v>596545</v>
      </c>
      <c r="O4778">
        <v>5261602</v>
      </c>
      <c r="P4778">
        <v>1</v>
      </c>
      <c r="Q4778">
        <v>0</v>
      </c>
      <c r="R4778" t="s">
        <v>24682</v>
      </c>
      <c r="S4778">
        <v>207</v>
      </c>
    </row>
    <row r="4779" spans="1:19" x14ac:dyDescent="0.25">
      <c r="A4779">
        <v>9661314</v>
      </c>
      <c r="B4779" t="s">
        <v>24683</v>
      </c>
      <c r="C4779" s="1" t="s">
        <v>24684</v>
      </c>
      <c r="E4779">
        <v>4</v>
      </c>
      <c r="F4779">
        <v>1</v>
      </c>
      <c r="H4779" t="s">
        <v>24685</v>
      </c>
      <c r="J4779" t="s">
        <v>24686</v>
      </c>
      <c r="O4779">
        <v>1263202</v>
      </c>
      <c r="P4779">
        <v>1</v>
      </c>
      <c r="Q4779">
        <v>0</v>
      </c>
      <c r="R4779" t="s">
        <v>24687</v>
      </c>
      <c r="S4779">
        <v>4153</v>
      </c>
    </row>
    <row r="4780" spans="1:19" x14ac:dyDescent="0.25">
      <c r="A4780">
        <v>11463673</v>
      </c>
      <c r="B4780" t="s">
        <v>24688</v>
      </c>
      <c r="C4780" t="s">
        <v>24689</v>
      </c>
      <c r="D4780">
        <v>11463776</v>
      </c>
      <c r="E4780">
        <v>3</v>
      </c>
      <c r="F4780">
        <v>3</v>
      </c>
      <c r="H4780" t="s">
        <v>24690</v>
      </c>
      <c r="J4780" t="s">
        <v>24691</v>
      </c>
      <c r="O4780">
        <v>1220691</v>
      </c>
      <c r="P4780">
        <v>1</v>
      </c>
      <c r="Q4780">
        <v>-6</v>
      </c>
      <c r="R4780" t="s">
        <v>24692</v>
      </c>
      <c r="S4780">
        <v>4875</v>
      </c>
    </row>
    <row r="4781" spans="1:19" x14ac:dyDescent="0.25">
      <c r="A4781">
        <v>35087931</v>
      </c>
      <c r="B4781" t="s">
        <v>24693</v>
      </c>
      <c r="C4781" s="1" t="s">
        <v>24694</v>
      </c>
      <c r="D4781">
        <v>35088996</v>
      </c>
      <c r="E4781">
        <v>1</v>
      </c>
      <c r="F4781">
        <v>3</v>
      </c>
      <c r="H4781" t="s">
        <v>24695</v>
      </c>
      <c r="J4781" t="s">
        <v>24696</v>
      </c>
      <c r="O4781">
        <v>5241486</v>
      </c>
      <c r="P4781">
        <v>1</v>
      </c>
      <c r="Q4781">
        <v>0</v>
      </c>
      <c r="R4781" t="s">
        <v>24697</v>
      </c>
      <c r="S4781">
        <v>233</v>
      </c>
    </row>
    <row r="4782" spans="1:19" x14ac:dyDescent="0.25">
      <c r="A4782">
        <v>30861801</v>
      </c>
      <c r="B4782" t="s">
        <v>24698</v>
      </c>
      <c r="C4782" s="1" t="s">
        <v>24699</v>
      </c>
      <c r="E4782">
        <v>1</v>
      </c>
      <c r="F4782">
        <v>2</v>
      </c>
      <c r="H4782" t="s">
        <v>24700</v>
      </c>
      <c r="J4782" t="s">
        <v>24701</v>
      </c>
      <c r="O4782">
        <v>5011492</v>
      </c>
      <c r="P4782">
        <v>1</v>
      </c>
      <c r="Q4782">
        <v>0</v>
      </c>
      <c r="R4782" t="s">
        <v>4242</v>
      </c>
      <c r="S4782">
        <v>130</v>
      </c>
    </row>
    <row r="4783" spans="1:19" x14ac:dyDescent="0.25">
      <c r="A4783">
        <v>33399786</v>
      </c>
      <c r="B4783" t="s">
        <v>24702</v>
      </c>
      <c r="C4783" s="1" t="s">
        <v>24703</v>
      </c>
      <c r="D4783">
        <v>33399821</v>
      </c>
      <c r="E4783">
        <v>6</v>
      </c>
      <c r="F4783">
        <v>0</v>
      </c>
      <c r="H4783" t="s">
        <v>24704</v>
      </c>
      <c r="I4783">
        <v>1</v>
      </c>
      <c r="J4783" t="s">
        <v>24705</v>
      </c>
      <c r="K4783" t="s">
        <v>24706</v>
      </c>
      <c r="M4783">
        <v>616443</v>
      </c>
      <c r="O4783">
        <v>3156766</v>
      </c>
      <c r="P4783">
        <v>1</v>
      </c>
      <c r="Q4783">
        <v>2</v>
      </c>
      <c r="R4783" t="s">
        <v>24707</v>
      </c>
      <c r="S4783">
        <v>8567</v>
      </c>
    </row>
    <row r="4784" spans="1:19" x14ac:dyDescent="0.25">
      <c r="A4784">
        <v>18077729</v>
      </c>
      <c r="B4784" t="s">
        <v>24708</v>
      </c>
      <c r="C4784" s="1" t="s">
        <v>24709</v>
      </c>
      <c r="E4784">
        <v>1</v>
      </c>
      <c r="F4784">
        <v>0</v>
      </c>
      <c r="H4784" t="s">
        <v>24710</v>
      </c>
      <c r="I4784">
        <v>1</v>
      </c>
      <c r="J4784" t="s">
        <v>24711</v>
      </c>
      <c r="O4784">
        <v>474330</v>
      </c>
      <c r="P4784">
        <v>1</v>
      </c>
      <c r="Q4784">
        <v>1</v>
      </c>
      <c r="R4784" t="s">
        <v>24712</v>
      </c>
      <c r="S4784">
        <v>161</v>
      </c>
    </row>
    <row r="4785" spans="1:19" x14ac:dyDescent="0.25">
      <c r="A4785">
        <v>22021867</v>
      </c>
      <c r="B4785" t="s">
        <v>24713</v>
      </c>
      <c r="C4785" s="1" t="s">
        <v>24714</v>
      </c>
      <c r="D4785">
        <v>22022288</v>
      </c>
      <c r="E4785">
        <v>3</v>
      </c>
      <c r="F4785">
        <v>0</v>
      </c>
      <c r="H4785" t="s">
        <v>24715</v>
      </c>
      <c r="J4785" t="s">
        <v>24716</v>
      </c>
      <c r="O4785">
        <v>968195</v>
      </c>
      <c r="P4785">
        <v>1</v>
      </c>
      <c r="Q4785">
        <v>-1</v>
      </c>
      <c r="R4785" t="s">
        <v>24717</v>
      </c>
      <c r="S4785">
        <v>719</v>
      </c>
    </row>
    <row r="4786" spans="1:19" x14ac:dyDescent="0.25">
      <c r="A4786">
        <v>20941247</v>
      </c>
      <c r="B4786" t="s">
        <v>24718</v>
      </c>
      <c r="C4786" t="s">
        <v>24719</v>
      </c>
      <c r="E4786">
        <v>1</v>
      </c>
      <c r="F4786">
        <v>1</v>
      </c>
      <c r="H4786" t="s">
        <v>24720</v>
      </c>
      <c r="J4786" t="s">
        <v>24721</v>
      </c>
      <c r="O4786">
        <v>2978975</v>
      </c>
      <c r="P4786">
        <v>1</v>
      </c>
      <c r="Q4786">
        <v>0</v>
      </c>
      <c r="R4786" t="s">
        <v>24722</v>
      </c>
      <c r="S4786">
        <v>54</v>
      </c>
    </row>
    <row r="4787" spans="1:19" x14ac:dyDescent="0.25">
      <c r="A4787">
        <v>39890837</v>
      </c>
      <c r="B4787" t="s">
        <v>24723</v>
      </c>
      <c r="C4787" s="1" t="s">
        <v>24724</v>
      </c>
      <c r="D4787">
        <v>39891654</v>
      </c>
      <c r="E4787">
        <v>3</v>
      </c>
      <c r="F4787">
        <v>3</v>
      </c>
      <c r="H4787" t="s">
        <v>24725</v>
      </c>
      <c r="J4787" t="s">
        <v>24726</v>
      </c>
      <c r="K4787" t="s">
        <v>24726</v>
      </c>
      <c r="M4787">
        <v>5233656</v>
      </c>
      <c r="O4787">
        <v>4888710</v>
      </c>
      <c r="P4787">
        <v>1</v>
      </c>
      <c r="Q4787">
        <v>0</v>
      </c>
      <c r="R4787" t="s">
        <v>24727</v>
      </c>
      <c r="S4787">
        <v>48</v>
      </c>
    </row>
    <row r="4788" spans="1:19" x14ac:dyDescent="0.25">
      <c r="A4788">
        <v>30045508</v>
      </c>
      <c r="B4788" t="s">
        <v>24728</v>
      </c>
      <c r="C4788" s="1" t="s">
        <v>24729</v>
      </c>
      <c r="D4788">
        <v>30050914</v>
      </c>
      <c r="E4788">
        <v>2</v>
      </c>
      <c r="F4788">
        <v>0</v>
      </c>
      <c r="H4788" t="s">
        <v>24730</v>
      </c>
      <c r="J4788" t="s">
        <v>24731</v>
      </c>
      <c r="K4788" t="s">
        <v>1083</v>
      </c>
      <c r="M4788">
        <v>-1</v>
      </c>
      <c r="O4788">
        <v>4810090</v>
      </c>
      <c r="P4788">
        <v>1</v>
      </c>
      <c r="Q4788">
        <v>3</v>
      </c>
      <c r="R4788" t="s">
        <v>24732</v>
      </c>
      <c r="S4788">
        <v>3781</v>
      </c>
    </row>
    <row r="4789" spans="1:19" x14ac:dyDescent="0.25">
      <c r="A4789">
        <v>48648467</v>
      </c>
      <c r="B4789" t="s">
        <v>24733</v>
      </c>
      <c r="C4789" s="1" t="s">
        <v>24734</v>
      </c>
      <c r="D4789">
        <v>48648965</v>
      </c>
      <c r="E4789">
        <v>1</v>
      </c>
      <c r="F4789">
        <v>11</v>
      </c>
      <c r="H4789" t="s">
        <v>24735</v>
      </c>
      <c r="J4789" t="s">
        <v>24736</v>
      </c>
      <c r="K4789" t="s">
        <v>15349</v>
      </c>
      <c r="M4789">
        <v>-1</v>
      </c>
      <c r="O4789">
        <v>9296681</v>
      </c>
      <c r="P4789">
        <v>1</v>
      </c>
      <c r="Q4789">
        <v>0</v>
      </c>
      <c r="R4789" t="s">
        <v>24737</v>
      </c>
      <c r="S4789">
        <v>19</v>
      </c>
    </row>
    <row r="4790" spans="1:19" x14ac:dyDescent="0.25">
      <c r="A4790">
        <v>49219628</v>
      </c>
      <c r="B4790" t="s">
        <v>24738</v>
      </c>
      <c r="C4790" s="1" t="s">
        <v>24739</v>
      </c>
      <c r="D4790">
        <v>49222097</v>
      </c>
      <c r="E4790">
        <v>1</v>
      </c>
      <c r="F4790">
        <v>1</v>
      </c>
      <c r="H4790" t="s">
        <v>24740</v>
      </c>
      <c r="J4790" t="s">
        <v>24741</v>
      </c>
      <c r="O4790">
        <v>11755</v>
      </c>
      <c r="P4790">
        <v>1</v>
      </c>
      <c r="Q4790">
        <v>0</v>
      </c>
      <c r="R4790" t="s">
        <v>24742</v>
      </c>
      <c r="S4790">
        <v>48</v>
      </c>
    </row>
    <row r="4791" spans="1:19" x14ac:dyDescent="0.25">
      <c r="A4791">
        <v>14161627</v>
      </c>
      <c r="B4791" t="s">
        <v>24743</v>
      </c>
      <c r="C4791" s="1" t="s">
        <v>24744</v>
      </c>
      <c r="D4791">
        <v>16244386</v>
      </c>
      <c r="E4791">
        <v>2</v>
      </c>
      <c r="F4791">
        <v>0</v>
      </c>
      <c r="H4791" t="s">
        <v>24745</v>
      </c>
      <c r="J4791" t="s">
        <v>24746</v>
      </c>
      <c r="O4791">
        <v>156561</v>
      </c>
      <c r="P4791">
        <v>1</v>
      </c>
      <c r="Q4791">
        <v>1</v>
      </c>
      <c r="R4791" t="s">
        <v>24747</v>
      </c>
      <c r="S4791">
        <v>1264</v>
      </c>
    </row>
    <row r="4792" spans="1:19" x14ac:dyDescent="0.25">
      <c r="A4792">
        <v>46395746</v>
      </c>
      <c r="B4792" t="s">
        <v>24748</v>
      </c>
      <c r="C4792" s="1" t="s">
        <v>24749</v>
      </c>
      <c r="D4792">
        <v>46419673</v>
      </c>
      <c r="E4792">
        <v>1</v>
      </c>
      <c r="F4792">
        <v>4</v>
      </c>
      <c r="H4792" t="s">
        <v>24750</v>
      </c>
      <c r="J4792" t="s">
        <v>24751</v>
      </c>
      <c r="O4792">
        <v>1842838</v>
      </c>
      <c r="P4792">
        <v>1</v>
      </c>
      <c r="Q4792">
        <v>1</v>
      </c>
      <c r="R4792" t="s">
        <v>24752</v>
      </c>
      <c r="S4792">
        <v>170</v>
      </c>
    </row>
    <row r="4793" spans="1:19" x14ac:dyDescent="0.25">
      <c r="A4793">
        <v>13273599</v>
      </c>
      <c r="B4793" t="s">
        <v>24753</v>
      </c>
      <c r="C4793" s="1" t="s">
        <v>24754</v>
      </c>
      <c r="D4793">
        <v>13273786</v>
      </c>
      <c r="E4793">
        <v>1</v>
      </c>
      <c r="F4793">
        <v>0</v>
      </c>
      <c r="H4793" t="s">
        <v>24755</v>
      </c>
      <c r="J4793" t="s">
        <v>24756</v>
      </c>
      <c r="K4793" t="s">
        <v>24756</v>
      </c>
      <c r="M4793">
        <v>96505</v>
      </c>
      <c r="O4793">
        <v>856488</v>
      </c>
      <c r="P4793">
        <v>1</v>
      </c>
      <c r="Q4793">
        <v>0</v>
      </c>
      <c r="R4793" t="s">
        <v>24757</v>
      </c>
      <c r="S4793">
        <v>64</v>
      </c>
    </row>
    <row r="4794" spans="1:19" x14ac:dyDescent="0.25">
      <c r="A4794">
        <v>29598507</v>
      </c>
      <c r="B4794" t="s">
        <v>24758</v>
      </c>
      <c r="C4794" s="1" t="s">
        <v>24759</v>
      </c>
      <c r="E4794">
        <v>5</v>
      </c>
      <c r="F4794">
        <v>9</v>
      </c>
      <c r="H4794" t="s">
        <v>24760</v>
      </c>
      <c r="J4794" t="s">
        <v>24761</v>
      </c>
      <c r="K4794" t="s">
        <v>24762</v>
      </c>
      <c r="M4794">
        <v>4767213</v>
      </c>
      <c r="O4794">
        <v>4767213</v>
      </c>
      <c r="P4794">
        <v>1</v>
      </c>
      <c r="Q4794">
        <v>-1</v>
      </c>
      <c r="R4794" t="s">
        <v>413</v>
      </c>
      <c r="S4794">
        <v>94</v>
      </c>
    </row>
    <row r="4795" spans="1:19" x14ac:dyDescent="0.25">
      <c r="A4795">
        <v>33151409</v>
      </c>
      <c r="B4795" t="s">
        <v>24763</v>
      </c>
      <c r="C4795" s="1" t="s">
        <v>24764</v>
      </c>
      <c r="D4795">
        <v>33151587</v>
      </c>
      <c r="E4795">
        <v>1</v>
      </c>
      <c r="F4795">
        <v>2</v>
      </c>
      <c r="H4795" t="s">
        <v>24765</v>
      </c>
      <c r="J4795" t="s">
        <v>24766</v>
      </c>
      <c r="O4795">
        <v>2325154</v>
      </c>
      <c r="P4795">
        <v>1</v>
      </c>
      <c r="Q4795">
        <v>1</v>
      </c>
      <c r="R4795" t="s">
        <v>24767</v>
      </c>
      <c r="S4795">
        <v>344</v>
      </c>
    </row>
    <row r="4796" spans="1:19" x14ac:dyDescent="0.25">
      <c r="A4796">
        <v>14520792</v>
      </c>
      <c r="B4796" t="s">
        <v>24768</v>
      </c>
      <c r="C4796" s="1" t="s">
        <v>24769</v>
      </c>
      <c r="E4796">
        <v>1</v>
      </c>
      <c r="F4796">
        <v>3</v>
      </c>
      <c r="H4796" t="s">
        <v>24770</v>
      </c>
      <c r="J4796" t="s">
        <v>24771</v>
      </c>
      <c r="O4796">
        <v>1844341</v>
      </c>
      <c r="P4796">
        <v>1</v>
      </c>
      <c r="Q4796">
        <v>0</v>
      </c>
      <c r="R4796" t="s">
        <v>24772</v>
      </c>
      <c r="S4796">
        <v>4520</v>
      </c>
    </row>
    <row r="4797" spans="1:19" x14ac:dyDescent="0.25">
      <c r="A4797">
        <v>20825983</v>
      </c>
      <c r="B4797" t="s">
        <v>24773</v>
      </c>
      <c r="C4797" s="1" t="s">
        <v>24774</v>
      </c>
      <c r="D4797">
        <v>20830501</v>
      </c>
      <c r="E4797">
        <v>1</v>
      </c>
      <c r="F4797">
        <v>0</v>
      </c>
      <c r="H4797" t="s">
        <v>24775</v>
      </c>
      <c r="I4797">
        <v>0</v>
      </c>
      <c r="J4797" t="s">
        <v>24776</v>
      </c>
      <c r="K4797" t="s">
        <v>24776</v>
      </c>
      <c r="M4797">
        <v>363028</v>
      </c>
      <c r="O4797">
        <v>1773706</v>
      </c>
      <c r="P4797">
        <v>1</v>
      </c>
      <c r="Q4797">
        <v>1</v>
      </c>
      <c r="R4797" t="s">
        <v>24777</v>
      </c>
      <c r="S4797">
        <v>484</v>
      </c>
    </row>
    <row r="4798" spans="1:19" x14ac:dyDescent="0.25">
      <c r="A4798">
        <v>39210814</v>
      </c>
      <c r="B4798" t="s">
        <v>24778</v>
      </c>
      <c r="C4798" s="1" t="s">
        <v>24779</v>
      </c>
      <c r="E4798">
        <v>1</v>
      </c>
      <c r="F4798">
        <v>0</v>
      </c>
      <c r="H4798" t="s">
        <v>24780</v>
      </c>
      <c r="J4798" t="s">
        <v>24781</v>
      </c>
      <c r="K4798" t="s">
        <v>24782</v>
      </c>
      <c r="M4798">
        <v>3399105</v>
      </c>
      <c r="O4798">
        <v>6745332</v>
      </c>
      <c r="P4798">
        <v>1</v>
      </c>
      <c r="Q4798">
        <v>1</v>
      </c>
      <c r="R4798" t="s">
        <v>14343</v>
      </c>
      <c r="S4798">
        <v>65</v>
      </c>
    </row>
    <row r="4799" spans="1:19" x14ac:dyDescent="0.25">
      <c r="A4799">
        <v>34876776</v>
      </c>
      <c r="B4799" t="s">
        <v>24783</v>
      </c>
      <c r="C4799" s="1" t="s">
        <v>24784</v>
      </c>
      <c r="D4799">
        <v>34878865</v>
      </c>
      <c r="E4799">
        <v>2</v>
      </c>
      <c r="F4799">
        <v>7</v>
      </c>
      <c r="H4799" t="s">
        <v>24785</v>
      </c>
      <c r="J4799" t="s">
        <v>24786</v>
      </c>
      <c r="K4799" t="s">
        <v>24787</v>
      </c>
      <c r="M4799">
        <v>2539639</v>
      </c>
      <c r="O4799">
        <v>2539639</v>
      </c>
      <c r="P4799">
        <v>1</v>
      </c>
      <c r="Q4799">
        <v>0</v>
      </c>
      <c r="R4799" t="s">
        <v>24788</v>
      </c>
      <c r="S4799">
        <v>335</v>
      </c>
    </row>
    <row r="4800" spans="1:19" x14ac:dyDescent="0.25">
      <c r="A4800">
        <v>15369493</v>
      </c>
      <c r="B4800" t="s">
        <v>24789</v>
      </c>
      <c r="C4800" t="s">
        <v>24790</v>
      </c>
      <c r="E4800">
        <v>1</v>
      </c>
      <c r="F4800">
        <v>3</v>
      </c>
      <c r="H4800" t="s">
        <v>24791</v>
      </c>
      <c r="J4800" t="s">
        <v>24792</v>
      </c>
      <c r="N4800" t="s">
        <v>24793</v>
      </c>
      <c r="P4800">
        <v>1</v>
      </c>
      <c r="Q4800">
        <v>0</v>
      </c>
      <c r="R4800" t="s">
        <v>24794</v>
      </c>
      <c r="S4800">
        <v>2395</v>
      </c>
    </row>
    <row r="4801" spans="1:19" x14ac:dyDescent="0.25">
      <c r="A4801">
        <v>6471458</v>
      </c>
      <c r="B4801" t="s">
        <v>24795</v>
      </c>
      <c r="C4801" s="1" t="s">
        <v>24796</v>
      </c>
      <c r="E4801">
        <v>2</v>
      </c>
      <c r="F4801">
        <v>0</v>
      </c>
      <c r="H4801" t="s">
        <v>24797</v>
      </c>
      <c r="J4801" t="s">
        <v>24798</v>
      </c>
      <c r="O4801">
        <v>782084</v>
      </c>
      <c r="P4801">
        <v>1</v>
      </c>
      <c r="Q4801">
        <v>0</v>
      </c>
      <c r="R4801" t="s">
        <v>24799</v>
      </c>
      <c r="S4801">
        <v>2695</v>
      </c>
    </row>
    <row r="4802" spans="1:19" x14ac:dyDescent="0.25">
      <c r="A4802">
        <v>46505284</v>
      </c>
      <c r="B4802" t="s">
        <v>24800</v>
      </c>
      <c r="C4802" s="1" t="s">
        <v>24801</v>
      </c>
      <c r="E4802">
        <v>2</v>
      </c>
      <c r="F4802">
        <v>1</v>
      </c>
      <c r="H4802" t="s">
        <v>24802</v>
      </c>
      <c r="J4802" t="s">
        <v>24803</v>
      </c>
      <c r="K4802" t="s">
        <v>24803</v>
      </c>
      <c r="M4802">
        <v>5953643</v>
      </c>
      <c r="O4802">
        <v>3768763</v>
      </c>
      <c r="P4802">
        <v>1</v>
      </c>
      <c r="Q4802">
        <v>0</v>
      </c>
      <c r="R4802" t="s">
        <v>24804</v>
      </c>
      <c r="S4802">
        <v>247</v>
      </c>
    </row>
    <row r="4803" spans="1:19" x14ac:dyDescent="0.25">
      <c r="A4803">
        <v>35767212</v>
      </c>
      <c r="B4803" t="s">
        <v>24805</v>
      </c>
      <c r="C4803" s="1" t="s">
        <v>24806</v>
      </c>
      <c r="E4803">
        <v>1</v>
      </c>
      <c r="F4803">
        <v>6</v>
      </c>
      <c r="H4803" t="s">
        <v>24807</v>
      </c>
      <c r="J4803" t="s">
        <v>24808</v>
      </c>
      <c r="K4803" t="s">
        <v>24809</v>
      </c>
      <c r="M4803">
        <v>5827562</v>
      </c>
      <c r="O4803">
        <v>5827562</v>
      </c>
      <c r="P4803">
        <v>1</v>
      </c>
      <c r="Q4803">
        <v>1</v>
      </c>
      <c r="R4803" t="s">
        <v>24810</v>
      </c>
      <c r="S4803">
        <v>198</v>
      </c>
    </row>
    <row r="4804" spans="1:19" x14ac:dyDescent="0.25">
      <c r="A4804">
        <v>15393000</v>
      </c>
      <c r="B4804" t="s">
        <v>24811</v>
      </c>
      <c r="C4804" s="1" t="s">
        <v>24812</v>
      </c>
      <c r="E4804">
        <v>1</v>
      </c>
      <c r="F4804">
        <v>2</v>
      </c>
      <c r="H4804" t="s">
        <v>24813</v>
      </c>
      <c r="J4804" t="s">
        <v>24814</v>
      </c>
      <c r="O4804">
        <v>1162908</v>
      </c>
      <c r="P4804">
        <v>1</v>
      </c>
      <c r="Q4804">
        <v>0</v>
      </c>
      <c r="R4804" t="s">
        <v>24815</v>
      </c>
      <c r="S4804">
        <v>79</v>
      </c>
    </row>
    <row r="4805" spans="1:19" x14ac:dyDescent="0.25">
      <c r="A4805">
        <v>22779238</v>
      </c>
      <c r="B4805" t="s">
        <v>24816</v>
      </c>
      <c r="C4805" s="1" t="s">
        <v>24817</v>
      </c>
      <c r="D4805">
        <v>22779649</v>
      </c>
      <c r="E4805">
        <v>1</v>
      </c>
      <c r="F4805">
        <v>1</v>
      </c>
      <c r="H4805" t="s">
        <v>24818</v>
      </c>
      <c r="J4805" t="s">
        <v>24819</v>
      </c>
      <c r="K4805" t="s">
        <v>24819</v>
      </c>
      <c r="M4805">
        <v>1343690</v>
      </c>
      <c r="O4805">
        <v>1481962</v>
      </c>
      <c r="P4805">
        <v>1</v>
      </c>
      <c r="Q4805">
        <v>0</v>
      </c>
      <c r="R4805" t="s">
        <v>24820</v>
      </c>
      <c r="S4805">
        <v>736</v>
      </c>
    </row>
    <row r="4806" spans="1:19" x14ac:dyDescent="0.25">
      <c r="A4806">
        <v>44401777</v>
      </c>
      <c r="B4806" t="s">
        <v>24821</v>
      </c>
      <c r="C4806" s="1" t="s">
        <v>24822</v>
      </c>
      <c r="D4806">
        <v>44401880</v>
      </c>
      <c r="E4806">
        <v>2</v>
      </c>
      <c r="F4806">
        <v>3</v>
      </c>
      <c r="H4806" t="s">
        <v>24823</v>
      </c>
      <c r="I4806">
        <v>3</v>
      </c>
      <c r="J4806" t="s">
        <v>24824</v>
      </c>
      <c r="K4806" t="s">
        <v>24824</v>
      </c>
      <c r="M4806">
        <v>1033581</v>
      </c>
      <c r="O4806">
        <v>1458576</v>
      </c>
      <c r="P4806">
        <v>1</v>
      </c>
      <c r="Q4806">
        <v>3</v>
      </c>
      <c r="R4806" t="s">
        <v>24825</v>
      </c>
      <c r="S4806">
        <v>1376</v>
      </c>
    </row>
    <row r="4807" spans="1:19" x14ac:dyDescent="0.25">
      <c r="A4807">
        <v>27341501</v>
      </c>
      <c r="B4807" t="s">
        <v>24826</v>
      </c>
      <c r="C4807" s="1" t="s">
        <v>24827</v>
      </c>
      <c r="E4807">
        <v>0</v>
      </c>
      <c r="F4807">
        <v>2</v>
      </c>
      <c r="H4807" t="s">
        <v>24828</v>
      </c>
      <c r="J4807" t="s">
        <v>24829</v>
      </c>
      <c r="K4807" t="s">
        <v>24829</v>
      </c>
      <c r="M4807">
        <v>1248295</v>
      </c>
      <c r="O4807">
        <v>1248295</v>
      </c>
      <c r="P4807">
        <v>1</v>
      </c>
      <c r="Q4807">
        <v>1</v>
      </c>
      <c r="R4807" t="s">
        <v>24830</v>
      </c>
      <c r="S4807">
        <v>184</v>
      </c>
    </row>
    <row r="4808" spans="1:19" x14ac:dyDescent="0.25">
      <c r="A4808">
        <v>15940566</v>
      </c>
      <c r="B4808" t="s">
        <v>24831</v>
      </c>
      <c r="C4808" s="1" t="s">
        <v>24832</v>
      </c>
      <c r="D4808">
        <v>15940685</v>
      </c>
      <c r="E4808">
        <v>4</v>
      </c>
      <c r="F4808">
        <v>0</v>
      </c>
      <c r="H4808" t="s">
        <v>24833</v>
      </c>
      <c r="I4808">
        <v>2</v>
      </c>
      <c r="J4808" t="s">
        <v>24834</v>
      </c>
      <c r="K4808" t="s">
        <v>24835</v>
      </c>
      <c r="M4808">
        <v>-1</v>
      </c>
      <c r="O4808">
        <v>257583</v>
      </c>
      <c r="P4808">
        <v>1</v>
      </c>
      <c r="Q4808">
        <v>34</v>
      </c>
      <c r="R4808" t="s">
        <v>24836</v>
      </c>
      <c r="S4808">
        <v>77015</v>
      </c>
    </row>
    <row r="4809" spans="1:19" x14ac:dyDescent="0.25">
      <c r="A4809">
        <v>48227480</v>
      </c>
      <c r="B4809" t="s">
        <v>24837</v>
      </c>
      <c r="C4809" s="1" t="s">
        <v>24838</v>
      </c>
      <c r="D4809">
        <v>48230559</v>
      </c>
      <c r="E4809">
        <v>2</v>
      </c>
      <c r="F4809">
        <v>1</v>
      </c>
      <c r="H4809" t="s">
        <v>24839</v>
      </c>
      <c r="J4809" t="s">
        <v>24840</v>
      </c>
      <c r="O4809">
        <v>3264196</v>
      </c>
      <c r="P4809">
        <v>1</v>
      </c>
      <c r="Q4809">
        <v>0</v>
      </c>
      <c r="R4809" t="s">
        <v>1480</v>
      </c>
      <c r="S4809">
        <v>130</v>
      </c>
    </row>
    <row r="4810" spans="1:19" x14ac:dyDescent="0.25">
      <c r="A4810">
        <v>42210956</v>
      </c>
      <c r="B4810" t="s">
        <v>24841</v>
      </c>
      <c r="C4810" s="1" t="s">
        <v>24842</v>
      </c>
      <c r="D4810">
        <v>42211012</v>
      </c>
      <c r="E4810">
        <v>1</v>
      </c>
      <c r="F4810">
        <v>1</v>
      </c>
      <c r="H4810" t="s">
        <v>24843</v>
      </c>
      <c r="J4810" t="s">
        <v>24844</v>
      </c>
      <c r="O4810">
        <v>2404470</v>
      </c>
      <c r="P4810">
        <v>1</v>
      </c>
      <c r="Q4810">
        <v>0</v>
      </c>
      <c r="R4810" t="s">
        <v>24845</v>
      </c>
      <c r="S4810">
        <v>39</v>
      </c>
    </row>
    <row r="4811" spans="1:19" x14ac:dyDescent="0.25">
      <c r="A4811">
        <v>32055141</v>
      </c>
      <c r="B4811" t="s">
        <v>24846</v>
      </c>
      <c r="C4811" s="1" t="s">
        <v>24847</v>
      </c>
      <c r="D4811">
        <v>32059440</v>
      </c>
      <c r="E4811">
        <v>2</v>
      </c>
      <c r="F4811">
        <v>0</v>
      </c>
      <c r="H4811" t="s">
        <v>24848</v>
      </c>
      <c r="I4811">
        <v>1</v>
      </c>
      <c r="J4811" t="s">
        <v>24849</v>
      </c>
      <c r="O4811">
        <v>2499048</v>
      </c>
      <c r="P4811">
        <v>1</v>
      </c>
      <c r="Q4811">
        <v>0</v>
      </c>
      <c r="R4811" t="s">
        <v>24850</v>
      </c>
      <c r="S4811">
        <v>1326</v>
      </c>
    </row>
    <row r="4812" spans="1:19" x14ac:dyDescent="0.25">
      <c r="A4812">
        <v>31375323</v>
      </c>
      <c r="B4812" t="s">
        <v>24851</v>
      </c>
      <c r="C4812" s="1" t="s">
        <v>24852</v>
      </c>
      <c r="D4812">
        <v>31375765</v>
      </c>
      <c r="E4812">
        <v>5</v>
      </c>
      <c r="F4812">
        <v>0</v>
      </c>
      <c r="H4812" t="s">
        <v>24853</v>
      </c>
      <c r="I4812">
        <v>1</v>
      </c>
      <c r="J4812" t="s">
        <v>24854</v>
      </c>
      <c r="O4812">
        <v>4950530</v>
      </c>
      <c r="P4812">
        <v>1</v>
      </c>
      <c r="Q4812">
        <v>2</v>
      </c>
      <c r="R4812" t="s">
        <v>24855</v>
      </c>
      <c r="S4812">
        <v>244</v>
      </c>
    </row>
    <row r="4813" spans="1:19" x14ac:dyDescent="0.25">
      <c r="A4813">
        <v>32724225</v>
      </c>
      <c r="B4813" t="s">
        <v>24856</v>
      </c>
      <c r="C4813" s="1" t="s">
        <v>24857</v>
      </c>
      <c r="E4813">
        <v>1</v>
      </c>
      <c r="F4813">
        <v>1</v>
      </c>
      <c r="H4813" t="s">
        <v>24858</v>
      </c>
      <c r="J4813" t="s">
        <v>24859</v>
      </c>
      <c r="K4813" t="s">
        <v>24860</v>
      </c>
      <c r="M4813">
        <v>4953079</v>
      </c>
      <c r="O4813">
        <v>2989124</v>
      </c>
      <c r="P4813">
        <v>1</v>
      </c>
      <c r="Q4813">
        <v>0</v>
      </c>
      <c r="R4813" t="s">
        <v>24861</v>
      </c>
      <c r="S4813">
        <v>682</v>
      </c>
    </row>
    <row r="4814" spans="1:19" x14ac:dyDescent="0.25">
      <c r="A4814">
        <v>33536314</v>
      </c>
      <c r="B4814" t="s">
        <v>24862</v>
      </c>
      <c r="C4814" s="1" t="s">
        <v>24863</v>
      </c>
      <c r="D4814">
        <v>33536811</v>
      </c>
      <c r="E4814">
        <v>1</v>
      </c>
      <c r="F4814">
        <v>0</v>
      </c>
      <c r="H4814" t="s">
        <v>24864</v>
      </c>
      <c r="J4814" t="s">
        <v>24865</v>
      </c>
      <c r="K4814" t="s">
        <v>24865</v>
      </c>
      <c r="M4814">
        <v>5527478</v>
      </c>
      <c r="O4814">
        <v>5527478</v>
      </c>
      <c r="P4814">
        <v>1</v>
      </c>
      <c r="Q4814">
        <v>1</v>
      </c>
      <c r="R4814" t="s">
        <v>24866</v>
      </c>
      <c r="S4814">
        <v>126</v>
      </c>
    </row>
    <row r="4815" spans="1:19" x14ac:dyDescent="0.25">
      <c r="A4815">
        <v>45986734</v>
      </c>
      <c r="B4815" t="s">
        <v>24867</v>
      </c>
      <c r="C4815" s="1" t="s">
        <v>24868</v>
      </c>
      <c r="E4815">
        <v>0</v>
      </c>
      <c r="F4815">
        <v>2</v>
      </c>
      <c r="H4815" t="s">
        <v>24869</v>
      </c>
      <c r="J4815" t="s">
        <v>24870</v>
      </c>
      <c r="K4815" t="s">
        <v>24870</v>
      </c>
      <c r="M4815">
        <v>7968748</v>
      </c>
      <c r="O4815">
        <v>7968748</v>
      </c>
      <c r="P4815">
        <v>1</v>
      </c>
      <c r="Q4815">
        <v>0</v>
      </c>
      <c r="R4815" t="s">
        <v>24871</v>
      </c>
      <c r="S4815">
        <v>29</v>
      </c>
    </row>
    <row r="4816" spans="1:19" x14ac:dyDescent="0.25">
      <c r="A4816">
        <v>3475956</v>
      </c>
      <c r="B4816" t="s">
        <v>24872</v>
      </c>
      <c r="C4816" s="1" t="s">
        <v>24873</v>
      </c>
      <c r="D4816">
        <v>3476787</v>
      </c>
      <c r="E4816">
        <v>3</v>
      </c>
      <c r="F4816">
        <v>9</v>
      </c>
      <c r="H4816" t="s">
        <v>24874</v>
      </c>
      <c r="J4816" t="s">
        <v>24875</v>
      </c>
      <c r="K4816" t="s">
        <v>24876</v>
      </c>
      <c r="M4816">
        <v>100754</v>
      </c>
      <c r="O4816">
        <v>259761</v>
      </c>
      <c r="P4816">
        <v>1</v>
      </c>
      <c r="Q4816">
        <v>0</v>
      </c>
      <c r="R4816" t="s">
        <v>24877</v>
      </c>
      <c r="S4816">
        <v>4089</v>
      </c>
    </row>
    <row r="4817" spans="1:19" x14ac:dyDescent="0.25">
      <c r="A4817">
        <v>23653099</v>
      </c>
      <c r="B4817" t="s">
        <v>24878</v>
      </c>
      <c r="C4817" s="1" t="s">
        <v>24879</v>
      </c>
      <c r="E4817">
        <v>1</v>
      </c>
      <c r="F4817">
        <v>9</v>
      </c>
      <c r="H4817" t="s">
        <v>24880</v>
      </c>
      <c r="J4817" t="s">
        <v>24881</v>
      </c>
      <c r="K4817" t="s">
        <v>24882</v>
      </c>
      <c r="M4817">
        <v>735792</v>
      </c>
      <c r="O4817">
        <v>735792</v>
      </c>
      <c r="P4817">
        <v>1</v>
      </c>
      <c r="Q4817">
        <v>2</v>
      </c>
      <c r="R4817" t="s">
        <v>24883</v>
      </c>
      <c r="S4817">
        <v>2627</v>
      </c>
    </row>
    <row r="4818" spans="1:19" x14ac:dyDescent="0.25">
      <c r="A4818">
        <v>25868616</v>
      </c>
      <c r="B4818" t="s">
        <v>24884</v>
      </c>
      <c r="C4818" s="1" t="s">
        <v>24885</v>
      </c>
      <c r="D4818">
        <v>25887579</v>
      </c>
      <c r="E4818">
        <v>5</v>
      </c>
      <c r="F4818">
        <v>5</v>
      </c>
      <c r="H4818" t="s">
        <v>24886</v>
      </c>
      <c r="J4818" t="s">
        <v>24887</v>
      </c>
      <c r="K4818" t="s">
        <v>24887</v>
      </c>
      <c r="M4818">
        <v>3492139</v>
      </c>
      <c r="O4818">
        <v>448131</v>
      </c>
      <c r="P4818">
        <v>1</v>
      </c>
      <c r="Q4818">
        <v>-3</v>
      </c>
      <c r="R4818" t="s">
        <v>780</v>
      </c>
      <c r="S4818">
        <v>51</v>
      </c>
    </row>
    <row r="4819" spans="1:19" x14ac:dyDescent="0.25">
      <c r="A4819">
        <v>48257347</v>
      </c>
      <c r="B4819" t="s">
        <v>24888</v>
      </c>
      <c r="C4819" s="1" t="s">
        <v>24889</v>
      </c>
      <c r="D4819">
        <v>48257490</v>
      </c>
      <c r="E4819">
        <v>3</v>
      </c>
      <c r="F4819">
        <v>1</v>
      </c>
      <c r="H4819" t="s">
        <v>24890</v>
      </c>
      <c r="J4819" t="s">
        <v>24891</v>
      </c>
      <c r="K4819" t="s">
        <v>24892</v>
      </c>
      <c r="M4819">
        <v>8450582</v>
      </c>
      <c r="O4819">
        <v>8450582</v>
      </c>
      <c r="P4819">
        <v>1</v>
      </c>
      <c r="Q4819">
        <v>1</v>
      </c>
      <c r="R4819" t="s">
        <v>8031</v>
      </c>
      <c r="S4819">
        <v>79</v>
      </c>
    </row>
    <row r="4820" spans="1:19" x14ac:dyDescent="0.25">
      <c r="A4820">
        <v>29254299</v>
      </c>
      <c r="B4820" t="s">
        <v>24893</v>
      </c>
      <c r="C4820" s="1" t="s">
        <v>24894</v>
      </c>
      <c r="E4820">
        <v>0</v>
      </c>
      <c r="F4820">
        <v>2</v>
      </c>
      <c r="H4820" t="s">
        <v>24895</v>
      </c>
      <c r="J4820" t="s">
        <v>24895</v>
      </c>
      <c r="O4820">
        <v>2380734</v>
      </c>
      <c r="P4820">
        <v>1</v>
      </c>
      <c r="Q4820">
        <v>0</v>
      </c>
      <c r="R4820" t="s">
        <v>24896</v>
      </c>
      <c r="S4820">
        <v>283</v>
      </c>
    </row>
    <row r="4821" spans="1:19" x14ac:dyDescent="0.25">
      <c r="A4821">
        <v>31603032</v>
      </c>
      <c r="B4821" t="s">
        <v>24897</v>
      </c>
      <c r="C4821" s="1" t="s">
        <v>24898</v>
      </c>
      <c r="D4821">
        <v>31603142</v>
      </c>
      <c r="E4821">
        <v>3</v>
      </c>
      <c r="F4821">
        <v>0</v>
      </c>
      <c r="H4821" t="s">
        <v>24899</v>
      </c>
      <c r="J4821" t="s">
        <v>24900</v>
      </c>
      <c r="K4821" t="s">
        <v>24901</v>
      </c>
      <c r="M4821">
        <v>4420967</v>
      </c>
      <c r="O4821">
        <v>3354786</v>
      </c>
      <c r="P4821">
        <v>1</v>
      </c>
      <c r="Q4821">
        <v>-1</v>
      </c>
      <c r="R4821" t="s">
        <v>24902</v>
      </c>
      <c r="S4821">
        <v>305</v>
      </c>
    </row>
    <row r="4822" spans="1:19" x14ac:dyDescent="0.25">
      <c r="A4822">
        <v>2635380</v>
      </c>
      <c r="B4822" t="s">
        <v>24903</v>
      </c>
      <c r="C4822" s="1" t="s">
        <v>24904</v>
      </c>
      <c r="E4822">
        <v>1</v>
      </c>
      <c r="F4822">
        <v>0</v>
      </c>
      <c r="H4822" t="s">
        <v>24905</v>
      </c>
      <c r="J4822" t="s">
        <v>24906</v>
      </c>
      <c r="O4822">
        <v>269573</v>
      </c>
      <c r="P4822">
        <v>1</v>
      </c>
      <c r="Q4822">
        <v>0</v>
      </c>
      <c r="R4822" t="s">
        <v>24907</v>
      </c>
      <c r="S4822">
        <v>585</v>
      </c>
    </row>
    <row r="4823" spans="1:19" x14ac:dyDescent="0.25">
      <c r="A4823">
        <v>51057924</v>
      </c>
      <c r="B4823" t="s">
        <v>24908</v>
      </c>
      <c r="C4823" s="1" t="s">
        <v>24909</v>
      </c>
      <c r="D4823">
        <v>51058012</v>
      </c>
      <c r="E4823">
        <v>1</v>
      </c>
      <c r="F4823">
        <v>0</v>
      </c>
      <c r="H4823" t="s">
        <v>24910</v>
      </c>
      <c r="J4823" t="s">
        <v>24911</v>
      </c>
      <c r="O4823">
        <v>8995379</v>
      </c>
      <c r="P4823">
        <v>1</v>
      </c>
      <c r="Q4823">
        <v>3</v>
      </c>
      <c r="R4823" t="s">
        <v>24912</v>
      </c>
      <c r="S4823">
        <v>415</v>
      </c>
    </row>
    <row r="4824" spans="1:19" x14ac:dyDescent="0.25">
      <c r="A4824">
        <v>41306429</v>
      </c>
      <c r="B4824" t="s">
        <v>24913</v>
      </c>
      <c r="C4824" s="1" t="s">
        <v>24914</v>
      </c>
      <c r="D4824">
        <v>41307870</v>
      </c>
      <c r="E4824">
        <v>1</v>
      </c>
      <c r="F4824">
        <v>0</v>
      </c>
      <c r="H4824" t="s">
        <v>24915</v>
      </c>
      <c r="J4824" t="s">
        <v>24916</v>
      </c>
      <c r="O4824">
        <v>2071673</v>
      </c>
      <c r="P4824">
        <v>1</v>
      </c>
      <c r="Q4824">
        <v>1</v>
      </c>
      <c r="R4824" t="s">
        <v>24917</v>
      </c>
      <c r="S4824">
        <v>1348</v>
      </c>
    </row>
    <row r="4825" spans="1:19" x14ac:dyDescent="0.25">
      <c r="A4825">
        <v>47821251</v>
      </c>
      <c r="B4825" t="s">
        <v>24918</v>
      </c>
      <c r="C4825" s="1" t="s">
        <v>24919</v>
      </c>
      <c r="E4825">
        <v>1</v>
      </c>
      <c r="F4825">
        <v>0</v>
      </c>
      <c r="H4825" t="s">
        <v>24920</v>
      </c>
      <c r="J4825" t="s">
        <v>24921</v>
      </c>
      <c r="O4825">
        <v>1142348</v>
      </c>
      <c r="P4825">
        <v>1</v>
      </c>
      <c r="Q4825">
        <v>0</v>
      </c>
      <c r="R4825" t="s">
        <v>24922</v>
      </c>
      <c r="S4825">
        <v>110</v>
      </c>
    </row>
    <row r="4826" spans="1:19" x14ac:dyDescent="0.25">
      <c r="A4826">
        <v>50230413</v>
      </c>
      <c r="B4826" t="s">
        <v>24923</v>
      </c>
      <c r="C4826" s="1" t="s">
        <v>24924</v>
      </c>
      <c r="D4826">
        <v>50231176</v>
      </c>
      <c r="E4826">
        <v>1</v>
      </c>
      <c r="F4826">
        <v>0</v>
      </c>
      <c r="H4826" t="s">
        <v>24925</v>
      </c>
      <c r="J4826" t="s">
        <v>24926</v>
      </c>
      <c r="K4826" t="s">
        <v>24927</v>
      </c>
      <c r="M4826">
        <v>9697683</v>
      </c>
      <c r="O4826">
        <v>9697683</v>
      </c>
      <c r="P4826">
        <v>1</v>
      </c>
      <c r="Q4826">
        <v>1</v>
      </c>
      <c r="R4826" t="s">
        <v>24928</v>
      </c>
      <c r="S4826">
        <v>69</v>
      </c>
    </row>
    <row r="4827" spans="1:19" x14ac:dyDescent="0.25">
      <c r="A4827">
        <v>20172765</v>
      </c>
      <c r="B4827" t="s">
        <v>24929</v>
      </c>
      <c r="C4827" s="1" t="s">
        <v>24930</v>
      </c>
      <c r="E4827">
        <v>2</v>
      </c>
      <c r="F4827">
        <v>0</v>
      </c>
      <c r="H4827" t="s">
        <v>24931</v>
      </c>
      <c r="I4827">
        <v>0</v>
      </c>
      <c r="J4827" t="s">
        <v>24932</v>
      </c>
      <c r="O4827">
        <v>3026502</v>
      </c>
      <c r="P4827">
        <v>1</v>
      </c>
      <c r="Q4827">
        <v>2</v>
      </c>
      <c r="R4827" t="s">
        <v>24933</v>
      </c>
      <c r="S4827">
        <v>150</v>
      </c>
    </row>
    <row r="4828" spans="1:19" x14ac:dyDescent="0.25">
      <c r="A4828">
        <v>3477871</v>
      </c>
      <c r="B4828" t="s">
        <v>24934</v>
      </c>
      <c r="C4828" s="1" t="s">
        <v>24935</v>
      </c>
      <c r="D4828">
        <v>3477923</v>
      </c>
      <c r="E4828">
        <v>5</v>
      </c>
      <c r="F4828">
        <v>0</v>
      </c>
      <c r="H4828" t="s">
        <v>24936</v>
      </c>
      <c r="I4828">
        <v>2</v>
      </c>
      <c r="J4828" t="s">
        <v>24937</v>
      </c>
      <c r="K4828" t="s">
        <v>24938</v>
      </c>
      <c r="M4828">
        <v>157882</v>
      </c>
      <c r="O4828">
        <v>357034</v>
      </c>
      <c r="P4828">
        <v>1</v>
      </c>
      <c r="Q4828">
        <v>16</v>
      </c>
      <c r="R4828" t="s">
        <v>2494</v>
      </c>
      <c r="S4828">
        <v>16842</v>
      </c>
    </row>
    <row r="4829" spans="1:19" x14ac:dyDescent="0.25">
      <c r="A4829">
        <v>47998812</v>
      </c>
      <c r="B4829" t="s">
        <v>24939</v>
      </c>
      <c r="C4829" s="1" t="s">
        <v>24940</v>
      </c>
      <c r="E4829">
        <v>0</v>
      </c>
      <c r="F4829">
        <v>7</v>
      </c>
      <c r="H4829" t="s">
        <v>24941</v>
      </c>
      <c r="I4829">
        <v>1</v>
      </c>
      <c r="J4829" t="s">
        <v>24942</v>
      </c>
      <c r="K4829" t="s">
        <v>24942</v>
      </c>
      <c r="M4829">
        <v>214143</v>
      </c>
      <c r="O4829">
        <v>7710166</v>
      </c>
      <c r="P4829">
        <v>1</v>
      </c>
      <c r="Q4829">
        <v>0</v>
      </c>
      <c r="R4829" t="s">
        <v>24943</v>
      </c>
      <c r="S4829">
        <v>403</v>
      </c>
    </row>
    <row r="4830" spans="1:19" x14ac:dyDescent="0.25">
      <c r="A4830">
        <v>47762814</v>
      </c>
      <c r="B4830" t="s">
        <v>24944</v>
      </c>
      <c r="C4830" s="1" t="s">
        <v>24945</v>
      </c>
      <c r="D4830">
        <v>47822279</v>
      </c>
      <c r="E4830">
        <v>1</v>
      </c>
      <c r="F4830">
        <v>7</v>
      </c>
      <c r="H4830" t="s">
        <v>24946</v>
      </c>
      <c r="J4830" t="s">
        <v>24947</v>
      </c>
      <c r="K4830" t="s">
        <v>24948</v>
      </c>
      <c r="M4830">
        <v>3980673</v>
      </c>
      <c r="O4830">
        <v>3980673</v>
      </c>
      <c r="P4830">
        <v>1</v>
      </c>
      <c r="Q4830">
        <v>0</v>
      </c>
      <c r="R4830" t="s">
        <v>24949</v>
      </c>
      <c r="S4830">
        <v>425</v>
      </c>
    </row>
    <row r="4831" spans="1:19" x14ac:dyDescent="0.25">
      <c r="A4831">
        <v>49939193</v>
      </c>
      <c r="B4831" t="s">
        <v>24950</v>
      </c>
      <c r="C4831" s="1" t="s">
        <v>24951</v>
      </c>
      <c r="D4831">
        <v>49939341</v>
      </c>
      <c r="E4831">
        <v>2</v>
      </c>
      <c r="F4831">
        <v>1</v>
      </c>
      <c r="H4831" t="s">
        <v>24952</v>
      </c>
      <c r="J4831" t="s">
        <v>24953</v>
      </c>
      <c r="K4831" t="s">
        <v>24954</v>
      </c>
      <c r="M4831">
        <v>9350538</v>
      </c>
      <c r="O4831">
        <v>9350538</v>
      </c>
      <c r="P4831">
        <v>1</v>
      </c>
      <c r="Q4831">
        <v>-1</v>
      </c>
      <c r="R4831" t="s">
        <v>24955</v>
      </c>
      <c r="S4831">
        <v>47</v>
      </c>
    </row>
    <row r="4832" spans="1:19" x14ac:dyDescent="0.25">
      <c r="A4832">
        <v>4733366</v>
      </c>
      <c r="B4832" t="s">
        <v>24956</v>
      </c>
      <c r="C4832" s="1" t="s">
        <v>24957</v>
      </c>
      <c r="E4832">
        <v>1</v>
      </c>
      <c r="F4832">
        <v>0</v>
      </c>
      <c r="H4832" t="s">
        <v>24958</v>
      </c>
      <c r="J4832" t="s">
        <v>24959</v>
      </c>
      <c r="O4832">
        <v>41063</v>
      </c>
      <c r="P4832">
        <v>1</v>
      </c>
      <c r="Q4832">
        <v>1</v>
      </c>
      <c r="R4832" t="s">
        <v>24960</v>
      </c>
      <c r="S4832">
        <v>1451</v>
      </c>
    </row>
    <row r="4833" spans="1:19" x14ac:dyDescent="0.25">
      <c r="A4833">
        <v>38048480</v>
      </c>
      <c r="B4833" t="s">
        <v>24961</v>
      </c>
      <c r="C4833" s="1" t="s">
        <v>24962</v>
      </c>
      <c r="E4833">
        <v>1</v>
      </c>
      <c r="F4833">
        <v>2</v>
      </c>
      <c r="H4833" t="s">
        <v>24963</v>
      </c>
      <c r="J4833" t="s">
        <v>24964</v>
      </c>
      <c r="K4833" t="s">
        <v>24964</v>
      </c>
      <c r="M4833">
        <v>3299476</v>
      </c>
      <c r="O4833">
        <v>6517387</v>
      </c>
      <c r="P4833">
        <v>1</v>
      </c>
      <c r="Q4833">
        <v>0</v>
      </c>
      <c r="R4833" t="s">
        <v>24965</v>
      </c>
      <c r="S4833">
        <v>177</v>
      </c>
    </row>
    <row r="4834" spans="1:19" x14ac:dyDescent="0.25">
      <c r="A4834">
        <v>22983169</v>
      </c>
      <c r="B4834" t="s">
        <v>24966</v>
      </c>
      <c r="C4834" s="1" t="s">
        <v>24967</v>
      </c>
      <c r="D4834">
        <v>22987888</v>
      </c>
      <c r="E4834">
        <v>1</v>
      </c>
      <c r="F4834">
        <v>12</v>
      </c>
      <c r="H4834" t="s">
        <v>24968</v>
      </c>
      <c r="J4834" t="s">
        <v>24969</v>
      </c>
      <c r="K4834" t="s">
        <v>24969</v>
      </c>
      <c r="M4834">
        <v>2459449</v>
      </c>
      <c r="O4834">
        <v>3506349</v>
      </c>
      <c r="P4834">
        <v>1</v>
      </c>
      <c r="Q4834">
        <v>0</v>
      </c>
      <c r="R4834" t="s">
        <v>24970</v>
      </c>
      <c r="S4834">
        <v>422</v>
      </c>
    </row>
    <row r="4835" spans="1:19" x14ac:dyDescent="0.25">
      <c r="A4835">
        <v>43898881</v>
      </c>
      <c r="B4835" t="s">
        <v>24971</v>
      </c>
      <c r="C4835" s="1" t="s">
        <v>24972</v>
      </c>
      <c r="E4835">
        <v>0</v>
      </c>
      <c r="F4835">
        <v>3</v>
      </c>
      <c r="H4835" t="s">
        <v>24973</v>
      </c>
      <c r="J4835" t="s">
        <v>24973</v>
      </c>
      <c r="O4835">
        <v>6690046</v>
      </c>
      <c r="P4835">
        <v>1</v>
      </c>
      <c r="Q4835">
        <v>0</v>
      </c>
      <c r="R4835" t="s">
        <v>24974</v>
      </c>
      <c r="S4835">
        <v>22</v>
      </c>
    </row>
    <row r="4836" spans="1:19" x14ac:dyDescent="0.25">
      <c r="A4836">
        <v>4690745</v>
      </c>
      <c r="B4836" t="s">
        <v>24975</v>
      </c>
      <c r="C4836" s="1" t="s">
        <v>24976</v>
      </c>
      <c r="E4836">
        <v>2</v>
      </c>
      <c r="F4836">
        <v>0</v>
      </c>
      <c r="H4836" t="s">
        <v>24977</v>
      </c>
      <c r="J4836" t="s">
        <v>24978</v>
      </c>
      <c r="O4836">
        <v>555886</v>
      </c>
      <c r="P4836">
        <v>1</v>
      </c>
      <c r="Q4836">
        <v>0</v>
      </c>
      <c r="R4836" t="s">
        <v>24979</v>
      </c>
      <c r="S4836">
        <v>733</v>
      </c>
    </row>
    <row r="4837" spans="1:19" x14ac:dyDescent="0.25">
      <c r="A4837">
        <v>31703892</v>
      </c>
      <c r="B4837" t="s">
        <v>24980</v>
      </c>
      <c r="C4837" s="1" t="s">
        <v>24981</v>
      </c>
      <c r="E4837">
        <v>1</v>
      </c>
      <c r="F4837">
        <v>0</v>
      </c>
      <c r="H4837" t="s">
        <v>24982</v>
      </c>
      <c r="J4837" t="s">
        <v>24983</v>
      </c>
      <c r="K4837" t="s">
        <v>24984</v>
      </c>
      <c r="M4837">
        <v>3825959</v>
      </c>
      <c r="O4837">
        <v>3825959</v>
      </c>
      <c r="P4837">
        <v>1</v>
      </c>
      <c r="Q4837">
        <v>0</v>
      </c>
      <c r="R4837" t="s">
        <v>780</v>
      </c>
      <c r="S4837">
        <v>28</v>
      </c>
    </row>
    <row r="4838" spans="1:19" x14ac:dyDescent="0.25">
      <c r="A4838">
        <v>45831718</v>
      </c>
      <c r="B4838" t="s">
        <v>24985</v>
      </c>
      <c r="C4838" s="1" t="s">
        <v>24986</v>
      </c>
      <c r="E4838">
        <v>1</v>
      </c>
      <c r="F4838">
        <v>0</v>
      </c>
      <c r="H4838" t="s">
        <v>24987</v>
      </c>
      <c r="I4838">
        <v>1</v>
      </c>
      <c r="J4838" t="s">
        <v>24988</v>
      </c>
      <c r="K4838" t="s">
        <v>24989</v>
      </c>
      <c r="M4838">
        <v>2675154</v>
      </c>
      <c r="O4838">
        <v>8503834</v>
      </c>
      <c r="P4838">
        <v>1</v>
      </c>
      <c r="Q4838">
        <v>0</v>
      </c>
      <c r="R4838" t="s">
        <v>24990</v>
      </c>
      <c r="S4838">
        <v>518</v>
      </c>
    </row>
    <row r="4839" spans="1:19" x14ac:dyDescent="0.25">
      <c r="A4839">
        <v>6976706</v>
      </c>
      <c r="B4839" t="s">
        <v>24991</v>
      </c>
      <c r="C4839" s="1" t="s">
        <v>24992</v>
      </c>
      <c r="D4839">
        <v>6976789</v>
      </c>
      <c r="E4839">
        <v>5</v>
      </c>
      <c r="F4839">
        <v>3</v>
      </c>
      <c r="H4839" t="s">
        <v>24993</v>
      </c>
      <c r="J4839" t="s">
        <v>24994</v>
      </c>
      <c r="K4839" t="s">
        <v>24995</v>
      </c>
      <c r="M4839">
        <v>377088</v>
      </c>
      <c r="O4839">
        <v>377088</v>
      </c>
      <c r="P4839">
        <v>1</v>
      </c>
      <c r="Q4839">
        <v>2</v>
      </c>
      <c r="R4839" t="s">
        <v>24996</v>
      </c>
      <c r="S4839">
        <v>2422</v>
      </c>
    </row>
    <row r="4840" spans="1:19" x14ac:dyDescent="0.25">
      <c r="A4840">
        <v>2302677</v>
      </c>
      <c r="B4840" t="s">
        <v>24997</v>
      </c>
      <c r="C4840" s="1" t="s">
        <v>24998</v>
      </c>
      <c r="D4840">
        <v>2302727</v>
      </c>
      <c r="E4840">
        <v>1</v>
      </c>
      <c r="F4840">
        <v>0</v>
      </c>
      <c r="H4840" t="s">
        <v>24999</v>
      </c>
      <c r="I4840">
        <v>1</v>
      </c>
      <c r="J4840" t="s">
        <v>25000</v>
      </c>
      <c r="O4840">
        <v>168408</v>
      </c>
      <c r="P4840">
        <v>1</v>
      </c>
      <c r="Q4840">
        <v>0</v>
      </c>
      <c r="R4840" t="s">
        <v>25001</v>
      </c>
      <c r="S4840">
        <v>2275</v>
      </c>
    </row>
    <row r="4841" spans="1:19" x14ac:dyDescent="0.25">
      <c r="A4841">
        <v>48821890</v>
      </c>
      <c r="B4841" t="s">
        <v>25002</v>
      </c>
      <c r="C4841" s="1" t="s">
        <v>25003</v>
      </c>
      <c r="E4841">
        <v>0</v>
      </c>
      <c r="F4841">
        <v>3</v>
      </c>
      <c r="H4841" t="s">
        <v>25004</v>
      </c>
      <c r="J4841" t="s">
        <v>25005</v>
      </c>
      <c r="K4841" t="s">
        <v>25005</v>
      </c>
      <c r="M4841">
        <v>472495</v>
      </c>
      <c r="O4841">
        <v>2518671</v>
      </c>
      <c r="P4841">
        <v>1</v>
      </c>
      <c r="Q4841">
        <v>0</v>
      </c>
      <c r="R4841" t="s">
        <v>25006</v>
      </c>
      <c r="S4841">
        <v>262</v>
      </c>
    </row>
    <row r="4842" spans="1:19" x14ac:dyDescent="0.25">
      <c r="A4842">
        <v>41805599</v>
      </c>
      <c r="B4842" t="s">
        <v>25007</v>
      </c>
      <c r="C4842" s="1" t="s">
        <v>25008</v>
      </c>
      <c r="D4842">
        <v>41805688</v>
      </c>
      <c r="E4842">
        <v>1</v>
      </c>
      <c r="F4842">
        <v>5</v>
      </c>
      <c r="H4842" t="s">
        <v>25009</v>
      </c>
      <c r="J4842" t="s">
        <v>25010</v>
      </c>
      <c r="O4842">
        <v>4337240</v>
      </c>
      <c r="P4842">
        <v>1</v>
      </c>
      <c r="Q4842">
        <v>0</v>
      </c>
      <c r="R4842" t="s">
        <v>25011</v>
      </c>
      <c r="S4842">
        <v>758</v>
      </c>
    </row>
    <row r="4843" spans="1:19" x14ac:dyDescent="0.25">
      <c r="A4843">
        <v>41344746</v>
      </c>
      <c r="B4843" t="s">
        <v>25012</v>
      </c>
      <c r="C4843" s="1" t="s">
        <v>25013</v>
      </c>
      <c r="E4843">
        <v>0</v>
      </c>
      <c r="F4843">
        <v>5</v>
      </c>
      <c r="H4843" t="s">
        <v>25014</v>
      </c>
      <c r="J4843" t="s">
        <v>25015</v>
      </c>
      <c r="K4843" t="s">
        <v>25015</v>
      </c>
      <c r="M4843">
        <v>7330359</v>
      </c>
      <c r="O4843">
        <v>7330359</v>
      </c>
      <c r="P4843">
        <v>1</v>
      </c>
      <c r="Q4843">
        <v>0</v>
      </c>
      <c r="R4843" t="s">
        <v>25016</v>
      </c>
      <c r="S4843">
        <v>47</v>
      </c>
    </row>
    <row r="4844" spans="1:19" x14ac:dyDescent="0.25">
      <c r="A4844">
        <v>17231829</v>
      </c>
      <c r="B4844" t="s">
        <v>25017</v>
      </c>
      <c r="C4844" s="1" t="s">
        <v>25018</v>
      </c>
      <c r="D4844">
        <v>17232020</v>
      </c>
      <c r="E4844">
        <v>3</v>
      </c>
      <c r="F4844">
        <v>18</v>
      </c>
      <c r="H4844" t="s">
        <v>25019</v>
      </c>
      <c r="J4844" t="s">
        <v>25020</v>
      </c>
      <c r="O4844">
        <v>1925060</v>
      </c>
      <c r="P4844">
        <v>1</v>
      </c>
      <c r="Q4844">
        <v>-2</v>
      </c>
      <c r="R4844" t="s">
        <v>25021</v>
      </c>
      <c r="S4844">
        <v>126</v>
      </c>
    </row>
    <row r="4845" spans="1:19" x14ac:dyDescent="0.25">
      <c r="A4845">
        <v>42059700</v>
      </c>
      <c r="B4845" t="s">
        <v>25022</v>
      </c>
      <c r="C4845" s="1" t="s">
        <v>25023</v>
      </c>
      <c r="E4845">
        <v>0</v>
      </c>
      <c r="F4845">
        <v>0</v>
      </c>
      <c r="H4845" t="s">
        <v>25024</v>
      </c>
      <c r="I4845">
        <v>1</v>
      </c>
      <c r="J4845" t="s">
        <v>25024</v>
      </c>
      <c r="O4845">
        <v>7520801</v>
      </c>
      <c r="P4845">
        <v>1</v>
      </c>
      <c r="Q4845">
        <v>1</v>
      </c>
      <c r="R4845" t="s">
        <v>25025</v>
      </c>
      <c r="S4845">
        <v>474</v>
      </c>
    </row>
    <row r="4846" spans="1:19" x14ac:dyDescent="0.25">
      <c r="A4846">
        <v>38505046</v>
      </c>
      <c r="B4846" t="s">
        <v>25026</v>
      </c>
      <c r="C4846" s="1" t="s">
        <v>25027</v>
      </c>
      <c r="E4846">
        <v>1</v>
      </c>
      <c r="F4846">
        <v>0</v>
      </c>
      <c r="H4846" t="s">
        <v>25028</v>
      </c>
      <c r="J4846" t="s">
        <v>25029</v>
      </c>
      <c r="O4846">
        <v>4863094</v>
      </c>
      <c r="P4846">
        <v>1</v>
      </c>
      <c r="Q4846">
        <v>0</v>
      </c>
      <c r="R4846" t="s">
        <v>25030</v>
      </c>
      <c r="S4846">
        <v>45</v>
      </c>
    </row>
    <row r="4847" spans="1:19" x14ac:dyDescent="0.25">
      <c r="A4847">
        <v>23917001</v>
      </c>
      <c r="B4847" t="s">
        <v>25031</v>
      </c>
      <c r="C4847" s="1" t="s">
        <v>25032</v>
      </c>
      <c r="D4847">
        <v>23924318</v>
      </c>
      <c r="E4847">
        <v>4</v>
      </c>
      <c r="F4847">
        <v>0</v>
      </c>
      <c r="H4847" t="s">
        <v>25033</v>
      </c>
      <c r="J4847" t="s">
        <v>25034</v>
      </c>
      <c r="K4847" t="s">
        <v>25035</v>
      </c>
      <c r="M4847">
        <v>997474</v>
      </c>
      <c r="O4847">
        <v>997474</v>
      </c>
      <c r="P4847">
        <v>1</v>
      </c>
      <c r="Q4847">
        <v>1</v>
      </c>
      <c r="R4847" t="s">
        <v>25036</v>
      </c>
      <c r="S4847">
        <v>1682</v>
      </c>
    </row>
    <row r="4848" spans="1:19" x14ac:dyDescent="0.25">
      <c r="A4848">
        <v>28251828</v>
      </c>
      <c r="B4848" t="s">
        <v>25037</v>
      </c>
      <c r="C4848" s="1" t="s">
        <v>25038</v>
      </c>
      <c r="E4848">
        <v>1</v>
      </c>
      <c r="F4848">
        <v>4</v>
      </c>
      <c r="H4848" t="s">
        <v>25039</v>
      </c>
      <c r="I4848">
        <v>0</v>
      </c>
      <c r="J4848" t="s">
        <v>25040</v>
      </c>
      <c r="O4848">
        <v>1019580</v>
      </c>
      <c r="P4848">
        <v>1</v>
      </c>
      <c r="Q4848">
        <v>2</v>
      </c>
      <c r="R4848" t="s">
        <v>25041</v>
      </c>
      <c r="S4848">
        <v>1511</v>
      </c>
    </row>
    <row r="4849" spans="1:19" x14ac:dyDescent="0.25">
      <c r="A4849">
        <v>50242413</v>
      </c>
      <c r="B4849" t="s">
        <v>25042</v>
      </c>
      <c r="C4849" s="1" t="s">
        <v>25043</v>
      </c>
      <c r="E4849">
        <v>1</v>
      </c>
      <c r="F4849">
        <v>0</v>
      </c>
      <c r="H4849" t="s">
        <v>25044</v>
      </c>
      <c r="J4849" t="s">
        <v>25045</v>
      </c>
      <c r="O4849">
        <v>3274523</v>
      </c>
      <c r="P4849">
        <v>1</v>
      </c>
      <c r="Q4849">
        <v>0</v>
      </c>
      <c r="R4849" t="s">
        <v>25046</v>
      </c>
      <c r="S4849">
        <v>131</v>
      </c>
    </row>
    <row r="4850" spans="1:19" x14ac:dyDescent="0.25">
      <c r="A4850">
        <v>36430203</v>
      </c>
      <c r="B4850" t="s">
        <v>25047</v>
      </c>
      <c r="C4850" s="1" t="s">
        <v>25048</v>
      </c>
      <c r="E4850">
        <v>2</v>
      </c>
      <c r="F4850">
        <v>8</v>
      </c>
      <c r="H4850" t="s">
        <v>25049</v>
      </c>
      <c r="I4850">
        <v>1</v>
      </c>
      <c r="J4850" t="s">
        <v>25050</v>
      </c>
      <c r="K4850" t="s">
        <v>25051</v>
      </c>
      <c r="M4850">
        <v>330315</v>
      </c>
      <c r="O4850">
        <v>4690053</v>
      </c>
      <c r="P4850">
        <v>1</v>
      </c>
      <c r="Q4850">
        <v>1</v>
      </c>
      <c r="R4850" t="s">
        <v>3266</v>
      </c>
      <c r="S4850">
        <v>56</v>
      </c>
    </row>
    <row r="4851" spans="1:19" x14ac:dyDescent="0.25">
      <c r="A4851">
        <v>52456972</v>
      </c>
      <c r="B4851" t="s">
        <v>25052</v>
      </c>
      <c r="C4851" s="1" t="s">
        <v>25053</v>
      </c>
      <c r="D4851">
        <v>52457787</v>
      </c>
      <c r="E4851">
        <v>1</v>
      </c>
      <c r="F4851">
        <v>0</v>
      </c>
      <c r="H4851" t="s">
        <v>25054</v>
      </c>
      <c r="J4851" t="s">
        <v>25055</v>
      </c>
      <c r="K4851" t="s">
        <v>25055</v>
      </c>
      <c r="M4851">
        <v>1718477</v>
      </c>
      <c r="O4851">
        <v>8478526</v>
      </c>
      <c r="P4851">
        <v>1</v>
      </c>
      <c r="Q4851">
        <v>0</v>
      </c>
      <c r="R4851" t="s">
        <v>25056</v>
      </c>
      <c r="S4851">
        <v>108</v>
      </c>
    </row>
    <row r="4852" spans="1:19" x14ac:dyDescent="0.25">
      <c r="A4852">
        <v>33059510</v>
      </c>
      <c r="B4852" t="s">
        <v>25057</v>
      </c>
      <c r="C4852" s="1" t="s">
        <v>25058</v>
      </c>
      <c r="D4852">
        <v>33068197</v>
      </c>
      <c r="E4852">
        <v>1</v>
      </c>
      <c r="F4852">
        <v>6</v>
      </c>
      <c r="H4852" t="s">
        <v>25059</v>
      </c>
      <c r="J4852" t="s">
        <v>25060</v>
      </c>
      <c r="K4852" t="s">
        <v>25061</v>
      </c>
      <c r="M4852">
        <v>2515628</v>
      </c>
      <c r="O4852">
        <v>2515628</v>
      </c>
      <c r="P4852">
        <v>1</v>
      </c>
      <c r="Q4852">
        <v>1</v>
      </c>
      <c r="R4852" t="s">
        <v>25062</v>
      </c>
      <c r="S4852">
        <v>418</v>
      </c>
    </row>
    <row r="4853" spans="1:19" x14ac:dyDescent="0.25">
      <c r="A4853">
        <v>30949458</v>
      </c>
      <c r="B4853" t="s">
        <v>25063</v>
      </c>
      <c r="C4853" t="s">
        <v>25064</v>
      </c>
      <c r="D4853">
        <v>30949494</v>
      </c>
      <c r="E4853">
        <v>1</v>
      </c>
      <c r="F4853">
        <v>0</v>
      </c>
      <c r="H4853" t="s">
        <v>25065</v>
      </c>
      <c r="J4853" t="s">
        <v>25066</v>
      </c>
      <c r="O4853">
        <v>3210127</v>
      </c>
      <c r="P4853">
        <v>1</v>
      </c>
      <c r="Q4853">
        <v>0</v>
      </c>
      <c r="R4853" t="s">
        <v>25067</v>
      </c>
      <c r="S4853">
        <v>468</v>
      </c>
    </row>
    <row r="4854" spans="1:19" x14ac:dyDescent="0.25">
      <c r="A4854">
        <v>11841395</v>
      </c>
      <c r="B4854" t="s">
        <v>25068</v>
      </c>
      <c r="C4854" s="1" t="s">
        <v>25069</v>
      </c>
      <c r="D4854">
        <v>11843286</v>
      </c>
      <c r="E4854">
        <v>1</v>
      </c>
      <c r="F4854">
        <v>1</v>
      </c>
      <c r="H4854" t="s">
        <v>25070</v>
      </c>
      <c r="I4854">
        <v>1</v>
      </c>
      <c r="J4854" t="s">
        <v>25071</v>
      </c>
      <c r="O4854">
        <v>973552</v>
      </c>
      <c r="P4854">
        <v>1</v>
      </c>
      <c r="Q4854">
        <v>0</v>
      </c>
      <c r="R4854" t="s">
        <v>25072</v>
      </c>
      <c r="S4854">
        <v>3002</v>
      </c>
    </row>
    <row r="4855" spans="1:19" x14ac:dyDescent="0.25">
      <c r="A4855">
        <v>50635370</v>
      </c>
      <c r="B4855" t="s">
        <v>25073</v>
      </c>
      <c r="C4855" s="1" t="s">
        <v>25074</v>
      </c>
      <c r="E4855">
        <v>0</v>
      </c>
      <c r="F4855">
        <v>4</v>
      </c>
      <c r="H4855" t="s">
        <v>25075</v>
      </c>
      <c r="J4855" t="s">
        <v>25076</v>
      </c>
      <c r="K4855" t="s">
        <v>25076</v>
      </c>
      <c r="M4855">
        <v>9787543</v>
      </c>
      <c r="O4855">
        <v>9878937</v>
      </c>
      <c r="P4855">
        <v>1</v>
      </c>
      <c r="Q4855">
        <v>0</v>
      </c>
      <c r="R4855" t="s">
        <v>229</v>
      </c>
      <c r="S4855">
        <v>37</v>
      </c>
    </row>
    <row r="4856" spans="1:19" x14ac:dyDescent="0.25">
      <c r="A4856">
        <v>44601890</v>
      </c>
      <c r="B4856" t="s">
        <v>25077</v>
      </c>
      <c r="C4856" s="1" t="s">
        <v>25078</v>
      </c>
      <c r="E4856">
        <v>1</v>
      </c>
      <c r="F4856">
        <v>0</v>
      </c>
      <c r="H4856" t="s">
        <v>25079</v>
      </c>
      <c r="I4856">
        <v>1</v>
      </c>
      <c r="J4856" t="s">
        <v>25080</v>
      </c>
      <c r="O4856">
        <v>1337630</v>
      </c>
      <c r="P4856">
        <v>1</v>
      </c>
      <c r="Q4856">
        <v>2</v>
      </c>
      <c r="R4856" t="s">
        <v>25081</v>
      </c>
      <c r="S4856">
        <v>590</v>
      </c>
    </row>
    <row r="4857" spans="1:19" x14ac:dyDescent="0.25">
      <c r="A4857">
        <v>49828726</v>
      </c>
      <c r="B4857" t="s">
        <v>25082</v>
      </c>
      <c r="C4857" s="1" t="s">
        <v>25083</v>
      </c>
      <c r="D4857">
        <v>49832897</v>
      </c>
      <c r="E4857">
        <v>2</v>
      </c>
      <c r="F4857">
        <v>0</v>
      </c>
      <c r="H4857" t="s">
        <v>25084</v>
      </c>
      <c r="I4857">
        <v>0</v>
      </c>
      <c r="J4857" t="s">
        <v>25085</v>
      </c>
      <c r="O4857">
        <v>5415946</v>
      </c>
      <c r="P4857">
        <v>1</v>
      </c>
      <c r="Q4857">
        <v>1</v>
      </c>
      <c r="R4857" t="s">
        <v>25086</v>
      </c>
      <c r="S4857">
        <v>121</v>
      </c>
    </row>
    <row r="4858" spans="1:19" x14ac:dyDescent="0.25">
      <c r="A4858">
        <v>51779823</v>
      </c>
      <c r="B4858" t="s">
        <v>25087</v>
      </c>
      <c r="C4858" s="1" t="s">
        <v>25088</v>
      </c>
      <c r="E4858">
        <v>0</v>
      </c>
      <c r="F4858">
        <v>4</v>
      </c>
      <c r="H4858" t="s">
        <v>25089</v>
      </c>
      <c r="I4858">
        <v>1</v>
      </c>
      <c r="J4858" t="s">
        <v>25090</v>
      </c>
      <c r="K4858" t="s">
        <v>25090</v>
      </c>
      <c r="M4858">
        <v>6617851</v>
      </c>
      <c r="O4858">
        <v>6617851</v>
      </c>
      <c r="P4858">
        <v>1</v>
      </c>
      <c r="Q4858">
        <v>0</v>
      </c>
      <c r="R4858" t="s">
        <v>25091</v>
      </c>
      <c r="S4858">
        <v>66</v>
      </c>
    </row>
    <row r="4859" spans="1:19" x14ac:dyDescent="0.25">
      <c r="A4859">
        <v>52644833</v>
      </c>
      <c r="B4859" t="s">
        <v>25092</v>
      </c>
      <c r="C4859" s="1" t="s">
        <v>25093</v>
      </c>
      <c r="E4859">
        <v>1</v>
      </c>
      <c r="F4859">
        <v>0</v>
      </c>
      <c r="H4859" t="s">
        <v>25094</v>
      </c>
      <c r="J4859" t="s">
        <v>25095</v>
      </c>
      <c r="O4859">
        <v>4776994</v>
      </c>
      <c r="P4859">
        <v>1</v>
      </c>
      <c r="Q4859">
        <v>0</v>
      </c>
      <c r="R4859" t="s">
        <v>25096</v>
      </c>
      <c r="S4859">
        <v>37</v>
      </c>
    </row>
    <row r="4860" spans="1:19" x14ac:dyDescent="0.25">
      <c r="A4860">
        <v>49999737</v>
      </c>
      <c r="B4860" t="s">
        <v>25097</v>
      </c>
      <c r="C4860" s="1" t="s">
        <v>25098</v>
      </c>
      <c r="E4860">
        <v>1</v>
      </c>
      <c r="F4860">
        <v>1</v>
      </c>
      <c r="H4860" t="s">
        <v>25099</v>
      </c>
      <c r="J4860" t="s">
        <v>25100</v>
      </c>
      <c r="K4860" t="s">
        <v>25101</v>
      </c>
      <c r="M4860">
        <v>2655607</v>
      </c>
      <c r="O4860">
        <v>2655607</v>
      </c>
      <c r="P4860">
        <v>1</v>
      </c>
      <c r="Q4860">
        <v>0</v>
      </c>
      <c r="R4860" t="s">
        <v>25102</v>
      </c>
      <c r="S4860">
        <v>29</v>
      </c>
    </row>
    <row r="4861" spans="1:19" x14ac:dyDescent="0.25">
      <c r="A4861">
        <v>50689873</v>
      </c>
      <c r="B4861" t="s">
        <v>25103</v>
      </c>
      <c r="C4861" s="1" t="s">
        <v>25104</v>
      </c>
      <c r="E4861">
        <v>0</v>
      </c>
      <c r="F4861">
        <v>0</v>
      </c>
      <c r="H4861" t="s">
        <v>25105</v>
      </c>
      <c r="J4861" t="s">
        <v>25105</v>
      </c>
      <c r="O4861">
        <v>405145</v>
      </c>
      <c r="P4861">
        <v>1</v>
      </c>
      <c r="Q4861">
        <v>1</v>
      </c>
      <c r="R4861" t="s">
        <v>25106</v>
      </c>
      <c r="S4861">
        <v>149</v>
      </c>
    </row>
    <row r="4862" spans="1:19" x14ac:dyDescent="0.25">
      <c r="A4862">
        <v>34326404</v>
      </c>
      <c r="B4862" t="s">
        <v>25107</v>
      </c>
      <c r="C4862" s="1" t="s">
        <v>25108</v>
      </c>
      <c r="E4862">
        <v>0</v>
      </c>
      <c r="F4862">
        <v>0</v>
      </c>
      <c r="H4862" t="s">
        <v>25109</v>
      </c>
      <c r="I4862">
        <v>0</v>
      </c>
      <c r="J4862" t="s">
        <v>25110</v>
      </c>
      <c r="K4862" t="s">
        <v>25111</v>
      </c>
      <c r="M4862">
        <v>-1</v>
      </c>
      <c r="O4862">
        <v>5593324</v>
      </c>
      <c r="P4862">
        <v>1</v>
      </c>
      <c r="Q4862">
        <v>3</v>
      </c>
      <c r="R4862" t="s">
        <v>2771</v>
      </c>
      <c r="S4862">
        <v>93</v>
      </c>
    </row>
    <row r="4863" spans="1:19" x14ac:dyDescent="0.25">
      <c r="A4863">
        <v>1289653</v>
      </c>
      <c r="B4863" t="s">
        <v>25112</v>
      </c>
      <c r="C4863" s="1" t="s">
        <v>25113</v>
      </c>
      <c r="D4863">
        <v>1289669</v>
      </c>
      <c r="E4863">
        <v>1</v>
      </c>
      <c r="F4863">
        <v>0</v>
      </c>
      <c r="H4863" t="s">
        <v>25114</v>
      </c>
      <c r="I4863">
        <v>1</v>
      </c>
      <c r="J4863" t="s">
        <v>25115</v>
      </c>
      <c r="O4863">
        <v>72478</v>
      </c>
      <c r="P4863">
        <v>1</v>
      </c>
      <c r="Q4863">
        <v>6</v>
      </c>
      <c r="R4863" t="s">
        <v>25116</v>
      </c>
      <c r="S4863">
        <v>6306</v>
      </c>
    </row>
    <row r="4864" spans="1:19" x14ac:dyDescent="0.25">
      <c r="A4864">
        <v>15837371</v>
      </c>
      <c r="B4864" t="s">
        <v>25117</v>
      </c>
      <c r="C4864" s="1" t="s">
        <v>25118</v>
      </c>
      <c r="D4864">
        <v>15837458</v>
      </c>
      <c r="E4864">
        <v>2</v>
      </c>
      <c r="F4864">
        <v>0</v>
      </c>
      <c r="H4864" t="s">
        <v>25119</v>
      </c>
      <c r="J4864" t="s">
        <v>25120</v>
      </c>
      <c r="O4864">
        <v>193189</v>
      </c>
      <c r="P4864">
        <v>1</v>
      </c>
      <c r="Q4864">
        <v>3</v>
      </c>
      <c r="R4864" t="s">
        <v>25121</v>
      </c>
      <c r="S4864">
        <v>669</v>
      </c>
    </row>
    <row r="4865" spans="1:19" x14ac:dyDescent="0.25">
      <c r="A4865">
        <v>52434177</v>
      </c>
      <c r="B4865" t="s">
        <v>25122</v>
      </c>
      <c r="C4865" s="1" t="s">
        <v>25123</v>
      </c>
      <c r="E4865">
        <v>0</v>
      </c>
      <c r="F4865">
        <v>4</v>
      </c>
      <c r="H4865" t="s">
        <v>25124</v>
      </c>
      <c r="J4865" t="s">
        <v>25124</v>
      </c>
      <c r="O4865">
        <v>5886266</v>
      </c>
      <c r="P4865">
        <v>1</v>
      </c>
      <c r="Q4865">
        <v>1</v>
      </c>
      <c r="R4865" t="s">
        <v>7963</v>
      </c>
      <c r="S4865">
        <v>22</v>
      </c>
    </row>
    <row r="4866" spans="1:19" x14ac:dyDescent="0.25">
      <c r="A4866">
        <v>28337476</v>
      </c>
      <c r="B4866" t="s">
        <v>25125</v>
      </c>
      <c r="C4866" s="1" t="s">
        <v>25126</v>
      </c>
      <c r="E4866">
        <v>0</v>
      </c>
      <c r="F4866">
        <v>0</v>
      </c>
      <c r="H4866" t="s">
        <v>25127</v>
      </c>
      <c r="J4866" t="s">
        <v>25128</v>
      </c>
      <c r="K4866" t="s">
        <v>25128</v>
      </c>
      <c r="M4866">
        <v>2304215</v>
      </c>
      <c r="O4866">
        <v>4531636</v>
      </c>
      <c r="P4866">
        <v>1</v>
      </c>
      <c r="Q4866">
        <v>1</v>
      </c>
      <c r="R4866" t="s">
        <v>25129</v>
      </c>
      <c r="S4866">
        <v>438</v>
      </c>
    </row>
    <row r="4867" spans="1:19" x14ac:dyDescent="0.25">
      <c r="A4867">
        <v>7416102</v>
      </c>
      <c r="B4867" t="s">
        <v>25130</v>
      </c>
      <c r="C4867" s="1" t="s">
        <v>25131</v>
      </c>
      <c r="D4867">
        <v>7416248</v>
      </c>
      <c r="E4867">
        <v>4</v>
      </c>
      <c r="F4867">
        <v>1</v>
      </c>
      <c r="H4867" t="s">
        <v>25132</v>
      </c>
      <c r="J4867" t="s">
        <v>25133</v>
      </c>
      <c r="K4867" t="s">
        <v>25134</v>
      </c>
      <c r="M4867">
        <v>352693</v>
      </c>
      <c r="O4867">
        <v>352693</v>
      </c>
      <c r="P4867">
        <v>1</v>
      </c>
      <c r="Q4867">
        <v>0</v>
      </c>
      <c r="R4867" t="s">
        <v>25135</v>
      </c>
      <c r="S4867">
        <v>1713</v>
      </c>
    </row>
    <row r="4868" spans="1:19" x14ac:dyDescent="0.25">
      <c r="A4868">
        <v>15342350</v>
      </c>
      <c r="B4868" t="s">
        <v>25136</v>
      </c>
      <c r="C4868" s="1" t="s">
        <v>25137</v>
      </c>
      <c r="D4868">
        <v>15343694</v>
      </c>
      <c r="E4868">
        <v>1</v>
      </c>
      <c r="F4868">
        <v>4</v>
      </c>
      <c r="H4868" t="s">
        <v>25138</v>
      </c>
      <c r="J4868" t="s">
        <v>25139</v>
      </c>
      <c r="O4868">
        <v>990194</v>
      </c>
      <c r="P4868">
        <v>1</v>
      </c>
      <c r="Q4868">
        <v>1</v>
      </c>
      <c r="R4868" t="s">
        <v>16508</v>
      </c>
      <c r="S4868">
        <v>844</v>
      </c>
    </row>
    <row r="4869" spans="1:19" x14ac:dyDescent="0.25">
      <c r="A4869">
        <v>10724938</v>
      </c>
      <c r="B4869" t="s">
        <v>25140</v>
      </c>
      <c r="C4869" s="1" t="s">
        <v>25141</v>
      </c>
      <c r="D4869">
        <v>10724967</v>
      </c>
      <c r="E4869">
        <v>1</v>
      </c>
      <c r="F4869">
        <v>2</v>
      </c>
      <c r="H4869" t="s">
        <v>25142</v>
      </c>
      <c r="J4869" t="s">
        <v>25143</v>
      </c>
      <c r="O4869">
        <v>799478</v>
      </c>
      <c r="P4869">
        <v>1</v>
      </c>
      <c r="Q4869">
        <v>0</v>
      </c>
      <c r="R4869" t="s">
        <v>25144</v>
      </c>
      <c r="S4869">
        <v>165</v>
      </c>
    </row>
    <row r="4870" spans="1:19" x14ac:dyDescent="0.25">
      <c r="A4870">
        <v>29681183</v>
      </c>
      <c r="B4870" t="s">
        <v>25145</v>
      </c>
      <c r="C4870" s="1" t="s">
        <v>25146</v>
      </c>
      <c r="E4870">
        <v>0</v>
      </c>
      <c r="F4870">
        <v>0</v>
      </c>
      <c r="H4870" t="s">
        <v>25147</v>
      </c>
      <c r="I4870">
        <v>1</v>
      </c>
      <c r="J4870" t="s">
        <v>25148</v>
      </c>
      <c r="K4870" t="s">
        <v>25148</v>
      </c>
      <c r="M4870">
        <v>462285</v>
      </c>
      <c r="O4870">
        <v>462285</v>
      </c>
      <c r="P4870">
        <v>1</v>
      </c>
      <c r="Q4870">
        <v>2</v>
      </c>
      <c r="R4870" t="s">
        <v>25149</v>
      </c>
      <c r="S4870">
        <v>400</v>
      </c>
    </row>
    <row r="4871" spans="1:19" x14ac:dyDescent="0.25">
      <c r="A4871">
        <v>17955855</v>
      </c>
      <c r="B4871" t="s">
        <v>25150</v>
      </c>
      <c r="C4871" t="s">
        <v>25151</v>
      </c>
      <c r="D4871">
        <v>17956339</v>
      </c>
      <c r="E4871">
        <v>2</v>
      </c>
      <c r="F4871">
        <v>0</v>
      </c>
      <c r="H4871" t="s">
        <v>25152</v>
      </c>
      <c r="J4871" t="s">
        <v>25153</v>
      </c>
      <c r="O4871">
        <v>1069798</v>
      </c>
      <c r="P4871">
        <v>1</v>
      </c>
      <c r="Q4871">
        <v>0</v>
      </c>
      <c r="R4871" t="s">
        <v>25154</v>
      </c>
      <c r="S4871">
        <v>706</v>
      </c>
    </row>
    <row r="4872" spans="1:19" x14ac:dyDescent="0.25">
      <c r="A4872">
        <v>23046538</v>
      </c>
      <c r="B4872" t="s">
        <v>25155</v>
      </c>
      <c r="C4872" s="1" t="s">
        <v>25156</v>
      </c>
      <c r="E4872">
        <v>1</v>
      </c>
      <c r="F4872">
        <v>0</v>
      </c>
      <c r="H4872" t="s">
        <v>25157</v>
      </c>
      <c r="J4872" t="s">
        <v>25158</v>
      </c>
      <c r="O4872">
        <v>3528623</v>
      </c>
      <c r="P4872">
        <v>1</v>
      </c>
      <c r="Q4872">
        <v>1</v>
      </c>
      <c r="R4872" t="s">
        <v>25159</v>
      </c>
      <c r="S4872">
        <v>92</v>
      </c>
    </row>
    <row r="4873" spans="1:19" x14ac:dyDescent="0.25">
      <c r="A4873">
        <v>27269925</v>
      </c>
      <c r="B4873" t="s">
        <v>25160</v>
      </c>
      <c r="C4873" s="1" t="s">
        <v>25161</v>
      </c>
      <c r="D4873">
        <v>27272013</v>
      </c>
      <c r="E4873">
        <v>1</v>
      </c>
      <c r="F4873">
        <v>0</v>
      </c>
      <c r="H4873" t="s">
        <v>25162</v>
      </c>
      <c r="J4873" t="s">
        <v>25163</v>
      </c>
      <c r="K4873" t="s">
        <v>25164</v>
      </c>
      <c r="M4873">
        <v>4286764</v>
      </c>
      <c r="O4873">
        <v>4286764</v>
      </c>
      <c r="P4873">
        <v>1</v>
      </c>
      <c r="Q4873">
        <v>0</v>
      </c>
      <c r="R4873" t="s">
        <v>1466</v>
      </c>
      <c r="S4873">
        <v>59</v>
      </c>
    </row>
    <row r="4874" spans="1:19" x14ac:dyDescent="0.25">
      <c r="A4874">
        <v>5661203</v>
      </c>
      <c r="B4874" t="s">
        <v>25165</v>
      </c>
      <c r="C4874" s="1" t="s">
        <v>25166</v>
      </c>
      <c r="D4874">
        <v>5661809</v>
      </c>
      <c r="E4874">
        <v>2</v>
      </c>
      <c r="F4874">
        <v>0</v>
      </c>
      <c r="H4874" t="s">
        <v>25167</v>
      </c>
      <c r="J4874" t="s">
        <v>25168</v>
      </c>
      <c r="K4874" t="s">
        <v>25168</v>
      </c>
      <c r="M4874">
        <v>1288</v>
      </c>
      <c r="O4874">
        <v>676598</v>
      </c>
      <c r="P4874">
        <v>1</v>
      </c>
      <c r="Q4874">
        <v>1</v>
      </c>
      <c r="R4874" t="s">
        <v>13472</v>
      </c>
      <c r="S4874">
        <v>2636</v>
      </c>
    </row>
    <row r="4875" spans="1:19" x14ac:dyDescent="0.25">
      <c r="A4875">
        <v>17747794</v>
      </c>
      <c r="B4875" t="s">
        <v>25169</v>
      </c>
      <c r="C4875" s="1" t="s">
        <v>25170</v>
      </c>
      <c r="D4875">
        <v>17747909</v>
      </c>
      <c r="E4875">
        <v>1</v>
      </c>
      <c r="F4875">
        <v>2</v>
      </c>
      <c r="H4875" t="s">
        <v>25171</v>
      </c>
      <c r="I4875">
        <v>1</v>
      </c>
      <c r="J4875" t="s">
        <v>25172</v>
      </c>
      <c r="K4875" t="s">
        <v>25172</v>
      </c>
      <c r="M4875">
        <v>2064818</v>
      </c>
      <c r="O4875">
        <v>2481222</v>
      </c>
      <c r="P4875">
        <v>1</v>
      </c>
      <c r="Q4875">
        <v>2</v>
      </c>
      <c r="R4875" t="s">
        <v>989</v>
      </c>
      <c r="S4875">
        <v>8918</v>
      </c>
    </row>
    <row r="4876" spans="1:19" x14ac:dyDescent="0.25">
      <c r="A4876">
        <v>30782438</v>
      </c>
      <c r="B4876" t="s">
        <v>25173</v>
      </c>
      <c r="C4876" s="1" t="s">
        <v>25174</v>
      </c>
      <c r="E4876">
        <v>0</v>
      </c>
      <c r="F4876">
        <v>4</v>
      </c>
      <c r="H4876" t="s">
        <v>25175</v>
      </c>
      <c r="I4876">
        <v>1</v>
      </c>
      <c r="J4876" t="s">
        <v>25176</v>
      </c>
      <c r="K4876" t="s">
        <v>25176</v>
      </c>
      <c r="M4876">
        <v>71235</v>
      </c>
      <c r="O4876">
        <v>71235</v>
      </c>
      <c r="P4876">
        <v>1</v>
      </c>
      <c r="Q4876">
        <v>5</v>
      </c>
      <c r="R4876" t="s">
        <v>25177</v>
      </c>
      <c r="S4876">
        <v>60</v>
      </c>
    </row>
    <row r="4877" spans="1:19" x14ac:dyDescent="0.25">
      <c r="A4877">
        <v>6111754</v>
      </c>
      <c r="B4877" t="s">
        <v>25178</v>
      </c>
      <c r="C4877" s="1" t="s">
        <v>25179</v>
      </c>
      <c r="D4877">
        <v>6112355</v>
      </c>
      <c r="E4877">
        <v>1</v>
      </c>
      <c r="F4877">
        <v>0</v>
      </c>
      <c r="H4877" t="s">
        <v>25180</v>
      </c>
      <c r="I4877">
        <v>1</v>
      </c>
      <c r="J4877" t="s">
        <v>25181</v>
      </c>
      <c r="O4877">
        <v>124930</v>
      </c>
      <c r="P4877">
        <v>1</v>
      </c>
      <c r="Q4877">
        <v>3</v>
      </c>
      <c r="R4877" t="s">
        <v>25182</v>
      </c>
      <c r="S4877">
        <v>1485</v>
      </c>
    </row>
    <row r="4878" spans="1:19" x14ac:dyDescent="0.25">
      <c r="A4878">
        <v>27965526</v>
      </c>
      <c r="B4878" t="s">
        <v>25183</v>
      </c>
      <c r="C4878" s="1" t="s">
        <v>25184</v>
      </c>
      <c r="E4878">
        <v>0</v>
      </c>
      <c r="F4878">
        <v>2</v>
      </c>
      <c r="H4878" t="s">
        <v>25185</v>
      </c>
      <c r="J4878" t="s">
        <v>25185</v>
      </c>
      <c r="O4878">
        <v>4164384</v>
      </c>
      <c r="P4878">
        <v>1</v>
      </c>
      <c r="Q4878">
        <v>0</v>
      </c>
      <c r="R4878" t="s">
        <v>25186</v>
      </c>
      <c r="S4878">
        <v>110</v>
      </c>
    </row>
    <row r="4879" spans="1:19" x14ac:dyDescent="0.25">
      <c r="A4879">
        <v>11550909</v>
      </c>
      <c r="B4879" t="s">
        <v>25187</v>
      </c>
      <c r="C4879" s="1" t="s">
        <v>25188</v>
      </c>
      <c r="D4879">
        <v>11550975</v>
      </c>
      <c r="E4879">
        <v>1</v>
      </c>
      <c r="F4879">
        <v>0</v>
      </c>
      <c r="H4879" t="s">
        <v>25189</v>
      </c>
      <c r="J4879" t="s">
        <v>25190</v>
      </c>
      <c r="O4879">
        <v>614621</v>
      </c>
      <c r="P4879">
        <v>1</v>
      </c>
      <c r="Q4879">
        <v>0</v>
      </c>
      <c r="R4879" t="s">
        <v>25191</v>
      </c>
      <c r="S4879">
        <v>335</v>
      </c>
    </row>
    <row r="4880" spans="1:19" x14ac:dyDescent="0.25">
      <c r="A4880">
        <v>44784864</v>
      </c>
      <c r="B4880" t="s">
        <v>25192</v>
      </c>
      <c r="C4880" s="1" t="s">
        <v>25193</v>
      </c>
      <c r="E4880">
        <v>1</v>
      </c>
      <c r="F4880">
        <v>1</v>
      </c>
      <c r="H4880" t="s">
        <v>25194</v>
      </c>
      <c r="J4880" t="s">
        <v>25195</v>
      </c>
      <c r="O4880">
        <v>997940</v>
      </c>
      <c r="P4880">
        <v>1</v>
      </c>
      <c r="Q4880">
        <v>0</v>
      </c>
      <c r="R4880" t="s">
        <v>12851</v>
      </c>
      <c r="S4880">
        <v>59</v>
      </c>
    </row>
    <row r="4881" spans="1:19" x14ac:dyDescent="0.25">
      <c r="A4881">
        <v>49153306</v>
      </c>
      <c r="B4881" t="s">
        <v>25196</v>
      </c>
      <c r="C4881" s="1" t="s">
        <v>25197</v>
      </c>
      <c r="D4881">
        <v>49153669</v>
      </c>
      <c r="E4881">
        <v>1</v>
      </c>
      <c r="F4881">
        <v>1</v>
      </c>
      <c r="H4881" t="s">
        <v>25198</v>
      </c>
      <c r="J4881" t="s">
        <v>25199</v>
      </c>
      <c r="K4881" t="s">
        <v>25199</v>
      </c>
      <c r="M4881">
        <v>8646529</v>
      </c>
      <c r="O4881">
        <v>9413258</v>
      </c>
      <c r="P4881">
        <v>1</v>
      </c>
      <c r="Q4881">
        <v>0</v>
      </c>
      <c r="R4881" t="s">
        <v>25200</v>
      </c>
      <c r="S4881">
        <v>390</v>
      </c>
    </row>
    <row r="4882" spans="1:19" x14ac:dyDescent="0.25">
      <c r="A4882">
        <v>44094743</v>
      </c>
      <c r="B4882" t="s">
        <v>25201</v>
      </c>
      <c r="C4882" s="1" t="s">
        <v>25202</v>
      </c>
      <c r="E4882">
        <v>1</v>
      </c>
      <c r="F4882">
        <v>0</v>
      </c>
      <c r="H4882" t="s">
        <v>25203</v>
      </c>
      <c r="I4882">
        <v>1</v>
      </c>
      <c r="J4882" t="s">
        <v>25204</v>
      </c>
      <c r="K4882" t="s">
        <v>25205</v>
      </c>
      <c r="M4882">
        <v>6580286</v>
      </c>
      <c r="O4882">
        <v>6580286</v>
      </c>
      <c r="P4882">
        <v>1</v>
      </c>
      <c r="Q4882">
        <v>1</v>
      </c>
      <c r="R4882" t="s">
        <v>25206</v>
      </c>
      <c r="S4882">
        <v>94</v>
      </c>
    </row>
    <row r="4883" spans="1:19" x14ac:dyDescent="0.25">
      <c r="A4883">
        <v>17676112</v>
      </c>
      <c r="B4883" t="s">
        <v>25207</v>
      </c>
      <c r="C4883" s="1" t="s">
        <v>25208</v>
      </c>
      <c r="D4883">
        <v>17676854</v>
      </c>
      <c r="E4883">
        <v>1</v>
      </c>
      <c r="F4883">
        <v>2</v>
      </c>
      <c r="H4883" t="s">
        <v>25209</v>
      </c>
      <c r="J4883" t="s">
        <v>25210</v>
      </c>
      <c r="K4883" t="s">
        <v>25211</v>
      </c>
      <c r="M4883">
        <v>110933</v>
      </c>
      <c r="O4883">
        <v>1799320</v>
      </c>
      <c r="P4883">
        <v>1</v>
      </c>
      <c r="Q4883">
        <v>2</v>
      </c>
      <c r="R4883" t="s">
        <v>25212</v>
      </c>
      <c r="S4883">
        <v>265</v>
      </c>
    </row>
    <row r="4884" spans="1:19" x14ac:dyDescent="0.25">
      <c r="A4884">
        <v>33487523</v>
      </c>
      <c r="B4884" t="s">
        <v>25213</v>
      </c>
      <c r="C4884" s="1" t="s">
        <v>25214</v>
      </c>
      <c r="E4884">
        <v>0</v>
      </c>
      <c r="F4884">
        <v>3</v>
      </c>
      <c r="H4884" t="s">
        <v>25215</v>
      </c>
      <c r="I4884">
        <v>0</v>
      </c>
      <c r="J4884" t="s">
        <v>25215</v>
      </c>
      <c r="O4884">
        <v>5517587</v>
      </c>
      <c r="P4884">
        <v>1</v>
      </c>
      <c r="Q4884">
        <v>1</v>
      </c>
      <c r="R4884" t="s">
        <v>25216</v>
      </c>
      <c r="S4884">
        <v>28</v>
      </c>
    </row>
    <row r="4885" spans="1:19" x14ac:dyDescent="0.25">
      <c r="A4885">
        <v>36934531</v>
      </c>
      <c r="B4885" t="s">
        <v>25217</v>
      </c>
      <c r="C4885" s="1" t="s">
        <v>25218</v>
      </c>
      <c r="E4885">
        <v>4</v>
      </c>
      <c r="F4885">
        <v>1</v>
      </c>
      <c r="H4885" t="s">
        <v>25219</v>
      </c>
      <c r="J4885" t="s">
        <v>25220</v>
      </c>
      <c r="N4885" t="s">
        <v>25221</v>
      </c>
      <c r="P4885">
        <v>1</v>
      </c>
      <c r="Q4885">
        <v>0</v>
      </c>
      <c r="R4885" t="s">
        <v>1466</v>
      </c>
      <c r="S4885">
        <v>50</v>
      </c>
    </row>
    <row r="4886" spans="1:19" x14ac:dyDescent="0.25">
      <c r="A4886">
        <v>22564110</v>
      </c>
      <c r="B4886" t="s">
        <v>25222</v>
      </c>
      <c r="C4886" s="1" t="s">
        <v>25223</v>
      </c>
      <c r="E4886">
        <v>3</v>
      </c>
      <c r="F4886">
        <v>0</v>
      </c>
      <c r="H4886" t="s">
        <v>25224</v>
      </c>
      <c r="J4886" t="s">
        <v>25225</v>
      </c>
      <c r="K4886" t="s">
        <v>25226</v>
      </c>
      <c r="M4886">
        <v>3447169</v>
      </c>
      <c r="O4886">
        <v>3447169</v>
      </c>
      <c r="P4886">
        <v>1</v>
      </c>
      <c r="Q4886">
        <v>0</v>
      </c>
      <c r="R4886" t="s">
        <v>25227</v>
      </c>
      <c r="S4886">
        <v>625</v>
      </c>
    </row>
    <row r="4887" spans="1:19" x14ac:dyDescent="0.25">
      <c r="A4887">
        <v>28610705</v>
      </c>
      <c r="B4887" t="s">
        <v>25228</v>
      </c>
      <c r="C4887" s="1" t="s">
        <v>25229</v>
      </c>
      <c r="E4887">
        <v>0</v>
      </c>
      <c r="F4887">
        <v>5</v>
      </c>
      <c r="H4887" t="s">
        <v>25230</v>
      </c>
      <c r="I4887">
        <v>1</v>
      </c>
      <c r="J4887" t="s">
        <v>25230</v>
      </c>
      <c r="O4887">
        <v>1248133</v>
      </c>
      <c r="P4887">
        <v>1</v>
      </c>
      <c r="Q4887">
        <v>0</v>
      </c>
      <c r="R4887" t="s">
        <v>25231</v>
      </c>
      <c r="S4887">
        <v>371</v>
      </c>
    </row>
    <row r="4888" spans="1:19" x14ac:dyDescent="0.25">
      <c r="A4888">
        <v>8836342</v>
      </c>
      <c r="B4888" t="s">
        <v>25232</v>
      </c>
      <c r="C4888" s="1" t="s">
        <v>25233</v>
      </c>
      <c r="D4888">
        <v>8845348</v>
      </c>
      <c r="E4888">
        <v>1</v>
      </c>
      <c r="F4888">
        <v>8</v>
      </c>
      <c r="H4888" t="s">
        <v>25234</v>
      </c>
      <c r="J4888" t="s">
        <v>25235</v>
      </c>
      <c r="K4888" t="s">
        <v>25236</v>
      </c>
      <c r="M4888">
        <v>1925248</v>
      </c>
      <c r="O4888">
        <v>1925248</v>
      </c>
      <c r="P4888">
        <v>1</v>
      </c>
      <c r="Q4888">
        <v>2</v>
      </c>
      <c r="R4888" t="s">
        <v>25237</v>
      </c>
      <c r="S4888">
        <v>1456</v>
      </c>
    </row>
    <row r="4889" spans="1:19" x14ac:dyDescent="0.25">
      <c r="A4889">
        <v>9792089</v>
      </c>
      <c r="B4889" t="s">
        <v>25238</v>
      </c>
      <c r="C4889" s="1" t="s">
        <v>25239</v>
      </c>
      <c r="E4889">
        <v>2</v>
      </c>
      <c r="F4889">
        <v>0</v>
      </c>
      <c r="H4889" t="s">
        <v>25240</v>
      </c>
      <c r="J4889" t="s">
        <v>25241</v>
      </c>
      <c r="K4889" t="s">
        <v>25242</v>
      </c>
      <c r="M4889">
        <v>246342</v>
      </c>
      <c r="O4889">
        <v>1281585</v>
      </c>
      <c r="P4889">
        <v>1</v>
      </c>
      <c r="Q4889">
        <v>0</v>
      </c>
      <c r="R4889" t="s">
        <v>25243</v>
      </c>
      <c r="S4889">
        <v>1308</v>
      </c>
    </row>
    <row r="4890" spans="1:19" x14ac:dyDescent="0.25">
      <c r="A4890">
        <v>23040656</v>
      </c>
      <c r="B4890" t="s">
        <v>25244</v>
      </c>
      <c r="C4890" s="1" t="s">
        <v>25245</v>
      </c>
      <c r="D4890">
        <v>23040704</v>
      </c>
      <c r="E4890">
        <v>1</v>
      </c>
      <c r="F4890">
        <v>1</v>
      </c>
      <c r="H4890" t="s">
        <v>25246</v>
      </c>
      <c r="J4890" t="s">
        <v>25247</v>
      </c>
      <c r="K4890" t="s">
        <v>25247</v>
      </c>
      <c r="M4890">
        <v>1136734</v>
      </c>
      <c r="O4890">
        <v>1136734</v>
      </c>
      <c r="P4890">
        <v>1</v>
      </c>
      <c r="Q4890">
        <v>2</v>
      </c>
      <c r="R4890" t="s">
        <v>25248</v>
      </c>
      <c r="S4890">
        <v>158</v>
      </c>
    </row>
    <row r="4891" spans="1:19" x14ac:dyDescent="0.25">
      <c r="A4891">
        <v>47697614</v>
      </c>
      <c r="B4891" t="s">
        <v>25249</v>
      </c>
      <c r="C4891" s="1" t="s">
        <v>25250</v>
      </c>
      <c r="E4891">
        <v>0</v>
      </c>
      <c r="F4891">
        <v>0</v>
      </c>
      <c r="H4891" t="s">
        <v>25251</v>
      </c>
      <c r="J4891" t="s">
        <v>25252</v>
      </c>
      <c r="K4891" t="s">
        <v>25252</v>
      </c>
      <c r="M4891">
        <v>1905949</v>
      </c>
      <c r="O4891">
        <v>4938084</v>
      </c>
      <c r="P4891">
        <v>1</v>
      </c>
      <c r="Q4891">
        <v>0</v>
      </c>
      <c r="R4891" t="s">
        <v>25253</v>
      </c>
      <c r="S4891">
        <v>12</v>
      </c>
    </row>
    <row r="4892" spans="1:19" x14ac:dyDescent="0.25">
      <c r="A4892">
        <v>52519391</v>
      </c>
      <c r="B4892" t="s">
        <v>25254</v>
      </c>
      <c r="C4892" s="1" t="s">
        <v>25255</v>
      </c>
      <c r="D4892">
        <v>52519573</v>
      </c>
      <c r="E4892">
        <v>2</v>
      </c>
      <c r="F4892">
        <v>2</v>
      </c>
      <c r="H4892" t="s">
        <v>25256</v>
      </c>
      <c r="J4892" t="s">
        <v>25257</v>
      </c>
      <c r="O4892">
        <v>10093744</v>
      </c>
      <c r="P4892">
        <v>1</v>
      </c>
      <c r="Q4892">
        <v>0</v>
      </c>
      <c r="R4892" t="s">
        <v>25258</v>
      </c>
      <c r="S4892">
        <v>58</v>
      </c>
    </row>
    <row r="4893" spans="1:19" x14ac:dyDescent="0.25">
      <c r="A4893">
        <v>5795646</v>
      </c>
      <c r="B4893" t="s">
        <v>25259</v>
      </c>
      <c r="C4893" s="1" t="s">
        <v>25260</v>
      </c>
      <c r="D4893">
        <v>6167096</v>
      </c>
      <c r="E4893">
        <v>1</v>
      </c>
      <c r="F4893">
        <v>2</v>
      </c>
      <c r="H4893" t="s">
        <v>25261</v>
      </c>
      <c r="I4893">
        <v>1</v>
      </c>
      <c r="J4893" t="s">
        <v>25262</v>
      </c>
      <c r="K4893" t="s">
        <v>25263</v>
      </c>
      <c r="M4893">
        <v>-1</v>
      </c>
      <c r="O4893">
        <v>318292</v>
      </c>
      <c r="P4893">
        <v>1</v>
      </c>
      <c r="Q4893">
        <v>0</v>
      </c>
      <c r="R4893" t="s">
        <v>25264</v>
      </c>
      <c r="S4893">
        <v>2567</v>
      </c>
    </row>
    <row r="4894" spans="1:19" x14ac:dyDescent="0.25">
      <c r="A4894">
        <v>30363763</v>
      </c>
      <c r="B4894" t="s">
        <v>25265</v>
      </c>
      <c r="C4894" s="1" t="s">
        <v>25266</v>
      </c>
      <c r="D4894">
        <v>30429600</v>
      </c>
      <c r="E4894">
        <v>2</v>
      </c>
      <c r="F4894">
        <v>0</v>
      </c>
      <c r="H4894" t="s">
        <v>25267</v>
      </c>
      <c r="J4894" t="s">
        <v>25268</v>
      </c>
      <c r="K4894" t="s">
        <v>25269</v>
      </c>
      <c r="M4894">
        <v>4781067</v>
      </c>
      <c r="O4894">
        <v>4781067</v>
      </c>
      <c r="P4894">
        <v>1</v>
      </c>
      <c r="Q4894">
        <v>4</v>
      </c>
      <c r="R4894" t="s">
        <v>25270</v>
      </c>
      <c r="S4894">
        <v>237</v>
      </c>
    </row>
    <row r="4895" spans="1:19" x14ac:dyDescent="0.25">
      <c r="A4895">
        <v>38467078</v>
      </c>
      <c r="B4895" t="s">
        <v>25271</v>
      </c>
      <c r="C4895" s="1" t="s">
        <v>25272</v>
      </c>
      <c r="D4895">
        <v>38468762</v>
      </c>
      <c r="E4895">
        <v>3</v>
      </c>
      <c r="F4895">
        <v>7</v>
      </c>
      <c r="H4895" t="s">
        <v>25273</v>
      </c>
      <c r="J4895" t="s">
        <v>25274</v>
      </c>
      <c r="O4895">
        <v>3201696</v>
      </c>
      <c r="P4895">
        <v>1</v>
      </c>
      <c r="Q4895">
        <v>2</v>
      </c>
      <c r="R4895" t="s">
        <v>25275</v>
      </c>
      <c r="S4895">
        <v>156</v>
      </c>
    </row>
    <row r="4896" spans="1:19" x14ac:dyDescent="0.25">
      <c r="A4896">
        <v>49646430</v>
      </c>
      <c r="B4896" t="s">
        <v>25276</v>
      </c>
      <c r="C4896" s="1" t="s">
        <v>25277</v>
      </c>
      <c r="E4896">
        <v>0</v>
      </c>
      <c r="F4896">
        <v>0</v>
      </c>
      <c r="H4896" t="s">
        <v>25278</v>
      </c>
      <c r="J4896" t="s">
        <v>25278</v>
      </c>
      <c r="O4896">
        <v>8919749</v>
      </c>
      <c r="P4896">
        <v>1</v>
      </c>
      <c r="Q4896">
        <v>1</v>
      </c>
      <c r="R4896" t="s">
        <v>25279</v>
      </c>
      <c r="S4896">
        <v>78</v>
      </c>
    </row>
    <row r="4897" spans="1:19" x14ac:dyDescent="0.25">
      <c r="A4897">
        <v>6836075</v>
      </c>
      <c r="B4897" t="s">
        <v>25280</v>
      </c>
      <c r="C4897" s="1" t="s">
        <v>25281</v>
      </c>
      <c r="D4897">
        <v>6836284</v>
      </c>
      <c r="E4897">
        <v>1</v>
      </c>
      <c r="F4897">
        <v>2</v>
      </c>
      <c r="H4897" t="s">
        <v>25282</v>
      </c>
      <c r="J4897" t="s">
        <v>25283</v>
      </c>
      <c r="O4897">
        <v>805065</v>
      </c>
      <c r="P4897">
        <v>1</v>
      </c>
      <c r="Q4897">
        <v>0</v>
      </c>
      <c r="R4897" t="s">
        <v>20537</v>
      </c>
      <c r="S4897">
        <v>541</v>
      </c>
    </row>
    <row r="4898" spans="1:19" x14ac:dyDescent="0.25">
      <c r="A4898">
        <v>38977607</v>
      </c>
      <c r="B4898" t="s">
        <v>25284</v>
      </c>
      <c r="C4898" s="1" t="s">
        <v>25285</v>
      </c>
      <c r="E4898">
        <v>1</v>
      </c>
      <c r="F4898">
        <v>2</v>
      </c>
      <c r="H4898" t="s">
        <v>25286</v>
      </c>
      <c r="I4898">
        <v>1</v>
      </c>
      <c r="J4898" t="s">
        <v>25287</v>
      </c>
      <c r="O4898">
        <v>732539</v>
      </c>
      <c r="P4898">
        <v>1</v>
      </c>
      <c r="Q4898">
        <v>7</v>
      </c>
      <c r="R4898" t="s">
        <v>25288</v>
      </c>
      <c r="S4898">
        <v>1646</v>
      </c>
    </row>
    <row r="4899" spans="1:19" x14ac:dyDescent="0.25">
      <c r="A4899">
        <v>1998987</v>
      </c>
      <c r="B4899" t="s">
        <v>25289</v>
      </c>
      <c r="C4899" s="1" t="s">
        <v>25290</v>
      </c>
      <c r="D4899">
        <v>1999138</v>
      </c>
      <c r="E4899">
        <v>1</v>
      </c>
      <c r="F4899">
        <v>0</v>
      </c>
      <c r="H4899" t="s">
        <v>25291</v>
      </c>
      <c r="J4899" t="s">
        <v>25292</v>
      </c>
      <c r="O4899">
        <v>179736</v>
      </c>
      <c r="P4899">
        <v>1</v>
      </c>
      <c r="Q4899">
        <v>2</v>
      </c>
      <c r="R4899" t="s">
        <v>25293</v>
      </c>
      <c r="S4899">
        <v>4070</v>
      </c>
    </row>
    <row r="4900" spans="1:19" x14ac:dyDescent="0.25">
      <c r="A4900">
        <v>42018365</v>
      </c>
      <c r="B4900" t="s">
        <v>25294</v>
      </c>
      <c r="C4900" s="1" t="s">
        <v>25295</v>
      </c>
      <c r="E4900">
        <v>0</v>
      </c>
      <c r="F4900">
        <v>2</v>
      </c>
      <c r="H4900" t="s">
        <v>25296</v>
      </c>
      <c r="J4900" t="s">
        <v>25296</v>
      </c>
      <c r="O4900">
        <v>791401</v>
      </c>
      <c r="P4900">
        <v>1</v>
      </c>
      <c r="Q4900">
        <v>1</v>
      </c>
      <c r="R4900" t="s">
        <v>4734</v>
      </c>
      <c r="S4900">
        <v>21</v>
      </c>
    </row>
    <row r="4901" spans="1:19" x14ac:dyDescent="0.25">
      <c r="A4901">
        <v>10319850</v>
      </c>
      <c r="B4901" t="s">
        <v>25297</v>
      </c>
      <c r="C4901" s="1" t="s">
        <v>25298</v>
      </c>
      <c r="D4901">
        <v>10319923</v>
      </c>
      <c r="E4901">
        <v>3</v>
      </c>
      <c r="F4901">
        <v>3</v>
      </c>
      <c r="H4901" t="s">
        <v>25299</v>
      </c>
      <c r="J4901" t="s">
        <v>25300</v>
      </c>
      <c r="O4901">
        <v>339681</v>
      </c>
      <c r="P4901">
        <v>1</v>
      </c>
      <c r="Q4901">
        <v>2</v>
      </c>
      <c r="R4901" t="s">
        <v>213</v>
      </c>
      <c r="S4901">
        <v>213</v>
      </c>
    </row>
    <row r="4902" spans="1:19" x14ac:dyDescent="0.25">
      <c r="A4902">
        <v>45488576</v>
      </c>
      <c r="B4902" t="s">
        <v>25301</v>
      </c>
      <c r="C4902" s="1" t="s">
        <v>25302</v>
      </c>
      <c r="D4902">
        <v>45488834</v>
      </c>
      <c r="E4902">
        <v>2</v>
      </c>
      <c r="F4902">
        <v>0</v>
      </c>
      <c r="H4902" t="s">
        <v>25303</v>
      </c>
      <c r="J4902" t="s">
        <v>25304</v>
      </c>
      <c r="K4902" t="s">
        <v>25304</v>
      </c>
      <c r="M4902">
        <v>5229138</v>
      </c>
      <c r="O4902">
        <v>1135674</v>
      </c>
      <c r="P4902">
        <v>1</v>
      </c>
      <c r="Q4902">
        <v>0</v>
      </c>
      <c r="R4902" t="s">
        <v>12436</v>
      </c>
      <c r="S4902">
        <v>61</v>
      </c>
    </row>
    <row r="4903" spans="1:19" x14ac:dyDescent="0.25">
      <c r="A4903">
        <v>26874647</v>
      </c>
      <c r="B4903" t="s">
        <v>25305</v>
      </c>
      <c r="C4903" s="1" t="s">
        <v>25306</v>
      </c>
      <c r="E4903">
        <v>1</v>
      </c>
      <c r="F4903">
        <v>2</v>
      </c>
      <c r="H4903" t="s">
        <v>25307</v>
      </c>
      <c r="J4903" t="s">
        <v>25308</v>
      </c>
      <c r="K4903" t="s">
        <v>25309</v>
      </c>
      <c r="M4903">
        <v>-1</v>
      </c>
      <c r="O4903">
        <v>726021</v>
      </c>
      <c r="P4903">
        <v>1</v>
      </c>
      <c r="Q4903">
        <v>0</v>
      </c>
      <c r="R4903" t="s">
        <v>871</v>
      </c>
      <c r="S4903">
        <v>164</v>
      </c>
    </row>
    <row r="4904" spans="1:19" x14ac:dyDescent="0.25">
      <c r="A4904">
        <v>48775576</v>
      </c>
      <c r="B4904" t="s">
        <v>25310</v>
      </c>
      <c r="C4904" s="1" t="s">
        <v>25311</v>
      </c>
      <c r="D4904">
        <v>48778253</v>
      </c>
      <c r="E4904">
        <v>1</v>
      </c>
      <c r="F4904">
        <v>5</v>
      </c>
      <c r="H4904" t="s">
        <v>25312</v>
      </c>
      <c r="J4904" t="s">
        <v>25313</v>
      </c>
      <c r="K4904" t="s">
        <v>25314</v>
      </c>
      <c r="M4904">
        <v>9253153</v>
      </c>
      <c r="O4904">
        <v>9253153</v>
      </c>
      <c r="P4904">
        <v>1</v>
      </c>
      <c r="Q4904">
        <v>0</v>
      </c>
      <c r="R4904" t="s">
        <v>25315</v>
      </c>
      <c r="S4904">
        <v>68</v>
      </c>
    </row>
    <row r="4905" spans="1:19" x14ac:dyDescent="0.25">
      <c r="A4905">
        <v>4184849</v>
      </c>
      <c r="B4905" t="s">
        <v>25316</v>
      </c>
      <c r="C4905" s="1" t="s">
        <v>25317</v>
      </c>
      <c r="D4905">
        <v>4186491</v>
      </c>
      <c r="E4905">
        <v>1</v>
      </c>
      <c r="F4905">
        <v>3</v>
      </c>
      <c r="H4905" t="s">
        <v>25318</v>
      </c>
      <c r="J4905" t="s">
        <v>25319</v>
      </c>
      <c r="K4905" t="s">
        <v>25320</v>
      </c>
      <c r="M4905">
        <v>437301</v>
      </c>
      <c r="O4905">
        <v>508284</v>
      </c>
      <c r="P4905">
        <v>1</v>
      </c>
      <c r="Q4905">
        <v>1</v>
      </c>
      <c r="R4905" t="s">
        <v>25321</v>
      </c>
      <c r="S4905">
        <v>1299</v>
      </c>
    </row>
    <row r="4906" spans="1:19" x14ac:dyDescent="0.25">
      <c r="A4906">
        <v>18547028</v>
      </c>
      <c r="B4906" t="s">
        <v>25322</v>
      </c>
      <c r="C4906" s="1" t="s">
        <v>25323</v>
      </c>
      <c r="E4906">
        <v>2</v>
      </c>
      <c r="F4906">
        <v>3</v>
      </c>
      <c r="H4906" t="s">
        <v>25324</v>
      </c>
      <c r="J4906" t="s">
        <v>25325</v>
      </c>
      <c r="K4906" t="s">
        <v>25326</v>
      </c>
      <c r="M4906">
        <v>2641519</v>
      </c>
      <c r="O4906">
        <v>2692208</v>
      </c>
      <c r="P4906">
        <v>1</v>
      </c>
      <c r="Q4906">
        <v>0</v>
      </c>
      <c r="R4906" t="s">
        <v>25327</v>
      </c>
      <c r="S4906">
        <v>52</v>
      </c>
    </row>
    <row r="4907" spans="1:19" x14ac:dyDescent="0.25">
      <c r="A4907">
        <v>33256621</v>
      </c>
      <c r="B4907" t="s">
        <v>25328</v>
      </c>
      <c r="C4907" s="1" t="s">
        <v>25329</v>
      </c>
      <c r="E4907">
        <v>4</v>
      </c>
      <c r="F4907">
        <v>0</v>
      </c>
      <c r="H4907" t="s">
        <v>25330</v>
      </c>
      <c r="J4907" t="s">
        <v>25331</v>
      </c>
      <c r="K4907" t="s">
        <v>25332</v>
      </c>
      <c r="M4907">
        <v>712649</v>
      </c>
      <c r="O4907">
        <v>5470919</v>
      </c>
      <c r="P4907">
        <v>1</v>
      </c>
      <c r="Q4907">
        <v>1</v>
      </c>
      <c r="R4907" t="s">
        <v>25333</v>
      </c>
      <c r="S4907">
        <v>105</v>
      </c>
    </row>
    <row r="4908" spans="1:19" x14ac:dyDescent="0.25">
      <c r="A4908">
        <v>6348786</v>
      </c>
      <c r="B4908" t="s">
        <v>25334</v>
      </c>
      <c r="C4908" s="1" t="s">
        <v>25335</v>
      </c>
      <c r="D4908">
        <v>6358122</v>
      </c>
      <c r="E4908">
        <v>2</v>
      </c>
      <c r="F4908">
        <v>0</v>
      </c>
      <c r="H4908" t="s">
        <v>25336</v>
      </c>
      <c r="J4908" t="s">
        <v>25337</v>
      </c>
      <c r="O4908">
        <v>5017</v>
      </c>
      <c r="P4908">
        <v>1</v>
      </c>
      <c r="Q4908">
        <v>1</v>
      </c>
      <c r="R4908" t="s">
        <v>25338</v>
      </c>
      <c r="S4908">
        <v>1081</v>
      </c>
    </row>
    <row r="4909" spans="1:19" x14ac:dyDescent="0.25">
      <c r="A4909">
        <v>40537074</v>
      </c>
      <c r="B4909" t="s">
        <v>25339</v>
      </c>
      <c r="C4909" s="1" t="s">
        <v>25340</v>
      </c>
      <c r="E4909">
        <v>1</v>
      </c>
      <c r="F4909">
        <v>0</v>
      </c>
      <c r="H4909" t="s">
        <v>25341</v>
      </c>
      <c r="J4909" t="s">
        <v>25342</v>
      </c>
      <c r="O4909">
        <v>6254556</v>
      </c>
      <c r="P4909">
        <v>1</v>
      </c>
      <c r="Q4909">
        <v>0</v>
      </c>
      <c r="R4909" t="s">
        <v>25343</v>
      </c>
      <c r="S4909">
        <v>28</v>
      </c>
    </row>
    <row r="4910" spans="1:19" x14ac:dyDescent="0.25">
      <c r="A4910">
        <v>29730248</v>
      </c>
      <c r="B4910" t="s">
        <v>25344</v>
      </c>
      <c r="C4910" s="1" t="s">
        <v>25345</v>
      </c>
      <c r="E4910">
        <v>0</v>
      </c>
      <c r="F4910">
        <v>3</v>
      </c>
      <c r="H4910" t="s">
        <v>25346</v>
      </c>
      <c r="J4910" t="s">
        <v>25347</v>
      </c>
      <c r="K4910" t="s">
        <v>25347</v>
      </c>
      <c r="M4910">
        <v>250259</v>
      </c>
      <c r="O4910">
        <v>4806955</v>
      </c>
      <c r="P4910">
        <v>1</v>
      </c>
      <c r="Q4910">
        <v>0</v>
      </c>
      <c r="R4910" t="s">
        <v>25348</v>
      </c>
      <c r="S4910">
        <v>78</v>
      </c>
    </row>
    <row r="4911" spans="1:19" x14ac:dyDescent="0.25">
      <c r="A4911">
        <v>17311135</v>
      </c>
      <c r="B4911" t="s">
        <v>25349</v>
      </c>
      <c r="C4911" s="1" t="s">
        <v>25350</v>
      </c>
      <c r="E4911">
        <v>0</v>
      </c>
      <c r="F4911">
        <v>4</v>
      </c>
      <c r="H4911" t="s">
        <v>25351</v>
      </c>
      <c r="J4911" t="s">
        <v>25352</v>
      </c>
      <c r="K4911" t="s">
        <v>25352</v>
      </c>
      <c r="M4911">
        <v>1415724</v>
      </c>
      <c r="O4911">
        <v>2522343</v>
      </c>
      <c r="P4911">
        <v>1</v>
      </c>
      <c r="Q4911">
        <v>0</v>
      </c>
      <c r="R4911" t="s">
        <v>25353</v>
      </c>
      <c r="S4911">
        <v>412</v>
      </c>
    </row>
    <row r="4912" spans="1:19" x14ac:dyDescent="0.25">
      <c r="A4912">
        <v>26535576</v>
      </c>
      <c r="B4912" t="s">
        <v>25354</v>
      </c>
      <c r="C4912" s="1" t="s">
        <v>25355</v>
      </c>
      <c r="D4912">
        <v>26535788</v>
      </c>
      <c r="E4912">
        <v>3</v>
      </c>
      <c r="F4912">
        <v>0</v>
      </c>
      <c r="H4912" t="s">
        <v>25356</v>
      </c>
      <c r="J4912" t="s">
        <v>25357</v>
      </c>
      <c r="K4912" t="s">
        <v>25358</v>
      </c>
      <c r="M4912">
        <v>1529630</v>
      </c>
      <c r="O4912">
        <v>4087803</v>
      </c>
      <c r="P4912">
        <v>1</v>
      </c>
      <c r="Q4912">
        <v>0</v>
      </c>
      <c r="R4912" t="s">
        <v>1446</v>
      </c>
      <c r="S4912">
        <v>90</v>
      </c>
    </row>
    <row r="4913" spans="1:19" x14ac:dyDescent="0.25">
      <c r="A4913">
        <v>31475782</v>
      </c>
      <c r="B4913" t="s">
        <v>25359</v>
      </c>
      <c r="C4913" s="1" t="s">
        <v>25360</v>
      </c>
      <c r="D4913">
        <v>31475875</v>
      </c>
      <c r="E4913">
        <v>2</v>
      </c>
      <c r="F4913">
        <v>9</v>
      </c>
      <c r="H4913" t="s">
        <v>25361</v>
      </c>
      <c r="I4913">
        <v>1</v>
      </c>
      <c r="J4913" t="s">
        <v>25362</v>
      </c>
      <c r="K4913" t="s">
        <v>25362</v>
      </c>
      <c r="M4913">
        <v>2370483</v>
      </c>
      <c r="O4913">
        <v>1731532</v>
      </c>
      <c r="P4913">
        <v>1</v>
      </c>
      <c r="Q4913">
        <v>12</v>
      </c>
      <c r="R4913" t="s">
        <v>25363</v>
      </c>
      <c r="S4913">
        <v>7834</v>
      </c>
    </row>
    <row r="4914" spans="1:19" x14ac:dyDescent="0.25">
      <c r="A4914">
        <v>7415426</v>
      </c>
      <c r="B4914" t="s">
        <v>25364</v>
      </c>
      <c r="C4914" s="1" t="s">
        <v>25365</v>
      </c>
      <c r="D4914">
        <v>7415454</v>
      </c>
      <c r="E4914">
        <v>5</v>
      </c>
      <c r="F4914">
        <v>0</v>
      </c>
      <c r="H4914" t="s">
        <v>25366</v>
      </c>
      <c r="J4914" t="s">
        <v>25367</v>
      </c>
      <c r="K4914" t="s">
        <v>25367</v>
      </c>
      <c r="M4914">
        <v>785541</v>
      </c>
      <c r="O4914">
        <v>426260</v>
      </c>
      <c r="P4914">
        <v>1</v>
      </c>
      <c r="Q4914">
        <v>0</v>
      </c>
      <c r="R4914" t="s">
        <v>13059</v>
      </c>
      <c r="S4914">
        <v>63</v>
      </c>
    </row>
    <row r="4915" spans="1:19" x14ac:dyDescent="0.25">
      <c r="A4915">
        <v>14736219</v>
      </c>
      <c r="B4915" t="s">
        <v>25368</v>
      </c>
      <c r="C4915" s="1" t="s">
        <v>25369</v>
      </c>
      <c r="D4915">
        <v>14737131</v>
      </c>
      <c r="E4915">
        <v>1</v>
      </c>
      <c r="F4915">
        <v>0</v>
      </c>
      <c r="H4915" t="s">
        <v>25370</v>
      </c>
      <c r="I4915">
        <v>5</v>
      </c>
      <c r="J4915" t="s">
        <v>25371</v>
      </c>
      <c r="K4915" t="s">
        <v>25372</v>
      </c>
      <c r="M4915">
        <v>48136</v>
      </c>
      <c r="O4915">
        <v>1386792</v>
      </c>
      <c r="P4915">
        <v>1</v>
      </c>
      <c r="Q4915">
        <v>29</v>
      </c>
      <c r="R4915" t="s">
        <v>25373</v>
      </c>
      <c r="S4915">
        <v>9857</v>
      </c>
    </row>
    <row r="4916" spans="1:19" x14ac:dyDescent="0.25">
      <c r="A4916">
        <v>18322833</v>
      </c>
      <c r="B4916" t="s">
        <v>25374</v>
      </c>
      <c r="C4916" t="s">
        <v>25375</v>
      </c>
      <c r="D4916">
        <v>18322949</v>
      </c>
      <c r="E4916">
        <v>3</v>
      </c>
      <c r="F4916">
        <v>0</v>
      </c>
      <c r="H4916" t="s">
        <v>25376</v>
      </c>
      <c r="J4916" t="s">
        <v>25377</v>
      </c>
      <c r="K4916" t="s">
        <v>25378</v>
      </c>
      <c r="M4916">
        <v>817365</v>
      </c>
      <c r="O4916">
        <v>2654314</v>
      </c>
      <c r="P4916">
        <v>1</v>
      </c>
      <c r="Q4916">
        <v>1</v>
      </c>
      <c r="R4916" t="s">
        <v>25379</v>
      </c>
      <c r="S4916">
        <v>654</v>
      </c>
    </row>
    <row r="4917" spans="1:19" x14ac:dyDescent="0.25">
      <c r="A4917">
        <v>11247793</v>
      </c>
      <c r="B4917" t="s">
        <v>25380</v>
      </c>
      <c r="C4917" t="s">
        <v>25381</v>
      </c>
      <c r="D4917">
        <v>11247849</v>
      </c>
      <c r="E4917">
        <v>1</v>
      </c>
      <c r="F4917">
        <v>1</v>
      </c>
      <c r="H4917" t="s">
        <v>25382</v>
      </c>
      <c r="I4917">
        <v>2</v>
      </c>
      <c r="J4917" t="s">
        <v>25383</v>
      </c>
      <c r="K4917" t="s">
        <v>25384</v>
      </c>
      <c r="M4917">
        <v>369450</v>
      </c>
      <c r="O4917">
        <v>433348</v>
      </c>
      <c r="P4917">
        <v>1</v>
      </c>
      <c r="Q4917">
        <v>25</v>
      </c>
      <c r="R4917" t="s">
        <v>25385</v>
      </c>
      <c r="S4917">
        <v>2131</v>
      </c>
    </row>
    <row r="4918" spans="1:19" x14ac:dyDescent="0.25">
      <c r="A4918">
        <v>29141972</v>
      </c>
      <c r="B4918" t="s">
        <v>25386</v>
      </c>
      <c r="C4918" s="1" t="s">
        <v>25387</v>
      </c>
      <c r="E4918">
        <v>1</v>
      </c>
      <c r="F4918">
        <v>0</v>
      </c>
      <c r="H4918" t="s">
        <v>25388</v>
      </c>
      <c r="J4918" t="s">
        <v>25389</v>
      </c>
      <c r="K4918" t="s">
        <v>25390</v>
      </c>
      <c r="M4918">
        <v>927408</v>
      </c>
      <c r="O4918">
        <v>4622557</v>
      </c>
      <c r="P4918">
        <v>1</v>
      </c>
      <c r="Q4918">
        <v>0</v>
      </c>
      <c r="R4918" t="s">
        <v>11087</v>
      </c>
      <c r="S4918">
        <v>52</v>
      </c>
    </row>
    <row r="4919" spans="1:19" x14ac:dyDescent="0.25">
      <c r="A4919">
        <v>24140730</v>
      </c>
      <c r="B4919" t="s">
        <v>25391</v>
      </c>
      <c r="C4919" s="1" t="s">
        <v>25392</v>
      </c>
      <c r="E4919">
        <v>1</v>
      </c>
      <c r="F4919">
        <v>0</v>
      </c>
      <c r="H4919" t="s">
        <v>25393</v>
      </c>
      <c r="I4919">
        <v>1</v>
      </c>
      <c r="J4919" t="s">
        <v>25394</v>
      </c>
      <c r="K4919" t="s">
        <v>25395</v>
      </c>
      <c r="M4919">
        <v>499359</v>
      </c>
      <c r="O4919">
        <v>1307847</v>
      </c>
      <c r="P4919">
        <v>1</v>
      </c>
      <c r="Q4919">
        <v>7</v>
      </c>
      <c r="R4919" t="s">
        <v>25396</v>
      </c>
      <c r="S4919">
        <v>1600</v>
      </c>
    </row>
    <row r="4920" spans="1:19" x14ac:dyDescent="0.25">
      <c r="A4920">
        <v>37007850</v>
      </c>
      <c r="B4920" t="s">
        <v>25397</v>
      </c>
      <c r="C4920" s="1" t="s">
        <v>25398</v>
      </c>
      <c r="D4920">
        <v>37008735</v>
      </c>
      <c r="E4920">
        <v>1</v>
      </c>
      <c r="F4920">
        <v>8</v>
      </c>
      <c r="H4920" t="s">
        <v>25399</v>
      </c>
      <c r="J4920" t="s">
        <v>25400</v>
      </c>
      <c r="O4920">
        <v>5889056</v>
      </c>
      <c r="P4920">
        <v>1</v>
      </c>
      <c r="Q4920">
        <v>-1</v>
      </c>
      <c r="R4920" t="s">
        <v>25401</v>
      </c>
      <c r="S4920">
        <v>78</v>
      </c>
    </row>
    <row r="4921" spans="1:19" x14ac:dyDescent="0.25">
      <c r="A4921">
        <v>22107813</v>
      </c>
      <c r="B4921" t="s">
        <v>25402</v>
      </c>
      <c r="C4921" s="1" t="s">
        <v>25403</v>
      </c>
      <c r="E4921">
        <v>3</v>
      </c>
      <c r="F4921">
        <v>4</v>
      </c>
      <c r="H4921" t="s">
        <v>25404</v>
      </c>
      <c r="J4921" t="s">
        <v>25405</v>
      </c>
      <c r="K4921" t="s">
        <v>25406</v>
      </c>
      <c r="M4921">
        <v>241039</v>
      </c>
      <c r="O4921">
        <v>3366900</v>
      </c>
      <c r="P4921">
        <v>1</v>
      </c>
      <c r="Q4921">
        <v>3</v>
      </c>
      <c r="R4921" t="s">
        <v>25407</v>
      </c>
      <c r="S4921">
        <v>3745</v>
      </c>
    </row>
    <row r="4922" spans="1:19" x14ac:dyDescent="0.25">
      <c r="A4922">
        <v>10968710</v>
      </c>
      <c r="B4922" t="s">
        <v>25408</v>
      </c>
      <c r="C4922" s="1" t="s">
        <v>25409</v>
      </c>
      <c r="D4922">
        <v>10969524</v>
      </c>
      <c r="E4922">
        <v>1</v>
      </c>
      <c r="F4922">
        <v>0</v>
      </c>
      <c r="H4922" t="s">
        <v>25410</v>
      </c>
      <c r="J4922" t="s">
        <v>25411</v>
      </c>
      <c r="K4922" t="s">
        <v>25412</v>
      </c>
      <c r="M4922">
        <v>1007240</v>
      </c>
      <c r="O4922">
        <v>1007240</v>
      </c>
      <c r="P4922">
        <v>1</v>
      </c>
      <c r="Q4922">
        <v>3</v>
      </c>
      <c r="R4922" t="s">
        <v>25413</v>
      </c>
      <c r="S4922">
        <v>419</v>
      </c>
    </row>
    <row r="4923" spans="1:19" x14ac:dyDescent="0.25">
      <c r="A4923">
        <v>37790510</v>
      </c>
      <c r="B4923" t="s">
        <v>25414</v>
      </c>
      <c r="C4923" s="1" t="s">
        <v>25415</v>
      </c>
      <c r="E4923">
        <v>0</v>
      </c>
      <c r="F4923">
        <v>2</v>
      </c>
      <c r="H4923" t="s">
        <v>25416</v>
      </c>
      <c r="J4923" t="s">
        <v>25417</v>
      </c>
      <c r="K4923" t="s">
        <v>25417</v>
      </c>
      <c r="M4923">
        <v>4156801</v>
      </c>
      <c r="O4923">
        <v>4156801</v>
      </c>
      <c r="P4923">
        <v>1</v>
      </c>
      <c r="Q4923">
        <v>2</v>
      </c>
      <c r="R4923" t="s">
        <v>25418</v>
      </c>
      <c r="S4923">
        <v>108</v>
      </c>
    </row>
    <row r="4924" spans="1:19" x14ac:dyDescent="0.25">
      <c r="A4924">
        <v>9285804</v>
      </c>
      <c r="B4924" t="s">
        <v>25419</v>
      </c>
      <c r="C4924" s="1" t="s">
        <v>25420</v>
      </c>
      <c r="D4924">
        <v>9367906</v>
      </c>
      <c r="E4924">
        <v>2</v>
      </c>
      <c r="F4924">
        <v>0</v>
      </c>
      <c r="H4924" t="s">
        <v>25421</v>
      </c>
      <c r="J4924" t="s">
        <v>25422</v>
      </c>
      <c r="O4924">
        <v>173342</v>
      </c>
      <c r="P4924">
        <v>1</v>
      </c>
      <c r="Q4924">
        <v>0</v>
      </c>
      <c r="R4924" t="s">
        <v>25423</v>
      </c>
      <c r="S4924">
        <v>2200</v>
      </c>
    </row>
    <row r="4925" spans="1:19" x14ac:dyDescent="0.25">
      <c r="A4925">
        <v>49126618</v>
      </c>
      <c r="B4925" t="s">
        <v>25424</v>
      </c>
      <c r="C4925" s="1" t="s">
        <v>25425</v>
      </c>
      <c r="E4925">
        <v>5</v>
      </c>
      <c r="F4925">
        <v>5</v>
      </c>
      <c r="H4925" t="s">
        <v>25426</v>
      </c>
      <c r="J4925" t="s">
        <v>25427</v>
      </c>
      <c r="K4925" t="s">
        <v>25428</v>
      </c>
      <c r="M4925">
        <v>9451176</v>
      </c>
      <c r="O4925">
        <v>4781349</v>
      </c>
      <c r="P4925">
        <v>1</v>
      </c>
      <c r="Q4925">
        <v>-1</v>
      </c>
      <c r="R4925" t="s">
        <v>25429</v>
      </c>
      <c r="S4925">
        <v>218</v>
      </c>
    </row>
    <row r="4926" spans="1:19" x14ac:dyDescent="0.25">
      <c r="A4926">
        <v>37186914</v>
      </c>
      <c r="B4926" t="s">
        <v>25430</v>
      </c>
      <c r="C4926" s="1" t="s">
        <v>25431</v>
      </c>
      <c r="D4926">
        <v>37188677</v>
      </c>
      <c r="E4926">
        <v>1</v>
      </c>
      <c r="F4926">
        <v>2</v>
      </c>
      <c r="H4926" t="s">
        <v>25432</v>
      </c>
      <c r="I4926">
        <v>0</v>
      </c>
      <c r="J4926" t="s">
        <v>25433</v>
      </c>
      <c r="K4926" t="s">
        <v>25434</v>
      </c>
      <c r="M4926">
        <v>5233410</v>
      </c>
      <c r="O4926">
        <v>6290693</v>
      </c>
      <c r="P4926">
        <v>1</v>
      </c>
      <c r="Q4926">
        <v>1</v>
      </c>
      <c r="R4926" t="s">
        <v>25435</v>
      </c>
      <c r="S4926">
        <v>494</v>
      </c>
    </row>
    <row r="4927" spans="1:19" x14ac:dyDescent="0.25">
      <c r="A4927">
        <v>28424997</v>
      </c>
      <c r="B4927" t="s">
        <v>25436</v>
      </c>
      <c r="C4927" s="1" t="s">
        <v>25437</v>
      </c>
      <c r="E4927">
        <v>0</v>
      </c>
      <c r="F4927">
        <v>8</v>
      </c>
      <c r="H4927" t="s">
        <v>25438</v>
      </c>
      <c r="J4927" t="s">
        <v>25438</v>
      </c>
      <c r="O4927">
        <v>4549079</v>
      </c>
      <c r="P4927">
        <v>1</v>
      </c>
      <c r="Q4927">
        <v>0</v>
      </c>
      <c r="R4927" t="s">
        <v>2771</v>
      </c>
      <c r="S4927">
        <v>32</v>
      </c>
    </row>
    <row r="4928" spans="1:19" x14ac:dyDescent="0.25">
      <c r="A4928">
        <v>41054175</v>
      </c>
      <c r="B4928" t="s">
        <v>25439</v>
      </c>
      <c r="C4928" s="1" t="s">
        <v>25440</v>
      </c>
      <c r="E4928">
        <v>1</v>
      </c>
      <c r="F4928">
        <v>0</v>
      </c>
      <c r="H4928" t="s">
        <v>25441</v>
      </c>
      <c r="J4928" t="s">
        <v>25442</v>
      </c>
      <c r="O4928">
        <v>5689446</v>
      </c>
      <c r="P4928">
        <v>1</v>
      </c>
      <c r="Q4928">
        <v>0</v>
      </c>
      <c r="R4928" t="s">
        <v>989</v>
      </c>
      <c r="S4928">
        <v>38</v>
      </c>
    </row>
    <row r="4929" spans="1:19" x14ac:dyDescent="0.25">
      <c r="A4929">
        <v>11120125</v>
      </c>
      <c r="B4929" t="s">
        <v>25443</v>
      </c>
      <c r="C4929" s="1" t="s">
        <v>25444</v>
      </c>
      <c r="E4929">
        <v>3</v>
      </c>
      <c r="F4929">
        <v>0</v>
      </c>
      <c r="H4929" t="s">
        <v>25445</v>
      </c>
      <c r="I4929">
        <v>1</v>
      </c>
      <c r="J4929" t="s">
        <v>25446</v>
      </c>
      <c r="K4929" t="s">
        <v>25447</v>
      </c>
      <c r="M4929">
        <v>586557</v>
      </c>
      <c r="O4929">
        <v>586557</v>
      </c>
      <c r="P4929">
        <v>1</v>
      </c>
      <c r="Q4929">
        <v>4</v>
      </c>
      <c r="R4929" t="s">
        <v>2283</v>
      </c>
      <c r="S4929">
        <v>2294</v>
      </c>
    </row>
    <row r="4930" spans="1:19" x14ac:dyDescent="0.25">
      <c r="A4930">
        <v>50163080</v>
      </c>
      <c r="B4930" t="s">
        <v>25448</v>
      </c>
      <c r="C4930" s="1" t="s">
        <v>25449</v>
      </c>
      <c r="D4930">
        <v>50163194</v>
      </c>
      <c r="E4930">
        <v>1</v>
      </c>
      <c r="F4930">
        <v>4</v>
      </c>
      <c r="H4930" t="s">
        <v>25450</v>
      </c>
      <c r="J4930" t="s">
        <v>25451</v>
      </c>
      <c r="O4930">
        <v>383038</v>
      </c>
      <c r="P4930">
        <v>1</v>
      </c>
      <c r="Q4930">
        <v>2</v>
      </c>
      <c r="R4930" t="s">
        <v>25452</v>
      </c>
      <c r="S4930">
        <v>141</v>
      </c>
    </row>
    <row r="4931" spans="1:19" x14ac:dyDescent="0.25">
      <c r="A4931">
        <v>34509900</v>
      </c>
      <c r="B4931" t="s">
        <v>25453</v>
      </c>
      <c r="C4931" s="1" t="s">
        <v>25454</v>
      </c>
      <c r="E4931">
        <v>1</v>
      </c>
      <c r="F4931">
        <v>5</v>
      </c>
      <c r="H4931" t="s">
        <v>25455</v>
      </c>
      <c r="I4931">
        <v>1</v>
      </c>
      <c r="J4931" t="s">
        <v>25456</v>
      </c>
      <c r="O4931">
        <v>2477484</v>
      </c>
      <c r="P4931">
        <v>1</v>
      </c>
      <c r="Q4931">
        <v>4</v>
      </c>
      <c r="R4931" t="s">
        <v>25457</v>
      </c>
      <c r="S4931">
        <v>132</v>
      </c>
    </row>
    <row r="4932" spans="1:19" x14ac:dyDescent="0.25">
      <c r="A4932">
        <v>16632005</v>
      </c>
      <c r="B4932" t="s">
        <v>25458</v>
      </c>
      <c r="C4932" s="1" t="s">
        <v>25459</v>
      </c>
      <c r="D4932">
        <v>16632055</v>
      </c>
      <c r="E4932">
        <v>1</v>
      </c>
      <c r="F4932">
        <v>3</v>
      </c>
      <c r="H4932" t="s">
        <v>25460</v>
      </c>
      <c r="J4932" t="s">
        <v>25461</v>
      </c>
      <c r="O4932">
        <v>1862498</v>
      </c>
      <c r="P4932">
        <v>1</v>
      </c>
      <c r="Q4932">
        <v>0</v>
      </c>
      <c r="R4932" t="s">
        <v>25462</v>
      </c>
      <c r="S4932">
        <v>153</v>
      </c>
    </row>
    <row r="4933" spans="1:19" x14ac:dyDescent="0.25">
      <c r="A4933">
        <v>39011247</v>
      </c>
      <c r="B4933" t="s">
        <v>25463</v>
      </c>
      <c r="C4933" s="1" t="s">
        <v>25464</v>
      </c>
      <c r="E4933">
        <v>1</v>
      </c>
      <c r="F4933">
        <v>2</v>
      </c>
      <c r="H4933" t="s">
        <v>25465</v>
      </c>
      <c r="J4933" t="s">
        <v>25466</v>
      </c>
      <c r="K4933" t="s">
        <v>25467</v>
      </c>
      <c r="M4933">
        <v>3597276</v>
      </c>
      <c r="O4933">
        <v>3462228</v>
      </c>
      <c r="P4933">
        <v>1</v>
      </c>
      <c r="Q4933">
        <v>0</v>
      </c>
      <c r="R4933" t="s">
        <v>25468</v>
      </c>
      <c r="S4933">
        <v>557</v>
      </c>
    </row>
    <row r="4934" spans="1:19" x14ac:dyDescent="0.25">
      <c r="A4934">
        <v>19722768</v>
      </c>
      <c r="B4934" t="s">
        <v>25469</v>
      </c>
      <c r="C4934" s="1" t="s">
        <v>25470</v>
      </c>
      <c r="E4934">
        <v>1</v>
      </c>
      <c r="F4934">
        <v>1</v>
      </c>
      <c r="H4934" t="s">
        <v>25471</v>
      </c>
      <c r="J4934" t="s">
        <v>25472</v>
      </c>
      <c r="K4934" t="s">
        <v>25473</v>
      </c>
      <c r="M4934">
        <v>1106951</v>
      </c>
      <c r="O4934">
        <v>1106951</v>
      </c>
      <c r="P4934">
        <v>1</v>
      </c>
      <c r="Q4934">
        <v>0</v>
      </c>
      <c r="R4934" t="s">
        <v>25474</v>
      </c>
      <c r="S4934">
        <v>1559</v>
      </c>
    </row>
    <row r="4935" spans="1:19" x14ac:dyDescent="0.25">
      <c r="A4935">
        <v>14214224</v>
      </c>
      <c r="B4935" t="s">
        <v>25475</v>
      </c>
      <c r="C4935" s="1" t="s">
        <v>25476</v>
      </c>
      <c r="E4935">
        <v>1</v>
      </c>
      <c r="F4935">
        <v>0</v>
      </c>
      <c r="H4935" t="s">
        <v>25477</v>
      </c>
      <c r="J4935" t="s">
        <v>25478</v>
      </c>
      <c r="O4935">
        <v>1748893</v>
      </c>
      <c r="P4935">
        <v>1</v>
      </c>
      <c r="Q4935">
        <v>1</v>
      </c>
      <c r="R4935" t="s">
        <v>25479</v>
      </c>
      <c r="S4935">
        <v>495</v>
      </c>
    </row>
    <row r="4936" spans="1:19" x14ac:dyDescent="0.25">
      <c r="A4936">
        <v>8263050</v>
      </c>
      <c r="B4936" t="s">
        <v>25480</v>
      </c>
      <c r="C4936" s="1" t="s">
        <v>25481</v>
      </c>
      <c r="D4936">
        <v>8270423</v>
      </c>
      <c r="E4936">
        <v>1</v>
      </c>
      <c r="F4936">
        <v>0</v>
      </c>
      <c r="H4936" t="s">
        <v>25482</v>
      </c>
      <c r="J4936" t="s">
        <v>25483</v>
      </c>
      <c r="K4936" t="s">
        <v>25484</v>
      </c>
      <c r="M4936">
        <v>172261</v>
      </c>
      <c r="O4936">
        <v>1064721</v>
      </c>
      <c r="P4936">
        <v>1</v>
      </c>
      <c r="Q4936">
        <v>3</v>
      </c>
      <c r="R4936" t="s">
        <v>25485</v>
      </c>
      <c r="S4936">
        <v>266</v>
      </c>
    </row>
    <row r="4937" spans="1:19" x14ac:dyDescent="0.25">
      <c r="A4937">
        <v>52899043</v>
      </c>
      <c r="B4937" t="s">
        <v>25486</v>
      </c>
      <c r="C4937" s="1" t="s">
        <v>25487</v>
      </c>
      <c r="E4937">
        <v>0</v>
      </c>
      <c r="F4937">
        <v>1</v>
      </c>
      <c r="H4937" t="s">
        <v>25488</v>
      </c>
      <c r="J4937" t="s">
        <v>25489</v>
      </c>
      <c r="K4937" t="s">
        <v>25489</v>
      </c>
      <c r="M4937">
        <v>1415462</v>
      </c>
      <c r="O4937">
        <v>1415462</v>
      </c>
      <c r="P4937">
        <v>1</v>
      </c>
      <c r="Q4937">
        <v>2</v>
      </c>
      <c r="R4937" t="s">
        <v>25490</v>
      </c>
      <c r="S4937">
        <v>18</v>
      </c>
    </row>
    <row r="4938" spans="1:19" x14ac:dyDescent="0.25">
      <c r="A4938">
        <v>8667675</v>
      </c>
      <c r="B4938" t="s">
        <v>25491</v>
      </c>
      <c r="C4938" s="1" t="s">
        <v>25492</v>
      </c>
      <c r="D4938">
        <v>8667773</v>
      </c>
      <c r="E4938">
        <v>1</v>
      </c>
      <c r="F4938">
        <v>0</v>
      </c>
      <c r="H4938" t="s">
        <v>25493</v>
      </c>
      <c r="J4938" t="s">
        <v>25494</v>
      </c>
      <c r="O4938">
        <v>339206</v>
      </c>
      <c r="P4938">
        <v>1</v>
      </c>
      <c r="Q4938">
        <v>-1</v>
      </c>
      <c r="R4938" t="s">
        <v>25495</v>
      </c>
      <c r="S4938">
        <v>862</v>
      </c>
    </row>
    <row r="4939" spans="1:19" x14ac:dyDescent="0.25">
      <c r="A4939">
        <v>37595160</v>
      </c>
      <c r="B4939" t="s">
        <v>25496</v>
      </c>
      <c r="C4939" s="1" t="s">
        <v>25497</v>
      </c>
      <c r="E4939">
        <v>1</v>
      </c>
      <c r="F4939">
        <v>0</v>
      </c>
      <c r="H4939" t="s">
        <v>25498</v>
      </c>
      <c r="J4939" t="s">
        <v>25499</v>
      </c>
      <c r="O4939">
        <v>3351067</v>
      </c>
      <c r="P4939">
        <v>1</v>
      </c>
      <c r="Q4939">
        <v>1</v>
      </c>
      <c r="R4939" t="s">
        <v>25500</v>
      </c>
      <c r="S4939">
        <v>950</v>
      </c>
    </row>
    <row r="4940" spans="1:19" x14ac:dyDescent="0.25">
      <c r="A4940">
        <v>49722536</v>
      </c>
      <c r="B4940" t="s">
        <v>25501</v>
      </c>
      <c r="C4940" s="1" t="s">
        <v>25502</v>
      </c>
      <c r="E4940">
        <v>1</v>
      </c>
      <c r="F4940">
        <v>0</v>
      </c>
      <c r="H4940" t="s">
        <v>25503</v>
      </c>
      <c r="J4940" t="s">
        <v>25504</v>
      </c>
      <c r="O4940">
        <v>9616494</v>
      </c>
      <c r="P4940">
        <v>1</v>
      </c>
      <c r="Q4940">
        <v>0</v>
      </c>
      <c r="R4940" t="s">
        <v>18873</v>
      </c>
      <c r="S4940">
        <v>22</v>
      </c>
    </row>
    <row r="4941" spans="1:19" x14ac:dyDescent="0.25">
      <c r="A4941">
        <v>12492740</v>
      </c>
      <c r="B4941" t="s">
        <v>25505</v>
      </c>
      <c r="C4941" s="1" t="s">
        <v>25506</v>
      </c>
      <c r="D4941">
        <v>12493177</v>
      </c>
      <c r="E4941">
        <v>2</v>
      </c>
      <c r="F4941">
        <v>3</v>
      </c>
      <c r="H4941" t="s">
        <v>25507</v>
      </c>
      <c r="J4941" t="s">
        <v>25508</v>
      </c>
      <c r="K4941" t="s">
        <v>25509</v>
      </c>
      <c r="M4941">
        <v>1673651</v>
      </c>
      <c r="O4941">
        <v>1673651</v>
      </c>
      <c r="P4941">
        <v>1</v>
      </c>
      <c r="Q4941">
        <v>0</v>
      </c>
      <c r="R4941" t="s">
        <v>9846</v>
      </c>
      <c r="S4941">
        <v>109</v>
      </c>
    </row>
    <row r="4942" spans="1:19" x14ac:dyDescent="0.25">
      <c r="A4942">
        <v>29795759</v>
      </c>
      <c r="B4942" t="s">
        <v>25510</v>
      </c>
      <c r="C4942" s="1" t="s">
        <v>25511</v>
      </c>
      <c r="D4942">
        <v>29798318</v>
      </c>
      <c r="E4942">
        <v>3</v>
      </c>
      <c r="F4942">
        <v>9</v>
      </c>
      <c r="H4942" t="s">
        <v>25512</v>
      </c>
      <c r="J4942" t="s">
        <v>25513</v>
      </c>
      <c r="K4942" t="s">
        <v>25514</v>
      </c>
      <c r="M4942">
        <v>1847710</v>
      </c>
      <c r="O4942">
        <v>4546435</v>
      </c>
      <c r="P4942">
        <v>1</v>
      </c>
      <c r="Q4942">
        <v>0</v>
      </c>
      <c r="R4942" t="s">
        <v>8345</v>
      </c>
      <c r="S4942">
        <v>164</v>
      </c>
    </row>
    <row r="4943" spans="1:19" x14ac:dyDescent="0.25">
      <c r="A4943">
        <v>41710448</v>
      </c>
      <c r="B4943" t="s">
        <v>25515</v>
      </c>
      <c r="C4943" s="1" t="s">
        <v>25516</v>
      </c>
      <c r="E4943">
        <v>0</v>
      </c>
      <c r="F4943">
        <v>14</v>
      </c>
      <c r="H4943" t="s">
        <v>25517</v>
      </c>
      <c r="I4943">
        <v>2</v>
      </c>
      <c r="J4943" t="s">
        <v>25518</v>
      </c>
      <c r="K4943" t="s">
        <v>25518</v>
      </c>
      <c r="M4943">
        <v>6144372</v>
      </c>
      <c r="O4943">
        <v>6144372</v>
      </c>
      <c r="P4943">
        <v>1</v>
      </c>
      <c r="Q4943">
        <v>3</v>
      </c>
      <c r="R4943" t="s">
        <v>25519</v>
      </c>
      <c r="S4943">
        <v>381</v>
      </c>
    </row>
    <row r="4944" spans="1:19" x14ac:dyDescent="0.25">
      <c r="A4944">
        <v>53323947</v>
      </c>
      <c r="B4944" t="s">
        <v>25520</v>
      </c>
      <c r="C4944" t="s">
        <v>25521</v>
      </c>
      <c r="E4944">
        <v>1</v>
      </c>
      <c r="F4944">
        <v>2</v>
      </c>
      <c r="H4944" t="s">
        <v>25522</v>
      </c>
      <c r="J4944" t="s">
        <v>25523</v>
      </c>
      <c r="K4944" t="s">
        <v>25524</v>
      </c>
      <c r="M4944">
        <v>6893866</v>
      </c>
      <c r="O4944">
        <v>7748058</v>
      </c>
      <c r="P4944">
        <v>1</v>
      </c>
      <c r="Q4944">
        <v>0</v>
      </c>
      <c r="R4944" t="s">
        <v>25525</v>
      </c>
      <c r="S4944">
        <v>25</v>
      </c>
    </row>
    <row r="4945" spans="1:19" x14ac:dyDescent="0.25">
      <c r="A4945">
        <v>23425611</v>
      </c>
      <c r="B4945" t="s">
        <v>25526</v>
      </c>
      <c r="C4945" s="1" t="s">
        <v>25527</v>
      </c>
      <c r="E4945">
        <v>1</v>
      </c>
      <c r="F4945">
        <v>0</v>
      </c>
      <c r="H4945" t="s">
        <v>25528</v>
      </c>
      <c r="J4945" t="s">
        <v>25529</v>
      </c>
      <c r="O4945">
        <v>1716768</v>
      </c>
      <c r="P4945">
        <v>1</v>
      </c>
      <c r="Q4945">
        <v>1</v>
      </c>
      <c r="R4945" t="s">
        <v>25530</v>
      </c>
      <c r="S4945">
        <v>175</v>
      </c>
    </row>
    <row r="4946" spans="1:19" x14ac:dyDescent="0.25">
      <c r="A4946">
        <v>15702146</v>
      </c>
      <c r="B4946" t="s">
        <v>25531</v>
      </c>
      <c r="C4946" s="1" t="s">
        <v>25532</v>
      </c>
      <c r="D4946">
        <v>15702707</v>
      </c>
      <c r="E4946">
        <v>4</v>
      </c>
      <c r="F4946">
        <v>1</v>
      </c>
      <c r="H4946" t="s">
        <v>25533</v>
      </c>
      <c r="I4946">
        <v>1</v>
      </c>
      <c r="J4946" t="s">
        <v>25534</v>
      </c>
      <c r="O4946">
        <v>274592</v>
      </c>
      <c r="P4946">
        <v>1</v>
      </c>
      <c r="Q4946">
        <v>6</v>
      </c>
      <c r="R4946" t="s">
        <v>25535</v>
      </c>
      <c r="S4946">
        <v>2374</v>
      </c>
    </row>
    <row r="4947" spans="1:19" x14ac:dyDescent="0.25">
      <c r="A4947">
        <v>8107628</v>
      </c>
      <c r="B4947" t="s">
        <v>25536</v>
      </c>
      <c r="C4947" s="1" t="s">
        <v>25537</v>
      </c>
      <c r="D4947">
        <v>8107646</v>
      </c>
      <c r="E4947">
        <v>2</v>
      </c>
      <c r="F4947">
        <v>0</v>
      </c>
      <c r="H4947" t="s">
        <v>25538</v>
      </c>
      <c r="I4947">
        <v>1</v>
      </c>
      <c r="J4947" t="s">
        <v>25539</v>
      </c>
      <c r="O4947">
        <v>865453</v>
      </c>
      <c r="P4947">
        <v>1</v>
      </c>
      <c r="Q4947">
        <v>5</v>
      </c>
      <c r="R4947" t="s">
        <v>25540</v>
      </c>
      <c r="S4947">
        <v>8194</v>
      </c>
    </row>
    <row r="4948" spans="1:19" x14ac:dyDescent="0.25">
      <c r="A4948">
        <v>19798841</v>
      </c>
      <c r="B4948" t="s">
        <v>25541</v>
      </c>
      <c r="C4948" s="1" t="s">
        <v>25542</v>
      </c>
      <c r="E4948">
        <v>0</v>
      </c>
      <c r="F4948">
        <v>1</v>
      </c>
      <c r="H4948" t="s">
        <v>25543</v>
      </c>
      <c r="J4948" t="s">
        <v>25543</v>
      </c>
      <c r="O4948">
        <v>617768</v>
      </c>
      <c r="P4948">
        <v>1</v>
      </c>
      <c r="Q4948">
        <v>1</v>
      </c>
      <c r="R4948" t="s">
        <v>25544</v>
      </c>
      <c r="S4948">
        <v>217</v>
      </c>
    </row>
    <row r="4949" spans="1:19" x14ac:dyDescent="0.25">
      <c r="A4949">
        <v>26511380</v>
      </c>
      <c r="B4949" t="s">
        <v>25545</v>
      </c>
      <c r="C4949" s="1" t="s">
        <v>25546</v>
      </c>
      <c r="D4949">
        <v>26512580</v>
      </c>
      <c r="E4949">
        <v>1</v>
      </c>
      <c r="F4949">
        <v>5</v>
      </c>
      <c r="H4949" t="s">
        <v>25547</v>
      </c>
      <c r="J4949" t="s">
        <v>25548</v>
      </c>
      <c r="K4949" t="s">
        <v>25549</v>
      </c>
      <c r="M4949">
        <v>1529630</v>
      </c>
      <c r="O4949">
        <v>1920282</v>
      </c>
      <c r="P4949">
        <v>1</v>
      </c>
      <c r="Q4949">
        <v>0</v>
      </c>
      <c r="R4949" t="s">
        <v>25550</v>
      </c>
      <c r="S4949">
        <v>791</v>
      </c>
    </row>
    <row r="4950" spans="1:19" x14ac:dyDescent="0.25">
      <c r="A4950">
        <v>35199641</v>
      </c>
      <c r="B4950" t="s">
        <v>25551</v>
      </c>
      <c r="C4950" s="1" t="s">
        <v>25552</v>
      </c>
      <c r="D4950">
        <v>35280929</v>
      </c>
      <c r="E4950">
        <v>1</v>
      </c>
      <c r="F4950">
        <v>0</v>
      </c>
      <c r="H4950" t="s">
        <v>25553</v>
      </c>
      <c r="J4950" t="s">
        <v>25554</v>
      </c>
      <c r="K4950" t="s">
        <v>25555</v>
      </c>
      <c r="M4950">
        <v>5700240</v>
      </c>
      <c r="O4950">
        <v>5700240</v>
      </c>
      <c r="P4950">
        <v>1</v>
      </c>
      <c r="Q4950">
        <v>2</v>
      </c>
      <c r="R4950" t="s">
        <v>25556</v>
      </c>
      <c r="S4950">
        <v>702</v>
      </c>
    </row>
    <row r="4951" spans="1:19" x14ac:dyDescent="0.25">
      <c r="A4951">
        <v>47155905</v>
      </c>
      <c r="B4951" t="s">
        <v>25557</v>
      </c>
      <c r="C4951" s="1" t="s">
        <v>25558</v>
      </c>
      <c r="E4951">
        <v>0</v>
      </c>
      <c r="F4951">
        <v>1</v>
      </c>
      <c r="H4951" t="s">
        <v>25559</v>
      </c>
      <c r="J4951" t="s">
        <v>25560</v>
      </c>
      <c r="K4951" t="s">
        <v>25560</v>
      </c>
      <c r="M4951">
        <v>180344</v>
      </c>
      <c r="O4951">
        <v>180344</v>
      </c>
      <c r="P4951">
        <v>1</v>
      </c>
      <c r="Q4951">
        <v>0</v>
      </c>
      <c r="R4951" t="s">
        <v>25561</v>
      </c>
      <c r="S4951">
        <v>1078</v>
      </c>
    </row>
    <row r="4952" spans="1:19" x14ac:dyDescent="0.25">
      <c r="A4952">
        <v>6394165</v>
      </c>
      <c r="B4952" t="s">
        <v>25562</v>
      </c>
      <c r="C4952" s="1" t="s">
        <v>25563</v>
      </c>
      <c r="D4952">
        <v>6394534</v>
      </c>
      <c r="E4952">
        <v>3</v>
      </c>
      <c r="F4952">
        <v>0</v>
      </c>
      <c r="H4952" t="s">
        <v>25564</v>
      </c>
      <c r="J4952" t="s">
        <v>25565</v>
      </c>
      <c r="K4952" t="s">
        <v>25566</v>
      </c>
      <c r="M4952">
        <v>732945</v>
      </c>
      <c r="O4952">
        <v>759940</v>
      </c>
      <c r="P4952">
        <v>1</v>
      </c>
      <c r="Q4952">
        <v>5</v>
      </c>
      <c r="R4952" t="s">
        <v>25567</v>
      </c>
      <c r="S4952">
        <v>4992</v>
      </c>
    </row>
    <row r="4953" spans="1:19" x14ac:dyDescent="0.25">
      <c r="A4953">
        <v>24932920</v>
      </c>
      <c r="B4953" t="s">
        <v>25568</v>
      </c>
      <c r="C4953" s="1" t="s">
        <v>25569</v>
      </c>
      <c r="D4953">
        <v>24933762</v>
      </c>
      <c r="E4953">
        <v>1</v>
      </c>
      <c r="F4953">
        <v>3</v>
      </c>
      <c r="H4953" t="s">
        <v>25570</v>
      </c>
      <c r="J4953" t="s">
        <v>25571</v>
      </c>
      <c r="K4953" t="s">
        <v>25571</v>
      </c>
      <c r="M4953">
        <v>2634868</v>
      </c>
      <c r="O4953">
        <v>2634868</v>
      </c>
      <c r="P4953">
        <v>1</v>
      </c>
      <c r="Q4953">
        <v>0</v>
      </c>
      <c r="R4953" t="s">
        <v>25572</v>
      </c>
      <c r="S4953">
        <v>156</v>
      </c>
    </row>
    <row r="4954" spans="1:19" x14ac:dyDescent="0.25">
      <c r="A4954">
        <v>37646197</v>
      </c>
      <c r="B4954" t="s">
        <v>25573</v>
      </c>
      <c r="C4954" s="1" t="s">
        <v>25574</v>
      </c>
      <c r="E4954">
        <v>0</v>
      </c>
      <c r="F4954">
        <v>0</v>
      </c>
      <c r="H4954" t="s">
        <v>25575</v>
      </c>
      <c r="J4954" t="s">
        <v>25575</v>
      </c>
      <c r="O4954">
        <v>5924327</v>
      </c>
      <c r="P4954">
        <v>1</v>
      </c>
      <c r="Q4954">
        <v>1</v>
      </c>
      <c r="R4954" t="s">
        <v>25576</v>
      </c>
      <c r="S4954">
        <v>122</v>
      </c>
    </row>
    <row r="4955" spans="1:19" x14ac:dyDescent="0.25">
      <c r="A4955">
        <v>19378240</v>
      </c>
      <c r="B4955" t="s">
        <v>25577</v>
      </c>
      <c r="C4955" s="1" t="s">
        <v>25578</v>
      </c>
      <c r="E4955">
        <v>1</v>
      </c>
      <c r="F4955">
        <v>10</v>
      </c>
      <c r="H4955" t="s">
        <v>25579</v>
      </c>
      <c r="J4955" t="s">
        <v>25580</v>
      </c>
      <c r="K4955" t="s">
        <v>25580</v>
      </c>
      <c r="M4955">
        <v>2190166</v>
      </c>
      <c r="O4955">
        <v>2861649</v>
      </c>
      <c r="P4955">
        <v>1</v>
      </c>
      <c r="Q4955">
        <v>-1</v>
      </c>
      <c r="R4955" t="s">
        <v>19635</v>
      </c>
      <c r="S4955">
        <v>158</v>
      </c>
    </row>
    <row r="4956" spans="1:19" x14ac:dyDescent="0.25">
      <c r="A4956">
        <v>25244182</v>
      </c>
      <c r="B4956" t="s">
        <v>25581</v>
      </c>
      <c r="C4956" s="1" t="s">
        <v>25582</v>
      </c>
      <c r="E4956">
        <v>2</v>
      </c>
      <c r="F4956">
        <v>1</v>
      </c>
      <c r="H4956" t="s">
        <v>25583</v>
      </c>
      <c r="I4956">
        <v>2</v>
      </c>
      <c r="J4956" t="s">
        <v>25584</v>
      </c>
      <c r="O4956">
        <v>522297</v>
      </c>
      <c r="P4956">
        <v>1</v>
      </c>
      <c r="Q4956">
        <v>1</v>
      </c>
      <c r="R4956" t="s">
        <v>25585</v>
      </c>
      <c r="S4956">
        <v>237</v>
      </c>
    </row>
    <row r="4957" spans="1:19" x14ac:dyDescent="0.25">
      <c r="A4957">
        <v>28654</v>
      </c>
      <c r="B4957" t="s">
        <v>25586</v>
      </c>
      <c r="C4957" s="1" t="s">
        <v>25587</v>
      </c>
      <c r="D4957">
        <v>28667</v>
      </c>
      <c r="E4957">
        <v>4</v>
      </c>
      <c r="F4957">
        <v>0</v>
      </c>
      <c r="H4957" t="s">
        <v>25588</v>
      </c>
      <c r="J4957" t="s">
        <v>25589</v>
      </c>
      <c r="K4957" t="s">
        <v>25589</v>
      </c>
      <c r="L4957" t="s">
        <v>25590</v>
      </c>
      <c r="M4957">
        <v>3218692</v>
      </c>
      <c r="N4957" t="s">
        <v>25590</v>
      </c>
      <c r="O4957">
        <v>1076</v>
      </c>
      <c r="P4957">
        <v>1</v>
      </c>
      <c r="Q4957">
        <v>0</v>
      </c>
      <c r="R4957" t="s">
        <v>25591</v>
      </c>
      <c r="S4957">
        <v>2016</v>
      </c>
    </row>
    <row r="4958" spans="1:19" x14ac:dyDescent="0.25">
      <c r="A4958">
        <v>5934171</v>
      </c>
      <c r="B4958" t="s">
        <v>25592</v>
      </c>
      <c r="C4958" s="1" t="s">
        <v>25593</v>
      </c>
      <c r="D4958">
        <v>5934243</v>
      </c>
      <c r="E4958">
        <v>1</v>
      </c>
      <c r="F4958">
        <v>0</v>
      </c>
      <c r="H4958" t="s">
        <v>25594</v>
      </c>
      <c r="I4958">
        <v>1</v>
      </c>
      <c r="J4958" t="s">
        <v>25595</v>
      </c>
      <c r="K4958" t="s">
        <v>25595</v>
      </c>
      <c r="M4958">
        <v>1057102</v>
      </c>
      <c r="O4958">
        <v>609041</v>
      </c>
      <c r="P4958">
        <v>1</v>
      </c>
      <c r="Q4958">
        <v>1</v>
      </c>
      <c r="R4958" t="s">
        <v>25596</v>
      </c>
      <c r="S4958">
        <v>1049</v>
      </c>
    </row>
    <row r="4959" spans="1:19" x14ac:dyDescent="0.25">
      <c r="A4959">
        <v>16863767</v>
      </c>
      <c r="B4959" t="s">
        <v>25597</v>
      </c>
      <c r="C4959" s="1" t="s">
        <v>25598</v>
      </c>
      <c r="D4959">
        <v>16863860</v>
      </c>
      <c r="E4959">
        <v>2</v>
      </c>
      <c r="F4959">
        <v>5</v>
      </c>
      <c r="H4959" t="s">
        <v>25599</v>
      </c>
      <c r="J4959" t="s">
        <v>25600</v>
      </c>
      <c r="O4959">
        <v>2138185</v>
      </c>
      <c r="P4959">
        <v>1</v>
      </c>
      <c r="Q4959">
        <v>7</v>
      </c>
      <c r="R4959" t="s">
        <v>25601</v>
      </c>
      <c r="S4959">
        <v>481</v>
      </c>
    </row>
    <row r="4960" spans="1:19" x14ac:dyDescent="0.25">
      <c r="A4960">
        <v>2054014</v>
      </c>
      <c r="B4960" t="s">
        <v>25602</v>
      </c>
      <c r="C4960" s="1" t="s">
        <v>25603</v>
      </c>
      <c r="E4960">
        <v>1</v>
      </c>
      <c r="F4960">
        <v>0</v>
      </c>
      <c r="H4960" t="s">
        <v>25604</v>
      </c>
      <c r="I4960">
        <v>2</v>
      </c>
      <c r="J4960" t="s">
        <v>25605</v>
      </c>
      <c r="O4960">
        <v>214944</v>
      </c>
      <c r="P4960">
        <v>1</v>
      </c>
      <c r="Q4960">
        <v>3</v>
      </c>
      <c r="R4960" t="s">
        <v>25606</v>
      </c>
      <c r="S4960">
        <v>1580</v>
      </c>
    </row>
    <row r="4961" spans="1:19" x14ac:dyDescent="0.25">
      <c r="A4961">
        <v>21299759</v>
      </c>
      <c r="B4961" t="s">
        <v>25607</v>
      </c>
      <c r="C4961" t="s">
        <v>25608</v>
      </c>
      <c r="E4961">
        <v>1</v>
      </c>
      <c r="F4961">
        <v>0</v>
      </c>
      <c r="H4961" t="s">
        <v>25609</v>
      </c>
      <c r="J4961" t="s">
        <v>25610</v>
      </c>
      <c r="N4961" t="s">
        <v>25611</v>
      </c>
      <c r="P4961">
        <v>1</v>
      </c>
      <c r="Q4961">
        <v>1</v>
      </c>
      <c r="R4961" t="s">
        <v>25612</v>
      </c>
      <c r="S4961">
        <v>30</v>
      </c>
    </row>
    <row r="4962" spans="1:19" x14ac:dyDescent="0.25">
      <c r="A4962">
        <v>25151742</v>
      </c>
      <c r="B4962" t="s">
        <v>25613</v>
      </c>
      <c r="C4962" s="1" t="s">
        <v>25614</v>
      </c>
      <c r="D4962">
        <v>25168023</v>
      </c>
      <c r="E4962">
        <v>1</v>
      </c>
      <c r="F4962">
        <v>0</v>
      </c>
      <c r="H4962" t="s">
        <v>25615</v>
      </c>
      <c r="I4962">
        <v>1</v>
      </c>
      <c r="J4962" t="s">
        <v>25616</v>
      </c>
      <c r="K4962" t="s">
        <v>25617</v>
      </c>
      <c r="M4962">
        <v>3780579</v>
      </c>
      <c r="O4962">
        <v>3780579</v>
      </c>
      <c r="P4962">
        <v>1</v>
      </c>
      <c r="Q4962">
        <v>1</v>
      </c>
      <c r="R4962" t="s">
        <v>25618</v>
      </c>
      <c r="S4962">
        <v>853</v>
      </c>
    </row>
    <row r="4963" spans="1:19" x14ac:dyDescent="0.25">
      <c r="A4963">
        <v>26583233</v>
      </c>
      <c r="B4963" t="s">
        <v>25619</v>
      </c>
      <c r="C4963" s="1" t="s">
        <v>25620</v>
      </c>
      <c r="D4963">
        <v>26583290</v>
      </c>
      <c r="E4963">
        <v>3</v>
      </c>
      <c r="F4963">
        <v>0</v>
      </c>
      <c r="H4963" t="s">
        <v>25621</v>
      </c>
      <c r="I4963">
        <v>2</v>
      </c>
      <c r="J4963" t="s">
        <v>25622</v>
      </c>
      <c r="K4963" t="s">
        <v>25623</v>
      </c>
      <c r="M4963">
        <v>1420197</v>
      </c>
      <c r="O4963">
        <v>639258</v>
      </c>
      <c r="P4963">
        <v>1</v>
      </c>
      <c r="Q4963">
        <v>3</v>
      </c>
      <c r="R4963" t="s">
        <v>989</v>
      </c>
      <c r="S4963">
        <v>3825</v>
      </c>
    </row>
    <row r="4964" spans="1:19" x14ac:dyDescent="0.25">
      <c r="A4964">
        <v>10706640</v>
      </c>
      <c r="B4964" t="s">
        <v>25624</v>
      </c>
      <c r="C4964" s="1" t="s">
        <v>25625</v>
      </c>
      <c r="E4964">
        <v>1</v>
      </c>
      <c r="F4964">
        <v>0</v>
      </c>
      <c r="H4964" t="s">
        <v>25626</v>
      </c>
      <c r="J4964" t="s">
        <v>25627</v>
      </c>
      <c r="K4964" t="s">
        <v>25627</v>
      </c>
      <c r="M4964">
        <v>974781</v>
      </c>
      <c r="O4964">
        <v>974781</v>
      </c>
      <c r="P4964">
        <v>1</v>
      </c>
      <c r="Q4964">
        <v>0</v>
      </c>
      <c r="R4964" t="s">
        <v>25628</v>
      </c>
      <c r="S4964">
        <v>2684</v>
      </c>
    </row>
    <row r="4965" spans="1:19" x14ac:dyDescent="0.25">
      <c r="A4965">
        <v>17461844</v>
      </c>
      <c r="B4965" t="s">
        <v>25629</v>
      </c>
      <c r="C4965" t="s">
        <v>25630</v>
      </c>
      <c r="D4965">
        <v>17461959</v>
      </c>
      <c r="E4965">
        <v>2</v>
      </c>
      <c r="F4965">
        <v>0</v>
      </c>
      <c r="H4965" t="s">
        <v>25631</v>
      </c>
      <c r="J4965" t="s">
        <v>25632</v>
      </c>
      <c r="O4965">
        <v>2533385</v>
      </c>
      <c r="P4965">
        <v>1</v>
      </c>
      <c r="Q4965">
        <v>-1</v>
      </c>
      <c r="R4965" t="s">
        <v>25633</v>
      </c>
      <c r="S4965">
        <v>800</v>
      </c>
    </row>
    <row r="4966" spans="1:19" x14ac:dyDescent="0.25">
      <c r="A4966">
        <v>23919081</v>
      </c>
      <c r="B4966" t="s">
        <v>25634</v>
      </c>
      <c r="C4966" s="1" t="s">
        <v>25635</v>
      </c>
      <c r="E4966">
        <v>0</v>
      </c>
      <c r="F4966">
        <v>4</v>
      </c>
      <c r="H4966" t="s">
        <v>25636</v>
      </c>
      <c r="J4966" t="s">
        <v>25637</v>
      </c>
      <c r="K4966" t="s">
        <v>25637</v>
      </c>
      <c r="M4966">
        <v>3315597</v>
      </c>
      <c r="O4966">
        <v>3315597</v>
      </c>
      <c r="P4966">
        <v>1</v>
      </c>
      <c r="Q4966">
        <v>0</v>
      </c>
      <c r="R4966" t="s">
        <v>25638</v>
      </c>
      <c r="S4966">
        <v>31</v>
      </c>
    </row>
    <row r="4967" spans="1:19" x14ac:dyDescent="0.25">
      <c r="A4967">
        <v>43097534</v>
      </c>
      <c r="B4967" t="s">
        <v>25639</v>
      </c>
      <c r="C4967" s="1" t="s">
        <v>25640</v>
      </c>
      <c r="D4967">
        <v>43103277</v>
      </c>
      <c r="E4967">
        <v>1</v>
      </c>
      <c r="F4967">
        <v>0</v>
      </c>
      <c r="H4967" t="s">
        <v>25641</v>
      </c>
      <c r="J4967" t="s">
        <v>25642</v>
      </c>
      <c r="O4967">
        <v>3535951</v>
      </c>
      <c r="P4967">
        <v>1</v>
      </c>
      <c r="Q4967">
        <v>0</v>
      </c>
      <c r="R4967" t="s">
        <v>2494</v>
      </c>
      <c r="S4967">
        <v>51</v>
      </c>
    </row>
    <row r="4968" spans="1:19" x14ac:dyDescent="0.25">
      <c r="A4968">
        <v>34285270</v>
      </c>
      <c r="B4968" t="s">
        <v>25643</v>
      </c>
      <c r="C4968" s="1" t="s">
        <v>25644</v>
      </c>
      <c r="D4968">
        <v>34285434</v>
      </c>
      <c r="E4968">
        <v>1</v>
      </c>
      <c r="F4968">
        <v>4</v>
      </c>
      <c r="H4968" t="s">
        <v>25645</v>
      </c>
      <c r="J4968" t="s">
        <v>25646</v>
      </c>
      <c r="K4968" t="s">
        <v>25646</v>
      </c>
      <c r="M4968">
        <v>4281779</v>
      </c>
      <c r="O4968">
        <v>4813424</v>
      </c>
      <c r="P4968">
        <v>1</v>
      </c>
      <c r="Q4968">
        <v>1</v>
      </c>
      <c r="R4968" t="s">
        <v>25647</v>
      </c>
      <c r="S4968">
        <v>135</v>
      </c>
    </row>
    <row r="4969" spans="1:19" x14ac:dyDescent="0.25">
      <c r="A4969">
        <v>20408840</v>
      </c>
      <c r="B4969" t="s">
        <v>25648</v>
      </c>
      <c r="C4969" s="1" t="s">
        <v>25649</v>
      </c>
      <c r="D4969">
        <v>20410736</v>
      </c>
      <c r="E4969">
        <v>2</v>
      </c>
      <c r="F4969">
        <v>2</v>
      </c>
      <c r="H4969" t="s">
        <v>25650</v>
      </c>
      <c r="J4969" t="s">
        <v>25651</v>
      </c>
      <c r="K4969" t="s">
        <v>25651</v>
      </c>
      <c r="M4969">
        <v>3044919</v>
      </c>
      <c r="O4969">
        <v>3044919</v>
      </c>
      <c r="P4969">
        <v>1</v>
      </c>
      <c r="Q4969">
        <v>0</v>
      </c>
      <c r="R4969" t="s">
        <v>25652</v>
      </c>
      <c r="S4969">
        <v>74</v>
      </c>
    </row>
    <row r="4970" spans="1:19" x14ac:dyDescent="0.25">
      <c r="A4970">
        <v>22716084</v>
      </c>
      <c r="B4970" t="s">
        <v>25653</v>
      </c>
      <c r="C4970" s="1" t="s">
        <v>25654</v>
      </c>
      <c r="E4970">
        <v>1</v>
      </c>
      <c r="F4970">
        <v>0</v>
      </c>
      <c r="H4970" t="s">
        <v>25655</v>
      </c>
      <c r="J4970" t="s">
        <v>25656</v>
      </c>
      <c r="O4970">
        <v>1098063</v>
      </c>
      <c r="P4970">
        <v>1</v>
      </c>
      <c r="Q4970">
        <v>0</v>
      </c>
      <c r="R4970" t="s">
        <v>25657</v>
      </c>
      <c r="S4970">
        <v>18</v>
      </c>
    </row>
    <row r="4971" spans="1:19" x14ac:dyDescent="0.25">
      <c r="A4971">
        <v>50666956</v>
      </c>
      <c r="B4971" t="s">
        <v>25658</v>
      </c>
      <c r="C4971" s="1" t="s">
        <v>25659</v>
      </c>
      <c r="E4971">
        <v>1</v>
      </c>
      <c r="F4971">
        <v>0</v>
      </c>
      <c r="H4971" t="s">
        <v>25660</v>
      </c>
      <c r="I4971">
        <v>1</v>
      </c>
      <c r="J4971" t="s">
        <v>25661</v>
      </c>
      <c r="O4971">
        <v>2345325</v>
      </c>
      <c r="P4971">
        <v>1</v>
      </c>
      <c r="Q4971">
        <v>1</v>
      </c>
      <c r="R4971" t="s">
        <v>25662</v>
      </c>
      <c r="S4971">
        <v>332</v>
      </c>
    </row>
    <row r="4972" spans="1:19" x14ac:dyDescent="0.25">
      <c r="A4972">
        <v>26763170</v>
      </c>
      <c r="B4972" t="s">
        <v>25663</v>
      </c>
      <c r="C4972" s="1" t="s">
        <v>25664</v>
      </c>
      <c r="D4972">
        <v>26763509</v>
      </c>
      <c r="E4972">
        <v>1</v>
      </c>
      <c r="F4972">
        <v>3</v>
      </c>
      <c r="H4972" t="s">
        <v>25665</v>
      </c>
      <c r="J4972" t="s">
        <v>25666</v>
      </c>
      <c r="K4972" t="s">
        <v>25667</v>
      </c>
      <c r="M4972">
        <v>3001761</v>
      </c>
      <c r="O4972">
        <v>4202821</v>
      </c>
      <c r="P4972">
        <v>1</v>
      </c>
      <c r="Q4972">
        <v>-5</v>
      </c>
      <c r="R4972" t="s">
        <v>25668</v>
      </c>
      <c r="S4972">
        <v>47</v>
      </c>
    </row>
    <row r="4973" spans="1:19" x14ac:dyDescent="0.25">
      <c r="A4973">
        <v>5387925</v>
      </c>
      <c r="B4973" t="s">
        <v>25669</v>
      </c>
      <c r="C4973" s="1" t="s">
        <v>25670</v>
      </c>
      <c r="D4973">
        <v>5388162</v>
      </c>
      <c r="E4973">
        <v>5</v>
      </c>
      <c r="F4973">
        <v>0</v>
      </c>
      <c r="H4973" t="s">
        <v>25671</v>
      </c>
      <c r="J4973" t="s">
        <v>25672</v>
      </c>
      <c r="O4973">
        <v>647587</v>
      </c>
      <c r="P4973">
        <v>1</v>
      </c>
      <c r="Q4973">
        <v>0</v>
      </c>
      <c r="R4973" t="s">
        <v>25673</v>
      </c>
      <c r="S4973">
        <v>532</v>
      </c>
    </row>
    <row r="4974" spans="1:19" x14ac:dyDescent="0.25">
      <c r="A4974">
        <v>7153886</v>
      </c>
      <c r="B4974" t="s">
        <v>25674</v>
      </c>
      <c r="C4974" s="1" t="s">
        <v>25675</v>
      </c>
      <c r="E4974">
        <v>1</v>
      </c>
      <c r="F4974">
        <v>2</v>
      </c>
      <c r="H4974" t="s">
        <v>25676</v>
      </c>
      <c r="J4974" t="s">
        <v>25677</v>
      </c>
      <c r="K4974" t="s">
        <v>25677</v>
      </c>
      <c r="M4974">
        <v>310574</v>
      </c>
      <c r="O4974">
        <v>906623</v>
      </c>
      <c r="P4974">
        <v>1</v>
      </c>
      <c r="Q4974">
        <v>0</v>
      </c>
      <c r="R4974" t="s">
        <v>25678</v>
      </c>
      <c r="S4974">
        <v>900</v>
      </c>
    </row>
    <row r="4975" spans="1:19" x14ac:dyDescent="0.25">
      <c r="A4975">
        <v>53369639</v>
      </c>
      <c r="B4975" t="s">
        <v>25679</v>
      </c>
      <c r="C4975" s="1" t="s">
        <v>25680</v>
      </c>
      <c r="E4975">
        <v>2</v>
      </c>
      <c r="F4975">
        <v>10</v>
      </c>
      <c r="H4975" t="s">
        <v>25681</v>
      </c>
      <c r="J4975" t="s">
        <v>25682</v>
      </c>
      <c r="K4975" t="s">
        <v>25683</v>
      </c>
      <c r="M4975">
        <v>7815403</v>
      </c>
      <c r="O4975">
        <v>7815403</v>
      </c>
      <c r="P4975">
        <v>1</v>
      </c>
      <c r="Q4975">
        <v>-1</v>
      </c>
      <c r="R4975" t="s">
        <v>25684</v>
      </c>
      <c r="S4975">
        <v>76</v>
      </c>
    </row>
    <row r="4976" spans="1:19" x14ac:dyDescent="0.25">
      <c r="A4976">
        <v>1232937</v>
      </c>
      <c r="B4976" t="s">
        <v>25685</v>
      </c>
      <c r="C4976" s="1" t="s">
        <v>25686</v>
      </c>
      <c r="D4976">
        <v>1233015</v>
      </c>
      <c r="E4976">
        <v>2</v>
      </c>
      <c r="F4976">
        <v>0</v>
      </c>
      <c r="H4976" t="s">
        <v>25687</v>
      </c>
      <c r="J4976" t="s">
        <v>25688</v>
      </c>
      <c r="K4976" t="s">
        <v>25688</v>
      </c>
      <c r="M4976">
        <v>2591</v>
      </c>
      <c r="O4976">
        <v>2591</v>
      </c>
      <c r="P4976">
        <v>1</v>
      </c>
      <c r="Q4976">
        <v>0</v>
      </c>
      <c r="R4976" t="s">
        <v>25689</v>
      </c>
      <c r="S4976">
        <v>5984</v>
      </c>
    </row>
    <row r="4977" spans="1:19" x14ac:dyDescent="0.25">
      <c r="A4977">
        <v>34841102</v>
      </c>
      <c r="B4977" t="s">
        <v>25690</v>
      </c>
      <c r="C4977" s="1" t="s">
        <v>25691</v>
      </c>
      <c r="D4977">
        <v>34841774</v>
      </c>
      <c r="E4977">
        <v>1</v>
      </c>
      <c r="F4977">
        <v>2</v>
      </c>
      <c r="H4977" t="s">
        <v>25692</v>
      </c>
      <c r="J4977" t="s">
        <v>25693</v>
      </c>
      <c r="K4977" t="s">
        <v>25694</v>
      </c>
      <c r="M4977">
        <v>4940021</v>
      </c>
      <c r="O4977">
        <v>4940021</v>
      </c>
      <c r="P4977">
        <v>1</v>
      </c>
      <c r="Q4977">
        <v>0</v>
      </c>
      <c r="R4977" t="s">
        <v>25695</v>
      </c>
      <c r="S4977">
        <v>257</v>
      </c>
    </row>
    <row r="4978" spans="1:19" x14ac:dyDescent="0.25">
      <c r="A4978">
        <v>45603042</v>
      </c>
      <c r="B4978" t="s">
        <v>25696</v>
      </c>
      <c r="C4978" s="1" t="s">
        <v>25697</v>
      </c>
      <c r="E4978">
        <v>1</v>
      </c>
      <c r="F4978">
        <v>0</v>
      </c>
      <c r="H4978" t="s">
        <v>25698</v>
      </c>
      <c r="J4978" t="s">
        <v>25699</v>
      </c>
      <c r="K4978" t="s">
        <v>25700</v>
      </c>
      <c r="M4978">
        <v>2004397</v>
      </c>
      <c r="O4978">
        <v>2004397</v>
      </c>
      <c r="P4978">
        <v>1</v>
      </c>
      <c r="Q4978">
        <v>0</v>
      </c>
      <c r="R4978" t="s">
        <v>25701</v>
      </c>
      <c r="S4978">
        <v>154</v>
      </c>
    </row>
    <row r="4979" spans="1:19" x14ac:dyDescent="0.25">
      <c r="A4979">
        <v>37459837</v>
      </c>
      <c r="B4979" t="s">
        <v>25702</v>
      </c>
      <c r="C4979" s="1" t="s">
        <v>25703</v>
      </c>
      <c r="D4979">
        <v>37460013</v>
      </c>
      <c r="E4979">
        <v>2</v>
      </c>
      <c r="F4979">
        <v>0</v>
      </c>
      <c r="H4979" t="s">
        <v>25704</v>
      </c>
      <c r="J4979" t="s">
        <v>25705</v>
      </c>
      <c r="O4979">
        <v>2635088</v>
      </c>
      <c r="P4979">
        <v>1</v>
      </c>
      <c r="Q4979">
        <v>1</v>
      </c>
      <c r="R4979" t="s">
        <v>25706</v>
      </c>
      <c r="S4979">
        <v>867</v>
      </c>
    </row>
    <row r="4980" spans="1:19" x14ac:dyDescent="0.25">
      <c r="A4980">
        <v>15208007</v>
      </c>
      <c r="B4980" t="s">
        <v>25707</v>
      </c>
      <c r="C4980" s="1" t="s">
        <v>25708</v>
      </c>
      <c r="E4980">
        <v>1</v>
      </c>
      <c r="F4980">
        <v>3</v>
      </c>
      <c r="H4980" t="s">
        <v>25709</v>
      </c>
      <c r="J4980" t="s">
        <v>25710</v>
      </c>
      <c r="O4980">
        <v>2128789</v>
      </c>
      <c r="P4980">
        <v>1</v>
      </c>
      <c r="Q4980">
        <v>0</v>
      </c>
      <c r="R4980" t="s">
        <v>25711</v>
      </c>
      <c r="S4980">
        <v>10784</v>
      </c>
    </row>
    <row r="4981" spans="1:19" x14ac:dyDescent="0.25">
      <c r="A4981">
        <v>20225407</v>
      </c>
      <c r="B4981" t="s">
        <v>25712</v>
      </c>
      <c r="C4981" s="1" t="s">
        <v>25713</v>
      </c>
      <c r="E4981">
        <v>4</v>
      </c>
      <c r="F4981">
        <v>2</v>
      </c>
      <c r="H4981" t="s">
        <v>25714</v>
      </c>
      <c r="J4981" t="s">
        <v>25715</v>
      </c>
      <c r="O4981">
        <v>1561861</v>
      </c>
      <c r="P4981">
        <v>1</v>
      </c>
      <c r="Q4981">
        <v>1</v>
      </c>
      <c r="R4981" t="s">
        <v>871</v>
      </c>
      <c r="S4981">
        <v>87</v>
      </c>
    </row>
    <row r="4982" spans="1:19" x14ac:dyDescent="0.25">
      <c r="A4982">
        <v>16342460</v>
      </c>
      <c r="B4982" t="s">
        <v>25716</v>
      </c>
      <c r="C4982" s="1" t="s">
        <v>25717</v>
      </c>
      <c r="D4982">
        <v>16342621</v>
      </c>
      <c r="E4982">
        <v>2</v>
      </c>
      <c r="F4982">
        <v>3</v>
      </c>
      <c r="H4982" t="s">
        <v>25718</v>
      </c>
      <c r="I4982">
        <v>1</v>
      </c>
      <c r="J4982" t="s">
        <v>25719</v>
      </c>
      <c r="K4982" t="s">
        <v>25720</v>
      </c>
      <c r="M4982">
        <v>65863</v>
      </c>
      <c r="O4982">
        <v>2244954</v>
      </c>
      <c r="P4982">
        <v>1</v>
      </c>
      <c r="Q4982">
        <v>0</v>
      </c>
      <c r="R4982" t="s">
        <v>25721</v>
      </c>
      <c r="S4982">
        <v>829</v>
      </c>
    </row>
    <row r="4983" spans="1:19" x14ac:dyDescent="0.25">
      <c r="A4983">
        <v>29154036</v>
      </c>
      <c r="B4983" t="s">
        <v>25722</v>
      </c>
      <c r="C4983" s="1" t="s">
        <v>25723</v>
      </c>
      <c r="D4983">
        <v>29154442</v>
      </c>
      <c r="E4983">
        <v>1</v>
      </c>
      <c r="F4983">
        <v>0</v>
      </c>
      <c r="H4983" t="s">
        <v>25724</v>
      </c>
      <c r="I4983">
        <v>0</v>
      </c>
      <c r="J4983" t="s">
        <v>25725</v>
      </c>
      <c r="O4983">
        <v>4691400</v>
      </c>
      <c r="P4983">
        <v>1</v>
      </c>
      <c r="Q4983">
        <v>1</v>
      </c>
      <c r="R4983" t="s">
        <v>25726</v>
      </c>
      <c r="S4983">
        <v>97</v>
      </c>
    </row>
    <row r="4984" spans="1:19" x14ac:dyDescent="0.25">
      <c r="A4984">
        <v>40621874</v>
      </c>
      <c r="B4984" t="s">
        <v>25727</v>
      </c>
      <c r="C4984" s="1" t="s">
        <v>25728</v>
      </c>
      <c r="D4984">
        <v>40752201</v>
      </c>
      <c r="E4984">
        <v>1</v>
      </c>
      <c r="F4984">
        <v>11</v>
      </c>
      <c r="H4984" t="s">
        <v>25729</v>
      </c>
      <c r="J4984" t="s">
        <v>25730</v>
      </c>
      <c r="K4984" t="s">
        <v>25731</v>
      </c>
      <c r="M4984">
        <v>405017</v>
      </c>
      <c r="O4984">
        <v>405017</v>
      </c>
      <c r="P4984">
        <v>1</v>
      </c>
      <c r="Q4984">
        <v>1</v>
      </c>
      <c r="R4984" t="s">
        <v>25732</v>
      </c>
      <c r="S4984">
        <v>426</v>
      </c>
    </row>
    <row r="4985" spans="1:19" x14ac:dyDescent="0.25">
      <c r="A4985">
        <v>37866889</v>
      </c>
      <c r="B4985" t="s">
        <v>25733</v>
      </c>
      <c r="C4985" s="1" t="s">
        <v>25734</v>
      </c>
      <c r="E4985">
        <v>3</v>
      </c>
      <c r="F4985">
        <v>2</v>
      </c>
      <c r="H4985" t="s">
        <v>25735</v>
      </c>
      <c r="J4985" t="s">
        <v>25736</v>
      </c>
      <c r="K4985" t="s">
        <v>25736</v>
      </c>
      <c r="M4985">
        <v>4420967</v>
      </c>
      <c r="O4985">
        <v>6476100</v>
      </c>
      <c r="P4985">
        <v>1</v>
      </c>
      <c r="Q4985">
        <v>-1</v>
      </c>
      <c r="R4985" t="s">
        <v>25737</v>
      </c>
      <c r="S4985">
        <v>180</v>
      </c>
    </row>
    <row r="4986" spans="1:19" x14ac:dyDescent="0.25">
      <c r="A4986">
        <v>11118257</v>
      </c>
      <c r="B4986" t="s">
        <v>25738</v>
      </c>
      <c r="C4986" s="1" t="s">
        <v>25739</v>
      </c>
      <c r="D4986">
        <v>11118309</v>
      </c>
      <c r="E4986">
        <v>2</v>
      </c>
      <c r="F4986">
        <v>7</v>
      </c>
      <c r="H4986" t="s">
        <v>25740</v>
      </c>
      <c r="I4986">
        <v>0</v>
      </c>
      <c r="J4986" t="s">
        <v>25741</v>
      </c>
      <c r="O4986">
        <v>1097285</v>
      </c>
      <c r="P4986">
        <v>1</v>
      </c>
      <c r="Q4986">
        <v>1</v>
      </c>
      <c r="R4986" t="s">
        <v>5746</v>
      </c>
      <c r="S4986">
        <v>4025</v>
      </c>
    </row>
    <row r="4987" spans="1:19" x14ac:dyDescent="0.25">
      <c r="A4987">
        <v>28174434</v>
      </c>
      <c r="B4987" t="s">
        <v>25742</v>
      </c>
      <c r="C4987" s="1" t="s">
        <v>25743</v>
      </c>
      <c r="E4987">
        <v>1</v>
      </c>
      <c r="F4987">
        <v>0</v>
      </c>
      <c r="H4987" t="s">
        <v>25744</v>
      </c>
      <c r="J4987" t="s">
        <v>25745</v>
      </c>
      <c r="O4987">
        <v>1950209</v>
      </c>
      <c r="P4987">
        <v>1</v>
      </c>
      <c r="Q4987">
        <v>0</v>
      </c>
      <c r="R4987" t="s">
        <v>25746</v>
      </c>
      <c r="S4987">
        <v>363</v>
      </c>
    </row>
    <row r="4988" spans="1:19" x14ac:dyDescent="0.25">
      <c r="A4988">
        <v>11329912</v>
      </c>
      <c r="B4988" t="s">
        <v>25747</v>
      </c>
      <c r="C4988" s="1" t="s">
        <v>25748</v>
      </c>
      <c r="D4988">
        <v>11329990</v>
      </c>
      <c r="E4988">
        <v>1</v>
      </c>
      <c r="F4988">
        <v>1</v>
      </c>
      <c r="H4988" t="s">
        <v>25749</v>
      </c>
      <c r="J4988" t="s">
        <v>25750</v>
      </c>
      <c r="K4988" t="s">
        <v>25750</v>
      </c>
      <c r="M4988">
        <v>4370109</v>
      </c>
      <c r="O4988">
        <v>1410263</v>
      </c>
      <c r="P4988">
        <v>1</v>
      </c>
      <c r="Q4988">
        <v>0</v>
      </c>
      <c r="R4988" t="s">
        <v>25751</v>
      </c>
      <c r="S4988">
        <v>176</v>
      </c>
    </row>
    <row r="4989" spans="1:19" x14ac:dyDescent="0.25">
      <c r="A4989">
        <v>47617346</v>
      </c>
      <c r="B4989" t="s">
        <v>25752</v>
      </c>
      <c r="C4989" s="1" t="s">
        <v>25753</v>
      </c>
      <c r="E4989">
        <v>0</v>
      </c>
      <c r="F4989">
        <v>0</v>
      </c>
      <c r="H4989" t="s">
        <v>25754</v>
      </c>
      <c r="J4989" t="s">
        <v>25754</v>
      </c>
      <c r="O4989">
        <v>2392912</v>
      </c>
      <c r="P4989">
        <v>1</v>
      </c>
      <c r="Q4989">
        <v>1</v>
      </c>
      <c r="R4989" t="s">
        <v>25755</v>
      </c>
      <c r="S4989">
        <v>225</v>
      </c>
    </row>
    <row r="4990" spans="1:19" x14ac:dyDescent="0.25">
      <c r="A4990">
        <v>51441415</v>
      </c>
      <c r="B4990" t="s">
        <v>25756</v>
      </c>
      <c r="C4990" t="s">
        <v>25757</v>
      </c>
      <c r="D4990">
        <v>51520106</v>
      </c>
      <c r="E4990">
        <v>1</v>
      </c>
      <c r="F4990">
        <v>2</v>
      </c>
      <c r="H4990" t="s">
        <v>25758</v>
      </c>
      <c r="J4990" t="s">
        <v>25759</v>
      </c>
      <c r="K4990" t="s">
        <v>25760</v>
      </c>
      <c r="M4990">
        <v>205233</v>
      </c>
      <c r="O4990">
        <v>7610681</v>
      </c>
      <c r="P4990">
        <v>1</v>
      </c>
      <c r="Q4990">
        <v>0</v>
      </c>
      <c r="R4990" t="s">
        <v>25761</v>
      </c>
      <c r="S4990">
        <v>274</v>
      </c>
    </row>
    <row r="4991" spans="1:19" x14ac:dyDescent="0.25">
      <c r="A4991">
        <v>14536229</v>
      </c>
      <c r="B4991" t="s">
        <v>25762</v>
      </c>
      <c r="C4991" s="1" t="s">
        <v>25763</v>
      </c>
      <c r="E4991">
        <v>1</v>
      </c>
      <c r="F4991">
        <v>0</v>
      </c>
      <c r="H4991" t="s">
        <v>25764</v>
      </c>
      <c r="J4991" t="s">
        <v>25765</v>
      </c>
      <c r="K4991" t="s">
        <v>25766</v>
      </c>
      <c r="M4991">
        <v>1905887</v>
      </c>
      <c r="O4991">
        <v>1905887</v>
      </c>
      <c r="P4991">
        <v>1</v>
      </c>
      <c r="Q4991">
        <v>0</v>
      </c>
      <c r="R4991" t="s">
        <v>25767</v>
      </c>
      <c r="S4991">
        <v>1548</v>
      </c>
    </row>
    <row r="4992" spans="1:19" x14ac:dyDescent="0.25">
      <c r="A4992">
        <v>6319870</v>
      </c>
      <c r="B4992" t="s">
        <v>25768</v>
      </c>
      <c r="C4992" s="1" t="s">
        <v>25769</v>
      </c>
      <c r="E4992">
        <v>3</v>
      </c>
      <c r="F4992">
        <v>0</v>
      </c>
      <c r="H4992" t="s">
        <v>25770</v>
      </c>
      <c r="I4992">
        <v>2</v>
      </c>
      <c r="J4992" t="s">
        <v>25771</v>
      </c>
      <c r="K4992" t="s">
        <v>25772</v>
      </c>
      <c r="M4992">
        <v>549007</v>
      </c>
      <c r="O4992">
        <v>790162</v>
      </c>
      <c r="P4992">
        <v>1</v>
      </c>
      <c r="Q4992">
        <v>1</v>
      </c>
      <c r="R4992" t="s">
        <v>25773</v>
      </c>
      <c r="S4992">
        <v>39738</v>
      </c>
    </row>
    <row r="4993" spans="1:19" x14ac:dyDescent="0.25">
      <c r="A4993">
        <v>50185543</v>
      </c>
      <c r="B4993" t="s">
        <v>25774</v>
      </c>
      <c r="C4993" s="1" t="s">
        <v>25775</v>
      </c>
      <c r="D4993">
        <v>50185589</v>
      </c>
      <c r="E4993">
        <v>1</v>
      </c>
      <c r="F4993">
        <v>0</v>
      </c>
      <c r="H4993" t="s">
        <v>25776</v>
      </c>
      <c r="J4993" t="s">
        <v>25777</v>
      </c>
      <c r="O4993">
        <v>9694100</v>
      </c>
      <c r="P4993">
        <v>1</v>
      </c>
      <c r="Q4993">
        <v>3</v>
      </c>
      <c r="R4993" t="s">
        <v>1593</v>
      </c>
      <c r="S4993">
        <v>66</v>
      </c>
    </row>
    <row r="4994" spans="1:19" x14ac:dyDescent="0.25">
      <c r="A4994">
        <v>18004566</v>
      </c>
      <c r="B4994" t="s">
        <v>25778</v>
      </c>
      <c r="C4994" s="1" t="s">
        <v>25779</v>
      </c>
      <c r="E4994">
        <v>1</v>
      </c>
      <c r="F4994">
        <v>3</v>
      </c>
      <c r="H4994" t="s">
        <v>25780</v>
      </c>
      <c r="J4994" t="s">
        <v>25781</v>
      </c>
      <c r="O4994">
        <v>2450408</v>
      </c>
      <c r="P4994">
        <v>1</v>
      </c>
      <c r="Q4994">
        <v>0</v>
      </c>
      <c r="R4994" t="s">
        <v>25782</v>
      </c>
      <c r="S4994">
        <v>576</v>
      </c>
    </row>
    <row r="4995" spans="1:19" x14ac:dyDescent="0.25">
      <c r="A4995">
        <v>16787588</v>
      </c>
      <c r="B4995" t="s">
        <v>25783</v>
      </c>
      <c r="C4995" s="1" t="s">
        <v>25784</v>
      </c>
      <c r="E4995">
        <v>0</v>
      </c>
      <c r="F4995">
        <v>7</v>
      </c>
      <c r="H4995" t="s">
        <v>25785</v>
      </c>
      <c r="J4995" t="s">
        <v>25786</v>
      </c>
      <c r="K4995" t="s">
        <v>25786</v>
      </c>
      <c r="M4995">
        <v>575659</v>
      </c>
      <c r="O4995">
        <v>575659</v>
      </c>
      <c r="P4995">
        <v>1</v>
      </c>
      <c r="Q4995">
        <v>0</v>
      </c>
      <c r="R4995" t="s">
        <v>23150</v>
      </c>
      <c r="S4995">
        <v>113</v>
      </c>
    </row>
    <row r="4996" spans="1:19" x14ac:dyDescent="0.25">
      <c r="A4996">
        <v>11911205</v>
      </c>
      <c r="B4996" t="s">
        <v>25787</v>
      </c>
      <c r="C4996" s="1" t="s">
        <v>25788</v>
      </c>
      <c r="E4996">
        <v>2</v>
      </c>
      <c r="F4996">
        <v>0</v>
      </c>
      <c r="H4996" t="s">
        <v>25789</v>
      </c>
      <c r="I4996">
        <v>0</v>
      </c>
      <c r="J4996" t="s">
        <v>25790</v>
      </c>
      <c r="K4996" t="s">
        <v>25791</v>
      </c>
      <c r="M4996">
        <v>1438307</v>
      </c>
      <c r="O4996">
        <v>1591589</v>
      </c>
      <c r="P4996">
        <v>1</v>
      </c>
      <c r="Q4996">
        <v>2</v>
      </c>
      <c r="R4996" t="s">
        <v>25792</v>
      </c>
      <c r="S4996">
        <v>423</v>
      </c>
    </row>
    <row r="4997" spans="1:19" x14ac:dyDescent="0.25">
      <c r="A4997">
        <v>10456510</v>
      </c>
      <c r="B4997" t="s">
        <v>25793</v>
      </c>
      <c r="C4997" s="1" t="s">
        <v>25794</v>
      </c>
      <c r="E4997">
        <v>2</v>
      </c>
      <c r="F4997">
        <v>2</v>
      </c>
      <c r="H4997" t="s">
        <v>25795</v>
      </c>
      <c r="J4997" t="s">
        <v>25796</v>
      </c>
      <c r="K4997" t="s">
        <v>25797</v>
      </c>
      <c r="M4997">
        <v>267885</v>
      </c>
      <c r="O4997">
        <v>1318397</v>
      </c>
      <c r="P4997">
        <v>1</v>
      </c>
      <c r="Q4997">
        <v>2</v>
      </c>
      <c r="R4997" t="s">
        <v>25798</v>
      </c>
      <c r="S4997">
        <v>595</v>
      </c>
    </row>
    <row r="4998" spans="1:19" x14ac:dyDescent="0.25">
      <c r="A4998">
        <v>38919329</v>
      </c>
      <c r="B4998" t="s">
        <v>25799</v>
      </c>
      <c r="C4998" s="1" t="s">
        <v>25800</v>
      </c>
      <c r="D4998">
        <v>38926566</v>
      </c>
      <c r="E4998">
        <v>1</v>
      </c>
      <c r="F4998">
        <v>0</v>
      </c>
      <c r="H4998" t="s">
        <v>25801</v>
      </c>
      <c r="J4998" t="s">
        <v>25802</v>
      </c>
      <c r="K4998" t="s">
        <v>25803</v>
      </c>
      <c r="M4998">
        <v>5090771</v>
      </c>
      <c r="O4998">
        <v>5757155</v>
      </c>
      <c r="P4998">
        <v>1</v>
      </c>
      <c r="Q4998">
        <v>1</v>
      </c>
      <c r="R4998" t="s">
        <v>25804</v>
      </c>
      <c r="S4998">
        <v>235</v>
      </c>
    </row>
    <row r="4999" spans="1:19" x14ac:dyDescent="0.25">
      <c r="A4999">
        <v>1154117</v>
      </c>
      <c r="B4999" t="s">
        <v>25805</v>
      </c>
      <c r="C4999" s="1" t="s">
        <v>25806</v>
      </c>
      <c r="D4999">
        <v>1154179</v>
      </c>
      <c r="E4999">
        <v>3</v>
      </c>
      <c r="F4999">
        <v>0</v>
      </c>
      <c r="H4999" t="s">
        <v>25807</v>
      </c>
      <c r="I4999">
        <v>0</v>
      </c>
      <c r="J4999" t="s">
        <v>25808</v>
      </c>
      <c r="K4999" t="s">
        <v>25809</v>
      </c>
      <c r="M4999">
        <v>276959</v>
      </c>
      <c r="O4999">
        <v>68920</v>
      </c>
      <c r="P4999">
        <v>1</v>
      </c>
      <c r="Q4999">
        <v>1</v>
      </c>
      <c r="R4999" t="s">
        <v>25810</v>
      </c>
      <c r="S4999">
        <v>965</v>
      </c>
    </row>
    <row r="5000" spans="1:19" x14ac:dyDescent="0.25">
      <c r="A5000">
        <v>31051214</v>
      </c>
      <c r="B5000" t="s">
        <v>25811</v>
      </c>
      <c r="C5000" s="1" t="s">
        <v>25812</v>
      </c>
      <c r="E5000">
        <v>1</v>
      </c>
      <c r="F5000">
        <v>0</v>
      </c>
      <c r="H5000" t="s">
        <v>25813</v>
      </c>
      <c r="J5000" t="s">
        <v>25814</v>
      </c>
      <c r="O5000">
        <v>4886586</v>
      </c>
      <c r="P5000">
        <v>1</v>
      </c>
      <c r="Q5000">
        <v>0</v>
      </c>
      <c r="R5000" t="s">
        <v>25815</v>
      </c>
      <c r="S5000">
        <v>104</v>
      </c>
    </row>
    <row r="5001" spans="1:19" x14ac:dyDescent="0.25">
      <c r="A5001">
        <v>10853137</v>
      </c>
      <c r="B5001" t="s">
        <v>25816</v>
      </c>
      <c r="C5001" s="1" t="s">
        <v>25817</v>
      </c>
      <c r="E5001">
        <v>1</v>
      </c>
      <c r="F5001">
        <v>6</v>
      </c>
      <c r="H5001" t="s">
        <v>25818</v>
      </c>
      <c r="I5001">
        <v>1</v>
      </c>
      <c r="J5001" t="s">
        <v>25819</v>
      </c>
      <c r="O5001">
        <v>1112779</v>
      </c>
      <c r="P5001">
        <v>1</v>
      </c>
      <c r="Q5001">
        <v>0</v>
      </c>
      <c r="R5001" t="s">
        <v>25820</v>
      </c>
      <c r="S5001">
        <v>292</v>
      </c>
    </row>
    <row r="5002" spans="1:19" x14ac:dyDescent="0.25">
      <c r="A5002">
        <v>24825815</v>
      </c>
      <c r="B5002" t="s">
        <v>25821</v>
      </c>
      <c r="C5002" s="1" t="s">
        <v>25822</v>
      </c>
      <c r="D5002">
        <v>24826077</v>
      </c>
      <c r="E5002">
        <v>1</v>
      </c>
      <c r="F5002">
        <v>0</v>
      </c>
      <c r="H5002" t="s">
        <v>25823</v>
      </c>
      <c r="J5002" t="s">
        <v>25824</v>
      </c>
      <c r="K5002" t="s">
        <v>25825</v>
      </c>
      <c r="M5002">
        <v>2764279</v>
      </c>
      <c r="O5002">
        <v>2182398</v>
      </c>
      <c r="P5002">
        <v>1</v>
      </c>
      <c r="Q5002">
        <v>1</v>
      </c>
      <c r="R5002" t="s">
        <v>25826</v>
      </c>
      <c r="S5002">
        <v>3370</v>
      </c>
    </row>
    <row r="5003" spans="1:19" x14ac:dyDescent="0.25">
      <c r="A5003">
        <v>39834488</v>
      </c>
      <c r="B5003" t="s">
        <v>25827</v>
      </c>
      <c r="C5003" s="1" t="s">
        <v>25828</v>
      </c>
      <c r="D5003">
        <v>39839491</v>
      </c>
      <c r="E5003">
        <v>1</v>
      </c>
      <c r="F5003">
        <v>0</v>
      </c>
      <c r="H5003" t="s">
        <v>25829</v>
      </c>
      <c r="J5003" t="s">
        <v>25830</v>
      </c>
      <c r="O5003">
        <v>2316658</v>
      </c>
      <c r="P5003">
        <v>1</v>
      </c>
      <c r="Q5003">
        <v>1</v>
      </c>
      <c r="R5003" t="s">
        <v>25831</v>
      </c>
      <c r="S5003">
        <v>131</v>
      </c>
    </row>
    <row r="5004" spans="1:19" x14ac:dyDescent="0.25">
      <c r="A5004">
        <v>31578660</v>
      </c>
      <c r="B5004" t="s">
        <v>25832</v>
      </c>
      <c r="C5004" t="s">
        <v>25833</v>
      </c>
      <c r="E5004">
        <v>2</v>
      </c>
      <c r="F5004">
        <v>0</v>
      </c>
      <c r="H5004" t="s">
        <v>25834</v>
      </c>
      <c r="J5004" t="s">
        <v>25835</v>
      </c>
      <c r="K5004" t="s">
        <v>25836</v>
      </c>
      <c r="M5004">
        <v>2019384</v>
      </c>
      <c r="O5004">
        <v>1998810</v>
      </c>
      <c r="P5004">
        <v>1</v>
      </c>
      <c r="Q5004">
        <v>1</v>
      </c>
      <c r="R5004" t="s">
        <v>25837</v>
      </c>
      <c r="S5004">
        <v>357</v>
      </c>
    </row>
    <row r="5005" spans="1:19" x14ac:dyDescent="0.25">
      <c r="A5005">
        <v>47540392</v>
      </c>
      <c r="B5005" t="s">
        <v>25838</v>
      </c>
      <c r="C5005" s="1" t="s">
        <v>25839</v>
      </c>
      <c r="E5005">
        <v>1</v>
      </c>
      <c r="F5005">
        <v>0</v>
      </c>
      <c r="H5005" t="s">
        <v>25840</v>
      </c>
      <c r="J5005" t="s">
        <v>25841</v>
      </c>
      <c r="O5005">
        <v>8780973</v>
      </c>
      <c r="P5005">
        <v>1</v>
      </c>
      <c r="Q5005">
        <v>0</v>
      </c>
      <c r="R5005" t="s">
        <v>25842</v>
      </c>
      <c r="S5005">
        <v>34</v>
      </c>
    </row>
    <row r="5006" spans="1:19" x14ac:dyDescent="0.25">
      <c r="A5006">
        <v>52222141</v>
      </c>
      <c r="B5006" t="s">
        <v>25843</v>
      </c>
      <c r="C5006" s="1" t="s">
        <v>25844</v>
      </c>
      <c r="E5006">
        <v>1</v>
      </c>
      <c r="F5006">
        <v>0</v>
      </c>
      <c r="H5006" t="s">
        <v>25845</v>
      </c>
      <c r="J5006" t="s">
        <v>25846</v>
      </c>
      <c r="O5006">
        <v>4640185</v>
      </c>
      <c r="P5006">
        <v>1</v>
      </c>
      <c r="Q5006">
        <v>0</v>
      </c>
      <c r="R5006" t="s">
        <v>25847</v>
      </c>
      <c r="S5006">
        <v>61</v>
      </c>
    </row>
    <row r="5007" spans="1:19" x14ac:dyDescent="0.25">
      <c r="A5007">
        <v>13776401</v>
      </c>
      <c r="B5007" t="s">
        <v>25848</v>
      </c>
      <c r="C5007" s="1" t="s">
        <v>25849</v>
      </c>
      <c r="E5007">
        <v>1</v>
      </c>
      <c r="F5007">
        <v>1</v>
      </c>
      <c r="H5007" t="s">
        <v>25850</v>
      </c>
      <c r="I5007">
        <v>0</v>
      </c>
      <c r="J5007" t="s">
        <v>25851</v>
      </c>
      <c r="K5007" t="s">
        <v>25852</v>
      </c>
      <c r="M5007">
        <v>800816</v>
      </c>
      <c r="O5007">
        <v>800816</v>
      </c>
      <c r="P5007">
        <v>1</v>
      </c>
      <c r="Q5007">
        <v>2</v>
      </c>
      <c r="R5007" t="s">
        <v>2122</v>
      </c>
      <c r="S5007">
        <v>253</v>
      </c>
    </row>
    <row r="5008" spans="1:19" x14ac:dyDescent="0.25">
      <c r="A5008">
        <v>53229034</v>
      </c>
      <c r="B5008" t="s">
        <v>25853</v>
      </c>
      <c r="C5008" s="1" t="s">
        <v>25854</v>
      </c>
      <c r="E5008">
        <v>0</v>
      </c>
      <c r="F5008">
        <v>0</v>
      </c>
      <c r="H5008" t="s">
        <v>25855</v>
      </c>
      <c r="J5008" t="s">
        <v>25855</v>
      </c>
      <c r="O5008">
        <v>10629683</v>
      </c>
      <c r="P5008">
        <v>1</v>
      </c>
      <c r="Q5008">
        <v>1</v>
      </c>
      <c r="R5008" t="s">
        <v>25856</v>
      </c>
      <c r="S5008">
        <v>17</v>
      </c>
    </row>
    <row r="5009" spans="1:19" x14ac:dyDescent="0.25">
      <c r="A5009">
        <v>44703775</v>
      </c>
      <c r="B5009" t="s">
        <v>25857</v>
      </c>
      <c r="C5009" s="1" t="s">
        <v>25858</v>
      </c>
      <c r="E5009">
        <v>1</v>
      </c>
      <c r="F5009">
        <v>4</v>
      </c>
      <c r="H5009" t="s">
        <v>25859</v>
      </c>
      <c r="J5009" t="s">
        <v>25860</v>
      </c>
      <c r="K5009" t="s">
        <v>25861</v>
      </c>
      <c r="M5009">
        <v>4495081</v>
      </c>
      <c r="O5009">
        <v>6317694</v>
      </c>
      <c r="P5009">
        <v>1</v>
      </c>
      <c r="Q5009">
        <v>0</v>
      </c>
      <c r="R5009" t="s">
        <v>25862</v>
      </c>
      <c r="S5009">
        <v>217</v>
      </c>
    </row>
    <row r="5010" spans="1:19" x14ac:dyDescent="0.25">
      <c r="A5010">
        <v>20094098</v>
      </c>
      <c r="B5010" t="s">
        <v>25863</v>
      </c>
      <c r="C5010" s="1" t="s">
        <v>25864</v>
      </c>
      <c r="E5010">
        <v>1</v>
      </c>
      <c r="F5010">
        <v>3</v>
      </c>
      <c r="H5010" t="s">
        <v>25865</v>
      </c>
      <c r="J5010" t="s">
        <v>25866</v>
      </c>
      <c r="K5010" t="s">
        <v>25867</v>
      </c>
      <c r="M5010">
        <v>1771402</v>
      </c>
      <c r="O5010">
        <v>1030982</v>
      </c>
      <c r="P5010">
        <v>1</v>
      </c>
      <c r="Q5010">
        <v>0</v>
      </c>
      <c r="R5010" t="s">
        <v>25868</v>
      </c>
      <c r="S5010">
        <v>54</v>
      </c>
    </row>
    <row r="5011" spans="1:19" x14ac:dyDescent="0.25">
      <c r="A5011">
        <v>8671155</v>
      </c>
      <c r="B5011" t="s">
        <v>25869</v>
      </c>
      <c r="C5011" s="1" t="s">
        <v>25870</v>
      </c>
      <c r="D5011">
        <v>8671575</v>
      </c>
      <c r="E5011">
        <v>1</v>
      </c>
      <c r="F5011">
        <v>0</v>
      </c>
      <c r="H5011" t="s">
        <v>25871</v>
      </c>
      <c r="J5011" t="s">
        <v>25872</v>
      </c>
      <c r="O5011">
        <v>1121638</v>
      </c>
      <c r="P5011">
        <v>1</v>
      </c>
      <c r="Q5011">
        <v>1</v>
      </c>
      <c r="R5011" t="s">
        <v>25873</v>
      </c>
      <c r="S5011">
        <v>1662</v>
      </c>
    </row>
    <row r="5012" spans="1:19" x14ac:dyDescent="0.25">
      <c r="A5012">
        <v>15831683</v>
      </c>
      <c r="B5012" t="s">
        <v>25874</v>
      </c>
      <c r="C5012" s="1" t="s">
        <v>25875</v>
      </c>
      <c r="D5012">
        <v>15831949</v>
      </c>
      <c r="E5012">
        <v>1</v>
      </c>
      <c r="F5012">
        <v>0</v>
      </c>
      <c r="H5012" t="s">
        <v>25876</v>
      </c>
      <c r="I5012">
        <v>2</v>
      </c>
      <c r="J5012" t="s">
        <v>25877</v>
      </c>
      <c r="O5012">
        <v>878959</v>
      </c>
      <c r="P5012">
        <v>1</v>
      </c>
      <c r="Q5012">
        <v>5</v>
      </c>
      <c r="R5012" t="s">
        <v>25878</v>
      </c>
      <c r="S5012">
        <v>865</v>
      </c>
    </row>
    <row r="5013" spans="1:19" x14ac:dyDescent="0.25">
      <c r="A5013">
        <v>41643995</v>
      </c>
      <c r="B5013" t="s">
        <v>25879</v>
      </c>
      <c r="C5013" s="1" t="s">
        <v>25880</v>
      </c>
      <c r="D5013">
        <v>41644579</v>
      </c>
      <c r="E5013">
        <v>2</v>
      </c>
      <c r="F5013">
        <v>0</v>
      </c>
      <c r="H5013" t="s">
        <v>25881</v>
      </c>
      <c r="J5013" t="s">
        <v>25882</v>
      </c>
      <c r="O5013">
        <v>7416691</v>
      </c>
      <c r="P5013">
        <v>1</v>
      </c>
      <c r="Q5013">
        <v>-1</v>
      </c>
      <c r="R5013" t="s">
        <v>25883</v>
      </c>
      <c r="S5013">
        <v>600</v>
      </c>
    </row>
    <row r="5014" spans="1:19" x14ac:dyDescent="0.25">
      <c r="A5014">
        <v>19875618</v>
      </c>
      <c r="B5014" t="s">
        <v>25884</v>
      </c>
      <c r="C5014" s="1" t="s">
        <v>25885</v>
      </c>
      <c r="E5014">
        <v>0</v>
      </c>
      <c r="F5014">
        <v>0</v>
      </c>
      <c r="H5014" t="s">
        <v>25886</v>
      </c>
      <c r="J5014" t="s">
        <v>25887</v>
      </c>
      <c r="K5014" t="s">
        <v>25887</v>
      </c>
      <c r="M5014">
        <v>1221191</v>
      </c>
      <c r="O5014">
        <v>2971754</v>
      </c>
      <c r="P5014">
        <v>1</v>
      </c>
      <c r="Q5014">
        <v>1</v>
      </c>
      <c r="R5014" t="s">
        <v>25888</v>
      </c>
      <c r="S5014">
        <v>538</v>
      </c>
    </row>
    <row r="5015" spans="1:19" x14ac:dyDescent="0.25">
      <c r="A5015">
        <v>45374747</v>
      </c>
      <c r="B5015" t="s">
        <v>25889</v>
      </c>
      <c r="C5015" s="1" t="s">
        <v>25890</v>
      </c>
      <c r="E5015">
        <v>1</v>
      </c>
      <c r="F5015">
        <v>4</v>
      </c>
      <c r="H5015" t="s">
        <v>25891</v>
      </c>
      <c r="J5015" t="s">
        <v>25892</v>
      </c>
      <c r="O5015">
        <v>8382136</v>
      </c>
      <c r="P5015">
        <v>1</v>
      </c>
      <c r="Q5015">
        <v>1</v>
      </c>
      <c r="R5015" t="s">
        <v>25893</v>
      </c>
      <c r="S5015">
        <v>53</v>
      </c>
    </row>
    <row r="5016" spans="1:19" x14ac:dyDescent="0.25">
      <c r="A5016">
        <v>5734557</v>
      </c>
      <c r="B5016" t="s">
        <v>25894</v>
      </c>
      <c r="C5016" s="1" t="s">
        <v>25895</v>
      </c>
      <c r="D5016">
        <v>5793479</v>
      </c>
      <c r="E5016">
        <v>1</v>
      </c>
      <c r="F5016">
        <v>4</v>
      </c>
      <c r="H5016" t="s">
        <v>25896</v>
      </c>
      <c r="J5016" t="s">
        <v>25897</v>
      </c>
      <c r="K5016" t="s">
        <v>25898</v>
      </c>
      <c r="M5016">
        <v>580254</v>
      </c>
      <c r="O5016">
        <v>580254</v>
      </c>
      <c r="P5016">
        <v>1</v>
      </c>
      <c r="Q5016">
        <v>1</v>
      </c>
      <c r="R5016" t="s">
        <v>25899</v>
      </c>
      <c r="S5016">
        <v>2432</v>
      </c>
    </row>
    <row r="5017" spans="1:19" x14ac:dyDescent="0.25">
      <c r="A5017">
        <v>27822529</v>
      </c>
      <c r="B5017" t="s">
        <v>25900</v>
      </c>
      <c r="C5017" s="1" t="s">
        <v>25901</v>
      </c>
      <c r="D5017">
        <v>27823120</v>
      </c>
      <c r="E5017">
        <v>1</v>
      </c>
      <c r="F5017">
        <v>2</v>
      </c>
      <c r="H5017" t="s">
        <v>25902</v>
      </c>
      <c r="J5017" t="s">
        <v>25903</v>
      </c>
      <c r="K5017" t="s">
        <v>25903</v>
      </c>
      <c r="M5017">
        <v>4241535</v>
      </c>
      <c r="O5017">
        <v>4425378</v>
      </c>
      <c r="P5017">
        <v>1</v>
      </c>
      <c r="Q5017">
        <v>1</v>
      </c>
      <c r="R5017" t="s">
        <v>25904</v>
      </c>
      <c r="S5017">
        <v>301</v>
      </c>
    </row>
    <row r="5018" spans="1:19" x14ac:dyDescent="0.25">
      <c r="A5018">
        <v>50139565</v>
      </c>
      <c r="B5018" t="s">
        <v>25905</v>
      </c>
      <c r="C5018" s="1" t="s">
        <v>25906</v>
      </c>
      <c r="D5018">
        <v>50139685</v>
      </c>
      <c r="E5018">
        <v>1</v>
      </c>
      <c r="F5018">
        <v>1</v>
      </c>
      <c r="H5018" t="s">
        <v>25907</v>
      </c>
      <c r="I5018">
        <v>1</v>
      </c>
      <c r="J5018" t="s">
        <v>25908</v>
      </c>
      <c r="O5018">
        <v>6210219</v>
      </c>
      <c r="P5018">
        <v>1</v>
      </c>
      <c r="Q5018">
        <v>1</v>
      </c>
      <c r="R5018" t="s">
        <v>229</v>
      </c>
      <c r="S5018">
        <v>42</v>
      </c>
    </row>
    <row r="5019" spans="1:19" x14ac:dyDescent="0.25">
      <c r="A5019">
        <v>8534020</v>
      </c>
      <c r="B5019" t="s">
        <v>25909</v>
      </c>
      <c r="C5019" s="1" t="s">
        <v>25910</v>
      </c>
      <c r="D5019">
        <v>8534321</v>
      </c>
      <c r="E5019">
        <v>1</v>
      </c>
      <c r="F5019">
        <v>5</v>
      </c>
      <c r="H5019" t="s">
        <v>25911</v>
      </c>
      <c r="J5019" t="s">
        <v>25912</v>
      </c>
      <c r="K5019" t="s">
        <v>25913</v>
      </c>
      <c r="M5019">
        <v>2251840</v>
      </c>
      <c r="O5019">
        <v>2251840</v>
      </c>
      <c r="P5019">
        <v>1</v>
      </c>
      <c r="Q5019">
        <v>0</v>
      </c>
      <c r="R5019" t="s">
        <v>25914</v>
      </c>
      <c r="S5019">
        <v>314</v>
      </c>
    </row>
    <row r="5020" spans="1:19" x14ac:dyDescent="0.25">
      <c r="A5020">
        <v>47936011</v>
      </c>
      <c r="B5020" t="s">
        <v>25915</v>
      </c>
      <c r="C5020" s="1" t="s">
        <v>25916</v>
      </c>
      <c r="E5020">
        <v>0</v>
      </c>
      <c r="F5020">
        <v>1</v>
      </c>
      <c r="H5020" t="s">
        <v>25917</v>
      </c>
      <c r="J5020" t="s">
        <v>25917</v>
      </c>
      <c r="O5020">
        <v>5342120</v>
      </c>
      <c r="P5020">
        <v>1</v>
      </c>
      <c r="Q5020">
        <v>0</v>
      </c>
      <c r="R5020" t="s">
        <v>25918</v>
      </c>
      <c r="S5020">
        <v>48</v>
      </c>
    </row>
    <row r="5021" spans="1:19" x14ac:dyDescent="0.25">
      <c r="A5021">
        <v>20442208</v>
      </c>
      <c r="B5021" t="s">
        <v>25919</v>
      </c>
      <c r="C5021" s="1" t="s">
        <v>25920</v>
      </c>
      <c r="D5021">
        <v>20442422</v>
      </c>
      <c r="E5021">
        <v>1</v>
      </c>
      <c r="F5021">
        <v>11</v>
      </c>
      <c r="H5021" t="s">
        <v>25921</v>
      </c>
      <c r="I5021">
        <v>0</v>
      </c>
      <c r="J5021" t="s">
        <v>25922</v>
      </c>
      <c r="K5021" t="s">
        <v>25923</v>
      </c>
      <c r="M5021">
        <v>1176359</v>
      </c>
      <c r="O5021">
        <v>1176359</v>
      </c>
      <c r="P5021">
        <v>1</v>
      </c>
      <c r="Q5021">
        <v>-3</v>
      </c>
      <c r="R5021" t="s">
        <v>25924</v>
      </c>
      <c r="S5021">
        <v>91</v>
      </c>
    </row>
    <row r="5022" spans="1:19" x14ac:dyDescent="0.25">
      <c r="A5022">
        <v>36894662</v>
      </c>
      <c r="B5022" t="s">
        <v>25925</v>
      </c>
      <c r="C5022" s="1" t="s">
        <v>25926</v>
      </c>
      <c r="E5022">
        <v>1</v>
      </c>
      <c r="F5022">
        <v>2</v>
      </c>
      <c r="H5022" t="s">
        <v>25927</v>
      </c>
      <c r="I5022">
        <v>1</v>
      </c>
      <c r="J5022" t="s">
        <v>25928</v>
      </c>
      <c r="O5022">
        <v>4045126</v>
      </c>
      <c r="P5022">
        <v>1</v>
      </c>
      <c r="Q5022">
        <v>1</v>
      </c>
      <c r="R5022" t="s">
        <v>25929</v>
      </c>
      <c r="S5022">
        <v>131</v>
      </c>
    </row>
    <row r="5023" spans="1:19" x14ac:dyDescent="0.25">
      <c r="A5023">
        <v>15164132</v>
      </c>
      <c r="B5023" t="s">
        <v>25930</v>
      </c>
      <c r="C5023" s="1" t="s">
        <v>25931</v>
      </c>
      <c r="D5023">
        <v>19255125</v>
      </c>
      <c r="E5023">
        <v>3</v>
      </c>
      <c r="F5023">
        <v>1</v>
      </c>
      <c r="H5023" t="s">
        <v>25932</v>
      </c>
      <c r="I5023">
        <v>5</v>
      </c>
      <c r="J5023" t="s">
        <v>25933</v>
      </c>
      <c r="K5023" t="s">
        <v>25934</v>
      </c>
      <c r="M5023">
        <v>55925</v>
      </c>
      <c r="O5023">
        <v>55925</v>
      </c>
      <c r="P5023">
        <v>1</v>
      </c>
      <c r="Q5023">
        <v>7</v>
      </c>
      <c r="R5023" t="s">
        <v>25935</v>
      </c>
      <c r="S5023">
        <v>2391</v>
      </c>
    </row>
    <row r="5024" spans="1:19" x14ac:dyDescent="0.25">
      <c r="A5024">
        <v>42602494</v>
      </c>
      <c r="B5024" t="s">
        <v>25936</v>
      </c>
      <c r="C5024" s="1" t="s">
        <v>25937</v>
      </c>
      <c r="E5024">
        <v>1</v>
      </c>
      <c r="F5024">
        <v>4</v>
      </c>
      <c r="H5024" t="s">
        <v>25938</v>
      </c>
      <c r="J5024" t="s">
        <v>25939</v>
      </c>
      <c r="K5024" t="s">
        <v>25940</v>
      </c>
      <c r="M5024">
        <v>4420967</v>
      </c>
      <c r="O5024">
        <v>7108317</v>
      </c>
      <c r="P5024">
        <v>1</v>
      </c>
      <c r="Q5024">
        <v>0</v>
      </c>
      <c r="R5024" t="s">
        <v>515</v>
      </c>
      <c r="S5024">
        <v>317</v>
      </c>
    </row>
    <row r="5025" spans="1:19" x14ac:dyDescent="0.25">
      <c r="A5025">
        <v>21006539</v>
      </c>
      <c r="B5025" t="s">
        <v>25941</v>
      </c>
      <c r="C5025" s="1" t="s">
        <v>25942</v>
      </c>
      <c r="D5025">
        <v>21007034</v>
      </c>
      <c r="E5025">
        <v>1</v>
      </c>
      <c r="F5025">
        <v>0</v>
      </c>
      <c r="H5025" t="s">
        <v>25943</v>
      </c>
      <c r="J5025" t="s">
        <v>25944</v>
      </c>
      <c r="K5025" t="s">
        <v>25944</v>
      </c>
      <c r="M5025">
        <v>2916527</v>
      </c>
      <c r="O5025">
        <v>2916527</v>
      </c>
      <c r="P5025">
        <v>1</v>
      </c>
      <c r="Q5025">
        <v>0</v>
      </c>
      <c r="R5025" t="s">
        <v>21010</v>
      </c>
      <c r="S5025">
        <v>252</v>
      </c>
    </row>
    <row r="5026" spans="1:19" x14ac:dyDescent="0.25">
      <c r="A5026">
        <v>40529060</v>
      </c>
      <c r="B5026" t="s">
        <v>25945</v>
      </c>
      <c r="C5026" s="1" t="s">
        <v>25946</v>
      </c>
      <c r="D5026">
        <v>40533271</v>
      </c>
      <c r="E5026">
        <v>1</v>
      </c>
      <c r="F5026">
        <v>7</v>
      </c>
      <c r="H5026" t="s">
        <v>25947</v>
      </c>
      <c r="J5026" t="s">
        <v>25948</v>
      </c>
      <c r="K5026" t="s">
        <v>15349</v>
      </c>
      <c r="M5026">
        <v>-1</v>
      </c>
      <c r="O5026">
        <v>5159168</v>
      </c>
      <c r="P5026">
        <v>1</v>
      </c>
      <c r="Q5026">
        <v>1</v>
      </c>
      <c r="R5026" t="s">
        <v>25949</v>
      </c>
      <c r="S5026">
        <v>499</v>
      </c>
    </row>
    <row r="5027" spans="1:19" x14ac:dyDescent="0.25">
      <c r="A5027">
        <v>23162976</v>
      </c>
      <c r="B5027" t="s">
        <v>25950</v>
      </c>
      <c r="C5027" s="1" t="s">
        <v>25951</v>
      </c>
      <c r="E5027">
        <v>1</v>
      </c>
      <c r="F5027">
        <v>1</v>
      </c>
      <c r="H5027" t="s">
        <v>25952</v>
      </c>
      <c r="J5027" t="s">
        <v>25953</v>
      </c>
      <c r="K5027" t="s">
        <v>25954</v>
      </c>
      <c r="M5027">
        <v>1033581</v>
      </c>
      <c r="O5027">
        <v>3138436</v>
      </c>
      <c r="P5027">
        <v>1</v>
      </c>
      <c r="Q5027">
        <v>0</v>
      </c>
      <c r="R5027" t="s">
        <v>819</v>
      </c>
      <c r="S5027">
        <v>114</v>
      </c>
    </row>
    <row r="5028" spans="1:19" x14ac:dyDescent="0.25">
      <c r="A5028">
        <v>25529780</v>
      </c>
      <c r="B5028" t="s">
        <v>25955</v>
      </c>
      <c r="C5028" s="1" t="s">
        <v>25956</v>
      </c>
      <c r="D5028">
        <v>25530650</v>
      </c>
      <c r="E5028">
        <v>1</v>
      </c>
      <c r="F5028">
        <v>5</v>
      </c>
      <c r="H5028" t="s">
        <v>25957</v>
      </c>
      <c r="J5028" t="s">
        <v>25958</v>
      </c>
      <c r="K5028" t="s">
        <v>25959</v>
      </c>
      <c r="M5028">
        <v>1711287</v>
      </c>
      <c r="O5028">
        <v>1711287</v>
      </c>
      <c r="P5028">
        <v>1</v>
      </c>
      <c r="Q5028">
        <v>0</v>
      </c>
      <c r="R5028" t="s">
        <v>780</v>
      </c>
      <c r="S5028">
        <v>67</v>
      </c>
    </row>
    <row r="5029" spans="1:19" x14ac:dyDescent="0.25">
      <c r="A5029">
        <v>9030253</v>
      </c>
      <c r="B5029" t="s">
        <v>25960</v>
      </c>
      <c r="C5029" s="1" t="s">
        <v>25961</v>
      </c>
      <c r="E5029">
        <v>1</v>
      </c>
      <c r="F5029">
        <v>1</v>
      </c>
      <c r="H5029" t="s">
        <v>25962</v>
      </c>
      <c r="I5029">
        <v>1</v>
      </c>
      <c r="J5029" t="s">
        <v>25963</v>
      </c>
      <c r="K5029" t="s">
        <v>25964</v>
      </c>
      <c r="M5029">
        <v>398460</v>
      </c>
      <c r="O5029">
        <v>1172998</v>
      </c>
      <c r="P5029">
        <v>1</v>
      </c>
      <c r="Q5029">
        <v>4</v>
      </c>
      <c r="R5029" t="s">
        <v>25965</v>
      </c>
      <c r="S5029">
        <v>910</v>
      </c>
    </row>
    <row r="5030" spans="1:19" x14ac:dyDescent="0.25">
      <c r="A5030">
        <v>27013863</v>
      </c>
      <c r="B5030" t="s">
        <v>25966</v>
      </c>
      <c r="C5030" s="1" t="s">
        <v>25967</v>
      </c>
      <c r="E5030">
        <v>0</v>
      </c>
      <c r="F5030">
        <v>2</v>
      </c>
      <c r="H5030" t="s">
        <v>25968</v>
      </c>
      <c r="J5030" t="s">
        <v>25968</v>
      </c>
      <c r="O5030">
        <v>22599</v>
      </c>
      <c r="P5030">
        <v>1</v>
      </c>
      <c r="Q5030">
        <v>0</v>
      </c>
      <c r="R5030" t="s">
        <v>25969</v>
      </c>
      <c r="S5030">
        <v>90</v>
      </c>
    </row>
    <row r="5031" spans="1:19" x14ac:dyDescent="0.25">
      <c r="A5031">
        <v>11799419</v>
      </c>
      <c r="B5031" t="s">
        <v>25970</v>
      </c>
      <c r="C5031" s="1" t="s">
        <v>25971</v>
      </c>
      <c r="D5031">
        <v>11799976</v>
      </c>
      <c r="E5031">
        <v>1</v>
      </c>
      <c r="F5031">
        <v>2</v>
      </c>
      <c r="H5031" t="s">
        <v>25972</v>
      </c>
      <c r="J5031" t="s">
        <v>25973</v>
      </c>
      <c r="O5031">
        <v>1224370</v>
      </c>
      <c r="P5031">
        <v>1</v>
      </c>
      <c r="Q5031">
        <v>0</v>
      </c>
      <c r="R5031" t="s">
        <v>25974</v>
      </c>
      <c r="S5031">
        <v>4110</v>
      </c>
    </row>
    <row r="5032" spans="1:19" x14ac:dyDescent="0.25">
      <c r="A5032">
        <v>11467723</v>
      </c>
      <c r="B5032" t="s">
        <v>25975</v>
      </c>
      <c r="C5032" s="1" t="s">
        <v>25976</v>
      </c>
      <c r="D5032">
        <v>11472775</v>
      </c>
      <c r="E5032">
        <v>1</v>
      </c>
      <c r="F5032">
        <v>0</v>
      </c>
      <c r="H5032" t="s">
        <v>25977</v>
      </c>
      <c r="J5032" t="s">
        <v>25978</v>
      </c>
      <c r="O5032">
        <v>1465608</v>
      </c>
      <c r="P5032">
        <v>1</v>
      </c>
      <c r="Q5032">
        <v>2</v>
      </c>
      <c r="R5032" t="s">
        <v>25979</v>
      </c>
      <c r="S5032">
        <v>4819</v>
      </c>
    </row>
    <row r="5033" spans="1:19" x14ac:dyDescent="0.25">
      <c r="A5033">
        <v>25823845</v>
      </c>
      <c r="B5033" t="s">
        <v>25980</v>
      </c>
      <c r="C5033" s="1" t="s">
        <v>25981</v>
      </c>
      <c r="E5033">
        <v>1</v>
      </c>
      <c r="F5033">
        <v>2</v>
      </c>
      <c r="H5033" t="s">
        <v>25982</v>
      </c>
      <c r="J5033" t="s">
        <v>25983</v>
      </c>
      <c r="K5033" t="s">
        <v>25984</v>
      </c>
      <c r="M5033">
        <v>131658</v>
      </c>
      <c r="O5033">
        <v>2266261</v>
      </c>
      <c r="P5033">
        <v>1</v>
      </c>
      <c r="Q5033">
        <v>0</v>
      </c>
      <c r="R5033" t="s">
        <v>25985</v>
      </c>
      <c r="S5033">
        <v>133</v>
      </c>
    </row>
    <row r="5034" spans="1:19" x14ac:dyDescent="0.25">
      <c r="A5034">
        <v>41626862</v>
      </c>
      <c r="B5034" t="s">
        <v>25986</v>
      </c>
      <c r="C5034" t="s">
        <v>25987</v>
      </c>
      <c r="D5034">
        <v>41628006</v>
      </c>
      <c r="E5034">
        <v>2</v>
      </c>
      <c r="F5034">
        <v>4</v>
      </c>
      <c r="H5034" t="s">
        <v>25988</v>
      </c>
      <c r="J5034" t="s">
        <v>25989</v>
      </c>
      <c r="K5034" t="s">
        <v>25989</v>
      </c>
      <c r="M5034">
        <v>2227743</v>
      </c>
      <c r="O5034">
        <v>6237972</v>
      </c>
      <c r="P5034">
        <v>1</v>
      </c>
      <c r="Q5034">
        <v>0</v>
      </c>
      <c r="R5034" t="s">
        <v>25990</v>
      </c>
      <c r="S5034">
        <v>48</v>
      </c>
    </row>
    <row r="5035" spans="1:19" x14ac:dyDescent="0.25">
      <c r="A5035">
        <v>27042494</v>
      </c>
      <c r="B5035" t="s">
        <v>25991</v>
      </c>
      <c r="C5035" s="1" t="s">
        <v>25992</v>
      </c>
      <c r="D5035">
        <v>27042598</v>
      </c>
      <c r="E5035">
        <v>2</v>
      </c>
      <c r="F5035">
        <v>3</v>
      </c>
      <c r="H5035" t="s">
        <v>25993</v>
      </c>
      <c r="I5035">
        <v>1</v>
      </c>
      <c r="J5035" t="s">
        <v>25994</v>
      </c>
      <c r="K5035" t="s">
        <v>25994</v>
      </c>
      <c r="M5035">
        <v>2442991</v>
      </c>
      <c r="O5035">
        <v>2442991</v>
      </c>
      <c r="P5035">
        <v>1</v>
      </c>
      <c r="Q5035">
        <v>4</v>
      </c>
      <c r="R5035" t="s">
        <v>25995</v>
      </c>
      <c r="S5035">
        <v>294</v>
      </c>
    </row>
    <row r="5036" spans="1:19" x14ac:dyDescent="0.25">
      <c r="A5036">
        <v>35194653</v>
      </c>
      <c r="B5036" t="s">
        <v>25996</v>
      </c>
      <c r="C5036" s="1" t="s">
        <v>25997</v>
      </c>
      <c r="E5036">
        <v>1</v>
      </c>
      <c r="F5036">
        <v>0</v>
      </c>
      <c r="H5036" t="s">
        <v>25998</v>
      </c>
      <c r="J5036" t="s">
        <v>25999</v>
      </c>
      <c r="K5036" t="s">
        <v>26000</v>
      </c>
      <c r="M5036">
        <v>1530814</v>
      </c>
      <c r="O5036">
        <v>2260967</v>
      </c>
      <c r="P5036">
        <v>1</v>
      </c>
      <c r="Q5036">
        <v>1</v>
      </c>
      <c r="R5036" t="s">
        <v>26001</v>
      </c>
      <c r="S5036">
        <v>246</v>
      </c>
    </row>
    <row r="5037" spans="1:19" x14ac:dyDescent="0.25">
      <c r="A5037">
        <v>45821532</v>
      </c>
      <c r="B5037" t="s">
        <v>26002</v>
      </c>
      <c r="C5037" s="1" t="s">
        <v>26003</v>
      </c>
      <c r="D5037">
        <v>50292203</v>
      </c>
      <c r="E5037">
        <v>4</v>
      </c>
      <c r="F5037">
        <v>0</v>
      </c>
      <c r="H5037" t="s">
        <v>26004</v>
      </c>
      <c r="I5037">
        <v>5</v>
      </c>
      <c r="J5037" t="s">
        <v>26005</v>
      </c>
      <c r="O5037">
        <v>6595819</v>
      </c>
      <c r="P5037">
        <v>1</v>
      </c>
      <c r="Q5037">
        <v>-1</v>
      </c>
      <c r="R5037" t="s">
        <v>26006</v>
      </c>
      <c r="S5037">
        <v>515</v>
      </c>
    </row>
    <row r="5038" spans="1:19" x14ac:dyDescent="0.25">
      <c r="A5038">
        <v>5221904</v>
      </c>
      <c r="B5038" t="s">
        <v>26007</v>
      </c>
      <c r="C5038" s="1" t="s">
        <v>26008</v>
      </c>
      <c r="D5038">
        <v>5222042</v>
      </c>
      <c r="E5038">
        <v>3</v>
      </c>
      <c r="F5038">
        <v>0</v>
      </c>
      <c r="H5038" t="s">
        <v>26009</v>
      </c>
      <c r="I5038">
        <v>2</v>
      </c>
      <c r="J5038" t="s">
        <v>26010</v>
      </c>
      <c r="K5038" t="s">
        <v>26011</v>
      </c>
      <c r="M5038">
        <v>-1</v>
      </c>
      <c r="O5038">
        <v>166521</v>
      </c>
      <c r="P5038">
        <v>1</v>
      </c>
      <c r="Q5038">
        <v>5</v>
      </c>
      <c r="R5038" t="s">
        <v>26012</v>
      </c>
      <c r="S5038">
        <v>2114</v>
      </c>
    </row>
    <row r="5039" spans="1:19" x14ac:dyDescent="0.25">
      <c r="A5039">
        <v>35048165</v>
      </c>
      <c r="B5039" t="s">
        <v>26013</v>
      </c>
      <c r="C5039" s="1" t="s">
        <v>26014</v>
      </c>
      <c r="E5039">
        <v>2</v>
      </c>
      <c r="F5039">
        <v>2</v>
      </c>
      <c r="H5039" t="s">
        <v>26015</v>
      </c>
      <c r="J5039" t="s">
        <v>26016</v>
      </c>
      <c r="O5039">
        <v>5445318</v>
      </c>
      <c r="P5039">
        <v>1</v>
      </c>
      <c r="Q5039">
        <v>0</v>
      </c>
      <c r="R5039" t="s">
        <v>26017</v>
      </c>
      <c r="S5039">
        <v>53</v>
      </c>
    </row>
    <row r="5040" spans="1:19" x14ac:dyDescent="0.25">
      <c r="A5040">
        <v>49489141</v>
      </c>
      <c r="B5040" t="s">
        <v>26018</v>
      </c>
      <c r="C5040" s="1" t="s">
        <v>26019</v>
      </c>
      <c r="E5040">
        <v>2</v>
      </c>
      <c r="F5040">
        <v>0</v>
      </c>
      <c r="H5040" t="s">
        <v>26020</v>
      </c>
      <c r="J5040" t="s">
        <v>26021</v>
      </c>
      <c r="K5040" t="s">
        <v>26022</v>
      </c>
      <c r="M5040">
        <v>7171824</v>
      </c>
      <c r="O5040">
        <v>813751</v>
      </c>
      <c r="P5040">
        <v>1</v>
      </c>
      <c r="Q5040">
        <v>0</v>
      </c>
      <c r="R5040" t="s">
        <v>26023</v>
      </c>
      <c r="S5040">
        <v>96</v>
      </c>
    </row>
    <row r="5041" spans="1:19" x14ac:dyDescent="0.25">
      <c r="A5041">
        <v>52199920</v>
      </c>
      <c r="B5041" t="s">
        <v>26024</v>
      </c>
      <c r="C5041" s="1" t="s">
        <v>26025</v>
      </c>
      <c r="E5041">
        <v>0</v>
      </c>
      <c r="F5041">
        <v>0</v>
      </c>
      <c r="H5041" t="s">
        <v>26026</v>
      </c>
      <c r="J5041" t="s">
        <v>26027</v>
      </c>
      <c r="K5041" t="s">
        <v>26027</v>
      </c>
      <c r="M5041">
        <v>6394722</v>
      </c>
      <c r="O5041">
        <v>10324138</v>
      </c>
      <c r="P5041">
        <v>1</v>
      </c>
      <c r="Q5041">
        <v>0</v>
      </c>
      <c r="R5041" t="s">
        <v>26028</v>
      </c>
      <c r="S5041">
        <v>25</v>
      </c>
    </row>
    <row r="5042" spans="1:19" x14ac:dyDescent="0.25">
      <c r="A5042">
        <v>7047409</v>
      </c>
      <c r="B5042" t="s">
        <v>26029</v>
      </c>
      <c r="C5042" s="1" t="s">
        <v>26030</v>
      </c>
      <c r="D5042">
        <v>7047422</v>
      </c>
      <c r="E5042">
        <v>2</v>
      </c>
      <c r="F5042">
        <v>0</v>
      </c>
      <c r="H5042" t="s">
        <v>26031</v>
      </c>
      <c r="J5042" t="s">
        <v>26032</v>
      </c>
      <c r="O5042">
        <v>439688</v>
      </c>
      <c r="P5042">
        <v>1</v>
      </c>
      <c r="Q5042">
        <v>0</v>
      </c>
      <c r="R5042" t="s">
        <v>26033</v>
      </c>
      <c r="S5042">
        <v>801</v>
      </c>
    </row>
    <row r="5043" spans="1:19" x14ac:dyDescent="0.25">
      <c r="A5043">
        <v>46333904</v>
      </c>
      <c r="B5043" t="s">
        <v>26034</v>
      </c>
      <c r="C5043" s="1" t="s">
        <v>26035</v>
      </c>
      <c r="E5043">
        <v>0</v>
      </c>
      <c r="F5043">
        <v>3</v>
      </c>
      <c r="H5043" t="s">
        <v>26036</v>
      </c>
      <c r="J5043" t="s">
        <v>26037</v>
      </c>
      <c r="K5043" t="s">
        <v>26037</v>
      </c>
      <c r="M5043">
        <v>1554871</v>
      </c>
      <c r="O5043">
        <v>1554871</v>
      </c>
      <c r="P5043">
        <v>1</v>
      </c>
      <c r="Q5043">
        <v>1</v>
      </c>
      <c r="R5043" t="s">
        <v>26038</v>
      </c>
      <c r="S5043">
        <v>63</v>
      </c>
    </row>
    <row r="5044" spans="1:19" x14ac:dyDescent="0.25">
      <c r="A5044">
        <v>37694031</v>
      </c>
      <c r="B5044" t="s">
        <v>26039</v>
      </c>
      <c r="C5044" s="1" t="s">
        <v>26040</v>
      </c>
      <c r="D5044">
        <v>37694292</v>
      </c>
      <c r="E5044">
        <v>1</v>
      </c>
      <c r="F5044">
        <v>0</v>
      </c>
      <c r="H5044" t="s">
        <v>26041</v>
      </c>
      <c r="J5044" t="s">
        <v>26042</v>
      </c>
      <c r="O5044">
        <v>5866494</v>
      </c>
      <c r="P5044">
        <v>1</v>
      </c>
      <c r="Q5044">
        <v>0</v>
      </c>
      <c r="R5044" t="s">
        <v>26043</v>
      </c>
      <c r="S5044">
        <v>60</v>
      </c>
    </row>
    <row r="5045" spans="1:19" x14ac:dyDescent="0.25">
      <c r="A5045">
        <v>36708619</v>
      </c>
      <c r="B5045" t="s">
        <v>26044</v>
      </c>
      <c r="C5045" s="1" t="s">
        <v>26045</v>
      </c>
      <c r="E5045">
        <v>1</v>
      </c>
      <c r="F5045">
        <v>0</v>
      </c>
      <c r="H5045" t="s">
        <v>26046</v>
      </c>
      <c r="J5045" t="s">
        <v>26047</v>
      </c>
      <c r="O5045">
        <v>5375281</v>
      </c>
      <c r="P5045">
        <v>1</v>
      </c>
      <c r="Q5045">
        <v>0</v>
      </c>
      <c r="R5045" t="s">
        <v>26048</v>
      </c>
      <c r="S5045">
        <v>31</v>
      </c>
    </row>
    <row r="5046" spans="1:19" x14ac:dyDescent="0.25">
      <c r="A5046">
        <v>53210568</v>
      </c>
      <c r="B5046" t="s">
        <v>26049</v>
      </c>
      <c r="C5046" s="1" t="s">
        <v>26050</v>
      </c>
      <c r="D5046">
        <v>53369377</v>
      </c>
      <c r="E5046">
        <v>1</v>
      </c>
      <c r="F5046">
        <v>2</v>
      </c>
      <c r="H5046" t="s">
        <v>26051</v>
      </c>
      <c r="J5046" t="s">
        <v>26052</v>
      </c>
      <c r="K5046" t="s">
        <v>26053</v>
      </c>
      <c r="M5046">
        <v>10207899</v>
      </c>
      <c r="O5046">
        <v>10207899</v>
      </c>
      <c r="P5046">
        <v>1</v>
      </c>
      <c r="Q5046">
        <v>2</v>
      </c>
      <c r="R5046" t="s">
        <v>26054</v>
      </c>
      <c r="S5046">
        <v>44</v>
      </c>
    </row>
    <row r="5047" spans="1:19" x14ac:dyDescent="0.25">
      <c r="A5047">
        <v>47527294</v>
      </c>
      <c r="B5047" t="s">
        <v>26055</v>
      </c>
      <c r="C5047" s="1" t="s">
        <v>26056</v>
      </c>
      <c r="E5047">
        <v>2</v>
      </c>
      <c r="F5047">
        <v>1</v>
      </c>
      <c r="H5047" t="s">
        <v>26057</v>
      </c>
      <c r="I5047">
        <v>1</v>
      </c>
      <c r="J5047" t="s">
        <v>26058</v>
      </c>
      <c r="K5047" t="s">
        <v>26059</v>
      </c>
      <c r="M5047">
        <v>8893260</v>
      </c>
      <c r="O5047">
        <v>8893260</v>
      </c>
      <c r="P5047">
        <v>1</v>
      </c>
      <c r="Q5047">
        <v>2</v>
      </c>
      <c r="R5047" t="s">
        <v>26060</v>
      </c>
      <c r="S5047">
        <v>283</v>
      </c>
    </row>
    <row r="5048" spans="1:19" x14ac:dyDescent="0.25">
      <c r="A5048">
        <v>3999434</v>
      </c>
      <c r="B5048" t="s">
        <v>26061</v>
      </c>
      <c r="C5048" s="1" t="s">
        <v>26062</v>
      </c>
      <c r="D5048">
        <v>3999495</v>
      </c>
      <c r="E5048">
        <v>1</v>
      </c>
      <c r="F5048">
        <v>0</v>
      </c>
      <c r="H5048" t="s">
        <v>26063</v>
      </c>
      <c r="J5048" t="s">
        <v>26064</v>
      </c>
      <c r="K5048" t="s">
        <v>26065</v>
      </c>
      <c r="M5048">
        <v>13302</v>
      </c>
      <c r="O5048">
        <v>277480</v>
      </c>
      <c r="P5048">
        <v>1</v>
      </c>
      <c r="Q5048">
        <v>0</v>
      </c>
      <c r="R5048" t="s">
        <v>26066</v>
      </c>
      <c r="S5048">
        <v>4225</v>
      </c>
    </row>
    <row r="5049" spans="1:19" x14ac:dyDescent="0.25">
      <c r="A5049">
        <v>17433249</v>
      </c>
      <c r="B5049" t="s">
        <v>26067</v>
      </c>
      <c r="C5049" s="1" t="s">
        <v>26068</v>
      </c>
      <c r="E5049">
        <v>2</v>
      </c>
      <c r="F5049">
        <v>0</v>
      </c>
      <c r="H5049" t="s">
        <v>26069</v>
      </c>
      <c r="I5049">
        <v>1</v>
      </c>
      <c r="J5049" t="s">
        <v>26070</v>
      </c>
      <c r="O5049">
        <v>984335</v>
      </c>
      <c r="P5049">
        <v>1</v>
      </c>
      <c r="Q5049">
        <v>2</v>
      </c>
      <c r="R5049" t="s">
        <v>26071</v>
      </c>
      <c r="S5049">
        <v>2475</v>
      </c>
    </row>
    <row r="5050" spans="1:19" x14ac:dyDescent="0.25">
      <c r="A5050">
        <v>18350086</v>
      </c>
      <c r="B5050" t="s">
        <v>26072</v>
      </c>
      <c r="C5050" s="1" t="s">
        <v>26073</v>
      </c>
      <c r="E5050">
        <v>2</v>
      </c>
      <c r="F5050">
        <v>1</v>
      </c>
      <c r="H5050" t="s">
        <v>26074</v>
      </c>
      <c r="J5050" t="s">
        <v>26075</v>
      </c>
      <c r="O5050">
        <v>560161</v>
      </c>
      <c r="P5050">
        <v>1</v>
      </c>
      <c r="Q5050">
        <v>0</v>
      </c>
      <c r="R5050" t="s">
        <v>26076</v>
      </c>
      <c r="S5050">
        <v>486</v>
      </c>
    </row>
    <row r="5051" spans="1:19" x14ac:dyDescent="0.25">
      <c r="A5051">
        <v>38973171</v>
      </c>
      <c r="B5051" t="s">
        <v>26077</v>
      </c>
      <c r="C5051" s="1" t="s">
        <v>26078</v>
      </c>
      <c r="D5051">
        <v>38973323</v>
      </c>
      <c r="E5051">
        <v>3</v>
      </c>
      <c r="F5051">
        <v>2</v>
      </c>
      <c r="H5051" t="s">
        <v>26079</v>
      </c>
      <c r="J5051" t="s">
        <v>26080</v>
      </c>
      <c r="K5051" t="s">
        <v>26081</v>
      </c>
      <c r="L5051" t="s">
        <v>26082</v>
      </c>
      <c r="N5051" t="s">
        <v>26082</v>
      </c>
      <c r="P5051">
        <v>1</v>
      </c>
      <c r="Q5051">
        <v>1</v>
      </c>
      <c r="R5051" t="s">
        <v>26083</v>
      </c>
      <c r="S5051">
        <v>111</v>
      </c>
    </row>
    <row r="5052" spans="1:19" x14ac:dyDescent="0.25">
      <c r="A5052">
        <v>11588907</v>
      </c>
      <c r="B5052" t="s">
        <v>26084</v>
      </c>
      <c r="C5052" s="1" t="s">
        <v>26085</v>
      </c>
      <c r="E5052">
        <v>0</v>
      </c>
      <c r="F5052">
        <v>6</v>
      </c>
      <c r="H5052" t="s">
        <v>26086</v>
      </c>
      <c r="J5052" t="s">
        <v>26087</v>
      </c>
      <c r="K5052" t="s">
        <v>26087</v>
      </c>
      <c r="M5052">
        <v>980434</v>
      </c>
      <c r="O5052">
        <v>1008116</v>
      </c>
      <c r="P5052">
        <v>1</v>
      </c>
      <c r="Q5052">
        <v>1</v>
      </c>
      <c r="R5052" t="s">
        <v>26088</v>
      </c>
      <c r="S5052">
        <v>952</v>
      </c>
    </row>
    <row r="5053" spans="1:19" x14ac:dyDescent="0.25">
      <c r="A5053">
        <v>2750624</v>
      </c>
      <c r="B5053" t="s">
        <v>26089</v>
      </c>
      <c r="C5053" s="1" t="s">
        <v>26090</v>
      </c>
      <c r="D5053">
        <v>2753100</v>
      </c>
      <c r="E5053">
        <v>2</v>
      </c>
      <c r="F5053">
        <v>0</v>
      </c>
      <c r="H5053" t="s">
        <v>26091</v>
      </c>
      <c r="J5053" t="s">
        <v>26092</v>
      </c>
      <c r="K5053" t="s">
        <v>26092</v>
      </c>
      <c r="M5053">
        <v>1563422</v>
      </c>
      <c r="O5053">
        <v>176455</v>
      </c>
      <c r="P5053">
        <v>1</v>
      </c>
      <c r="Q5053">
        <v>0</v>
      </c>
      <c r="R5053" t="s">
        <v>26093</v>
      </c>
      <c r="S5053">
        <v>3135</v>
      </c>
    </row>
    <row r="5054" spans="1:19" x14ac:dyDescent="0.25">
      <c r="A5054">
        <v>50830670</v>
      </c>
      <c r="B5054" t="s">
        <v>26094</v>
      </c>
      <c r="C5054" s="1" t="s">
        <v>26095</v>
      </c>
      <c r="E5054">
        <v>0</v>
      </c>
      <c r="F5054">
        <v>0</v>
      </c>
      <c r="H5054" t="s">
        <v>26096</v>
      </c>
      <c r="J5054" t="s">
        <v>26096</v>
      </c>
      <c r="O5054">
        <v>4281964</v>
      </c>
      <c r="P5054">
        <v>1</v>
      </c>
      <c r="Q5054">
        <v>0</v>
      </c>
      <c r="R5054" t="s">
        <v>26097</v>
      </c>
      <c r="S5054">
        <v>14</v>
      </c>
    </row>
    <row r="5055" spans="1:19" x14ac:dyDescent="0.25">
      <c r="A5055">
        <v>6430380</v>
      </c>
      <c r="B5055" t="s">
        <v>26098</v>
      </c>
      <c r="C5055" s="1" t="s">
        <v>26099</v>
      </c>
      <c r="D5055">
        <v>6430441</v>
      </c>
      <c r="E5055">
        <v>2</v>
      </c>
      <c r="F5055">
        <v>0</v>
      </c>
      <c r="H5055" t="s">
        <v>26100</v>
      </c>
      <c r="J5055" t="s">
        <v>26101</v>
      </c>
      <c r="O5055">
        <v>452079</v>
      </c>
      <c r="P5055">
        <v>1</v>
      </c>
      <c r="Q5055">
        <v>8</v>
      </c>
      <c r="R5055" t="s">
        <v>26102</v>
      </c>
      <c r="S5055">
        <v>912</v>
      </c>
    </row>
    <row r="5056" spans="1:19" x14ac:dyDescent="0.25">
      <c r="A5056">
        <v>30819723</v>
      </c>
      <c r="B5056" t="s">
        <v>26103</v>
      </c>
      <c r="C5056" s="1" t="s">
        <v>26104</v>
      </c>
      <c r="E5056">
        <v>2</v>
      </c>
      <c r="F5056">
        <v>4</v>
      </c>
      <c r="H5056" t="s">
        <v>26105</v>
      </c>
      <c r="J5056" t="s">
        <v>26106</v>
      </c>
      <c r="O5056">
        <v>1923613</v>
      </c>
      <c r="P5056">
        <v>1</v>
      </c>
      <c r="Q5056">
        <v>0</v>
      </c>
      <c r="R5056" t="s">
        <v>26107</v>
      </c>
      <c r="S5056">
        <v>40</v>
      </c>
    </row>
    <row r="5057" spans="1:19" x14ac:dyDescent="0.25">
      <c r="A5057">
        <v>27431480</v>
      </c>
      <c r="B5057" t="s">
        <v>26108</v>
      </c>
      <c r="C5057" s="1" t="s">
        <v>26109</v>
      </c>
      <c r="D5057">
        <v>27431766</v>
      </c>
      <c r="E5057">
        <v>2</v>
      </c>
      <c r="F5057">
        <v>2</v>
      </c>
      <c r="H5057" t="s">
        <v>26110</v>
      </c>
      <c r="J5057" t="s">
        <v>26111</v>
      </c>
      <c r="K5057" t="s">
        <v>26112</v>
      </c>
      <c r="M5057">
        <v>165071</v>
      </c>
      <c r="O5057">
        <v>165071</v>
      </c>
      <c r="P5057">
        <v>1</v>
      </c>
      <c r="Q5057">
        <v>0</v>
      </c>
      <c r="R5057" t="s">
        <v>26113</v>
      </c>
      <c r="S5057">
        <v>405</v>
      </c>
    </row>
    <row r="5058" spans="1:19" x14ac:dyDescent="0.25">
      <c r="A5058">
        <v>52834715</v>
      </c>
      <c r="B5058" t="s">
        <v>26114</v>
      </c>
      <c r="C5058" s="1" t="s">
        <v>26115</v>
      </c>
      <c r="E5058">
        <v>2</v>
      </c>
      <c r="F5058">
        <v>3</v>
      </c>
      <c r="H5058" t="s">
        <v>26116</v>
      </c>
      <c r="J5058" t="s">
        <v>26117</v>
      </c>
      <c r="O5058">
        <v>249696</v>
      </c>
      <c r="P5058">
        <v>1</v>
      </c>
      <c r="Q5058">
        <v>0</v>
      </c>
      <c r="R5058" t="s">
        <v>26118</v>
      </c>
      <c r="S5058">
        <v>28</v>
      </c>
    </row>
    <row r="5059" spans="1:19" x14ac:dyDescent="0.25">
      <c r="A5059">
        <v>42039728</v>
      </c>
      <c r="B5059" t="s">
        <v>26119</v>
      </c>
      <c r="C5059" s="1" t="s">
        <v>26120</v>
      </c>
      <c r="D5059">
        <v>42039920</v>
      </c>
      <c r="E5059">
        <v>2</v>
      </c>
      <c r="F5059">
        <v>0</v>
      </c>
      <c r="H5059" t="s">
        <v>26121</v>
      </c>
      <c r="J5059" t="s">
        <v>26122</v>
      </c>
      <c r="K5059" t="s">
        <v>26123</v>
      </c>
      <c r="M5059">
        <v>1980463</v>
      </c>
      <c r="O5059">
        <v>1980463</v>
      </c>
      <c r="P5059">
        <v>1</v>
      </c>
      <c r="Q5059">
        <v>5</v>
      </c>
      <c r="R5059" t="s">
        <v>26124</v>
      </c>
      <c r="S5059">
        <v>4685</v>
      </c>
    </row>
    <row r="5060" spans="1:19" x14ac:dyDescent="0.25">
      <c r="A5060">
        <v>50800627</v>
      </c>
      <c r="B5060" t="s">
        <v>26125</v>
      </c>
      <c r="C5060" s="1" t="s">
        <v>26126</v>
      </c>
      <c r="E5060">
        <v>1</v>
      </c>
      <c r="F5060">
        <v>0</v>
      </c>
      <c r="H5060" t="s">
        <v>26127</v>
      </c>
      <c r="J5060" t="s">
        <v>26128</v>
      </c>
      <c r="K5060" t="s">
        <v>26128</v>
      </c>
      <c r="M5060">
        <v>4969440</v>
      </c>
      <c r="O5060">
        <v>4969440</v>
      </c>
      <c r="P5060">
        <v>1</v>
      </c>
      <c r="Q5060">
        <v>0</v>
      </c>
      <c r="R5060" t="s">
        <v>26129</v>
      </c>
      <c r="S5060">
        <v>37</v>
      </c>
    </row>
    <row r="5061" spans="1:19" x14ac:dyDescent="0.25">
      <c r="A5061">
        <v>33259890</v>
      </c>
      <c r="B5061" t="s">
        <v>26130</v>
      </c>
      <c r="C5061" s="1" t="s">
        <v>26131</v>
      </c>
      <c r="E5061">
        <v>0</v>
      </c>
      <c r="F5061">
        <v>10</v>
      </c>
      <c r="H5061" t="s">
        <v>26132</v>
      </c>
      <c r="J5061" t="s">
        <v>26133</v>
      </c>
      <c r="K5061" t="s">
        <v>26133</v>
      </c>
      <c r="M5061">
        <v>556931</v>
      </c>
      <c r="O5061">
        <v>556931</v>
      </c>
      <c r="P5061">
        <v>1</v>
      </c>
      <c r="Q5061">
        <v>2</v>
      </c>
      <c r="R5061" t="s">
        <v>26134</v>
      </c>
      <c r="S5061">
        <v>411</v>
      </c>
    </row>
    <row r="5062" spans="1:19" x14ac:dyDescent="0.25">
      <c r="A5062">
        <v>46020999</v>
      </c>
      <c r="B5062" t="s">
        <v>26135</v>
      </c>
      <c r="C5062" s="1" t="s">
        <v>26136</v>
      </c>
      <c r="E5062">
        <v>1</v>
      </c>
      <c r="F5062">
        <v>1</v>
      </c>
      <c r="H5062" t="s">
        <v>26137</v>
      </c>
      <c r="J5062" t="s">
        <v>26138</v>
      </c>
      <c r="K5062" t="s">
        <v>26139</v>
      </c>
      <c r="M5062">
        <v>1820451</v>
      </c>
      <c r="O5062">
        <v>1820451</v>
      </c>
      <c r="P5062">
        <v>1</v>
      </c>
      <c r="Q5062">
        <v>1</v>
      </c>
      <c r="R5062" t="s">
        <v>26140</v>
      </c>
      <c r="S5062">
        <v>135</v>
      </c>
    </row>
    <row r="5063" spans="1:19" x14ac:dyDescent="0.25">
      <c r="A5063">
        <v>14106679</v>
      </c>
      <c r="B5063" t="s">
        <v>26141</v>
      </c>
      <c r="C5063" s="1" t="s">
        <v>26142</v>
      </c>
      <c r="D5063">
        <v>14106707</v>
      </c>
      <c r="E5063">
        <v>2</v>
      </c>
      <c r="F5063">
        <v>2</v>
      </c>
      <c r="H5063" t="s">
        <v>26143</v>
      </c>
      <c r="I5063">
        <v>2</v>
      </c>
      <c r="J5063" t="s">
        <v>26144</v>
      </c>
      <c r="K5063" t="s">
        <v>26145</v>
      </c>
      <c r="L5063" t="s">
        <v>19430</v>
      </c>
      <c r="M5063">
        <v>-1</v>
      </c>
      <c r="O5063">
        <v>617937</v>
      </c>
      <c r="P5063">
        <v>1</v>
      </c>
      <c r="Q5063">
        <v>8</v>
      </c>
      <c r="R5063" t="s">
        <v>26146</v>
      </c>
      <c r="S5063">
        <v>13599</v>
      </c>
    </row>
    <row r="5064" spans="1:19" x14ac:dyDescent="0.25">
      <c r="A5064">
        <v>20797912</v>
      </c>
      <c r="B5064" t="s">
        <v>26147</v>
      </c>
      <c r="C5064" s="1" t="s">
        <v>26148</v>
      </c>
      <c r="D5064">
        <v>20798860</v>
      </c>
      <c r="E5064">
        <v>1</v>
      </c>
      <c r="F5064">
        <v>0</v>
      </c>
      <c r="H5064" t="s">
        <v>26149</v>
      </c>
      <c r="J5064" t="s">
        <v>26150</v>
      </c>
      <c r="O5064">
        <v>1722835</v>
      </c>
      <c r="P5064">
        <v>1</v>
      </c>
      <c r="Q5064">
        <v>1</v>
      </c>
      <c r="R5064" t="s">
        <v>26151</v>
      </c>
      <c r="S5064">
        <v>341</v>
      </c>
    </row>
    <row r="5065" spans="1:19" x14ac:dyDescent="0.25">
      <c r="A5065">
        <v>15291487</v>
      </c>
      <c r="B5065" t="s">
        <v>26152</v>
      </c>
      <c r="C5065" s="1" t="s">
        <v>26153</v>
      </c>
      <c r="E5065">
        <v>3</v>
      </c>
      <c r="F5065">
        <v>0</v>
      </c>
      <c r="H5065" t="s">
        <v>26154</v>
      </c>
      <c r="J5065" t="s">
        <v>26155</v>
      </c>
      <c r="K5065" t="s">
        <v>26156</v>
      </c>
      <c r="M5065">
        <v>596952</v>
      </c>
      <c r="O5065">
        <v>2147951</v>
      </c>
      <c r="P5065">
        <v>1</v>
      </c>
      <c r="Q5065">
        <v>1</v>
      </c>
      <c r="R5065" t="s">
        <v>26157</v>
      </c>
      <c r="S5065">
        <v>4325</v>
      </c>
    </row>
    <row r="5066" spans="1:19" x14ac:dyDescent="0.25">
      <c r="A5066">
        <v>29604725</v>
      </c>
      <c r="B5066" t="s">
        <v>26158</v>
      </c>
      <c r="C5066" s="1" t="s">
        <v>26159</v>
      </c>
      <c r="D5066">
        <v>29605126</v>
      </c>
      <c r="E5066">
        <v>4</v>
      </c>
      <c r="F5066">
        <v>2</v>
      </c>
      <c r="H5066" t="s">
        <v>26160</v>
      </c>
      <c r="J5066" t="s">
        <v>26161</v>
      </c>
      <c r="K5066" t="s">
        <v>26162</v>
      </c>
      <c r="M5066">
        <v>3446022</v>
      </c>
      <c r="O5066">
        <v>4728605</v>
      </c>
      <c r="P5066">
        <v>1</v>
      </c>
      <c r="Q5066">
        <v>-1</v>
      </c>
      <c r="R5066" t="s">
        <v>3056</v>
      </c>
      <c r="S5066">
        <v>72</v>
      </c>
    </row>
    <row r="5067" spans="1:19" x14ac:dyDescent="0.25">
      <c r="A5067">
        <v>12273255</v>
      </c>
      <c r="B5067" t="s">
        <v>26163</v>
      </c>
      <c r="C5067" s="1" t="s">
        <v>26164</v>
      </c>
      <c r="D5067">
        <v>12275345</v>
      </c>
      <c r="E5067">
        <v>1</v>
      </c>
      <c r="F5067">
        <v>0</v>
      </c>
      <c r="H5067" t="s">
        <v>26165</v>
      </c>
      <c r="I5067">
        <v>3</v>
      </c>
      <c r="J5067" t="s">
        <v>26166</v>
      </c>
      <c r="K5067" t="s">
        <v>26167</v>
      </c>
      <c r="M5067">
        <v>-1</v>
      </c>
      <c r="O5067">
        <v>914241</v>
      </c>
      <c r="P5067">
        <v>1</v>
      </c>
      <c r="Q5067">
        <v>2</v>
      </c>
      <c r="R5067" t="s">
        <v>26168</v>
      </c>
      <c r="S5067">
        <v>6579</v>
      </c>
    </row>
    <row r="5068" spans="1:19" x14ac:dyDescent="0.25">
      <c r="A5068">
        <v>4792695</v>
      </c>
      <c r="B5068" t="s">
        <v>26169</v>
      </c>
      <c r="C5068" s="1" t="s">
        <v>26170</v>
      </c>
      <c r="D5068">
        <v>4802650</v>
      </c>
      <c r="E5068">
        <v>2</v>
      </c>
      <c r="F5068">
        <v>0</v>
      </c>
      <c r="H5068" t="s">
        <v>26171</v>
      </c>
      <c r="J5068" t="s">
        <v>26172</v>
      </c>
      <c r="O5068">
        <v>529436</v>
      </c>
      <c r="P5068">
        <v>1</v>
      </c>
      <c r="Q5068">
        <v>0</v>
      </c>
      <c r="R5068" t="s">
        <v>26173</v>
      </c>
      <c r="S5068">
        <v>2003</v>
      </c>
    </row>
    <row r="5069" spans="1:19" x14ac:dyDescent="0.25">
      <c r="A5069">
        <v>37776295</v>
      </c>
      <c r="B5069" t="s">
        <v>26174</v>
      </c>
      <c r="C5069" s="1" t="s">
        <v>26175</v>
      </c>
      <c r="D5069">
        <v>37779213</v>
      </c>
      <c r="E5069">
        <v>2</v>
      </c>
      <c r="F5069">
        <v>2</v>
      </c>
      <c r="H5069" t="s">
        <v>26176</v>
      </c>
      <c r="J5069" t="s">
        <v>26177</v>
      </c>
      <c r="K5069" t="s">
        <v>26177</v>
      </c>
      <c r="M5069">
        <v>5757159</v>
      </c>
      <c r="O5069">
        <v>3367482</v>
      </c>
      <c r="P5069">
        <v>1</v>
      </c>
      <c r="Q5069">
        <v>0</v>
      </c>
      <c r="R5069" t="s">
        <v>26178</v>
      </c>
      <c r="S5069">
        <v>615</v>
      </c>
    </row>
    <row r="5070" spans="1:19" x14ac:dyDescent="0.25">
      <c r="A5070">
        <v>15463048</v>
      </c>
      <c r="B5070" t="s">
        <v>26179</v>
      </c>
      <c r="C5070" s="1" t="s">
        <v>26180</v>
      </c>
      <c r="E5070">
        <v>1</v>
      </c>
      <c r="F5070">
        <v>4</v>
      </c>
      <c r="H5070" t="s">
        <v>26181</v>
      </c>
      <c r="J5070" t="s">
        <v>26182</v>
      </c>
      <c r="K5070" t="s">
        <v>26183</v>
      </c>
      <c r="M5070">
        <v>2177393</v>
      </c>
      <c r="O5070">
        <v>2177393</v>
      </c>
      <c r="P5070">
        <v>1</v>
      </c>
      <c r="Q5070">
        <v>-2</v>
      </c>
      <c r="R5070" t="s">
        <v>14610</v>
      </c>
      <c r="S5070">
        <v>53</v>
      </c>
    </row>
    <row r="5071" spans="1:19" x14ac:dyDescent="0.25">
      <c r="A5071">
        <v>17570264</v>
      </c>
      <c r="B5071" t="s">
        <v>26184</v>
      </c>
      <c r="C5071" s="1" t="s">
        <v>26185</v>
      </c>
      <c r="E5071">
        <v>3</v>
      </c>
      <c r="F5071">
        <v>0</v>
      </c>
      <c r="H5071" t="s">
        <v>26186</v>
      </c>
      <c r="J5071" t="s">
        <v>26187</v>
      </c>
      <c r="O5071">
        <v>2522537</v>
      </c>
      <c r="P5071">
        <v>1</v>
      </c>
      <c r="Q5071">
        <v>1</v>
      </c>
      <c r="R5071" t="s">
        <v>26188</v>
      </c>
      <c r="S5071">
        <v>15685</v>
      </c>
    </row>
    <row r="5072" spans="1:19" x14ac:dyDescent="0.25">
      <c r="A5072">
        <v>24118337</v>
      </c>
      <c r="B5072" t="s">
        <v>26189</v>
      </c>
      <c r="C5072" s="1" t="s">
        <v>26190</v>
      </c>
      <c r="E5072">
        <v>2</v>
      </c>
      <c r="F5072">
        <v>2</v>
      </c>
      <c r="H5072" t="s">
        <v>26191</v>
      </c>
      <c r="I5072">
        <v>3</v>
      </c>
      <c r="J5072" t="s">
        <v>26192</v>
      </c>
      <c r="O5072">
        <v>1632987</v>
      </c>
      <c r="P5072">
        <v>1</v>
      </c>
      <c r="Q5072">
        <v>10</v>
      </c>
      <c r="R5072" t="s">
        <v>26193</v>
      </c>
      <c r="S5072">
        <v>20057</v>
      </c>
    </row>
    <row r="5073" spans="1:19" x14ac:dyDescent="0.25">
      <c r="A5073">
        <v>8816732</v>
      </c>
      <c r="B5073" t="s">
        <v>26194</v>
      </c>
      <c r="C5073" s="1" t="s">
        <v>26195</v>
      </c>
      <c r="D5073">
        <v>17067276</v>
      </c>
      <c r="E5073">
        <v>3</v>
      </c>
      <c r="F5073">
        <v>0</v>
      </c>
      <c r="H5073" t="s">
        <v>26196</v>
      </c>
      <c r="J5073" t="s">
        <v>26197</v>
      </c>
      <c r="K5073" t="s">
        <v>26198</v>
      </c>
      <c r="M5073">
        <v>784766</v>
      </c>
      <c r="O5073">
        <v>784766</v>
      </c>
      <c r="P5073">
        <v>1</v>
      </c>
      <c r="Q5073">
        <v>8</v>
      </c>
      <c r="R5073" t="s">
        <v>26199</v>
      </c>
      <c r="S5073">
        <v>491</v>
      </c>
    </row>
    <row r="5074" spans="1:19" x14ac:dyDescent="0.25">
      <c r="A5074">
        <v>43014504</v>
      </c>
      <c r="B5074" t="s">
        <v>26200</v>
      </c>
      <c r="C5074" s="1" t="s">
        <v>26201</v>
      </c>
      <c r="E5074">
        <v>2</v>
      </c>
      <c r="F5074">
        <v>7</v>
      </c>
      <c r="H5074" t="s">
        <v>26202</v>
      </c>
      <c r="J5074" t="s">
        <v>26203</v>
      </c>
      <c r="K5074" t="s">
        <v>26204</v>
      </c>
      <c r="M5074">
        <v>1491895</v>
      </c>
      <c r="O5074">
        <v>7765733</v>
      </c>
      <c r="P5074">
        <v>1</v>
      </c>
      <c r="Q5074">
        <v>0</v>
      </c>
      <c r="R5074" t="s">
        <v>1359</v>
      </c>
      <c r="S5074">
        <v>26</v>
      </c>
    </row>
    <row r="5075" spans="1:19" x14ac:dyDescent="0.25">
      <c r="A5075">
        <v>29476848</v>
      </c>
      <c r="B5075" t="s">
        <v>26205</v>
      </c>
      <c r="C5075" s="1" t="s">
        <v>26206</v>
      </c>
      <c r="E5075">
        <v>1</v>
      </c>
      <c r="F5075">
        <v>0</v>
      </c>
      <c r="H5075" t="s">
        <v>26207</v>
      </c>
      <c r="J5075" t="s">
        <v>26208</v>
      </c>
      <c r="O5075">
        <v>4750227</v>
      </c>
      <c r="P5075">
        <v>1</v>
      </c>
      <c r="Q5075">
        <v>0</v>
      </c>
      <c r="R5075" t="s">
        <v>5746</v>
      </c>
      <c r="S5075">
        <v>885</v>
      </c>
    </row>
    <row r="5076" spans="1:19" x14ac:dyDescent="0.25">
      <c r="A5076">
        <v>32729600</v>
      </c>
      <c r="B5076" t="s">
        <v>26209</v>
      </c>
      <c r="C5076" s="1" t="s">
        <v>26210</v>
      </c>
      <c r="E5076">
        <v>4</v>
      </c>
      <c r="F5076">
        <v>0</v>
      </c>
      <c r="H5076" t="s">
        <v>26211</v>
      </c>
      <c r="J5076" t="s">
        <v>26212</v>
      </c>
      <c r="K5076" t="s">
        <v>26212</v>
      </c>
      <c r="M5076">
        <v>845655</v>
      </c>
      <c r="O5076">
        <v>5279819</v>
      </c>
      <c r="P5076">
        <v>1</v>
      </c>
      <c r="Q5076">
        <v>0</v>
      </c>
      <c r="R5076" t="s">
        <v>26213</v>
      </c>
      <c r="S5076">
        <v>382</v>
      </c>
    </row>
    <row r="5077" spans="1:19" x14ac:dyDescent="0.25">
      <c r="A5077">
        <v>31579256</v>
      </c>
      <c r="B5077" t="s">
        <v>26214</v>
      </c>
      <c r="C5077" s="1" t="s">
        <v>26215</v>
      </c>
      <c r="D5077">
        <v>31579833</v>
      </c>
      <c r="E5077">
        <v>2</v>
      </c>
      <c r="F5077">
        <v>0</v>
      </c>
      <c r="H5077" t="s">
        <v>26216</v>
      </c>
      <c r="J5077" t="s">
        <v>26217</v>
      </c>
      <c r="O5077">
        <v>104969</v>
      </c>
      <c r="P5077">
        <v>1</v>
      </c>
      <c r="Q5077">
        <v>0</v>
      </c>
      <c r="R5077" t="s">
        <v>26218</v>
      </c>
      <c r="S5077">
        <v>65</v>
      </c>
    </row>
    <row r="5078" spans="1:19" x14ac:dyDescent="0.25">
      <c r="A5078">
        <v>10359289</v>
      </c>
      <c r="B5078" t="s">
        <v>26219</v>
      </c>
      <c r="C5078" s="1" t="s">
        <v>26220</v>
      </c>
      <c r="D5078">
        <v>10359339</v>
      </c>
      <c r="E5078">
        <v>3</v>
      </c>
      <c r="F5078">
        <v>2</v>
      </c>
      <c r="H5078" t="s">
        <v>26221</v>
      </c>
      <c r="I5078">
        <v>1</v>
      </c>
      <c r="J5078" t="s">
        <v>26222</v>
      </c>
      <c r="K5078" t="s">
        <v>26223</v>
      </c>
      <c r="M5078">
        <v>-1</v>
      </c>
      <c r="O5078">
        <v>1272627</v>
      </c>
      <c r="P5078">
        <v>1</v>
      </c>
      <c r="Q5078">
        <v>3</v>
      </c>
      <c r="R5078" t="s">
        <v>26224</v>
      </c>
      <c r="S5078">
        <v>126</v>
      </c>
    </row>
    <row r="5079" spans="1:19" x14ac:dyDescent="0.25">
      <c r="A5079">
        <v>40577994</v>
      </c>
      <c r="B5079" t="s">
        <v>26225</v>
      </c>
      <c r="C5079" s="1" t="s">
        <v>26226</v>
      </c>
      <c r="D5079">
        <v>40593720</v>
      </c>
      <c r="E5079">
        <v>3</v>
      </c>
      <c r="F5079">
        <v>0</v>
      </c>
      <c r="H5079" t="s">
        <v>26227</v>
      </c>
      <c r="I5079">
        <v>10</v>
      </c>
      <c r="J5079" t="s">
        <v>26228</v>
      </c>
      <c r="K5079" t="s">
        <v>26229</v>
      </c>
      <c r="M5079">
        <v>593109</v>
      </c>
      <c r="O5079">
        <v>593109</v>
      </c>
      <c r="P5079">
        <v>1</v>
      </c>
      <c r="Q5079">
        <v>21</v>
      </c>
      <c r="R5079" t="s">
        <v>26230</v>
      </c>
      <c r="S5079">
        <v>5102</v>
      </c>
    </row>
    <row r="5080" spans="1:19" x14ac:dyDescent="0.25">
      <c r="A5080">
        <v>15733518</v>
      </c>
      <c r="B5080" t="s">
        <v>26231</v>
      </c>
      <c r="C5080" s="1" t="s">
        <v>26232</v>
      </c>
      <c r="D5080">
        <v>15733576</v>
      </c>
      <c r="E5080">
        <v>3</v>
      </c>
      <c r="F5080">
        <v>0</v>
      </c>
      <c r="H5080" t="s">
        <v>26233</v>
      </c>
      <c r="J5080" t="s">
        <v>26234</v>
      </c>
      <c r="O5080">
        <v>15682</v>
      </c>
      <c r="P5080">
        <v>1</v>
      </c>
      <c r="Q5080">
        <v>3</v>
      </c>
      <c r="R5080" t="s">
        <v>229</v>
      </c>
      <c r="S5080">
        <v>96</v>
      </c>
    </row>
    <row r="5081" spans="1:19" x14ac:dyDescent="0.25">
      <c r="A5081">
        <v>7097352</v>
      </c>
      <c r="B5081" t="s">
        <v>26235</v>
      </c>
      <c r="C5081" s="1" t="s">
        <v>26236</v>
      </c>
      <c r="D5081">
        <v>7097378</v>
      </c>
      <c r="E5081">
        <v>5</v>
      </c>
      <c r="F5081">
        <v>0</v>
      </c>
      <c r="H5081" t="s">
        <v>26237</v>
      </c>
      <c r="J5081" t="s">
        <v>26238</v>
      </c>
      <c r="O5081">
        <v>548906</v>
      </c>
      <c r="P5081">
        <v>1</v>
      </c>
      <c r="Q5081">
        <v>2</v>
      </c>
      <c r="R5081" t="s">
        <v>2494</v>
      </c>
      <c r="S5081">
        <v>92</v>
      </c>
    </row>
    <row r="5082" spans="1:19" x14ac:dyDescent="0.25">
      <c r="A5082">
        <v>49680666</v>
      </c>
      <c r="B5082" t="s">
        <v>26239</v>
      </c>
      <c r="C5082" s="1" t="s">
        <v>26240</v>
      </c>
      <c r="E5082">
        <v>2</v>
      </c>
      <c r="F5082">
        <v>1</v>
      </c>
      <c r="H5082" t="s">
        <v>26241</v>
      </c>
      <c r="J5082" t="s">
        <v>26242</v>
      </c>
      <c r="K5082" t="s">
        <v>26242</v>
      </c>
      <c r="M5082">
        <v>8291949</v>
      </c>
      <c r="O5082">
        <v>7506370</v>
      </c>
      <c r="P5082">
        <v>1</v>
      </c>
      <c r="Q5082">
        <v>-5</v>
      </c>
      <c r="R5082" t="s">
        <v>26243</v>
      </c>
      <c r="S5082">
        <v>83</v>
      </c>
    </row>
    <row r="5083" spans="1:19" x14ac:dyDescent="0.25">
      <c r="A5083">
        <v>12321679</v>
      </c>
      <c r="B5083" t="s">
        <v>26244</v>
      </c>
      <c r="C5083" t="s">
        <v>26245</v>
      </c>
      <c r="E5083">
        <v>2</v>
      </c>
      <c r="F5083">
        <v>3</v>
      </c>
      <c r="H5083" t="s">
        <v>26246</v>
      </c>
      <c r="J5083" t="s">
        <v>26247</v>
      </c>
      <c r="O5083">
        <v>1475068</v>
      </c>
      <c r="P5083">
        <v>1</v>
      </c>
      <c r="Q5083">
        <v>0</v>
      </c>
      <c r="R5083" t="s">
        <v>4205</v>
      </c>
      <c r="S5083">
        <v>235</v>
      </c>
    </row>
    <row r="5084" spans="1:19" x14ac:dyDescent="0.25">
      <c r="A5084">
        <v>44405300</v>
      </c>
      <c r="B5084" t="s">
        <v>26248</v>
      </c>
      <c r="C5084" s="1" t="s">
        <v>26249</v>
      </c>
      <c r="D5084">
        <v>44405646</v>
      </c>
      <c r="E5084">
        <v>1</v>
      </c>
      <c r="F5084">
        <v>4</v>
      </c>
      <c r="H5084" t="s">
        <v>26250</v>
      </c>
      <c r="J5084" t="s">
        <v>26251</v>
      </c>
      <c r="K5084" t="s">
        <v>26252</v>
      </c>
      <c r="M5084">
        <v>6727128</v>
      </c>
      <c r="O5084">
        <v>8090893</v>
      </c>
      <c r="P5084">
        <v>1</v>
      </c>
      <c r="Q5084">
        <v>0</v>
      </c>
      <c r="R5084" t="s">
        <v>26253</v>
      </c>
      <c r="S5084">
        <v>45</v>
      </c>
    </row>
    <row r="5085" spans="1:19" x14ac:dyDescent="0.25">
      <c r="A5085">
        <v>19903976</v>
      </c>
      <c r="B5085" t="s">
        <v>26254</v>
      </c>
      <c r="C5085" s="1" t="s">
        <v>26255</v>
      </c>
      <c r="E5085">
        <v>2</v>
      </c>
      <c r="F5085">
        <v>1</v>
      </c>
      <c r="H5085" t="s">
        <v>26256</v>
      </c>
      <c r="I5085">
        <v>0</v>
      </c>
      <c r="J5085" t="s">
        <v>26257</v>
      </c>
      <c r="O5085">
        <v>2073812</v>
      </c>
      <c r="P5085">
        <v>1</v>
      </c>
      <c r="Q5085">
        <v>1</v>
      </c>
      <c r="R5085" t="s">
        <v>26258</v>
      </c>
      <c r="S5085">
        <v>139</v>
      </c>
    </row>
    <row r="5086" spans="1:19" x14ac:dyDescent="0.25">
      <c r="A5086">
        <v>6326466</v>
      </c>
      <c r="B5086" t="s">
        <v>26259</v>
      </c>
      <c r="C5086" t="s">
        <v>26260</v>
      </c>
      <c r="D5086">
        <v>6326560</v>
      </c>
      <c r="E5086">
        <v>2</v>
      </c>
      <c r="F5086">
        <v>0</v>
      </c>
      <c r="H5086" t="s">
        <v>26261</v>
      </c>
      <c r="I5086">
        <v>4</v>
      </c>
      <c r="J5086" t="s">
        <v>26262</v>
      </c>
      <c r="K5086" t="s">
        <v>26262</v>
      </c>
      <c r="M5086">
        <v>2057171</v>
      </c>
      <c r="O5086">
        <v>2057171</v>
      </c>
      <c r="P5086">
        <v>1</v>
      </c>
      <c r="Q5086">
        <v>22</v>
      </c>
      <c r="R5086" t="s">
        <v>26263</v>
      </c>
      <c r="S5086">
        <v>11094</v>
      </c>
    </row>
    <row r="5087" spans="1:19" x14ac:dyDescent="0.25">
      <c r="A5087">
        <v>30015580</v>
      </c>
      <c r="B5087" t="s">
        <v>26264</v>
      </c>
      <c r="C5087" s="1" t="s">
        <v>26265</v>
      </c>
      <c r="D5087">
        <v>30015629</v>
      </c>
      <c r="E5087">
        <v>1</v>
      </c>
      <c r="F5087">
        <v>1</v>
      </c>
      <c r="H5087" t="s">
        <v>26266</v>
      </c>
      <c r="J5087" t="s">
        <v>26267</v>
      </c>
      <c r="O5087">
        <v>4783740</v>
      </c>
      <c r="P5087">
        <v>1</v>
      </c>
      <c r="Q5087">
        <v>-2</v>
      </c>
      <c r="R5087" t="s">
        <v>26268</v>
      </c>
      <c r="S5087">
        <v>436</v>
      </c>
    </row>
    <row r="5088" spans="1:19" x14ac:dyDescent="0.25">
      <c r="A5088">
        <v>18023428</v>
      </c>
      <c r="B5088" t="s">
        <v>26269</v>
      </c>
      <c r="C5088" s="1" t="s">
        <v>26270</v>
      </c>
      <c r="D5088">
        <v>18026527</v>
      </c>
      <c r="E5088">
        <v>1</v>
      </c>
      <c r="F5088">
        <v>0</v>
      </c>
      <c r="H5088" t="s">
        <v>26271</v>
      </c>
      <c r="J5088" t="s">
        <v>26272</v>
      </c>
      <c r="O5088">
        <v>2486318</v>
      </c>
      <c r="P5088">
        <v>1</v>
      </c>
      <c r="Q5088">
        <v>0</v>
      </c>
      <c r="R5088" t="s">
        <v>26273</v>
      </c>
      <c r="S5088">
        <v>791</v>
      </c>
    </row>
    <row r="5089" spans="1:19" x14ac:dyDescent="0.25">
      <c r="A5089">
        <v>28262562</v>
      </c>
      <c r="B5089" t="s">
        <v>26274</v>
      </c>
      <c r="C5089" s="1" t="s">
        <v>26275</v>
      </c>
      <c r="E5089">
        <v>1</v>
      </c>
      <c r="F5089">
        <v>0</v>
      </c>
      <c r="H5089" t="s">
        <v>26276</v>
      </c>
      <c r="I5089">
        <v>1</v>
      </c>
      <c r="J5089" t="s">
        <v>26277</v>
      </c>
      <c r="K5089" t="s">
        <v>26278</v>
      </c>
      <c r="M5089">
        <v>-1</v>
      </c>
      <c r="O5089">
        <v>995205</v>
      </c>
      <c r="P5089">
        <v>1</v>
      </c>
      <c r="Q5089">
        <v>1</v>
      </c>
      <c r="R5089" t="s">
        <v>26279</v>
      </c>
      <c r="S5089">
        <v>635</v>
      </c>
    </row>
    <row r="5090" spans="1:19" x14ac:dyDescent="0.25">
      <c r="A5090">
        <v>37452968</v>
      </c>
      <c r="B5090" t="s">
        <v>26280</v>
      </c>
      <c r="C5090" s="1" t="s">
        <v>26281</v>
      </c>
      <c r="E5090">
        <v>3</v>
      </c>
      <c r="F5090">
        <v>1</v>
      </c>
      <c r="H5090" t="s">
        <v>26282</v>
      </c>
      <c r="J5090" t="s">
        <v>26283</v>
      </c>
      <c r="O5090">
        <v>5863662</v>
      </c>
      <c r="P5090">
        <v>1</v>
      </c>
      <c r="Q5090">
        <v>0</v>
      </c>
      <c r="R5090" t="s">
        <v>26284</v>
      </c>
      <c r="S5090">
        <v>72</v>
      </c>
    </row>
    <row r="5091" spans="1:19" x14ac:dyDescent="0.25">
      <c r="A5091">
        <v>22772230</v>
      </c>
      <c r="B5091" t="s">
        <v>26285</v>
      </c>
      <c r="C5091" s="1" t="s">
        <v>26286</v>
      </c>
      <c r="E5091">
        <v>0</v>
      </c>
      <c r="F5091">
        <v>4</v>
      </c>
      <c r="H5091" t="s">
        <v>26287</v>
      </c>
      <c r="J5091" t="s">
        <v>26288</v>
      </c>
      <c r="K5091" t="s">
        <v>26288</v>
      </c>
      <c r="M5091">
        <v>2402153</v>
      </c>
      <c r="O5091">
        <v>2402153</v>
      </c>
      <c r="P5091">
        <v>1</v>
      </c>
      <c r="Q5091">
        <v>0</v>
      </c>
      <c r="R5091" t="s">
        <v>26289</v>
      </c>
      <c r="S5091">
        <v>277</v>
      </c>
    </row>
    <row r="5092" spans="1:19" x14ac:dyDescent="0.25">
      <c r="A5092">
        <v>17203546</v>
      </c>
      <c r="B5092" t="s">
        <v>26290</v>
      </c>
      <c r="C5092" s="1" t="s">
        <v>26291</v>
      </c>
      <c r="E5092">
        <v>1</v>
      </c>
      <c r="F5092">
        <v>9</v>
      </c>
      <c r="H5092" t="s">
        <v>26292</v>
      </c>
      <c r="J5092" t="s">
        <v>26293</v>
      </c>
      <c r="O5092">
        <v>382436</v>
      </c>
      <c r="P5092">
        <v>1</v>
      </c>
      <c r="Q5092">
        <v>0</v>
      </c>
      <c r="R5092" t="s">
        <v>26294</v>
      </c>
      <c r="S5092">
        <v>72</v>
      </c>
    </row>
    <row r="5093" spans="1:19" x14ac:dyDescent="0.25">
      <c r="A5093">
        <v>12669619</v>
      </c>
      <c r="B5093" t="s">
        <v>26295</v>
      </c>
      <c r="C5093" s="1" t="s">
        <v>26296</v>
      </c>
      <c r="E5093">
        <v>1</v>
      </c>
      <c r="F5093">
        <v>0</v>
      </c>
      <c r="H5093" t="s">
        <v>26297</v>
      </c>
      <c r="J5093" t="s">
        <v>26298</v>
      </c>
      <c r="K5093" t="s">
        <v>26298</v>
      </c>
      <c r="M5093">
        <v>1033581</v>
      </c>
      <c r="O5093">
        <v>1670818</v>
      </c>
      <c r="P5093">
        <v>1</v>
      </c>
      <c r="Q5093">
        <v>2</v>
      </c>
      <c r="R5093" t="s">
        <v>5021</v>
      </c>
      <c r="S5093">
        <v>1987</v>
      </c>
    </row>
    <row r="5094" spans="1:19" x14ac:dyDescent="0.25">
      <c r="A5094">
        <v>49257722</v>
      </c>
      <c r="B5094" t="s">
        <v>26299</v>
      </c>
      <c r="C5094" s="1" t="s">
        <v>26300</v>
      </c>
      <c r="D5094">
        <v>49291597</v>
      </c>
      <c r="E5094">
        <v>1</v>
      </c>
      <c r="F5094">
        <v>6</v>
      </c>
      <c r="H5094" t="s">
        <v>26301</v>
      </c>
      <c r="J5094" t="s">
        <v>26302</v>
      </c>
      <c r="O5094">
        <v>7053893</v>
      </c>
      <c r="P5094">
        <v>1</v>
      </c>
      <c r="Q5094">
        <v>0</v>
      </c>
      <c r="R5094" t="s">
        <v>26303</v>
      </c>
      <c r="S5094">
        <v>138</v>
      </c>
    </row>
    <row r="5095" spans="1:19" x14ac:dyDescent="0.25">
      <c r="A5095">
        <v>36592726</v>
      </c>
      <c r="B5095" t="s">
        <v>26304</v>
      </c>
      <c r="C5095" s="1" t="s">
        <v>26305</v>
      </c>
      <c r="E5095">
        <v>0</v>
      </c>
      <c r="F5095">
        <v>4</v>
      </c>
      <c r="H5095" t="s">
        <v>26306</v>
      </c>
      <c r="J5095" t="s">
        <v>26306</v>
      </c>
      <c r="O5095">
        <v>957352</v>
      </c>
      <c r="P5095">
        <v>1</v>
      </c>
      <c r="Q5095">
        <v>0</v>
      </c>
      <c r="R5095" t="s">
        <v>26307</v>
      </c>
      <c r="S5095">
        <v>188</v>
      </c>
    </row>
    <row r="5096" spans="1:19" x14ac:dyDescent="0.25">
      <c r="A5096">
        <v>18205329</v>
      </c>
      <c r="B5096" t="s">
        <v>26308</v>
      </c>
      <c r="C5096" s="1" t="s">
        <v>26309</v>
      </c>
      <c r="D5096">
        <v>18215522</v>
      </c>
      <c r="E5096">
        <v>2</v>
      </c>
      <c r="F5096">
        <v>0</v>
      </c>
      <c r="H5096" t="s">
        <v>26310</v>
      </c>
      <c r="I5096">
        <v>4</v>
      </c>
      <c r="J5096" t="s">
        <v>26311</v>
      </c>
      <c r="K5096" t="s">
        <v>26312</v>
      </c>
      <c r="M5096">
        <v>2584619</v>
      </c>
      <c r="O5096">
        <v>2584619</v>
      </c>
      <c r="P5096">
        <v>1</v>
      </c>
      <c r="Q5096">
        <v>7</v>
      </c>
      <c r="R5096" t="s">
        <v>26313</v>
      </c>
      <c r="S5096">
        <v>8717</v>
      </c>
    </row>
    <row r="5097" spans="1:19" x14ac:dyDescent="0.25">
      <c r="A5097">
        <v>2746303</v>
      </c>
      <c r="B5097" t="s">
        <v>26314</v>
      </c>
      <c r="C5097" s="1" t="s">
        <v>26315</v>
      </c>
      <c r="D5097">
        <v>2749322</v>
      </c>
      <c r="E5097">
        <v>6</v>
      </c>
      <c r="F5097">
        <v>2</v>
      </c>
      <c r="H5097" t="s">
        <v>26316</v>
      </c>
      <c r="I5097">
        <v>1</v>
      </c>
      <c r="J5097" t="s">
        <v>26317</v>
      </c>
      <c r="K5097" t="s">
        <v>26318</v>
      </c>
      <c r="M5097">
        <v>221291</v>
      </c>
      <c r="O5097">
        <v>221291</v>
      </c>
      <c r="P5097">
        <v>1</v>
      </c>
      <c r="Q5097">
        <v>4</v>
      </c>
      <c r="R5097" t="s">
        <v>26319</v>
      </c>
      <c r="S5097">
        <v>2299</v>
      </c>
    </row>
    <row r="5098" spans="1:19" x14ac:dyDescent="0.25">
      <c r="A5098">
        <v>1766569</v>
      </c>
      <c r="B5098" t="s">
        <v>26320</v>
      </c>
      <c r="C5098" s="1" t="s">
        <v>26321</v>
      </c>
      <c r="E5098">
        <v>2</v>
      </c>
      <c r="F5098">
        <v>0</v>
      </c>
      <c r="H5098" t="s">
        <v>26322</v>
      </c>
      <c r="J5098" t="s">
        <v>26323</v>
      </c>
      <c r="K5098" t="s">
        <v>26324</v>
      </c>
      <c r="M5098">
        <v>9938</v>
      </c>
      <c r="O5098">
        <v>9938</v>
      </c>
      <c r="P5098">
        <v>1</v>
      </c>
      <c r="Q5098">
        <v>0</v>
      </c>
      <c r="R5098" t="s">
        <v>26325</v>
      </c>
      <c r="S5098">
        <v>962</v>
      </c>
    </row>
    <row r="5099" spans="1:19" x14ac:dyDescent="0.25">
      <c r="A5099">
        <v>14865014</v>
      </c>
      <c r="B5099" t="s">
        <v>26326</v>
      </c>
      <c r="C5099" s="1" t="s">
        <v>26327</v>
      </c>
      <c r="D5099">
        <v>14981540</v>
      </c>
      <c r="E5099">
        <v>2</v>
      </c>
      <c r="F5099">
        <v>5</v>
      </c>
      <c r="H5099" t="s">
        <v>26328</v>
      </c>
      <c r="J5099" t="s">
        <v>26329</v>
      </c>
      <c r="K5099" t="s">
        <v>26330</v>
      </c>
      <c r="M5099">
        <v>2070247</v>
      </c>
      <c r="O5099">
        <v>2070247</v>
      </c>
      <c r="P5099">
        <v>1</v>
      </c>
      <c r="Q5099">
        <v>0</v>
      </c>
      <c r="R5099" t="s">
        <v>26331</v>
      </c>
      <c r="S5099">
        <v>4696</v>
      </c>
    </row>
    <row r="5100" spans="1:19" x14ac:dyDescent="0.25">
      <c r="A5100">
        <v>13531325</v>
      </c>
      <c r="B5100" t="s">
        <v>26332</v>
      </c>
      <c r="C5100" s="1" t="s">
        <v>26333</v>
      </c>
      <c r="E5100">
        <v>1</v>
      </c>
      <c r="F5100">
        <v>1</v>
      </c>
      <c r="H5100" t="s">
        <v>26334</v>
      </c>
      <c r="I5100">
        <v>1</v>
      </c>
      <c r="J5100" t="s">
        <v>26335</v>
      </c>
      <c r="O5100">
        <v>1755950</v>
      </c>
      <c r="P5100">
        <v>1</v>
      </c>
      <c r="Q5100">
        <v>0</v>
      </c>
      <c r="R5100" t="s">
        <v>26336</v>
      </c>
      <c r="S5100">
        <v>665</v>
      </c>
    </row>
    <row r="5101" spans="1:19" x14ac:dyDescent="0.25">
      <c r="A5101">
        <v>2337269</v>
      </c>
      <c r="B5101" t="s">
        <v>26337</v>
      </c>
      <c r="C5101" t="s">
        <v>26338</v>
      </c>
      <c r="D5101">
        <v>2337330</v>
      </c>
      <c r="E5101">
        <v>2</v>
      </c>
      <c r="F5101">
        <v>1</v>
      </c>
      <c r="H5101" t="s">
        <v>26339</v>
      </c>
      <c r="J5101" t="s">
        <v>26340</v>
      </c>
      <c r="O5101">
        <v>281543</v>
      </c>
      <c r="P5101">
        <v>1</v>
      </c>
      <c r="Q5101">
        <v>1</v>
      </c>
      <c r="R5101" t="s">
        <v>26341</v>
      </c>
      <c r="S5101">
        <v>780</v>
      </c>
    </row>
    <row r="5102" spans="1:19" x14ac:dyDescent="0.25">
      <c r="A5102">
        <v>39397522</v>
      </c>
      <c r="B5102" t="s">
        <v>26342</v>
      </c>
      <c r="C5102" s="1" t="s">
        <v>26343</v>
      </c>
      <c r="E5102">
        <v>0</v>
      </c>
      <c r="F5102">
        <v>3</v>
      </c>
      <c r="H5102" t="s">
        <v>26344</v>
      </c>
      <c r="J5102" t="s">
        <v>26345</v>
      </c>
      <c r="O5102">
        <v>6806297</v>
      </c>
      <c r="P5102">
        <v>1</v>
      </c>
      <c r="Q5102">
        <v>0</v>
      </c>
      <c r="R5102" t="s">
        <v>19319</v>
      </c>
      <c r="S5102">
        <v>94</v>
      </c>
    </row>
    <row r="5103" spans="1:19" x14ac:dyDescent="0.25">
      <c r="A5103">
        <v>28121264</v>
      </c>
      <c r="B5103" t="s">
        <v>26346</v>
      </c>
      <c r="C5103" s="1" t="s">
        <v>26347</v>
      </c>
      <c r="E5103">
        <v>1</v>
      </c>
      <c r="F5103">
        <v>0</v>
      </c>
      <c r="H5103" t="s">
        <v>26348</v>
      </c>
      <c r="J5103" t="s">
        <v>26349</v>
      </c>
      <c r="O5103">
        <v>1233388</v>
      </c>
      <c r="P5103">
        <v>1</v>
      </c>
      <c r="Q5103">
        <v>1</v>
      </c>
      <c r="R5103" t="s">
        <v>26350</v>
      </c>
      <c r="S5103">
        <v>211</v>
      </c>
    </row>
    <row r="5104" spans="1:19" x14ac:dyDescent="0.25">
      <c r="A5104">
        <v>18595841</v>
      </c>
      <c r="B5104" t="s">
        <v>26351</v>
      </c>
      <c r="C5104" s="1" t="s">
        <v>26352</v>
      </c>
      <c r="D5104">
        <v>18595899</v>
      </c>
      <c r="E5104">
        <v>1</v>
      </c>
      <c r="F5104">
        <v>2</v>
      </c>
      <c r="H5104" t="s">
        <v>26353</v>
      </c>
      <c r="I5104">
        <v>1</v>
      </c>
      <c r="J5104" t="s">
        <v>26354</v>
      </c>
      <c r="K5104" t="s">
        <v>26354</v>
      </c>
      <c r="M5104">
        <v>2743496</v>
      </c>
      <c r="O5104">
        <v>2743496</v>
      </c>
      <c r="P5104">
        <v>1</v>
      </c>
      <c r="Q5104">
        <v>0</v>
      </c>
      <c r="R5104" t="s">
        <v>26355</v>
      </c>
      <c r="S5104">
        <v>75</v>
      </c>
    </row>
    <row r="5105" spans="1:19" x14ac:dyDescent="0.25">
      <c r="A5105">
        <v>26200224</v>
      </c>
      <c r="B5105" t="s">
        <v>26356</v>
      </c>
      <c r="C5105" s="1" t="s">
        <v>26357</v>
      </c>
      <c r="E5105">
        <v>0</v>
      </c>
      <c r="F5105">
        <v>2</v>
      </c>
      <c r="H5105" t="s">
        <v>26358</v>
      </c>
      <c r="J5105" t="s">
        <v>26359</v>
      </c>
      <c r="K5105" t="s">
        <v>26359</v>
      </c>
      <c r="M5105">
        <v>4084022</v>
      </c>
      <c r="O5105">
        <v>4084022</v>
      </c>
      <c r="P5105">
        <v>1</v>
      </c>
      <c r="Q5105">
        <v>0</v>
      </c>
      <c r="R5105" t="s">
        <v>2771</v>
      </c>
      <c r="S5105">
        <v>25</v>
      </c>
    </row>
    <row r="5106" spans="1:19" x14ac:dyDescent="0.25">
      <c r="A5106">
        <v>29713660</v>
      </c>
      <c r="B5106" t="s">
        <v>26360</v>
      </c>
      <c r="C5106" s="1" t="s">
        <v>26361</v>
      </c>
      <c r="D5106">
        <v>29713705</v>
      </c>
      <c r="E5106">
        <v>1</v>
      </c>
      <c r="F5106">
        <v>0</v>
      </c>
      <c r="H5106" t="s">
        <v>26362</v>
      </c>
      <c r="J5106" t="s">
        <v>26363</v>
      </c>
      <c r="K5106" t="s">
        <v>26364</v>
      </c>
      <c r="M5106">
        <v>759019</v>
      </c>
      <c r="O5106">
        <v>2039484</v>
      </c>
      <c r="P5106">
        <v>1</v>
      </c>
      <c r="Q5106">
        <v>2</v>
      </c>
      <c r="R5106" t="s">
        <v>26365</v>
      </c>
      <c r="S5106">
        <v>87</v>
      </c>
    </row>
    <row r="5107" spans="1:19" x14ac:dyDescent="0.25">
      <c r="A5107">
        <v>30058422</v>
      </c>
      <c r="B5107" t="s">
        <v>26366</v>
      </c>
      <c r="C5107" s="1" t="s">
        <v>26367</v>
      </c>
      <c r="E5107">
        <v>0</v>
      </c>
      <c r="F5107">
        <v>9</v>
      </c>
      <c r="H5107" t="s">
        <v>26368</v>
      </c>
      <c r="J5107" t="s">
        <v>26369</v>
      </c>
      <c r="K5107" t="s">
        <v>26369</v>
      </c>
      <c r="M5107">
        <v>5070879</v>
      </c>
      <c r="O5107">
        <v>3225563</v>
      </c>
      <c r="P5107">
        <v>1</v>
      </c>
      <c r="Q5107">
        <v>1</v>
      </c>
      <c r="R5107" t="s">
        <v>26370</v>
      </c>
      <c r="S5107">
        <v>311</v>
      </c>
    </row>
    <row r="5108" spans="1:19" x14ac:dyDescent="0.25">
      <c r="A5108">
        <v>34076413</v>
      </c>
      <c r="B5108" t="s">
        <v>26371</v>
      </c>
      <c r="C5108" s="1" t="s">
        <v>26372</v>
      </c>
      <c r="E5108">
        <v>1</v>
      </c>
      <c r="F5108">
        <v>5</v>
      </c>
      <c r="H5108" t="s">
        <v>26373</v>
      </c>
      <c r="J5108" t="s">
        <v>26374</v>
      </c>
      <c r="O5108">
        <v>1235929</v>
      </c>
      <c r="P5108">
        <v>1</v>
      </c>
      <c r="Q5108">
        <v>2</v>
      </c>
      <c r="R5108" t="s">
        <v>26375</v>
      </c>
      <c r="S5108">
        <v>68</v>
      </c>
    </row>
    <row r="5109" spans="1:19" x14ac:dyDescent="0.25">
      <c r="A5109">
        <v>7580430</v>
      </c>
      <c r="B5109" t="s">
        <v>26376</v>
      </c>
      <c r="C5109" t="s">
        <v>26377</v>
      </c>
      <c r="D5109">
        <v>8453243</v>
      </c>
      <c r="E5109">
        <v>1</v>
      </c>
      <c r="F5109">
        <v>0</v>
      </c>
      <c r="H5109" t="s">
        <v>26378</v>
      </c>
      <c r="I5109">
        <v>1</v>
      </c>
      <c r="J5109" t="s">
        <v>26379</v>
      </c>
      <c r="O5109">
        <v>324531</v>
      </c>
      <c r="P5109">
        <v>1</v>
      </c>
      <c r="Q5109">
        <v>1</v>
      </c>
      <c r="R5109" t="s">
        <v>26380</v>
      </c>
      <c r="S5109">
        <v>1354</v>
      </c>
    </row>
    <row r="5110" spans="1:19" x14ac:dyDescent="0.25">
      <c r="A5110">
        <v>41470914</v>
      </c>
      <c r="B5110" t="s">
        <v>26381</v>
      </c>
      <c r="C5110" s="1" t="s">
        <v>26382</v>
      </c>
      <c r="E5110">
        <v>0</v>
      </c>
      <c r="F5110">
        <v>1</v>
      </c>
      <c r="H5110" t="s">
        <v>26383</v>
      </c>
      <c r="J5110" t="s">
        <v>26383</v>
      </c>
      <c r="O5110">
        <v>4043577</v>
      </c>
      <c r="P5110">
        <v>1</v>
      </c>
      <c r="Q5110">
        <v>1</v>
      </c>
      <c r="R5110" t="s">
        <v>26384</v>
      </c>
      <c r="S5110">
        <v>296</v>
      </c>
    </row>
    <row r="5111" spans="1:19" x14ac:dyDescent="0.25">
      <c r="A5111">
        <v>28658824</v>
      </c>
      <c r="B5111" t="s">
        <v>26385</v>
      </c>
      <c r="C5111" s="1" t="s">
        <v>26386</v>
      </c>
      <c r="D5111">
        <v>28665382</v>
      </c>
      <c r="E5111">
        <v>2</v>
      </c>
      <c r="F5111">
        <v>0</v>
      </c>
      <c r="H5111" t="s">
        <v>26387</v>
      </c>
      <c r="J5111" t="s">
        <v>26388</v>
      </c>
      <c r="O5111">
        <v>1223777</v>
      </c>
      <c r="P5111">
        <v>1</v>
      </c>
      <c r="Q5111">
        <v>0</v>
      </c>
      <c r="R5111" t="s">
        <v>26389</v>
      </c>
      <c r="S5111">
        <v>5402</v>
      </c>
    </row>
    <row r="5112" spans="1:19" x14ac:dyDescent="0.25">
      <c r="A5112">
        <v>17253986</v>
      </c>
      <c r="B5112" t="s">
        <v>26390</v>
      </c>
      <c r="C5112" s="1" t="s">
        <v>26391</v>
      </c>
      <c r="E5112">
        <v>1</v>
      </c>
      <c r="F5112">
        <v>1</v>
      </c>
      <c r="H5112" t="s">
        <v>26392</v>
      </c>
      <c r="I5112">
        <v>0</v>
      </c>
      <c r="J5112" t="s">
        <v>26393</v>
      </c>
      <c r="O5112">
        <v>2359626</v>
      </c>
      <c r="P5112">
        <v>1</v>
      </c>
      <c r="Q5112">
        <v>0</v>
      </c>
      <c r="R5112" t="s">
        <v>26394</v>
      </c>
      <c r="S5112">
        <v>49</v>
      </c>
    </row>
    <row r="5113" spans="1:19" x14ac:dyDescent="0.25">
      <c r="A5113">
        <v>6398948</v>
      </c>
      <c r="B5113" t="s">
        <v>26395</v>
      </c>
      <c r="C5113" s="1" t="s">
        <v>26396</v>
      </c>
      <c r="E5113">
        <v>3</v>
      </c>
      <c r="F5113">
        <v>2</v>
      </c>
      <c r="H5113" t="s">
        <v>26397</v>
      </c>
      <c r="I5113">
        <v>1</v>
      </c>
      <c r="J5113" t="s">
        <v>26398</v>
      </c>
      <c r="K5113" t="s">
        <v>26399</v>
      </c>
      <c r="M5113">
        <v>805808</v>
      </c>
      <c r="O5113">
        <v>496684</v>
      </c>
      <c r="P5113">
        <v>1</v>
      </c>
      <c r="Q5113">
        <v>4</v>
      </c>
      <c r="R5113" t="s">
        <v>26400</v>
      </c>
      <c r="S5113">
        <v>2930</v>
      </c>
    </row>
    <row r="5114" spans="1:19" x14ac:dyDescent="0.25">
      <c r="A5114">
        <v>349835</v>
      </c>
      <c r="B5114" t="s">
        <v>26401</v>
      </c>
      <c r="C5114" s="1" t="s">
        <v>26402</v>
      </c>
      <c r="D5114">
        <v>350137</v>
      </c>
      <c r="E5114">
        <v>1</v>
      </c>
      <c r="F5114">
        <v>0</v>
      </c>
      <c r="H5114" t="s">
        <v>26403</v>
      </c>
      <c r="J5114" t="s">
        <v>26404</v>
      </c>
      <c r="N5114" t="s">
        <v>26405</v>
      </c>
      <c r="O5114">
        <v>22996</v>
      </c>
      <c r="P5114">
        <v>1</v>
      </c>
      <c r="Q5114">
        <v>0</v>
      </c>
      <c r="R5114" t="s">
        <v>26406</v>
      </c>
      <c r="S5114">
        <v>485</v>
      </c>
    </row>
    <row r="5115" spans="1:19" x14ac:dyDescent="0.25">
      <c r="A5115">
        <v>16895209</v>
      </c>
      <c r="B5115" t="s">
        <v>26407</v>
      </c>
      <c r="C5115" s="1" t="s">
        <v>26408</v>
      </c>
      <c r="D5115">
        <v>16896609</v>
      </c>
      <c r="E5115">
        <v>1</v>
      </c>
      <c r="F5115">
        <v>0</v>
      </c>
      <c r="H5115" t="s">
        <v>26409</v>
      </c>
      <c r="J5115" t="s">
        <v>26410</v>
      </c>
      <c r="O5115">
        <v>366</v>
      </c>
      <c r="P5115">
        <v>1</v>
      </c>
      <c r="Q5115">
        <v>1</v>
      </c>
      <c r="R5115" t="s">
        <v>11971</v>
      </c>
      <c r="S5115">
        <v>586</v>
      </c>
    </row>
    <row r="5116" spans="1:19" x14ac:dyDescent="0.25">
      <c r="A5116">
        <v>46842659</v>
      </c>
      <c r="B5116" t="s">
        <v>26411</v>
      </c>
      <c r="C5116" s="1" t="s">
        <v>26412</v>
      </c>
      <c r="E5116">
        <v>2</v>
      </c>
      <c r="F5116">
        <v>3</v>
      </c>
      <c r="H5116" t="s">
        <v>26413</v>
      </c>
      <c r="J5116" t="s">
        <v>26414</v>
      </c>
      <c r="O5116">
        <v>8804115</v>
      </c>
      <c r="P5116">
        <v>1</v>
      </c>
      <c r="Q5116">
        <v>0</v>
      </c>
      <c r="R5116" t="s">
        <v>759</v>
      </c>
      <c r="S5116">
        <v>45</v>
      </c>
    </row>
    <row r="5117" spans="1:19" x14ac:dyDescent="0.25">
      <c r="A5117">
        <v>18608494</v>
      </c>
      <c r="B5117" t="s">
        <v>26415</v>
      </c>
      <c r="C5117" s="1" t="s">
        <v>26416</v>
      </c>
      <c r="E5117">
        <v>1</v>
      </c>
      <c r="F5117">
        <v>0</v>
      </c>
      <c r="H5117" t="s">
        <v>26417</v>
      </c>
      <c r="J5117" t="s">
        <v>26418</v>
      </c>
      <c r="K5117" t="s">
        <v>26419</v>
      </c>
      <c r="M5117">
        <v>78212</v>
      </c>
      <c r="O5117">
        <v>78212</v>
      </c>
      <c r="P5117">
        <v>1</v>
      </c>
      <c r="Q5117">
        <v>0</v>
      </c>
      <c r="R5117" t="s">
        <v>26420</v>
      </c>
      <c r="S5117">
        <v>84</v>
      </c>
    </row>
    <row r="5118" spans="1:19" x14ac:dyDescent="0.25">
      <c r="A5118">
        <v>30943112</v>
      </c>
      <c r="B5118" t="s">
        <v>26421</v>
      </c>
      <c r="C5118" s="1" t="s">
        <v>26422</v>
      </c>
      <c r="E5118">
        <v>1</v>
      </c>
      <c r="F5118">
        <v>3</v>
      </c>
      <c r="H5118" t="s">
        <v>26423</v>
      </c>
      <c r="I5118">
        <v>3</v>
      </c>
      <c r="J5118" t="s">
        <v>26424</v>
      </c>
      <c r="K5118" t="s">
        <v>26424</v>
      </c>
      <c r="M5118">
        <v>3335377</v>
      </c>
      <c r="O5118">
        <v>3335377</v>
      </c>
      <c r="P5118">
        <v>1</v>
      </c>
      <c r="Q5118">
        <v>4</v>
      </c>
      <c r="R5118" t="s">
        <v>26425</v>
      </c>
      <c r="S5118">
        <v>4362</v>
      </c>
    </row>
    <row r="5119" spans="1:19" x14ac:dyDescent="0.25">
      <c r="A5119">
        <v>30595018</v>
      </c>
      <c r="B5119" t="s">
        <v>26426</v>
      </c>
      <c r="C5119" s="1" t="s">
        <v>26427</v>
      </c>
      <c r="E5119">
        <v>1</v>
      </c>
      <c r="F5119">
        <v>3</v>
      </c>
      <c r="H5119" t="s">
        <v>26428</v>
      </c>
      <c r="J5119" t="s">
        <v>26429</v>
      </c>
      <c r="O5119">
        <v>4909578</v>
      </c>
      <c r="P5119">
        <v>1</v>
      </c>
      <c r="Q5119">
        <v>0</v>
      </c>
      <c r="R5119" t="s">
        <v>4586</v>
      </c>
      <c r="S5119">
        <v>2101</v>
      </c>
    </row>
    <row r="5120" spans="1:19" x14ac:dyDescent="0.25">
      <c r="A5120">
        <v>12166236</v>
      </c>
      <c r="B5120" t="s">
        <v>26430</v>
      </c>
      <c r="C5120" s="1" t="s">
        <v>26431</v>
      </c>
      <c r="D5120">
        <v>12167103</v>
      </c>
      <c r="E5120">
        <v>1</v>
      </c>
      <c r="F5120">
        <v>0</v>
      </c>
      <c r="H5120" t="s">
        <v>26432</v>
      </c>
      <c r="J5120" t="s">
        <v>26433</v>
      </c>
      <c r="K5120" t="s">
        <v>26434</v>
      </c>
      <c r="M5120">
        <v>472792</v>
      </c>
      <c r="O5120">
        <v>87582</v>
      </c>
      <c r="P5120">
        <v>1</v>
      </c>
      <c r="Q5120">
        <v>0</v>
      </c>
      <c r="R5120" t="s">
        <v>26435</v>
      </c>
      <c r="S5120">
        <v>227</v>
      </c>
    </row>
    <row r="5121" spans="1:19" x14ac:dyDescent="0.25">
      <c r="A5121">
        <v>39079161</v>
      </c>
      <c r="B5121" t="s">
        <v>26436</v>
      </c>
      <c r="C5121" s="1" t="s">
        <v>26437</v>
      </c>
      <c r="E5121">
        <v>0</v>
      </c>
      <c r="F5121">
        <v>2</v>
      </c>
      <c r="H5121" t="s">
        <v>26438</v>
      </c>
      <c r="J5121" t="s">
        <v>26439</v>
      </c>
      <c r="K5121" t="s">
        <v>26440</v>
      </c>
      <c r="M5121">
        <v>-1</v>
      </c>
      <c r="O5121">
        <v>1588540</v>
      </c>
      <c r="P5121">
        <v>1</v>
      </c>
      <c r="Q5121">
        <v>0</v>
      </c>
      <c r="R5121" t="s">
        <v>26441</v>
      </c>
      <c r="S5121">
        <v>106</v>
      </c>
    </row>
    <row r="5122" spans="1:19" x14ac:dyDescent="0.25">
      <c r="A5122">
        <v>48661817</v>
      </c>
      <c r="B5122" t="s">
        <v>26442</v>
      </c>
      <c r="C5122" s="1" t="s">
        <v>26443</v>
      </c>
      <c r="D5122">
        <v>48665597</v>
      </c>
      <c r="E5122">
        <v>2</v>
      </c>
      <c r="F5122">
        <v>10</v>
      </c>
      <c r="H5122" t="s">
        <v>26444</v>
      </c>
      <c r="J5122" t="s">
        <v>26445</v>
      </c>
      <c r="K5122" t="s">
        <v>26446</v>
      </c>
      <c r="M5122">
        <v>3484498</v>
      </c>
      <c r="O5122">
        <v>9281804</v>
      </c>
      <c r="P5122">
        <v>1</v>
      </c>
      <c r="Q5122">
        <v>0</v>
      </c>
      <c r="R5122" t="s">
        <v>26447</v>
      </c>
      <c r="S5122">
        <v>36</v>
      </c>
    </row>
    <row r="5123" spans="1:19" x14ac:dyDescent="0.25">
      <c r="A5123">
        <v>10917437</v>
      </c>
      <c r="B5123" t="s">
        <v>26448</v>
      </c>
      <c r="C5123" s="1" t="s">
        <v>26449</v>
      </c>
      <c r="D5123">
        <v>10917481</v>
      </c>
      <c r="E5123">
        <v>4</v>
      </c>
      <c r="F5123">
        <v>1</v>
      </c>
      <c r="H5123" t="s">
        <v>26450</v>
      </c>
      <c r="I5123">
        <v>1</v>
      </c>
      <c r="J5123" t="s">
        <v>26451</v>
      </c>
      <c r="K5123" t="s">
        <v>26451</v>
      </c>
      <c r="M5123">
        <v>356694</v>
      </c>
      <c r="O5123">
        <v>356694</v>
      </c>
      <c r="P5123">
        <v>1</v>
      </c>
      <c r="Q5123">
        <v>3</v>
      </c>
      <c r="R5123" t="s">
        <v>10727</v>
      </c>
      <c r="S5123">
        <v>928</v>
      </c>
    </row>
    <row r="5124" spans="1:19" x14ac:dyDescent="0.25">
      <c r="A5124">
        <v>27786265</v>
      </c>
      <c r="B5124" t="s">
        <v>26452</v>
      </c>
      <c r="C5124" s="1" t="s">
        <v>26453</v>
      </c>
      <c r="E5124">
        <v>0</v>
      </c>
      <c r="F5124">
        <v>3</v>
      </c>
      <c r="H5124" t="s">
        <v>26454</v>
      </c>
      <c r="J5124" t="s">
        <v>26454</v>
      </c>
      <c r="O5124">
        <v>4283758</v>
      </c>
      <c r="P5124">
        <v>1</v>
      </c>
      <c r="Q5124">
        <v>0</v>
      </c>
      <c r="R5124" t="s">
        <v>26455</v>
      </c>
      <c r="S5124">
        <v>204</v>
      </c>
    </row>
    <row r="5125" spans="1:19" x14ac:dyDescent="0.25">
      <c r="A5125">
        <v>22119117</v>
      </c>
      <c r="B5125" t="s">
        <v>26456</v>
      </c>
      <c r="C5125" s="1" t="s">
        <v>26457</v>
      </c>
      <c r="D5125">
        <v>22119506</v>
      </c>
      <c r="E5125">
        <v>1</v>
      </c>
      <c r="F5125">
        <v>0</v>
      </c>
      <c r="H5125" t="s">
        <v>26458</v>
      </c>
      <c r="J5125" t="s">
        <v>26459</v>
      </c>
      <c r="O5125">
        <v>3228247</v>
      </c>
      <c r="P5125">
        <v>1</v>
      </c>
      <c r="Q5125">
        <v>0</v>
      </c>
      <c r="R5125" t="s">
        <v>26460</v>
      </c>
      <c r="S5125">
        <v>76</v>
      </c>
    </row>
    <row r="5126" spans="1:19" x14ac:dyDescent="0.25">
      <c r="A5126">
        <v>44440947</v>
      </c>
      <c r="B5126" t="s">
        <v>26461</v>
      </c>
      <c r="C5126" s="1" t="s">
        <v>26462</v>
      </c>
      <c r="D5126">
        <v>44444992</v>
      </c>
      <c r="E5126">
        <v>1</v>
      </c>
      <c r="F5126">
        <v>2</v>
      </c>
      <c r="H5126" t="s">
        <v>26463</v>
      </c>
      <c r="J5126" t="s">
        <v>26464</v>
      </c>
      <c r="K5126" t="s">
        <v>26464</v>
      </c>
      <c r="M5126">
        <v>5810852</v>
      </c>
      <c r="O5126">
        <v>8132541</v>
      </c>
      <c r="P5126">
        <v>1</v>
      </c>
      <c r="Q5126">
        <v>1</v>
      </c>
      <c r="R5126" t="s">
        <v>26465</v>
      </c>
      <c r="S5126">
        <v>172</v>
      </c>
    </row>
    <row r="5127" spans="1:19" x14ac:dyDescent="0.25">
      <c r="A5127">
        <v>29717366</v>
      </c>
      <c r="B5127" t="s">
        <v>26466</v>
      </c>
      <c r="C5127" s="1" t="s">
        <v>26467</v>
      </c>
      <c r="D5127">
        <v>29718109</v>
      </c>
      <c r="E5127">
        <v>1</v>
      </c>
      <c r="F5127">
        <v>0</v>
      </c>
      <c r="H5127" t="s">
        <v>26468</v>
      </c>
      <c r="J5127" t="s">
        <v>26469</v>
      </c>
      <c r="O5127">
        <v>3646990</v>
      </c>
      <c r="P5127">
        <v>1</v>
      </c>
      <c r="Q5127">
        <v>0</v>
      </c>
      <c r="R5127" t="s">
        <v>26470</v>
      </c>
      <c r="S5127">
        <v>56</v>
      </c>
    </row>
    <row r="5128" spans="1:19" x14ac:dyDescent="0.25">
      <c r="A5128">
        <v>6039291</v>
      </c>
      <c r="B5128" t="s">
        <v>26471</v>
      </c>
      <c r="C5128" s="1" t="s">
        <v>26472</v>
      </c>
      <c r="D5128">
        <v>6373759</v>
      </c>
      <c r="E5128">
        <v>2</v>
      </c>
      <c r="F5128">
        <v>0</v>
      </c>
      <c r="H5128" t="s">
        <v>26473</v>
      </c>
      <c r="I5128">
        <v>4</v>
      </c>
      <c r="J5128" t="s">
        <v>26474</v>
      </c>
      <c r="K5128" t="s">
        <v>26474</v>
      </c>
      <c r="M5128">
        <v>64046</v>
      </c>
      <c r="O5128">
        <v>497804</v>
      </c>
      <c r="P5128">
        <v>1</v>
      </c>
      <c r="Q5128">
        <v>4</v>
      </c>
      <c r="R5128" t="s">
        <v>26475</v>
      </c>
      <c r="S5128">
        <v>4507</v>
      </c>
    </row>
    <row r="5129" spans="1:19" x14ac:dyDescent="0.25">
      <c r="A5129">
        <v>38094500</v>
      </c>
      <c r="B5129" t="s">
        <v>26476</v>
      </c>
      <c r="C5129" s="1" t="s">
        <v>26477</v>
      </c>
      <c r="D5129">
        <v>38095078</v>
      </c>
      <c r="E5129">
        <v>1</v>
      </c>
      <c r="F5129">
        <v>2</v>
      </c>
      <c r="H5129" t="s">
        <v>26478</v>
      </c>
      <c r="J5129" t="s">
        <v>26479</v>
      </c>
      <c r="O5129">
        <v>514463</v>
      </c>
      <c r="P5129">
        <v>1</v>
      </c>
      <c r="Q5129">
        <v>1</v>
      </c>
      <c r="R5129" t="s">
        <v>3056</v>
      </c>
      <c r="S5129">
        <v>307</v>
      </c>
    </row>
    <row r="5130" spans="1:19" x14ac:dyDescent="0.25">
      <c r="A5130">
        <v>20218354</v>
      </c>
      <c r="B5130" t="s">
        <v>26480</v>
      </c>
      <c r="C5130" s="1" t="s">
        <v>26481</v>
      </c>
      <c r="E5130">
        <v>1</v>
      </c>
      <c r="F5130">
        <v>0</v>
      </c>
      <c r="H5130" t="s">
        <v>26482</v>
      </c>
      <c r="J5130" t="s">
        <v>26483</v>
      </c>
      <c r="O5130">
        <v>1172265</v>
      </c>
      <c r="P5130">
        <v>1</v>
      </c>
      <c r="Q5130">
        <v>0</v>
      </c>
      <c r="R5130" t="s">
        <v>26484</v>
      </c>
      <c r="S5130">
        <v>8450</v>
      </c>
    </row>
    <row r="5131" spans="1:19" x14ac:dyDescent="0.25">
      <c r="A5131">
        <v>21695942</v>
      </c>
      <c r="B5131" t="s">
        <v>26485</v>
      </c>
      <c r="C5131" s="1" t="s">
        <v>26486</v>
      </c>
      <c r="D5131">
        <v>21717557</v>
      </c>
      <c r="E5131">
        <v>1</v>
      </c>
      <c r="F5131">
        <v>0</v>
      </c>
      <c r="H5131" t="s">
        <v>26487</v>
      </c>
      <c r="J5131" t="s">
        <v>26488</v>
      </c>
      <c r="O5131">
        <v>2837226</v>
      </c>
      <c r="P5131">
        <v>1</v>
      </c>
      <c r="Q5131">
        <v>2</v>
      </c>
      <c r="R5131" t="s">
        <v>26489</v>
      </c>
      <c r="S5131">
        <v>964</v>
      </c>
    </row>
    <row r="5132" spans="1:19" x14ac:dyDescent="0.25">
      <c r="A5132">
        <v>2017222</v>
      </c>
      <c r="B5132" t="s">
        <v>26490</v>
      </c>
      <c r="C5132" s="1" t="s">
        <v>26491</v>
      </c>
      <c r="D5132">
        <v>2019262</v>
      </c>
      <c r="E5132">
        <v>1</v>
      </c>
      <c r="F5132">
        <v>0</v>
      </c>
      <c r="H5132" t="s">
        <v>26492</v>
      </c>
      <c r="J5132" t="s">
        <v>26493</v>
      </c>
      <c r="K5132" t="s">
        <v>26494</v>
      </c>
      <c r="M5132">
        <v>17516</v>
      </c>
      <c r="O5132">
        <v>107037</v>
      </c>
      <c r="P5132">
        <v>1</v>
      </c>
      <c r="Q5132">
        <v>1</v>
      </c>
      <c r="R5132" t="s">
        <v>26495</v>
      </c>
      <c r="S5132">
        <v>388</v>
      </c>
    </row>
    <row r="5133" spans="1:19" x14ac:dyDescent="0.25">
      <c r="A5133">
        <v>4874473</v>
      </c>
      <c r="B5133" t="s">
        <v>26496</v>
      </c>
      <c r="C5133" s="1" t="s">
        <v>26497</v>
      </c>
      <c r="D5133">
        <v>4896541</v>
      </c>
      <c r="E5133">
        <v>2</v>
      </c>
      <c r="F5133">
        <v>5</v>
      </c>
      <c r="H5133" t="s">
        <v>26498</v>
      </c>
      <c r="I5133">
        <v>2</v>
      </c>
      <c r="J5133" t="s">
        <v>26499</v>
      </c>
      <c r="K5133" t="s">
        <v>26500</v>
      </c>
      <c r="M5133">
        <v>193892</v>
      </c>
      <c r="O5133">
        <v>288956</v>
      </c>
      <c r="P5133">
        <v>1</v>
      </c>
      <c r="Q5133">
        <v>2</v>
      </c>
      <c r="R5133" t="s">
        <v>26501</v>
      </c>
      <c r="S5133">
        <v>1846</v>
      </c>
    </row>
    <row r="5134" spans="1:19" x14ac:dyDescent="0.25">
      <c r="A5134">
        <v>32575984</v>
      </c>
      <c r="B5134" t="s">
        <v>26502</v>
      </c>
      <c r="C5134" s="1" t="s">
        <v>26503</v>
      </c>
      <c r="E5134">
        <v>1</v>
      </c>
      <c r="F5134">
        <v>1</v>
      </c>
      <c r="H5134" t="s">
        <v>26504</v>
      </c>
      <c r="J5134" t="s">
        <v>26505</v>
      </c>
      <c r="O5134">
        <v>3954620</v>
      </c>
      <c r="P5134">
        <v>1</v>
      </c>
      <c r="Q5134">
        <v>0</v>
      </c>
      <c r="R5134" t="s">
        <v>26506</v>
      </c>
      <c r="S5134">
        <v>131</v>
      </c>
    </row>
    <row r="5135" spans="1:19" x14ac:dyDescent="0.25">
      <c r="A5135">
        <v>25077809</v>
      </c>
      <c r="B5135" t="s">
        <v>26507</v>
      </c>
      <c r="C5135" s="1" t="s">
        <v>26508</v>
      </c>
      <c r="E5135">
        <v>0</v>
      </c>
      <c r="F5135">
        <v>2</v>
      </c>
      <c r="H5135" t="s">
        <v>26509</v>
      </c>
      <c r="J5135" t="s">
        <v>26510</v>
      </c>
      <c r="K5135" t="s">
        <v>26510</v>
      </c>
      <c r="M5135">
        <v>2845389</v>
      </c>
      <c r="O5135">
        <v>2405469</v>
      </c>
      <c r="P5135">
        <v>1</v>
      </c>
      <c r="Q5135">
        <v>0</v>
      </c>
      <c r="R5135" t="s">
        <v>26511</v>
      </c>
      <c r="S5135">
        <v>11</v>
      </c>
    </row>
    <row r="5136" spans="1:19" x14ac:dyDescent="0.25">
      <c r="A5136">
        <v>40805254</v>
      </c>
      <c r="B5136" t="s">
        <v>26512</v>
      </c>
      <c r="C5136" s="1" t="s">
        <v>26513</v>
      </c>
      <c r="D5136">
        <v>40805817</v>
      </c>
      <c r="E5136">
        <v>1</v>
      </c>
      <c r="F5136">
        <v>4</v>
      </c>
      <c r="H5136" t="s">
        <v>26514</v>
      </c>
      <c r="J5136" t="s">
        <v>26515</v>
      </c>
      <c r="K5136" t="s">
        <v>26516</v>
      </c>
      <c r="M5136">
        <v>1392379</v>
      </c>
      <c r="O5136">
        <v>6819400</v>
      </c>
      <c r="P5136">
        <v>1</v>
      </c>
      <c r="Q5136">
        <v>3</v>
      </c>
      <c r="R5136" t="s">
        <v>20333</v>
      </c>
      <c r="S5136">
        <v>55</v>
      </c>
    </row>
    <row r="5137" spans="1:19" x14ac:dyDescent="0.25">
      <c r="A5137">
        <v>34336753</v>
      </c>
      <c r="B5137" t="s">
        <v>26517</v>
      </c>
      <c r="C5137" s="1" t="s">
        <v>26518</v>
      </c>
      <c r="E5137">
        <v>1</v>
      </c>
      <c r="F5137">
        <v>1</v>
      </c>
      <c r="H5137" t="s">
        <v>26519</v>
      </c>
      <c r="J5137" t="s">
        <v>26520</v>
      </c>
      <c r="K5137" t="s">
        <v>26520</v>
      </c>
      <c r="M5137">
        <v>1773841</v>
      </c>
      <c r="O5137">
        <v>5691264</v>
      </c>
      <c r="P5137">
        <v>1</v>
      </c>
      <c r="Q5137">
        <v>3</v>
      </c>
      <c r="R5137" t="s">
        <v>26521</v>
      </c>
      <c r="S5137">
        <v>430</v>
      </c>
    </row>
    <row r="5138" spans="1:19" x14ac:dyDescent="0.25">
      <c r="A5138">
        <v>3302867</v>
      </c>
      <c r="B5138" t="s">
        <v>26522</v>
      </c>
      <c r="C5138" s="1" t="s">
        <v>26523</v>
      </c>
      <c r="D5138">
        <v>3302977</v>
      </c>
      <c r="E5138">
        <v>3</v>
      </c>
      <c r="F5138">
        <v>2</v>
      </c>
      <c r="H5138" t="s">
        <v>26524</v>
      </c>
      <c r="I5138">
        <v>2</v>
      </c>
      <c r="J5138" t="s">
        <v>26525</v>
      </c>
      <c r="K5138" t="s">
        <v>26525</v>
      </c>
      <c r="M5138">
        <v>4370109</v>
      </c>
      <c r="O5138">
        <v>371699</v>
      </c>
      <c r="P5138">
        <v>1</v>
      </c>
      <c r="Q5138">
        <v>4</v>
      </c>
      <c r="R5138" t="s">
        <v>26526</v>
      </c>
      <c r="S5138">
        <v>372</v>
      </c>
    </row>
    <row r="5139" spans="1:19" x14ac:dyDescent="0.25">
      <c r="A5139">
        <v>7722124</v>
      </c>
      <c r="B5139" t="s">
        <v>26527</v>
      </c>
      <c r="C5139" t="s">
        <v>26528</v>
      </c>
      <c r="E5139">
        <v>2</v>
      </c>
      <c r="F5139">
        <v>4</v>
      </c>
      <c r="H5139" t="s">
        <v>26529</v>
      </c>
      <c r="I5139">
        <v>0</v>
      </c>
      <c r="J5139" t="s">
        <v>26530</v>
      </c>
      <c r="O5139">
        <v>958705</v>
      </c>
      <c r="P5139">
        <v>1</v>
      </c>
      <c r="Q5139">
        <v>1</v>
      </c>
      <c r="R5139" t="s">
        <v>26531</v>
      </c>
      <c r="S5139">
        <v>1814</v>
      </c>
    </row>
    <row r="5140" spans="1:19" x14ac:dyDescent="0.25">
      <c r="A5140">
        <v>4548878</v>
      </c>
      <c r="B5140" t="s">
        <v>26532</v>
      </c>
      <c r="C5140" s="1" t="s">
        <v>26533</v>
      </c>
      <c r="D5140">
        <v>4549643</v>
      </c>
      <c r="E5140">
        <v>3</v>
      </c>
      <c r="F5140">
        <v>0</v>
      </c>
      <c r="H5140" t="s">
        <v>26534</v>
      </c>
      <c r="I5140">
        <v>1</v>
      </c>
      <c r="J5140" t="s">
        <v>26535</v>
      </c>
      <c r="K5140" t="s">
        <v>26536</v>
      </c>
      <c r="M5140">
        <v>165071</v>
      </c>
      <c r="O5140">
        <v>165071</v>
      </c>
      <c r="P5140">
        <v>1</v>
      </c>
      <c r="Q5140">
        <v>0</v>
      </c>
      <c r="R5140" t="s">
        <v>26537</v>
      </c>
      <c r="S5140">
        <v>3130</v>
      </c>
    </row>
    <row r="5141" spans="1:19" x14ac:dyDescent="0.25">
      <c r="A5141">
        <v>47912477</v>
      </c>
      <c r="B5141" t="s">
        <v>26538</v>
      </c>
      <c r="C5141" s="1" t="s">
        <v>26539</v>
      </c>
      <c r="E5141">
        <v>1</v>
      </c>
      <c r="F5141">
        <v>3</v>
      </c>
      <c r="H5141" t="s">
        <v>26540</v>
      </c>
      <c r="I5141">
        <v>1</v>
      </c>
      <c r="J5141" t="s">
        <v>26541</v>
      </c>
      <c r="K5141" t="s">
        <v>26541</v>
      </c>
      <c r="M5141">
        <v>1114498</v>
      </c>
      <c r="O5141">
        <v>1114498</v>
      </c>
      <c r="P5141">
        <v>1</v>
      </c>
      <c r="Q5141">
        <v>1</v>
      </c>
      <c r="R5141" t="s">
        <v>4749</v>
      </c>
      <c r="S5141">
        <v>408</v>
      </c>
    </row>
    <row r="5142" spans="1:19" x14ac:dyDescent="0.25">
      <c r="A5142">
        <v>50481064</v>
      </c>
      <c r="B5142" t="s">
        <v>26542</v>
      </c>
      <c r="C5142" s="1" t="s">
        <v>26543</v>
      </c>
      <c r="D5142">
        <v>50481570</v>
      </c>
      <c r="E5142">
        <v>2</v>
      </c>
      <c r="F5142">
        <v>1</v>
      </c>
      <c r="H5142" t="s">
        <v>26544</v>
      </c>
      <c r="J5142" t="s">
        <v>26545</v>
      </c>
      <c r="O5142">
        <v>1035217</v>
      </c>
      <c r="P5142">
        <v>1</v>
      </c>
      <c r="Q5142">
        <v>0</v>
      </c>
      <c r="R5142" t="s">
        <v>26546</v>
      </c>
      <c r="S5142">
        <v>95</v>
      </c>
    </row>
    <row r="5143" spans="1:19" x14ac:dyDescent="0.25">
      <c r="A5143">
        <v>50103069</v>
      </c>
      <c r="B5143" t="s">
        <v>26547</v>
      </c>
      <c r="C5143" s="1" t="s">
        <v>26548</v>
      </c>
      <c r="D5143">
        <v>50105985</v>
      </c>
      <c r="E5143">
        <v>1</v>
      </c>
      <c r="F5143">
        <v>1</v>
      </c>
      <c r="H5143" t="s">
        <v>26549</v>
      </c>
      <c r="J5143" t="s">
        <v>26550</v>
      </c>
      <c r="K5143" t="s">
        <v>26551</v>
      </c>
      <c r="M5143">
        <v>1417694</v>
      </c>
      <c r="O5143">
        <v>656990</v>
      </c>
      <c r="P5143">
        <v>1</v>
      </c>
      <c r="Q5143">
        <v>1</v>
      </c>
      <c r="R5143" t="s">
        <v>1767</v>
      </c>
      <c r="S5143">
        <v>337</v>
      </c>
    </row>
    <row r="5144" spans="1:19" x14ac:dyDescent="0.25">
      <c r="A5144">
        <v>25482031</v>
      </c>
      <c r="B5144" t="s">
        <v>26552</v>
      </c>
      <c r="C5144" s="1" t="s">
        <v>26553</v>
      </c>
      <c r="D5144">
        <v>25482226</v>
      </c>
      <c r="E5144">
        <v>4</v>
      </c>
      <c r="F5144">
        <v>4</v>
      </c>
      <c r="H5144" t="s">
        <v>26554</v>
      </c>
      <c r="J5144" t="s">
        <v>26555</v>
      </c>
      <c r="K5144" t="s">
        <v>26555</v>
      </c>
      <c r="M5144">
        <v>1392132</v>
      </c>
      <c r="O5144">
        <v>2797826</v>
      </c>
      <c r="P5144">
        <v>1</v>
      </c>
      <c r="Q5144">
        <v>18</v>
      </c>
      <c r="R5144" t="s">
        <v>26556</v>
      </c>
      <c r="S5144">
        <v>2479</v>
      </c>
    </row>
    <row r="5145" spans="1:19" x14ac:dyDescent="0.25">
      <c r="A5145">
        <v>47885346</v>
      </c>
      <c r="B5145" t="s">
        <v>26557</v>
      </c>
      <c r="C5145" s="1" t="s">
        <v>26558</v>
      </c>
      <c r="E5145">
        <v>2</v>
      </c>
      <c r="F5145">
        <v>1</v>
      </c>
      <c r="H5145" t="s">
        <v>26559</v>
      </c>
      <c r="J5145" t="s">
        <v>26560</v>
      </c>
      <c r="K5145" t="s">
        <v>26560</v>
      </c>
      <c r="M5145">
        <v>2649012</v>
      </c>
      <c r="O5145">
        <v>7064179</v>
      </c>
      <c r="P5145">
        <v>1</v>
      </c>
      <c r="Q5145">
        <v>1</v>
      </c>
      <c r="R5145" t="s">
        <v>26561</v>
      </c>
      <c r="S5145">
        <v>302</v>
      </c>
    </row>
    <row r="5146" spans="1:19" x14ac:dyDescent="0.25">
      <c r="A5146">
        <v>49965012</v>
      </c>
      <c r="B5146" t="s">
        <v>26562</v>
      </c>
      <c r="C5146" s="1" t="s">
        <v>26563</v>
      </c>
      <c r="D5146">
        <v>49965088</v>
      </c>
      <c r="E5146">
        <v>1</v>
      </c>
      <c r="F5146">
        <v>0</v>
      </c>
      <c r="H5146" t="s">
        <v>26564</v>
      </c>
      <c r="J5146" t="s">
        <v>26565</v>
      </c>
      <c r="O5146">
        <v>9581715</v>
      </c>
      <c r="P5146">
        <v>1</v>
      </c>
      <c r="Q5146">
        <v>1</v>
      </c>
      <c r="R5146" t="s">
        <v>26566</v>
      </c>
      <c r="S5146">
        <v>96</v>
      </c>
    </row>
    <row r="5147" spans="1:19" x14ac:dyDescent="0.25">
      <c r="A5147">
        <v>33574727</v>
      </c>
      <c r="B5147" t="s">
        <v>26567</v>
      </c>
      <c r="C5147" s="1" t="s">
        <v>26568</v>
      </c>
      <c r="D5147">
        <v>33574811</v>
      </c>
      <c r="E5147">
        <v>4</v>
      </c>
      <c r="F5147">
        <v>0</v>
      </c>
      <c r="H5147" t="s">
        <v>26569</v>
      </c>
      <c r="J5147" t="s">
        <v>26570</v>
      </c>
      <c r="O5147">
        <v>759991</v>
      </c>
      <c r="P5147">
        <v>1</v>
      </c>
      <c r="Q5147">
        <v>2</v>
      </c>
      <c r="R5147" t="s">
        <v>26571</v>
      </c>
      <c r="S5147">
        <v>2544</v>
      </c>
    </row>
    <row r="5148" spans="1:19" x14ac:dyDescent="0.25">
      <c r="A5148">
        <v>2453694</v>
      </c>
      <c r="B5148" t="s">
        <v>26572</v>
      </c>
      <c r="C5148" s="1" t="s">
        <v>26573</v>
      </c>
      <c r="D5148">
        <v>2565691</v>
      </c>
      <c r="E5148">
        <v>4</v>
      </c>
      <c r="F5148">
        <v>1</v>
      </c>
      <c r="H5148" t="s">
        <v>26574</v>
      </c>
      <c r="I5148">
        <v>1</v>
      </c>
      <c r="J5148" t="s">
        <v>26575</v>
      </c>
      <c r="K5148" t="s">
        <v>26576</v>
      </c>
      <c r="M5148">
        <v>245552</v>
      </c>
      <c r="O5148">
        <v>245552</v>
      </c>
      <c r="P5148">
        <v>1</v>
      </c>
      <c r="Q5148">
        <v>2</v>
      </c>
      <c r="R5148" t="s">
        <v>26577</v>
      </c>
      <c r="S5148">
        <v>1517</v>
      </c>
    </row>
    <row r="5149" spans="1:19" x14ac:dyDescent="0.25">
      <c r="A5149">
        <v>23603315</v>
      </c>
      <c r="B5149" t="s">
        <v>26578</v>
      </c>
      <c r="C5149" s="1" t="s">
        <v>26579</v>
      </c>
      <c r="D5149">
        <v>23692684</v>
      </c>
      <c r="E5149">
        <v>1</v>
      </c>
      <c r="F5149">
        <v>0</v>
      </c>
      <c r="H5149" t="s">
        <v>26580</v>
      </c>
      <c r="J5149" t="s">
        <v>26581</v>
      </c>
      <c r="K5149" t="s">
        <v>26582</v>
      </c>
      <c r="M5149">
        <v>-1</v>
      </c>
      <c r="O5149">
        <v>3544238</v>
      </c>
      <c r="P5149">
        <v>1</v>
      </c>
      <c r="Q5149">
        <v>0</v>
      </c>
      <c r="R5149" t="s">
        <v>26583</v>
      </c>
      <c r="S5149">
        <v>81</v>
      </c>
    </row>
    <row r="5150" spans="1:19" x14ac:dyDescent="0.25">
      <c r="A5150">
        <v>53009566</v>
      </c>
      <c r="B5150" t="s">
        <v>26584</v>
      </c>
      <c r="C5150" s="1" t="s">
        <v>26585</v>
      </c>
      <c r="E5150">
        <v>1</v>
      </c>
      <c r="F5150">
        <v>2</v>
      </c>
      <c r="H5150" t="s">
        <v>26586</v>
      </c>
      <c r="J5150" t="s">
        <v>26587</v>
      </c>
      <c r="K5150" t="s">
        <v>26588</v>
      </c>
      <c r="M5150">
        <v>6057787</v>
      </c>
      <c r="O5150">
        <v>5984357</v>
      </c>
      <c r="P5150">
        <v>1</v>
      </c>
      <c r="Q5150">
        <v>-2</v>
      </c>
      <c r="R5150" t="s">
        <v>229</v>
      </c>
      <c r="S5150">
        <v>20</v>
      </c>
    </row>
    <row r="5151" spans="1:19" x14ac:dyDescent="0.25">
      <c r="A5151">
        <v>21497373</v>
      </c>
      <c r="B5151" t="s">
        <v>26589</v>
      </c>
      <c r="C5151" s="1" t="s">
        <v>26590</v>
      </c>
      <c r="D5151">
        <v>21498420</v>
      </c>
      <c r="E5151">
        <v>1</v>
      </c>
      <c r="F5151">
        <v>0</v>
      </c>
      <c r="H5151" t="s">
        <v>26591</v>
      </c>
      <c r="J5151" t="s">
        <v>26592</v>
      </c>
      <c r="O5151">
        <v>1057951</v>
      </c>
      <c r="P5151">
        <v>1</v>
      </c>
      <c r="Q5151">
        <v>2</v>
      </c>
      <c r="R5151" t="s">
        <v>26593</v>
      </c>
      <c r="S5151">
        <v>321</v>
      </c>
    </row>
    <row r="5152" spans="1:19" x14ac:dyDescent="0.25">
      <c r="A5152">
        <v>37061238</v>
      </c>
      <c r="B5152" t="s">
        <v>26594</v>
      </c>
      <c r="C5152" s="1" t="s">
        <v>26595</v>
      </c>
      <c r="E5152">
        <v>2</v>
      </c>
      <c r="F5152">
        <v>0</v>
      </c>
      <c r="H5152" t="s">
        <v>26596</v>
      </c>
      <c r="J5152" t="s">
        <v>26597</v>
      </c>
      <c r="K5152" t="s">
        <v>26598</v>
      </c>
      <c r="M5152">
        <v>1588897</v>
      </c>
      <c r="O5152">
        <v>2747920</v>
      </c>
      <c r="P5152">
        <v>1</v>
      </c>
      <c r="Q5152">
        <v>1</v>
      </c>
      <c r="R5152" t="s">
        <v>26599</v>
      </c>
      <c r="S5152">
        <v>236</v>
      </c>
    </row>
    <row r="5153" spans="1:19" x14ac:dyDescent="0.25">
      <c r="A5153">
        <v>3191693</v>
      </c>
      <c r="B5153" t="s">
        <v>26600</v>
      </c>
      <c r="C5153" t="s">
        <v>26601</v>
      </c>
      <c r="D5153">
        <v>3191753</v>
      </c>
      <c r="E5153">
        <v>5</v>
      </c>
      <c r="F5153">
        <v>0</v>
      </c>
      <c r="H5153" t="s">
        <v>26602</v>
      </c>
      <c r="I5153">
        <v>2</v>
      </c>
      <c r="J5153" t="s">
        <v>26603</v>
      </c>
      <c r="O5153">
        <v>165119</v>
      </c>
      <c r="P5153">
        <v>1</v>
      </c>
      <c r="Q5153">
        <v>29</v>
      </c>
      <c r="R5153" t="s">
        <v>26604</v>
      </c>
      <c r="S5153">
        <v>48090</v>
      </c>
    </row>
    <row r="5154" spans="1:19" x14ac:dyDescent="0.25">
      <c r="A5154">
        <v>16494336</v>
      </c>
      <c r="B5154" t="s">
        <v>26605</v>
      </c>
      <c r="C5154" s="1" t="s">
        <v>26606</v>
      </c>
      <c r="E5154">
        <v>3</v>
      </c>
      <c r="F5154">
        <v>0</v>
      </c>
      <c r="H5154" t="s">
        <v>26607</v>
      </c>
      <c r="J5154" t="s">
        <v>26608</v>
      </c>
      <c r="O5154">
        <v>2243388</v>
      </c>
      <c r="P5154">
        <v>1</v>
      </c>
      <c r="Q5154">
        <v>0</v>
      </c>
      <c r="R5154" t="s">
        <v>26609</v>
      </c>
      <c r="S5154">
        <v>263</v>
      </c>
    </row>
    <row r="5155" spans="1:19" x14ac:dyDescent="0.25">
      <c r="A5155">
        <v>19759274</v>
      </c>
      <c r="B5155" t="s">
        <v>26610</v>
      </c>
      <c r="C5155" s="1" t="s">
        <v>26611</v>
      </c>
      <c r="D5155">
        <v>19759544</v>
      </c>
      <c r="E5155">
        <v>2</v>
      </c>
      <c r="F5155">
        <v>0</v>
      </c>
      <c r="H5155" t="s">
        <v>26612</v>
      </c>
      <c r="J5155" t="s">
        <v>26613</v>
      </c>
      <c r="O5155">
        <v>632088</v>
      </c>
      <c r="P5155">
        <v>1</v>
      </c>
      <c r="Q5155">
        <v>4</v>
      </c>
      <c r="R5155" t="s">
        <v>26614</v>
      </c>
      <c r="S5155">
        <v>1725</v>
      </c>
    </row>
    <row r="5156" spans="1:19" x14ac:dyDescent="0.25">
      <c r="A5156">
        <v>13493176</v>
      </c>
      <c r="B5156" t="s">
        <v>26615</v>
      </c>
      <c r="C5156" s="1" t="s">
        <v>26616</v>
      </c>
      <c r="D5156">
        <v>13494507</v>
      </c>
      <c r="E5156">
        <v>2</v>
      </c>
      <c r="F5156">
        <v>2</v>
      </c>
      <c r="H5156" t="s">
        <v>26617</v>
      </c>
      <c r="J5156" t="s">
        <v>26618</v>
      </c>
      <c r="O5156">
        <v>1456234</v>
      </c>
      <c r="P5156">
        <v>1</v>
      </c>
      <c r="Q5156">
        <v>0</v>
      </c>
      <c r="R5156" t="s">
        <v>26619</v>
      </c>
      <c r="S5156">
        <v>57</v>
      </c>
    </row>
    <row r="5157" spans="1:19" x14ac:dyDescent="0.25">
      <c r="A5157">
        <v>44020494</v>
      </c>
      <c r="B5157" t="s">
        <v>26620</v>
      </c>
      <c r="C5157" s="1" t="s">
        <v>26621</v>
      </c>
      <c r="D5157">
        <v>44020654</v>
      </c>
      <c r="E5157">
        <v>3</v>
      </c>
      <c r="F5157">
        <v>1</v>
      </c>
      <c r="H5157" t="s">
        <v>26622</v>
      </c>
      <c r="J5157" t="s">
        <v>26623</v>
      </c>
      <c r="K5157" t="s">
        <v>26624</v>
      </c>
      <c r="M5157">
        <v>-1</v>
      </c>
      <c r="O5157">
        <v>6404631</v>
      </c>
      <c r="P5157">
        <v>1</v>
      </c>
      <c r="Q5157">
        <v>1</v>
      </c>
      <c r="R5157" t="s">
        <v>12082</v>
      </c>
      <c r="S5157">
        <v>34</v>
      </c>
    </row>
    <row r="5158" spans="1:19" x14ac:dyDescent="0.25">
      <c r="A5158">
        <v>2634136</v>
      </c>
      <c r="B5158" t="s">
        <v>26625</v>
      </c>
      <c r="C5158" t="s">
        <v>26626</v>
      </c>
      <c r="E5158">
        <v>1</v>
      </c>
      <c r="F5158">
        <v>1</v>
      </c>
      <c r="H5158" t="s">
        <v>26627</v>
      </c>
      <c r="J5158" t="s">
        <v>26628</v>
      </c>
      <c r="K5158" t="s">
        <v>26628</v>
      </c>
      <c r="M5158">
        <v>1632</v>
      </c>
      <c r="O5158">
        <v>316030</v>
      </c>
      <c r="P5158">
        <v>1</v>
      </c>
      <c r="Q5158">
        <v>1</v>
      </c>
      <c r="R5158" t="s">
        <v>26629</v>
      </c>
      <c r="S5158">
        <v>1524</v>
      </c>
    </row>
    <row r="5159" spans="1:19" x14ac:dyDescent="0.25">
      <c r="A5159">
        <v>33482810</v>
      </c>
      <c r="B5159" t="s">
        <v>26630</v>
      </c>
      <c r="C5159" s="1" t="s">
        <v>26631</v>
      </c>
      <c r="E5159">
        <v>1</v>
      </c>
      <c r="F5159">
        <v>0</v>
      </c>
      <c r="H5159" t="s">
        <v>26632</v>
      </c>
      <c r="J5159" t="s">
        <v>26633</v>
      </c>
      <c r="K5159" t="s">
        <v>26634</v>
      </c>
      <c r="M5159">
        <v>-1</v>
      </c>
      <c r="O5159">
        <v>4495849</v>
      </c>
      <c r="P5159">
        <v>1</v>
      </c>
      <c r="Q5159">
        <v>1</v>
      </c>
      <c r="R5159" t="s">
        <v>26635</v>
      </c>
      <c r="S5159">
        <v>126</v>
      </c>
    </row>
    <row r="5160" spans="1:19" x14ac:dyDescent="0.25">
      <c r="A5160">
        <v>36581016</v>
      </c>
      <c r="B5160" t="s">
        <v>26636</v>
      </c>
      <c r="C5160" s="1" t="s">
        <v>26637</v>
      </c>
      <c r="E5160">
        <v>1</v>
      </c>
      <c r="F5160">
        <v>2</v>
      </c>
      <c r="H5160" t="s">
        <v>26638</v>
      </c>
      <c r="J5160" t="s">
        <v>26639</v>
      </c>
      <c r="O5160">
        <v>4977438</v>
      </c>
      <c r="P5160">
        <v>1</v>
      </c>
      <c r="Q5160">
        <v>0</v>
      </c>
      <c r="R5160" t="s">
        <v>10547</v>
      </c>
      <c r="S5160">
        <v>44</v>
      </c>
    </row>
    <row r="5161" spans="1:19" x14ac:dyDescent="0.25">
      <c r="A5161">
        <v>53388811</v>
      </c>
      <c r="B5161" t="s">
        <v>26640</v>
      </c>
      <c r="C5161" s="1" t="s">
        <v>26641</v>
      </c>
      <c r="E5161">
        <v>0</v>
      </c>
      <c r="F5161">
        <v>15</v>
      </c>
      <c r="H5161" t="s">
        <v>26642</v>
      </c>
      <c r="J5161" t="s">
        <v>26643</v>
      </c>
      <c r="K5161" t="s">
        <v>26643</v>
      </c>
      <c r="M5161">
        <v>4215029</v>
      </c>
      <c r="O5161">
        <v>4215029</v>
      </c>
      <c r="P5161">
        <v>1</v>
      </c>
      <c r="Q5161">
        <v>0</v>
      </c>
      <c r="R5161" t="s">
        <v>26644</v>
      </c>
      <c r="S5161">
        <v>64</v>
      </c>
    </row>
    <row r="5162" spans="1:19" x14ac:dyDescent="0.25">
      <c r="A5162">
        <v>3940765</v>
      </c>
      <c r="B5162" t="s">
        <v>26645</v>
      </c>
      <c r="C5162" s="1" t="s">
        <v>26646</v>
      </c>
      <c r="D5162">
        <v>3940888</v>
      </c>
      <c r="E5162">
        <v>1</v>
      </c>
      <c r="F5162">
        <v>0</v>
      </c>
      <c r="H5162" t="s">
        <v>26647</v>
      </c>
      <c r="J5162" t="s">
        <v>26648</v>
      </c>
      <c r="K5162" t="s">
        <v>26649</v>
      </c>
      <c r="M5162">
        <v>9021</v>
      </c>
      <c r="O5162">
        <v>462623</v>
      </c>
      <c r="P5162">
        <v>1</v>
      </c>
      <c r="Q5162">
        <v>1</v>
      </c>
      <c r="R5162" t="s">
        <v>26650</v>
      </c>
      <c r="S5162">
        <v>2045</v>
      </c>
    </row>
    <row r="5163" spans="1:19" x14ac:dyDescent="0.25">
      <c r="A5163">
        <v>39551732</v>
      </c>
      <c r="B5163" t="s">
        <v>26651</v>
      </c>
      <c r="C5163" s="1" t="s">
        <v>26652</v>
      </c>
      <c r="D5163">
        <v>39878731</v>
      </c>
      <c r="E5163">
        <v>2</v>
      </c>
      <c r="F5163">
        <v>0</v>
      </c>
      <c r="H5163" t="s">
        <v>26653</v>
      </c>
      <c r="J5163" t="s">
        <v>26654</v>
      </c>
      <c r="K5163" t="s">
        <v>26655</v>
      </c>
      <c r="M5163">
        <v>2057709</v>
      </c>
      <c r="O5163">
        <v>6220957</v>
      </c>
      <c r="P5163">
        <v>1</v>
      </c>
      <c r="Q5163">
        <v>0</v>
      </c>
      <c r="R5163" t="s">
        <v>26656</v>
      </c>
      <c r="S5163">
        <v>423</v>
      </c>
    </row>
    <row r="5164" spans="1:19" x14ac:dyDescent="0.25">
      <c r="A5164">
        <v>32191201</v>
      </c>
      <c r="B5164" t="s">
        <v>26657</v>
      </c>
      <c r="C5164" s="1" t="s">
        <v>26658</v>
      </c>
      <c r="D5164">
        <v>32191359</v>
      </c>
      <c r="E5164">
        <v>1</v>
      </c>
      <c r="F5164">
        <v>0</v>
      </c>
      <c r="H5164" t="s">
        <v>26659</v>
      </c>
      <c r="I5164">
        <v>1</v>
      </c>
      <c r="J5164" t="s">
        <v>26660</v>
      </c>
      <c r="O5164">
        <v>4464498</v>
      </c>
      <c r="P5164">
        <v>1</v>
      </c>
      <c r="Q5164">
        <v>0</v>
      </c>
      <c r="R5164" t="s">
        <v>26661</v>
      </c>
      <c r="S5164">
        <v>118</v>
      </c>
    </row>
    <row r="5165" spans="1:19" x14ac:dyDescent="0.25">
      <c r="A5165">
        <v>5690640</v>
      </c>
      <c r="B5165" t="s">
        <v>26662</v>
      </c>
      <c r="C5165" s="1" t="s">
        <v>26663</v>
      </c>
      <c r="D5165">
        <v>5690805</v>
      </c>
      <c r="E5165">
        <v>1</v>
      </c>
      <c r="F5165">
        <v>0</v>
      </c>
      <c r="H5165" t="s">
        <v>26664</v>
      </c>
      <c r="J5165" t="s">
        <v>26665</v>
      </c>
      <c r="O5165">
        <v>469106</v>
      </c>
      <c r="P5165">
        <v>1</v>
      </c>
      <c r="Q5165">
        <v>0</v>
      </c>
      <c r="R5165" t="s">
        <v>26666</v>
      </c>
      <c r="S5165">
        <v>86</v>
      </c>
    </row>
    <row r="5166" spans="1:19" x14ac:dyDescent="0.25">
      <c r="A5166">
        <v>27641995</v>
      </c>
      <c r="B5166" t="s">
        <v>26667</v>
      </c>
      <c r="C5166" s="1" t="s">
        <v>26668</v>
      </c>
      <c r="E5166">
        <v>1</v>
      </c>
      <c r="F5166">
        <v>0</v>
      </c>
      <c r="H5166" t="s">
        <v>26669</v>
      </c>
      <c r="J5166" t="s">
        <v>26670</v>
      </c>
      <c r="K5166" t="s">
        <v>26671</v>
      </c>
      <c r="M5166">
        <v>781792</v>
      </c>
      <c r="O5166">
        <v>477260</v>
      </c>
      <c r="P5166">
        <v>1</v>
      </c>
      <c r="Q5166">
        <v>1</v>
      </c>
      <c r="R5166" t="s">
        <v>26672</v>
      </c>
      <c r="S5166">
        <v>382</v>
      </c>
    </row>
    <row r="5167" spans="1:19" x14ac:dyDescent="0.25">
      <c r="A5167">
        <v>26644338</v>
      </c>
      <c r="B5167" t="s">
        <v>26673</v>
      </c>
      <c r="C5167" s="1" t="s">
        <v>26674</v>
      </c>
      <c r="D5167">
        <v>26644630</v>
      </c>
      <c r="E5167">
        <v>1</v>
      </c>
      <c r="F5167">
        <v>5</v>
      </c>
      <c r="H5167" t="s">
        <v>26675</v>
      </c>
      <c r="J5167" t="s">
        <v>26676</v>
      </c>
      <c r="K5167" t="s">
        <v>26677</v>
      </c>
      <c r="M5167">
        <v>21945</v>
      </c>
      <c r="O5167">
        <v>4196539</v>
      </c>
      <c r="P5167">
        <v>1</v>
      </c>
      <c r="Q5167">
        <v>-2</v>
      </c>
      <c r="R5167" t="s">
        <v>26678</v>
      </c>
      <c r="S5167">
        <v>443</v>
      </c>
    </row>
    <row r="5168" spans="1:19" x14ac:dyDescent="0.25">
      <c r="A5168">
        <v>44406314</v>
      </c>
      <c r="B5168" t="s">
        <v>26679</v>
      </c>
      <c r="C5168" s="1" t="s">
        <v>26680</v>
      </c>
      <c r="E5168">
        <v>1</v>
      </c>
      <c r="F5168">
        <v>2</v>
      </c>
      <c r="H5168" t="s">
        <v>26681</v>
      </c>
      <c r="J5168" t="s">
        <v>26682</v>
      </c>
      <c r="K5168" t="s">
        <v>26683</v>
      </c>
      <c r="M5168">
        <v>989121</v>
      </c>
      <c r="O5168">
        <v>5357260</v>
      </c>
      <c r="P5168">
        <v>1</v>
      </c>
      <c r="Q5168">
        <v>0</v>
      </c>
      <c r="R5168" t="s">
        <v>26684</v>
      </c>
      <c r="S5168">
        <v>42</v>
      </c>
    </row>
    <row r="5169" spans="1:19" x14ac:dyDescent="0.25">
      <c r="A5169">
        <v>14179164</v>
      </c>
      <c r="B5169" t="s">
        <v>26685</v>
      </c>
      <c r="C5169" s="1" t="s">
        <v>26686</v>
      </c>
      <c r="D5169">
        <v>14179914</v>
      </c>
      <c r="E5169">
        <v>3</v>
      </c>
      <c r="F5169">
        <v>0</v>
      </c>
      <c r="H5169" t="s">
        <v>26687</v>
      </c>
      <c r="I5169">
        <v>9</v>
      </c>
      <c r="J5169" t="s">
        <v>26688</v>
      </c>
      <c r="K5169" t="s">
        <v>26689</v>
      </c>
      <c r="M5169">
        <v>4904417</v>
      </c>
      <c r="O5169">
        <v>1952205</v>
      </c>
      <c r="P5169">
        <v>1</v>
      </c>
      <c r="Q5169">
        <v>9</v>
      </c>
      <c r="R5169" t="s">
        <v>26690</v>
      </c>
      <c r="S5169">
        <v>19605</v>
      </c>
    </row>
    <row r="5170" spans="1:19" x14ac:dyDescent="0.25">
      <c r="A5170">
        <v>31881651</v>
      </c>
      <c r="B5170" t="s">
        <v>26691</v>
      </c>
      <c r="C5170" s="1" t="s">
        <v>26692</v>
      </c>
      <c r="D5170">
        <v>31881873</v>
      </c>
      <c r="E5170">
        <v>1</v>
      </c>
      <c r="F5170">
        <v>0</v>
      </c>
      <c r="H5170" t="s">
        <v>26693</v>
      </c>
      <c r="J5170" t="s">
        <v>26694</v>
      </c>
      <c r="K5170" t="s">
        <v>26694</v>
      </c>
      <c r="M5170">
        <v>4648724</v>
      </c>
      <c r="O5170">
        <v>4648724</v>
      </c>
      <c r="P5170">
        <v>1</v>
      </c>
      <c r="Q5170">
        <v>1</v>
      </c>
      <c r="R5170" t="s">
        <v>26695</v>
      </c>
      <c r="S5170">
        <v>1672</v>
      </c>
    </row>
    <row r="5171" spans="1:19" x14ac:dyDescent="0.25">
      <c r="A5171">
        <v>40091171</v>
      </c>
      <c r="B5171" t="s">
        <v>26696</v>
      </c>
      <c r="C5171" s="1" t="s">
        <v>26697</v>
      </c>
      <c r="D5171">
        <v>40091231</v>
      </c>
      <c r="E5171">
        <v>2</v>
      </c>
      <c r="F5171">
        <v>0</v>
      </c>
      <c r="H5171" t="s">
        <v>26698</v>
      </c>
      <c r="I5171">
        <v>0</v>
      </c>
      <c r="J5171" t="s">
        <v>26699</v>
      </c>
      <c r="K5171" t="s">
        <v>26700</v>
      </c>
      <c r="M5171">
        <v>616443</v>
      </c>
      <c r="O5171">
        <v>7032060</v>
      </c>
      <c r="P5171">
        <v>1</v>
      </c>
      <c r="Q5171">
        <v>5</v>
      </c>
      <c r="R5171" t="s">
        <v>19452</v>
      </c>
      <c r="S5171">
        <v>50</v>
      </c>
    </row>
    <row r="5172" spans="1:19" x14ac:dyDescent="0.25">
      <c r="A5172">
        <v>10072691</v>
      </c>
      <c r="B5172" t="s">
        <v>26701</v>
      </c>
      <c r="C5172" t="s">
        <v>26702</v>
      </c>
      <c r="D5172">
        <v>13049281</v>
      </c>
      <c r="E5172">
        <v>2</v>
      </c>
      <c r="F5172">
        <v>1</v>
      </c>
      <c r="H5172" t="s">
        <v>26703</v>
      </c>
      <c r="J5172" t="s">
        <v>26704</v>
      </c>
      <c r="K5172" t="s">
        <v>26704</v>
      </c>
      <c r="M5172">
        <v>1033581</v>
      </c>
      <c r="O5172">
        <v>1150619</v>
      </c>
      <c r="P5172">
        <v>1</v>
      </c>
      <c r="Q5172">
        <v>0</v>
      </c>
      <c r="R5172" t="s">
        <v>26705</v>
      </c>
      <c r="S5172">
        <v>1131</v>
      </c>
    </row>
    <row r="5173" spans="1:19" x14ac:dyDescent="0.25">
      <c r="A5173">
        <v>37208487</v>
      </c>
      <c r="B5173" t="s">
        <v>26706</v>
      </c>
      <c r="C5173" s="1" t="s">
        <v>26707</v>
      </c>
      <c r="E5173">
        <v>0</v>
      </c>
      <c r="F5173">
        <v>3</v>
      </c>
      <c r="H5173" t="s">
        <v>26708</v>
      </c>
      <c r="J5173" t="s">
        <v>26708</v>
      </c>
      <c r="O5173">
        <v>6077768</v>
      </c>
      <c r="P5173">
        <v>1</v>
      </c>
      <c r="Q5173">
        <v>0</v>
      </c>
      <c r="R5173" t="s">
        <v>26709</v>
      </c>
      <c r="S5173">
        <v>198</v>
      </c>
    </row>
    <row r="5174" spans="1:19" x14ac:dyDescent="0.25">
      <c r="A5174">
        <v>20791238</v>
      </c>
      <c r="B5174" t="s">
        <v>26710</v>
      </c>
      <c r="C5174" s="1" t="s">
        <v>26711</v>
      </c>
      <c r="D5174">
        <v>20791466</v>
      </c>
      <c r="E5174">
        <v>1</v>
      </c>
      <c r="F5174">
        <v>0</v>
      </c>
      <c r="H5174" t="s">
        <v>26712</v>
      </c>
      <c r="I5174">
        <v>1</v>
      </c>
      <c r="J5174" t="s">
        <v>26713</v>
      </c>
      <c r="O5174">
        <v>2601361</v>
      </c>
      <c r="P5174">
        <v>1</v>
      </c>
      <c r="Q5174">
        <v>1</v>
      </c>
      <c r="R5174" t="s">
        <v>26714</v>
      </c>
      <c r="S5174">
        <v>3092</v>
      </c>
    </row>
    <row r="5175" spans="1:19" x14ac:dyDescent="0.25">
      <c r="A5175">
        <v>29669387</v>
      </c>
      <c r="B5175" t="s">
        <v>26715</v>
      </c>
      <c r="C5175" s="1" t="s">
        <v>26716</v>
      </c>
      <c r="D5175">
        <v>29669730</v>
      </c>
      <c r="E5175">
        <v>2</v>
      </c>
      <c r="F5175">
        <v>0</v>
      </c>
      <c r="H5175" t="s">
        <v>26717</v>
      </c>
      <c r="J5175" t="s">
        <v>26718</v>
      </c>
      <c r="K5175" t="s">
        <v>26719</v>
      </c>
      <c r="M5175">
        <v>330315</v>
      </c>
      <c r="O5175">
        <v>4795158</v>
      </c>
      <c r="P5175">
        <v>1</v>
      </c>
      <c r="Q5175">
        <v>1</v>
      </c>
      <c r="R5175" t="s">
        <v>26720</v>
      </c>
      <c r="S5175">
        <v>61</v>
      </c>
    </row>
    <row r="5176" spans="1:19" x14ac:dyDescent="0.25">
      <c r="A5176">
        <v>23178951</v>
      </c>
      <c r="B5176" t="s">
        <v>26721</v>
      </c>
      <c r="C5176" s="1" t="s">
        <v>26722</v>
      </c>
      <c r="D5176">
        <v>23179090</v>
      </c>
      <c r="E5176">
        <v>1</v>
      </c>
      <c r="F5176">
        <v>1</v>
      </c>
      <c r="H5176" t="s">
        <v>26723</v>
      </c>
      <c r="J5176" t="s">
        <v>26724</v>
      </c>
      <c r="O5176">
        <v>559007</v>
      </c>
      <c r="P5176">
        <v>1</v>
      </c>
      <c r="Q5176">
        <v>0</v>
      </c>
      <c r="R5176" t="s">
        <v>26725</v>
      </c>
      <c r="S5176">
        <v>95</v>
      </c>
    </row>
    <row r="5177" spans="1:19" x14ac:dyDescent="0.25">
      <c r="A5177">
        <v>12361085</v>
      </c>
      <c r="B5177" t="s">
        <v>26726</v>
      </c>
      <c r="C5177" s="1" t="s">
        <v>26727</v>
      </c>
      <c r="D5177">
        <v>12370773</v>
      </c>
      <c r="E5177">
        <v>2</v>
      </c>
      <c r="F5177">
        <v>2</v>
      </c>
      <c r="H5177" t="s">
        <v>26728</v>
      </c>
      <c r="J5177" t="s">
        <v>26729</v>
      </c>
      <c r="O5177">
        <v>8611</v>
      </c>
      <c r="P5177">
        <v>1</v>
      </c>
      <c r="Q5177">
        <v>9</v>
      </c>
      <c r="R5177" t="s">
        <v>26730</v>
      </c>
      <c r="S5177">
        <v>261</v>
      </c>
    </row>
    <row r="5178" spans="1:19" x14ac:dyDescent="0.25">
      <c r="A5178">
        <v>1231234</v>
      </c>
      <c r="B5178" t="s">
        <v>26731</v>
      </c>
      <c r="C5178" s="1" t="s">
        <v>26732</v>
      </c>
      <c r="E5178">
        <v>2</v>
      </c>
      <c r="F5178">
        <v>7</v>
      </c>
      <c r="H5178" t="s">
        <v>26733</v>
      </c>
      <c r="J5178" t="s">
        <v>26734</v>
      </c>
      <c r="K5178" t="s">
        <v>26735</v>
      </c>
      <c r="M5178">
        <v>15572</v>
      </c>
      <c r="N5178" t="s">
        <v>26736</v>
      </c>
      <c r="P5178">
        <v>1</v>
      </c>
      <c r="Q5178">
        <v>0</v>
      </c>
      <c r="R5178" t="s">
        <v>8946</v>
      </c>
      <c r="S5178">
        <v>302</v>
      </c>
    </row>
    <row r="5179" spans="1:19" x14ac:dyDescent="0.25">
      <c r="A5179">
        <v>37013106</v>
      </c>
      <c r="B5179" t="s">
        <v>26737</v>
      </c>
      <c r="C5179" s="1" t="s">
        <v>26738</v>
      </c>
      <c r="E5179">
        <v>2</v>
      </c>
      <c r="F5179">
        <v>10</v>
      </c>
      <c r="H5179" t="s">
        <v>26739</v>
      </c>
      <c r="J5179" t="s">
        <v>26740</v>
      </c>
      <c r="K5179" t="s">
        <v>26741</v>
      </c>
      <c r="M5179">
        <v>107625</v>
      </c>
      <c r="O5179">
        <v>5773164</v>
      </c>
      <c r="P5179">
        <v>1</v>
      </c>
      <c r="Q5179">
        <v>0</v>
      </c>
      <c r="R5179" t="s">
        <v>26742</v>
      </c>
      <c r="S5179">
        <v>88</v>
      </c>
    </row>
    <row r="5180" spans="1:19" x14ac:dyDescent="0.25">
      <c r="A5180">
        <v>37700709</v>
      </c>
      <c r="B5180" t="s">
        <v>26743</v>
      </c>
      <c r="C5180" s="1" t="s">
        <v>26744</v>
      </c>
      <c r="E5180">
        <v>0</v>
      </c>
      <c r="F5180">
        <v>3</v>
      </c>
      <c r="H5180" t="s">
        <v>26745</v>
      </c>
      <c r="J5180" t="s">
        <v>26746</v>
      </c>
      <c r="K5180" t="s">
        <v>26746</v>
      </c>
      <c r="M5180">
        <v>2181514</v>
      </c>
      <c r="O5180">
        <v>1862755</v>
      </c>
      <c r="P5180">
        <v>1</v>
      </c>
      <c r="Q5180">
        <v>0</v>
      </c>
      <c r="R5180" t="s">
        <v>26747</v>
      </c>
      <c r="S5180">
        <v>131</v>
      </c>
    </row>
    <row r="5181" spans="1:19" x14ac:dyDescent="0.25">
      <c r="A5181">
        <v>41373928</v>
      </c>
      <c r="B5181" t="s">
        <v>26748</v>
      </c>
      <c r="C5181" s="1" t="s">
        <v>26749</v>
      </c>
      <c r="E5181">
        <v>0</v>
      </c>
      <c r="F5181">
        <v>8</v>
      </c>
      <c r="H5181" t="s">
        <v>26750</v>
      </c>
      <c r="J5181" t="s">
        <v>26751</v>
      </c>
      <c r="K5181" t="s">
        <v>26751</v>
      </c>
      <c r="M5181">
        <v>3683877</v>
      </c>
      <c r="O5181">
        <v>3683877</v>
      </c>
      <c r="P5181">
        <v>1</v>
      </c>
      <c r="Q5181">
        <v>0</v>
      </c>
      <c r="R5181" t="s">
        <v>26752</v>
      </c>
      <c r="S5181">
        <v>44</v>
      </c>
    </row>
    <row r="5182" spans="1:19" x14ac:dyDescent="0.25">
      <c r="A5182">
        <v>39332630</v>
      </c>
      <c r="B5182" t="s">
        <v>26753</v>
      </c>
      <c r="C5182" s="1" t="s">
        <v>26754</v>
      </c>
      <c r="D5182">
        <v>39334184</v>
      </c>
      <c r="E5182">
        <v>4</v>
      </c>
      <c r="F5182">
        <v>0</v>
      </c>
      <c r="H5182" t="s">
        <v>26755</v>
      </c>
      <c r="I5182">
        <v>2</v>
      </c>
      <c r="J5182" t="s">
        <v>26756</v>
      </c>
      <c r="K5182" t="s">
        <v>26757</v>
      </c>
      <c r="M5182">
        <v>511012</v>
      </c>
      <c r="O5182">
        <v>511012</v>
      </c>
      <c r="P5182">
        <v>1</v>
      </c>
      <c r="Q5182">
        <v>3</v>
      </c>
      <c r="R5182" t="s">
        <v>26758</v>
      </c>
      <c r="S5182">
        <v>1031</v>
      </c>
    </row>
    <row r="5183" spans="1:19" x14ac:dyDescent="0.25">
      <c r="A5183">
        <v>43100795</v>
      </c>
      <c r="B5183" t="s">
        <v>26759</v>
      </c>
      <c r="C5183" s="1" t="s">
        <v>26760</v>
      </c>
      <c r="E5183">
        <v>1</v>
      </c>
      <c r="F5183">
        <v>2</v>
      </c>
      <c r="H5183" t="s">
        <v>26761</v>
      </c>
      <c r="J5183" t="s">
        <v>26762</v>
      </c>
      <c r="O5183">
        <v>6884368</v>
      </c>
      <c r="P5183">
        <v>1</v>
      </c>
      <c r="Q5183">
        <v>0</v>
      </c>
      <c r="R5183" t="s">
        <v>26763</v>
      </c>
      <c r="S5183">
        <v>127</v>
      </c>
    </row>
    <row r="5184" spans="1:19" x14ac:dyDescent="0.25">
      <c r="A5184">
        <v>23183686</v>
      </c>
      <c r="B5184" t="s">
        <v>26764</v>
      </c>
      <c r="C5184" s="1" t="s">
        <v>26765</v>
      </c>
      <c r="E5184">
        <v>2</v>
      </c>
      <c r="F5184">
        <v>7</v>
      </c>
      <c r="H5184" t="s">
        <v>26766</v>
      </c>
      <c r="J5184" t="s">
        <v>26767</v>
      </c>
      <c r="K5184" t="s">
        <v>26768</v>
      </c>
      <c r="M5184">
        <v>367456</v>
      </c>
      <c r="O5184">
        <v>552954</v>
      </c>
      <c r="P5184">
        <v>1</v>
      </c>
      <c r="Q5184">
        <v>0</v>
      </c>
      <c r="R5184" t="s">
        <v>26769</v>
      </c>
      <c r="S5184">
        <v>1059</v>
      </c>
    </row>
    <row r="5185" spans="1:19" x14ac:dyDescent="0.25">
      <c r="A5185">
        <v>50462259</v>
      </c>
      <c r="B5185" t="s">
        <v>26770</v>
      </c>
      <c r="C5185" s="1" t="s">
        <v>26771</v>
      </c>
      <c r="D5185">
        <v>50465069</v>
      </c>
      <c r="E5185">
        <v>1</v>
      </c>
      <c r="F5185">
        <v>0</v>
      </c>
      <c r="H5185" t="s">
        <v>26772</v>
      </c>
      <c r="J5185" t="s">
        <v>26773</v>
      </c>
      <c r="K5185" t="s">
        <v>26773</v>
      </c>
      <c r="M5185">
        <v>9811836</v>
      </c>
      <c r="O5185">
        <v>2343510</v>
      </c>
      <c r="P5185">
        <v>1</v>
      </c>
      <c r="Q5185">
        <v>2</v>
      </c>
      <c r="R5185" t="s">
        <v>26774</v>
      </c>
      <c r="S5185">
        <v>52</v>
      </c>
    </row>
    <row r="5186" spans="1:19" x14ac:dyDescent="0.25">
      <c r="A5186">
        <v>45375607</v>
      </c>
      <c r="B5186" t="s">
        <v>26775</v>
      </c>
      <c r="C5186" s="1" t="s">
        <v>26776</v>
      </c>
      <c r="D5186">
        <v>45375867</v>
      </c>
      <c r="E5186">
        <v>1</v>
      </c>
      <c r="F5186">
        <v>1</v>
      </c>
      <c r="H5186" t="s">
        <v>26777</v>
      </c>
      <c r="J5186" t="s">
        <v>26778</v>
      </c>
      <c r="O5186">
        <v>7338714</v>
      </c>
      <c r="P5186">
        <v>1</v>
      </c>
      <c r="Q5186">
        <v>0</v>
      </c>
      <c r="R5186" t="s">
        <v>26779</v>
      </c>
      <c r="S5186">
        <v>577</v>
      </c>
    </row>
    <row r="5187" spans="1:19" x14ac:dyDescent="0.25">
      <c r="A5187">
        <v>20889130</v>
      </c>
      <c r="B5187" t="s">
        <v>26780</v>
      </c>
      <c r="C5187" s="1" t="s">
        <v>26781</v>
      </c>
      <c r="D5187">
        <v>20905372</v>
      </c>
      <c r="E5187">
        <v>2</v>
      </c>
      <c r="F5187">
        <v>1</v>
      </c>
      <c r="H5187" t="s">
        <v>26782</v>
      </c>
      <c r="I5187">
        <v>3</v>
      </c>
      <c r="J5187" t="s">
        <v>26783</v>
      </c>
      <c r="K5187" t="s">
        <v>26783</v>
      </c>
      <c r="M5187">
        <v>1332225</v>
      </c>
      <c r="O5187">
        <v>1332225</v>
      </c>
      <c r="P5187">
        <v>1</v>
      </c>
      <c r="Q5187">
        <v>4</v>
      </c>
      <c r="R5187" t="s">
        <v>26784</v>
      </c>
      <c r="S5187">
        <v>8883</v>
      </c>
    </row>
    <row r="5188" spans="1:19" x14ac:dyDescent="0.25">
      <c r="A5188">
        <v>27017598</v>
      </c>
      <c r="B5188" t="s">
        <v>26785</v>
      </c>
      <c r="C5188" s="1" t="s">
        <v>26786</v>
      </c>
      <c r="E5188">
        <v>1</v>
      </c>
      <c r="F5188">
        <v>1</v>
      </c>
      <c r="H5188" t="s">
        <v>26787</v>
      </c>
      <c r="I5188">
        <v>0</v>
      </c>
      <c r="J5188" t="s">
        <v>26788</v>
      </c>
      <c r="K5188" t="s">
        <v>26788</v>
      </c>
      <c r="M5188">
        <v>1048479</v>
      </c>
      <c r="O5188">
        <v>4270043</v>
      </c>
      <c r="P5188">
        <v>1</v>
      </c>
      <c r="Q5188">
        <v>2</v>
      </c>
      <c r="R5188" t="s">
        <v>26789</v>
      </c>
      <c r="S5188">
        <v>42</v>
      </c>
    </row>
    <row r="5189" spans="1:19" x14ac:dyDescent="0.25">
      <c r="A5189">
        <v>7446300</v>
      </c>
      <c r="B5189" t="s">
        <v>26790</v>
      </c>
      <c r="C5189" t="s">
        <v>26791</v>
      </c>
      <c r="E5189">
        <v>1</v>
      </c>
      <c r="F5189">
        <v>0</v>
      </c>
      <c r="H5189" t="s">
        <v>26792</v>
      </c>
      <c r="J5189" t="s">
        <v>26793</v>
      </c>
      <c r="O5189">
        <v>797865</v>
      </c>
      <c r="P5189">
        <v>1</v>
      </c>
      <c r="Q5189">
        <v>0</v>
      </c>
      <c r="R5189" t="s">
        <v>26794</v>
      </c>
      <c r="S5189">
        <v>317</v>
      </c>
    </row>
    <row r="5190" spans="1:19" x14ac:dyDescent="0.25">
      <c r="A5190">
        <v>48393865</v>
      </c>
      <c r="B5190" t="s">
        <v>26795</v>
      </c>
      <c r="C5190" s="1" t="s">
        <v>26796</v>
      </c>
      <c r="E5190">
        <v>0</v>
      </c>
      <c r="F5190">
        <v>2</v>
      </c>
      <c r="H5190" t="s">
        <v>26797</v>
      </c>
      <c r="J5190" t="s">
        <v>26798</v>
      </c>
      <c r="K5190" t="s">
        <v>26798</v>
      </c>
      <c r="M5190">
        <v>1552748</v>
      </c>
      <c r="O5190">
        <v>8559040</v>
      </c>
      <c r="P5190">
        <v>1</v>
      </c>
      <c r="Q5190">
        <v>0</v>
      </c>
      <c r="R5190" t="s">
        <v>26799</v>
      </c>
      <c r="S5190">
        <v>82</v>
      </c>
    </row>
    <row r="5191" spans="1:19" x14ac:dyDescent="0.25">
      <c r="A5191">
        <v>31760423</v>
      </c>
      <c r="B5191" t="s">
        <v>26800</v>
      </c>
      <c r="C5191" s="1" t="s">
        <v>26801</v>
      </c>
      <c r="E5191">
        <v>0</v>
      </c>
      <c r="F5191">
        <v>2</v>
      </c>
      <c r="H5191" t="s">
        <v>26802</v>
      </c>
      <c r="J5191" t="s">
        <v>26802</v>
      </c>
      <c r="O5191">
        <v>5168263</v>
      </c>
      <c r="P5191">
        <v>1</v>
      </c>
      <c r="Q5191">
        <v>0</v>
      </c>
      <c r="R5191" t="s">
        <v>26803</v>
      </c>
      <c r="S5191">
        <v>315</v>
      </c>
    </row>
    <row r="5192" spans="1:19" x14ac:dyDescent="0.25">
      <c r="A5192">
        <v>43769171</v>
      </c>
      <c r="B5192" t="s">
        <v>26804</v>
      </c>
      <c r="C5192" s="1" t="s">
        <v>26805</v>
      </c>
      <c r="E5192">
        <v>0</v>
      </c>
      <c r="F5192">
        <v>5</v>
      </c>
      <c r="H5192" t="s">
        <v>26806</v>
      </c>
      <c r="I5192">
        <v>1</v>
      </c>
      <c r="J5192" t="s">
        <v>26806</v>
      </c>
      <c r="O5192">
        <v>166836</v>
      </c>
      <c r="P5192">
        <v>1</v>
      </c>
      <c r="Q5192">
        <v>0</v>
      </c>
      <c r="R5192" t="s">
        <v>26807</v>
      </c>
      <c r="S5192">
        <v>41</v>
      </c>
    </row>
    <row r="5193" spans="1:19" x14ac:dyDescent="0.25">
      <c r="A5193">
        <v>5679158</v>
      </c>
      <c r="B5193" t="s">
        <v>26808</v>
      </c>
      <c r="C5193" s="1" t="s">
        <v>26809</v>
      </c>
      <c r="D5193">
        <v>5679303</v>
      </c>
      <c r="E5193">
        <v>2</v>
      </c>
      <c r="F5193">
        <v>0</v>
      </c>
      <c r="H5193" t="s">
        <v>26810</v>
      </c>
      <c r="J5193" t="s">
        <v>26811</v>
      </c>
      <c r="K5193" t="s">
        <v>26811</v>
      </c>
      <c r="M5193">
        <v>3043</v>
      </c>
      <c r="O5193">
        <v>123348</v>
      </c>
      <c r="P5193">
        <v>1</v>
      </c>
      <c r="Q5193">
        <v>2</v>
      </c>
      <c r="R5193" t="s">
        <v>26812</v>
      </c>
      <c r="S5193">
        <v>2632</v>
      </c>
    </row>
    <row r="5194" spans="1:19" x14ac:dyDescent="0.25">
      <c r="A5194">
        <v>44728659</v>
      </c>
      <c r="B5194" t="s">
        <v>26813</v>
      </c>
      <c r="C5194" s="1" t="s">
        <v>26814</v>
      </c>
      <c r="E5194">
        <v>0</v>
      </c>
      <c r="F5194">
        <v>4</v>
      </c>
      <c r="H5194" t="s">
        <v>26815</v>
      </c>
      <c r="J5194" t="s">
        <v>26816</v>
      </c>
      <c r="K5194" t="s">
        <v>26816</v>
      </c>
      <c r="M5194">
        <v>8194519</v>
      </c>
      <c r="O5194">
        <v>8194519</v>
      </c>
      <c r="P5194">
        <v>1</v>
      </c>
      <c r="Q5194">
        <v>0</v>
      </c>
      <c r="R5194" t="s">
        <v>26817</v>
      </c>
      <c r="S5194">
        <v>109</v>
      </c>
    </row>
    <row r="5195" spans="1:19" x14ac:dyDescent="0.25">
      <c r="A5195">
        <v>44598377</v>
      </c>
      <c r="B5195" t="s">
        <v>26818</v>
      </c>
      <c r="C5195" s="1" t="s">
        <v>26819</v>
      </c>
      <c r="E5195">
        <v>3</v>
      </c>
      <c r="F5195">
        <v>1</v>
      </c>
      <c r="H5195" t="s">
        <v>26820</v>
      </c>
      <c r="I5195">
        <v>1</v>
      </c>
      <c r="J5195" t="s">
        <v>26821</v>
      </c>
      <c r="O5195">
        <v>8173873</v>
      </c>
      <c r="P5195">
        <v>1</v>
      </c>
      <c r="Q5195">
        <v>1</v>
      </c>
      <c r="R5195" t="s">
        <v>3969</v>
      </c>
      <c r="S5195">
        <v>705</v>
      </c>
    </row>
    <row r="5196" spans="1:19" x14ac:dyDescent="0.25">
      <c r="A5196">
        <v>33465497</v>
      </c>
      <c r="B5196" t="s">
        <v>26822</v>
      </c>
      <c r="C5196" s="1" t="s">
        <v>26823</v>
      </c>
      <c r="E5196">
        <v>0</v>
      </c>
      <c r="F5196">
        <v>3</v>
      </c>
      <c r="H5196" t="s">
        <v>26824</v>
      </c>
      <c r="J5196" t="s">
        <v>26824</v>
      </c>
      <c r="O5196">
        <v>1726579</v>
      </c>
      <c r="P5196">
        <v>1</v>
      </c>
      <c r="Q5196">
        <v>0</v>
      </c>
      <c r="R5196" t="s">
        <v>26825</v>
      </c>
      <c r="S5196">
        <v>72</v>
      </c>
    </row>
    <row r="5197" spans="1:19" x14ac:dyDescent="0.25">
      <c r="A5197">
        <v>15946259</v>
      </c>
      <c r="B5197" t="s">
        <v>26826</v>
      </c>
      <c r="C5197" s="1" t="s">
        <v>26827</v>
      </c>
      <c r="D5197">
        <v>15946362</v>
      </c>
      <c r="E5197">
        <v>2</v>
      </c>
      <c r="F5197">
        <v>2</v>
      </c>
      <c r="H5197" t="s">
        <v>26828</v>
      </c>
      <c r="I5197">
        <v>2</v>
      </c>
      <c r="J5197" t="s">
        <v>26829</v>
      </c>
      <c r="K5197" t="s">
        <v>26830</v>
      </c>
      <c r="M5197">
        <v>2269554</v>
      </c>
      <c r="O5197">
        <v>2269554</v>
      </c>
      <c r="P5197">
        <v>1</v>
      </c>
      <c r="Q5197">
        <v>3</v>
      </c>
      <c r="R5197" t="s">
        <v>26831</v>
      </c>
      <c r="S5197">
        <v>899</v>
      </c>
    </row>
    <row r="5198" spans="1:19" x14ac:dyDescent="0.25">
      <c r="A5198">
        <v>49753502</v>
      </c>
      <c r="B5198" t="s">
        <v>26832</v>
      </c>
      <c r="C5198" s="1" t="s">
        <v>26833</v>
      </c>
      <c r="D5198">
        <v>49754550</v>
      </c>
      <c r="E5198">
        <v>1</v>
      </c>
      <c r="F5198">
        <v>4</v>
      </c>
      <c r="H5198" t="s">
        <v>26834</v>
      </c>
      <c r="J5198" t="s">
        <v>26835</v>
      </c>
      <c r="K5198" t="s">
        <v>26836</v>
      </c>
      <c r="M5198">
        <v>2535611</v>
      </c>
      <c r="O5198">
        <v>9378353</v>
      </c>
      <c r="P5198">
        <v>1</v>
      </c>
      <c r="Q5198">
        <v>3</v>
      </c>
      <c r="R5198" t="s">
        <v>26837</v>
      </c>
      <c r="S5198">
        <v>71</v>
      </c>
    </row>
    <row r="5199" spans="1:19" x14ac:dyDescent="0.25">
      <c r="A5199">
        <v>31313794</v>
      </c>
      <c r="B5199" t="s">
        <v>26838</v>
      </c>
      <c r="C5199" s="1" t="s">
        <v>26839</v>
      </c>
      <c r="E5199">
        <v>1</v>
      </c>
      <c r="F5199">
        <v>0</v>
      </c>
      <c r="H5199" t="s">
        <v>26840</v>
      </c>
      <c r="J5199" t="s">
        <v>26841</v>
      </c>
      <c r="K5199" t="s">
        <v>26842</v>
      </c>
      <c r="M5199">
        <v>2064292</v>
      </c>
      <c r="O5199">
        <v>2064292</v>
      </c>
      <c r="P5199">
        <v>1</v>
      </c>
      <c r="Q5199">
        <v>0</v>
      </c>
      <c r="R5199" t="s">
        <v>26843</v>
      </c>
      <c r="S5199">
        <v>205</v>
      </c>
    </row>
    <row r="5200" spans="1:19" x14ac:dyDescent="0.25">
      <c r="A5200">
        <v>14947588</v>
      </c>
      <c r="B5200" t="s">
        <v>26844</v>
      </c>
      <c r="C5200" s="1" t="s">
        <v>26845</v>
      </c>
      <c r="D5200">
        <v>14954960</v>
      </c>
      <c r="E5200">
        <v>1</v>
      </c>
      <c r="F5200">
        <v>0</v>
      </c>
      <c r="H5200" t="s">
        <v>26846</v>
      </c>
      <c r="J5200" t="s">
        <v>26847</v>
      </c>
      <c r="O5200">
        <v>1974508</v>
      </c>
      <c r="P5200">
        <v>1</v>
      </c>
      <c r="Q5200">
        <v>0</v>
      </c>
      <c r="R5200" t="s">
        <v>26848</v>
      </c>
      <c r="S5200">
        <v>169</v>
      </c>
    </row>
    <row r="5201" spans="1:19" x14ac:dyDescent="0.25">
      <c r="A5201">
        <v>9004637</v>
      </c>
      <c r="B5201" t="s">
        <v>26849</v>
      </c>
      <c r="C5201" s="1" t="s">
        <v>26850</v>
      </c>
      <c r="E5201">
        <v>1</v>
      </c>
      <c r="F5201">
        <v>0</v>
      </c>
      <c r="H5201" t="s">
        <v>26851</v>
      </c>
      <c r="J5201" t="s">
        <v>26852</v>
      </c>
      <c r="K5201" t="s">
        <v>26852</v>
      </c>
      <c r="M5201">
        <v>4370109</v>
      </c>
      <c r="O5201">
        <v>1156020</v>
      </c>
      <c r="P5201">
        <v>1</v>
      </c>
      <c r="Q5201">
        <v>0</v>
      </c>
      <c r="R5201" t="s">
        <v>26853</v>
      </c>
      <c r="S5201">
        <v>805</v>
      </c>
    </row>
    <row r="5202" spans="1:19" x14ac:dyDescent="0.25">
      <c r="A5202">
        <v>26877154</v>
      </c>
      <c r="B5202" t="s">
        <v>26854</v>
      </c>
      <c r="C5202" s="1" t="s">
        <v>26855</v>
      </c>
      <c r="E5202">
        <v>1</v>
      </c>
      <c r="F5202">
        <v>2</v>
      </c>
      <c r="H5202" t="s">
        <v>26856</v>
      </c>
      <c r="J5202" t="s">
        <v>26857</v>
      </c>
      <c r="K5202" t="s">
        <v>26857</v>
      </c>
      <c r="M5202">
        <v>7432</v>
      </c>
      <c r="O5202">
        <v>4183237</v>
      </c>
      <c r="P5202">
        <v>1</v>
      </c>
      <c r="Q5202">
        <v>1</v>
      </c>
      <c r="R5202" t="s">
        <v>26858</v>
      </c>
      <c r="S5202">
        <v>563</v>
      </c>
    </row>
    <row r="5203" spans="1:19" x14ac:dyDescent="0.25">
      <c r="A5203">
        <v>8737776</v>
      </c>
      <c r="B5203" t="s">
        <v>26859</v>
      </c>
      <c r="C5203" s="1" t="s">
        <v>26860</v>
      </c>
      <c r="D5203">
        <v>8737799</v>
      </c>
      <c r="E5203">
        <v>1</v>
      </c>
      <c r="F5203">
        <v>0</v>
      </c>
      <c r="H5203" t="s">
        <v>26861</v>
      </c>
      <c r="J5203" t="s">
        <v>26862</v>
      </c>
      <c r="O5203">
        <v>607470</v>
      </c>
      <c r="P5203">
        <v>1</v>
      </c>
      <c r="Q5203">
        <v>0</v>
      </c>
      <c r="R5203" t="s">
        <v>26863</v>
      </c>
      <c r="S5203">
        <v>919</v>
      </c>
    </row>
    <row r="5204" spans="1:19" x14ac:dyDescent="0.25">
      <c r="A5204">
        <v>40864598</v>
      </c>
      <c r="B5204" t="s">
        <v>26864</v>
      </c>
      <c r="C5204" s="1" t="s">
        <v>26865</v>
      </c>
      <c r="E5204">
        <v>1</v>
      </c>
      <c r="F5204">
        <v>0</v>
      </c>
      <c r="H5204" t="s">
        <v>26866</v>
      </c>
      <c r="J5204" t="s">
        <v>26867</v>
      </c>
      <c r="O5204">
        <v>3575799</v>
      </c>
      <c r="P5204">
        <v>1</v>
      </c>
      <c r="Q5204">
        <v>0</v>
      </c>
      <c r="R5204" t="s">
        <v>26868</v>
      </c>
      <c r="S5204">
        <v>464</v>
      </c>
    </row>
    <row r="5205" spans="1:19" x14ac:dyDescent="0.25">
      <c r="A5205">
        <v>12575182</v>
      </c>
      <c r="B5205" t="s">
        <v>26869</v>
      </c>
      <c r="C5205" s="1" t="s">
        <v>26870</v>
      </c>
      <c r="D5205">
        <v>12575228</v>
      </c>
      <c r="E5205">
        <v>1</v>
      </c>
      <c r="F5205">
        <v>1</v>
      </c>
      <c r="H5205" t="s">
        <v>26871</v>
      </c>
      <c r="I5205">
        <v>1</v>
      </c>
      <c r="J5205" t="s">
        <v>26872</v>
      </c>
      <c r="K5205" t="s">
        <v>26873</v>
      </c>
      <c r="M5205">
        <v>957997</v>
      </c>
      <c r="O5205">
        <v>1246976</v>
      </c>
      <c r="P5205">
        <v>1</v>
      </c>
      <c r="Q5205">
        <v>2</v>
      </c>
      <c r="R5205" t="s">
        <v>26874</v>
      </c>
      <c r="S5205">
        <v>8227</v>
      </c>
    </row>
    <row r="5206" spans="1:19" x14ac:dyDescent="0.25">
      <c r="A5206">
        <v>40558396</v>
      </c>
      <c r="B5206" t="s">
        <v>26875</v>
      </c>
      <c r="C5206" s="1" t="s">
        <v>26876</v>
      </c>
      <c r="D5206">
        <v>40558609</v>
      </c>
      <c r="E5206">
        <v>3</v>
      </c>
      <c r="F5206">
        <v>1</v>
      </c>
      <c r="H5206" t="s">
        <v>26877</v>
      </c>
      <c r="I5206">
        <v>0</v>
      </c>
      <c r="J5206" t="s">
        <v>26878</v>
      </c>
      <c r="O5206">
        <v>5893695</v>
      </c>
      <c r="P5206">
        <v>1</v>
      </c>
      <c r="Q5206">
        <v>0</v>
      </c>
      <c r="R5206" t="s">
        <v>26879</v>
      </c>
      <c r="S5206">
        <v>233</v>
      </c>
    </row>
    <row r="5207" spans="1:19" x14ac:dyDescent="0.25">
      <c r="A5207">
        <v>12510611</v>
      </c>
      <c r="B5207" t="s">
        <v>26880</v>
      </c>
      <c r="C5207" s="1" t="s">
        <v>26881</v>
      </c>
      <c r="E5207">
        <v>3</v>
      </c>
      <c r="F5207">
        <v>0</v>
      </c>
      <c r="H5207" t="s">
        <v>26882</v>
      </c>
      <c r="J5207" t="s">
        <v>26883</v>
      </c>
      <c r="O5207">
        <v>685848</v>
      </c>
      <c r="P5207">
        <v>1</v>
      </c>
      <c r="Q5207">
        <v>1</v>
      </c>
      <c r="R5207" t="s">
        <v>26884</v>
      </c>
      <c r="S5207">
        <v>29856</v>
      </c>
    </row>
    <row r="5208" spans="1:19" x14ac:dyDescent="0.25">
      <c r="A5208">
        <v>24522714</v>
      </c>
      <c r="B5208" t="s">
        <v>26885</v>
      </c>
      <c r="C5208" s="1" t="s">
        <v>26886</v>
      </c>
      <c r="D5208">
        <v>24533347</v>
      </c>
      <c r="E5208">
        <v>1</v>
      </c>
      <c r="F5208">
        <v>0</v>
      </c>
      <c r="H5208" t="s">
        <v>26887</v>
      </c>
      <c r="I5208">
        <v>2</v>
      </c>
      <c r="J5208" t="s">
        <v>26888</v>
      </c>
      <c r="N5208" t="s">
        <v>26889</v>
      </c>
      <c r="P5208">
        <v>1</v>
      </c>
      <c r="Q5208">
        <v>2</v>
      </c>
      <c r="R5208" t="s">
        <v>26890</v>
      </c>
      <c r="S5208">
        <v>85</v>
      </c>
    </row>
    <row r="5209" spans="1:19" x14ac:dyDescent="0.25">
      <c r="A5209">
        <v>49753894</v>
      </c>
      <c r="B5209" t="s">
        <v>26891</v>
      </c>
      <c r="C5209" s="1" t="s">
        <v>26892</v>
      </c>
      <c r="D5209">
        <v>49756354</v>
      </c>
      <c r="E5209">
        <v>1</v>
      </c>
      <c r="F5209">
        <v>0</v>
      </c>
      <c r="H5209" t="s">
        <v>26893</v>
      </c>
      <c r="J5209" t="s">
        <v>26894</v>
      </c>
      <c r="O5209">
        <v>3156300</v>
      </c>
      <c r="P5209">
        <v>1</v>
      </c>
      <c r="Q5209">
        <v>0</v>
      </c>
      <c r="R5209" t="s">
        <v>26895</v>
      </c>
      <c r="S5209">
        <v>13</v>
      </c>
    </row>
    <row r="5210" spans="1:19" x14ac:dyDescent="0.25">
      <c r="A5210">
        <v>16071081</v>
      </c>
      <c r="B5210" t="s">
        <v>26896</v>
      </c>
      <c r="C5210" s="1" t="s">
        <v>26897</v>
      </c>
      <c r="D5210">
        <v>16071162</v>
      </c>
      <c r="E5210">
        <v>2</v>
      </c>
      <c r="F5210">
        <v>2</v>
      </c>
      <c r="H5210" t="s">
        <v>26898</v>
      </c>
      <c r="J5210" t="s">
        <v>26899</v>
      </c>
      <c r="K5210" t="s">
        <v>26900</v>
      </c>
      <c r="M5210">
        <v>583916</v>
      </c>
      <c r="O5210">
        <v>583916</v>
      </c>
      <c r="P5210">
        <v>1</v>
      </c>
      <c r="Q5210">
        <v>0</v>
      </c>
      <c r="R5210" t="s">
        <v>26901</v>
      </c>
      <c r="S5210">
        <v>122</v>
      </c>
    </row>
    <row r="5211" spans="1:19" x14ac:dyDescent="0.25">
      <c r="A5211">
        <v>19638148</v>
      </c>
      <c r="B5211" t="s">
        <v>26902</v>
      </c>
      <c r="C5211" s="1" t="s">
        <v>26903</v>
      </c>
      <c r="E5211">
        <v>3</v>
      </c>
      <c r="F5211">
        <v>0</v>
      </c>
      <c r="H5211" t="s">
        <v>26904</v>
      </c>
      <c r="I5211">
        <v>1</v>
      </c>
      <c r="J5211" t="s">
        <v>26905</v>
      </c>
      <c r="K5211" t="s">
        <v>26906</v>
      </c>
      <c r="M5211">
        <v>2856113</v>
      </c>
      <c r="O5211">
        <v>2856113</v>
      </c>
      <c r="P5211">
        <v>1</v>
      </c>
      <c r="Q5211">
        <v>0</v>
      </c>
      <c r="R5211" t="s">
        <v>26907</v>
      </c>
      <c r="S5211">
        <v>22028</v>
      </c>
    </row>
    <row r="5212" spans="1:19" x14ac:dyDescent="0.25">
      <c r="A5212">
        <v>32005802</v>
      </c>
      <c r="B5212" t="s">
        <v>26908</v>
      </c>
      <c r="C5212" s="1" t="s">
        <v>26909</v>
      </c>
      <c r="E5212">
        <v>1</v>
      </c>
      <c r="F5212">
        <v>3</v>
      </c>
      <c r="H5212" t="s">
        <v>26910</v>
      </c>
      <c r="J5212" t="s">
        <v>26911</v>
      </c>
      <c r="K5212" t="s">
        <v>26911</v>
      </c>
      <c r="M5212">
        <v>238902</v>
      </c>
      <c r="O5212">
        <v>4995012</v>
      </c>
      <c r="P5212">
        <v>1</v>
      </c>
      <c r="Q5212">
        <v>-2</v>
      </c>
      <c r="R5212" t="s">
        <v>26912</v>
      </c>
      <c r="S5212">
        <v>90</v>
      </c>
    </row>
    <row r="5213" spans="1:19" x14ac:dyDescent="0.25">
      <c r="A5213">
        <v>43072365</v>
      </c>
      <c r="B5213" t="s">
        <v>26913</v>
      </c>
      <c r="C5213" s="1" t="s">
        <v>26914</v>
      </c>
      <c r="E5213">
        <v>1</v>
      </c>
      <c r="F5213">
        <v>0</v>
      </c>
      <c r="H5213" t="s">
        <v>26915</v>
      </c>
      <c r="J5213" t="s">
        <v>26916</v>
      </c>
      <c r="O5213">
        <v>7767169</v>
      </c>
      <c r="P5213">
        <v>1</v>
      </c>
      <c r="Q5213">
        <v>1</v>
      </c>
      <c r="R5213" t="s">
        <v>26917</v>
      </c>
      <c r="S5213">
        <v>577</v>
      </c>
    </row>
    <row r="5214" spans="1:19" x14ac:dyDescent="0.25">
      <c r="A5214">
        <v>19874968</v>
      </c>
      <c r="B5214" t="s">
        <v>26918</v>
      </c>
      <c r="C5214" s="1" t="s">
        <v>26919</v>
      </c>
      <c r="D5214">
        <v>19874996</v>
      </c>
      <c r="E5214">
        <v>1</v>
      </c>
      <c r="F5214">
        <v>3</v>
      </c>
      <c r="H5214" t="s">
        <v>26920</v>
      </c>
      <c r="J5214" t="s">
        <v>26921</v>
      </c>
      <c r="K5214" t="s">
        <v>26922</v>
      </c>
      <c r="M5214">
        <v>1438393</v>
      </c>
      <c r="O5214">
        <v>2971638</v>
      </c>
      <c r="P5214">
        <v>1</v>
      </c>
      <c r="Q5214">
        <v>1</v>
      </c>
      <c r="R5214" t="s">
        <v>2122</v>
      </c>
      <c r="S5214">
        <v>130</v>
      </c>
    </row>
    <row r="5215" spans="1:19" x14ac:dyDescent="0.25">
      <c r="A5215">
        <v>9254192</v>
      </c>
      <c r="B5215" t="s">
        <v>26923</v>
      </c>
      <c r="C5215" s="1" t="s">
        <v>26924</v>
      </c>
      <c r="D5215">
        <v>9254244</v>
      </c>
      <c r="E5215">
        <v>3</v>
      </c>
      <c r="F5215">
        <v>2</v>
      </c>
      <c r="H5215" t="s">
        <v>26925</v>
      </c>
      <c r="J5215" t="s">
        <v>26926</v>
      </c>
      <c r="K5215" t="s">
        <v>26926</v>
      </c>
      <c r="M5215">
        <v>468312</v>
      </c>
      <c r="O5215">
        <v>468312</v>
      </c>
      <c r="P5215">
        <v>1</v>
      </c>
      <c r="Q5215">
        <v>0</v>
      </c>
      <c r="R5215" t="s">
        <v>26927</v>
      </c>
      <c r="S5215">
        <v>117</v>
      </c>
    </row>
    <row r="5216" spans="1:19" x14ac:dyDescent="0.25">
      <c r="A5216">
        <v>33383772</v>
      </c>
      <c r="B5216" t="s">
        <v>26928</v>
      </c>
      <c r="C5216" s="1" t="s">
        <v>26929</v>
      </c>
      <c r="D5216">
        <v>33383976</v>
      </c>
      <c r="E5216">
        <v>1</v>
      </c>
      <c r="F5216">
        <v>0</v>
      </c>
      <c r="H5216" t="s">
        <v>26930</v>
      </c>
      <c r="J5216" t="s">
        <v>26931</v>
      </c>
      <c r="K5216" t="s">
        <v>26932</v>
      </c>
      <c r="M5216">
        <v>-1</v>
      </c>
      <c r="O5216">
        <v>4268241</v>
      </c>
      <c r="P5216">
        <v>1</v>
      </c>
      <c r="Q5216">
        <v>1</v>
      </c>
      <c r="R5216" t="s">
        <v>26933</v>
      </c>
      <c r="S5216">
        <v>40</v>
      </c>
    </row>
    <row r="5217" spans="1:19" x14ac:dyDescent="0.25">
      <c r="A5217">
        <v>15435386</v>
      </c>
      <c r="B5217" t="s">
        <v>26934</v>
      </c>
      <c r="C5217" s="1" t="s">
        <v>26935</v>
      </c>
      <c r="D5217">
        <v>15435442</v>
      </c>
      <c r="E5217">
        <v>2</v>
      </c>
      <c r="F5217">
        <v>0</v>
      </c>
      <c r="H5217" t="s">
        <v>26936</v>
      </c>
      <c r="I5217">
        <v>1</v>
      </c>
      <c r="J5217" t="s">
        <v>26937</v>
      </c>
      <c r="K5217" t="s">
        <v>26938</v>
      </c>
      <c r="M5217">
        <v>1351522</v>
      </c>
      <c r="O5217">
        <v>2174409</v>
      </c>
      <c r="P5217">
        <v>1</v>
      </c>
      <c r="Q5217">
        <v>1</v>
      </c>
      <c r="R5217" t="s">
        <v>26939</v>
      </c>
      <c r="S5217">
        <v>213</v>
      </c>
    </row>
    <row r="5218" spans="1:19" x14ac:dyDescent="0.25">
      <c r="A5218">
        <v>47526800</v>
      </c>
      <c r="B5218" t="s">
        <v>26940</v>
      </c>
      <c r="C5218" s="1" t="s">
        <v>26941</v>
      </c>
      <c r="E5218">
        <v>2</v>
      </c>
      <c r="F5218">
        <v>7</v>
      </c>
      <c r="H5218" t="s">
        <v>26942</v>
      </c>
      <c r="J5218" t="s">
        <v>26943</v>
      </c>
      <c r="O5218">
        <v>8828724</v>
      </c>
      <c r="P5218">
        <v>1</v>
      </c>
      <c r="Q5218">
        <v>1</v>
      </c>
      <c r="R5218" t="s">
        <v>2793</v>
      </c>
      <c r="S5218">
        <v>92</v>
      </c>
    </row>
    <row r="5219" spans="1:19" x14ac:dyDescent="0.25">
      <c r="A5219">
        <v>39164680</v>
      </c>
      <c r="B5219" t="s">
        <v>26944</v>
      </c>
      <c r="C5219" s="1" t="s">
        <v>26945</v>
      </c>
      <c r="E5219">
        <v>1</v>
      </c>
      <c r="F5219">
        <v>1</v>
      </c>
      <c r="H5219" t="s">
        <v>26946</v>
      </c>
      <c r="J5219" t="s">
        <v>26947</v>
      </c>
      <c r="K5219" t="s">
        <v>26948</v>
      </c>
      <c r="M5219">
        <v>2802040</v>
      </c>
      <c r="O5219">
        <v>6761094</v>
      </c>
      <c r="P5219">
        <v>1</v>
      </c>
      <c r="Q5219">
        <v>3</v>
      </c>
      <c r="R5219" t="s">
        <v>26949</v>
      </c>
      <c r="S5219">
        <v>481</v>
      </c>
    </row>
    <row r="5220" spans="1:19" x14ac:dyDescent="0.25">
      <c r="A5220">
        <v>28508387</v>
      </c>
      <c r="B5220" t="s">
        <v>26950</v>
      </c>
      <c r="C5220" s="1" t="s">
        <v>26951</v>
      </c>
      <c r="E5220">
        <v>2</v>
      </c>
      <c r="F5220">
        <v>6</v>
      </c>
      <c r="H5220" t="s">
        <v>26952</v>
      </c>
      <c r="J5220" t="s">
        <v>26953</v>
      </c>
      <c r="K5220" t="s">
        <v>26954</v>
      </c>
      <c r="M5220">
        <v>3922207</v>
      </c>
      <c r="O5220">
        <v>3082303</v>
      </c>
      <c r="P5220">
        <v>1</v>
      </c>
      <c r="Q5220">
        <v>1</v>
      </c>
      <c r="R5220" t="s">
        <v>26955</v>
      </c>
      <c r="S5220">
        <v>401</v>
      </c>
    </row>
    <row r="5221" spans="1:19" x14ac:dyDescent="0.25">
      <c r="A5221">
        <v>53114476</v>
      </c>
      <c r="B5221" t="s">
        <v>26956</v>
      </c>
      <c r="C5221" s="1" t="s">
        <v>26957</v>
      </c>
      <c r="D5221">
        <v>53127760</v>
      </c>
      <c r="E5221">
        <v>1</v>
      </c>
      <c r="F5221">
        <v>0</v>
      </c>
      <c r="H5221" t="s">
        <v>26958</v>
      </c>
      <c r="J5221" t="s">
        <v>26959</v>
      </c>
      <c r="K5221" t="s">
        <v>26960</v>
      </c>
      <c r="M5221">
        <v>7493512</v>
      </c>
      <c r="O5221">
        <v>7493512</v>
      </c>
      <c r="P5221">
        <v>1</v>
      </c>
      <c r="Q5221">
        <v>1</v>
      </c>
      <c r="R5221" t="s">
        <v>26961</v>
      </c>
      <c r="S5221">
        <v>78</v>
      </c>
    </row>
    <row r="5222" spans="1:19" x14ac:dyDescent="0.25">
      <c r="A5222">
        <v>4122302</v>
      </c>
      <c r="B5222" t="s">
        <v>26962</v>
      </c>
      <c r="C5222" s="1" t="s">
        <v>26963</v>
      </c>
      <c r="E5222">
        <v>1</v>
      </c>
      <c r="F5222">
        <v>0</v>
      </c>
      <c r="H5222" t="s">
        <v>26964</v>
      </c>
      <c r="J5222" t="s">
        <v>26965</v>
      </c>
      <c r="K5222" t="s">
        <v>26965</v>
      </c>
      <c r="M5222">
        <v>355239</v>
      </c>
      <c r="O5222">
        <v>355239</v>
      </c>
      <c r="P5222">
        <v>1</v>
      </c>
      <c r="Q5222">
        <v>0</v>
      </c>
      <c r="R5222" t="s">
        <v>26966</v>
      </c>
      <c r="S5222">
        <v>654</v>
      </c>
    </row>
    <row r="5223" spans="1:19" x14ac:dyDescent="0.25">
      <c r="A5223">
        <v>16971106</v>
      </c>
      <c r="B5223" t="s">
        <v>26967</v>
      </c>
      <c r="C5223" s="1" t="s">
        <v>26968</v>
      </c>
      <c r="D5223">
        <v>17682186</v>
      </c>
      <c r="E5223">
        <v>1</v>
      </c>
      <c r="F5223">
        <v>0</v>
      </c>
      <c r="H5223" t="s">
        <v>26969</v>
      </c>
      <c r="J5223" t="s">
        <v>26970</v>
      </c>
      <c r="K5223" t="s">
        <v>26971</v>
      </c>
      <c r="M5223">
        <v>2062578</v>
      </c>
      <c r="O5223">
        <v>2062578</v>
      </c>
      <c r="P5223">
        <v>1</v>
      </c>
      <c r="Q5223">
        <v>0</v>
      </c>
      <c r="R5223" t="s">
        <v>26972</v>
      </c>
      <c r="S5223">
        <v>2208</v>
      </c>
    </row>
    <row r="5224" spans="1:19" x14ac:dyDescent="0.25">
      <c r="A5224">
        <v>38570876</v>
      </c>
      <c r="B5224" t="s">
        <v>26973</v>
      </c>
      <c r="C5224" s="1" t="s">
        <v>26974</v>
      </c>
      <c r="E5224">
        <v>1</v>
      </c>
      <c r="F5224">
        <v>1</v>
      </c>
      <c r="H5224" t="s">
        <v>26975</v>
      </c>
      <c r="J5224" t="s">
        <v>26976</v>
      </c>
      <c r="O5224">
        <v>5211126</v>
      </c>
      <c r="P5224">
        <v>1</v>
      </c>
      <c r="Q5224">
        <v>0</v>
      </c>
      <c r="R5224" t="s">
        <v>26977</v>
      </c>
      <c r="S5224">
        <v>203</v>
      </c>
    </row>
    <row r="5225" spans="1:19" x14ac:dyDescent="0.25">
      <c r="A5225">
        <v>7518386</v>
      </c>
      <c r="B5225" t="s">
        <v>26978</v>
      </c>
      <c r="C5225" s="1" t="s">
        <v>26979</v>
      </c>
      <c r="D5225">
        <v>7518461</v>
      </c>
      <c r="E5225">
        <v>3</v>
      </c>
      <c r="F5225">
        <v>0</v>
      </c>
      <c r="H5225" t="s">
        <v>26980</v>
      </c>
      <c r="I5225">
        <v>1</v>
      </c>
      <c r="J5225" t="s">
        <v>26981</v>
      </c>
      <c r="O5225">
        <v>647670</v>
      </c>
      <c r="P5225">
        <v>1</v>
      </c>
      <c r="Q5225">
        <v>4</v>
      </c>
      <c r="R5225" t="s">
        <v>9673</v>
      </c>
      <c r="S5225">
        <v>1658</v>
      </c>
    </row>
    <row r="5226" spans="1:19" x14ac:dyDescent="0.25">
      <c r="A5226">
        <v>32948715</v>
      </c>
      <c r="B5226" t="s">
        <v>26982</v>
      </c>
      <c r="C5226" s="1" t="s">
        <v>26983</v>
      </c>
      <c r="D5226">
        <v>33268251</v>
      </c>
      <c r="E5226">
        <v>2</v>
      </c>
      <c r="F5226">
        <v>0</v>
      </c>
      <c r="H5226" t="s">
        <v>26984</v>
      </c>
      <c r="J5226" t="s">
        <v>26985</v>
      </c>
      <c r="O5226">
        <v>1832293</v>
      </c>
      <c r="P5226">
        <v>1</v>
      </c>
      <c r="Q5226">
        <v>0</v>
      </c>
      <c r="R5226" t="s">
        <v>26986</v>
      </c>
      <c r="S5226">
        <v>67</v>
      </c>
    </row>
    <row r="5227" spans="1:19" x14ac:dyDescent="0.25">
      <c r="A5227">
        <v>20372224</v>
      </c>
      <c r="B5227" t="s">
        <v>26987</v>
      </c>
      <c r="C5227" s="1" t="s">
        <v>26988</v>
      </c>
      <c r="D5227">
        <v>20377853</v>
      </c>
      <c r="E5227">
        <v>1</v>
      </c>
      <c r="F5227">
        <v>0</v>
      </c>
      <c r="H5227" t="s">
        <v>26989</v>
      </c>
      <c r="I5227">
        <v>6</v>
      </c>
      <c r="J5227" t="s">
        <v>26990</v>
      </c>
      <c r="K5227" t="s">
        <v>26991</v>
      </c>
      <c r="M5227">
        <v>-1</v>
      </c>
      <c r="O5227">
        <v>1764720</v>
      </c>
      <c r="P5227">
        <v>1</v>
      </c>
      <c r="Q5227">
        <v>8</v>
      </c>
      <c r="R5227" t="s">
        <v>8000</v>
      </c>
      <c r="S5227">
        <v>2922</v>
      </c>
    </row>
    <row r="5228" spans="1:19" x14ac:dyDescent="0.25">
      <c r="A5228">
        <v>41252363</v>
      </c>
      <c r="B5228" t="s">
        <v>26992</v>
      </c>
      <c r="C5228" s="1" t="s">
        <v>26993</v>
      </c>
      <c r="D5228">
        <v>41253782</v>
      </c>
      <c r="E5228">
        <v>1</v>
      </c>
      <c r="F5228">
        <v>1</v>
      </c>
      <c r="H5228" t="s">
        <v>26994</v>
      </c>
      <c r="J5228" t="s">
        <v>26995</v>
      </c>
      <c r="K5228" t="s">
        <v>1083</v>
      </c>
      <c r="M5228">
        <v>-1</v>
      </c>
      <c r="O5228">
        <v>2357267</v>
      </c>
      <c r="P5228">
        <v>1</v>
      </c>
      <c r="Q5228">
        <v>1</v>
      </c>
      <c r="R5228" t="s">
        <v>26996</v>
      </c>
      <c r="S5228">
        <v>465</v>
      </c>
    </row>
    <row r="5229" spans="1:19" x14ac:dyDescent="0.25">
      <c r="A5229">
        <v>20003723</v>
      </c>
      <c r="B5229" t="s">
        <v>26997</v>
      </c>
      <c r="C5229" s="1" t="s">
        <v>26998</v>
      </c>
      <c r="D5229">
        <v>20118802</v>
      </c>
      <c r="E5229">
        <v>1</v>
      </c>
      <c r="F5229">
        <v>0</v>
      </c>
      <c r="H5229" t="s">
        <v>26999</v>
      </c>
      <c r="I5229">
        <v>1</v>
      </c>
      <c r="J5229" t="s">
        <v>27000</v>
      </c>
      <c r="K5229" t="s">
        <v>27001</v>
      </c>
      <c r="M5229">
        <v>2759641</v>
      </c>
      <c r="O5229">
        <v>2759641</v>
      </c>
      <c r="P5229">
        <v>1</v>
      </c>
      <c r="Q5229">
        <v>2</v>
      </c>
      <c r="R5229" t="s">
        <v>27002</v>
      </c>
      <c r="S5229">
        <v>729</v>
      </c>
    </row>
    <row r="5230" spans="1:19" x14ac:dyDescent="0.25">
      <c r="A5230">
        <v>27411135</v>
      </c>
      <c r="B5230" t="s">
        <v>27003</v>
      </c>
      <c r="C5230" s="1" t="s">
        <v>27004</v>
      </c>
      <c r="E5230">
        <v>0</v>
      </c>
      <c r="F5230">
        <v>2</v>
      </c>
      <c r="H5230" t="s">
        <v>27005</v>
      </c>
      <c r="J5230" t="s">
        <v>27006</v>
      </c>
      <c r="K5230" t="s">
        <v>27006</v>
      </c>
      <c r="M5230">
        <v>358089</v>
      </c>
      <c r="O5230">
        <v>358089</v>
      </c>
      <c r="P5230">
        <v>1</v>
      </c>
      <c r="Q5230">
        <v>1</v>
      </c>
      <c r="R5230" t="s">
        <v>27007</v>
      </c>
      <c r="S5230">
        <v>172</v>
      </c>
    </row>
    <row r="5231" spans="1:19" x14ac:dyDescent="0.25">
      <c r="A5231">
        <v>9633072</v>
      </c>
      <c r="B5231" t="s">
        <v>27008</v>
      </c>
      <c r="C5231" s="1" t="s">
        <v>27009</v>
      </c>
      <c r="D5231">
        <v>9633200</v>
      </c>
      <c r="E5231">
        <v>4</v>
      </c>
      <c r="F5231">
        <v>0</v>
      </c>
      <c r="H5231" t="s">
        <v>27010</v>
      </c>
      <c r="J5231" t="s">
        <v>27011</v>
      </c>
      <c r="K5231" t="s">
        <v>27012</v>
      </c>
      <c r="M5231">
        <v>683735</v>
      </c>
      <c r="O5231">
        <v>1184777</v>
      </c>
      <c r="P5231">
        <v>1</v>
      </c>
      <c r="Q5231">
        <v>1</v>
      </c>
      <c r="R5231" t="s">
        <v>27013</v>
      </c>
      <c r="S5231">
        <v>639</v>
      </c>
    </row>
    <row r="5232" spans="1:19" x14ac:dyDescent="0.25">
      <c r="A5232">
        <v>13866158</v>
      </c>
      <c r="B5232" t="s">
        <v>27014</v>
      </c>
      <c r="C5232" t="s">
        <v>27015</v>
      </c>
      <c r="D5232">
        <v>13895520</v>
      </c>
      <c r="E5232">
        <v>1</v>
      </c>
      <c r="F5232">
        <v>7</v>
      </c>
      <c r="H5232" t="s">
        <v>27016</v>
      </c>
      <c r="J5232" t="s">
        <v>27017</v>
      </c>
      <c r="K5232" t="s">
        <v>27018</v>
      </c>
      <c r="M5232">
        <v>1894162</v>
      </c>
      <c r="O5232">
        <v>1894162</v>
      </c>
      <c r="P5232">
        <v>1</v>
      </c>
      <c r="Q5232">
        <v>1</v>
      </c>
      <c r="R5232" t="s">
        <v>27019</v>
      </c>
      <c r="S5232">
        <v>836</v>
      </c>
    </row>
    <row r="5233" spans="1:19" x14ac:dyDescent="0.25">
      <c r="A5233">
        <v>47360925</v>
      </c>
      <c r="B5233" t="s">
        <v>27020</v>
      </c>
      <c r="C5233" s="1" t="s">
        <v>27021</v>
      </c>
      <c r="D5233">
        <v>47360963</v>
      </c>
      <c r="E5233">
        <v>1</v>
      </c>
      <c r="F5233">
        <v>0</v>
      </c>
      <c r="H5233" t="s">
        <v>27022</v>
      </c>
      <c r="J5233" t="s">
        <v>27023</v>
      </c>
      <c r="O5233">
        <v>8960436</v>
      </c>
      <c r="P5233">
        <v>1</v>
      </c>
      <c r="Q5233">
        <v>1</v>
      </c>
      <c r="R5233" t="s">
        <v>3266</v>
      </c>
      <c r="S5233">
        <v>13</v>
      </c>
    </row>
    <row r="5234" spans="1:19" x14ac:dyDescent="0.25">
      <c r="A5234">
        <v>37503267</v>
      </c>
      <c r="B5234" t="s">
        <v>27024</v>
      </c>
      <c r="C5234" s="1" t="s">
        <v>27025</v>
      </c>
      <c r="E5234">
        <v>0</v>
      </c>
      <c r="F5234">
        <v>12</v>
      </c>
      <c r="H5234" t="s">
        <v>27026</v>
      </c>
      <c r="J5234" t="s">
        <v>27026</v>
      </c>
      <c r="O5234">
        <v>4142489</v>
      </c>
      <c r="P5234">
        <v>1</v>
      </c>
      <c r="Q5234">
        <v>1</v>
      </c>
      <c r="R5234" t="s">
        <v>27027</v>
      </c>
      <c r="S5234">
        <v>152</v>
      </c>
    </row>
    <row r="5235" spans="1:19" x14ac:dyDescent="0.25">
      <c r="A5235">
        <v>41483365</v>
      </c>
      <c r="B5235" t="s">
        <v>27028</v>
      </c>
      <c r="C5235" s="1" t="s">
        <v>27029</v>
      </c>
      <c r="D5235">
        <v>41483436</v>
      </c>
      <c r="E5235">
        <v>3</v>
      </c>
      <c r="F5235">
        <v>0</v>
      </c>
      <c r="H5235" t="s">
        <v>27030</v>
      </c>
      <c r="J5235" t="s">
        <v>27031</v>
      </c>
      <c r="O5235">
        <v>3938343</v>
      </c>
      <c r="P5235">
        <v>1</v>
      </c>
      <c r="Q5235">
        <v>3</v>
      </c>
      <c r="R5235" t="s">
        <v>27032</v>
      </c>
      <c r="S5235">
        <v>4074</v>
      </c>
    </row>
    <row r="5236" spans="1:19" x14ac:dyDescent="0.25">
      <c r="A5236">
        <v>29289991</v>
      </c>
      <c r="B5236" t="s">
        <v>27033</v>
      </c>
      <c r="C5236" s="1" t="s">
        <v>27034</v>
      </c>
      <c r="D5236">
        <v>29375648</v>
      </c>
      <c r="E5236">
        <v>2</v>
      </c>
      <c r="F5236">
        <v>0</v>
      </c>
      <c r="H5236" t="s">
        <v>27035</v>
      </c>
      <c r="J5236" t="s">
        <v>27036</v>
      </c>
      <c r="O5236">
        <v>4718514</v>
      </c>
      <c r="P5236">
        <v>1</v>
      </c>
      <c r="Q5236">
        <v>0</v>
      </c>
      <c r="R5236" t="s">
        <v>7995</v>
      </c>
      <c r="S5236">
        <v>787</v>
      </c>
    </row>
    <row r="5237" spans="1:19" x14ac:dyDescent="0.25">
      <c r="A5237">
        <v>3532724</v>
      </c>
      <c r="B5237" t="s">
        <v>27037</v>
      </c>
      <c r="C5237" s="1" t="s">
        <v>27038</v>
      </c>
      <c r="D5237">
        <v>3532797</v>
      </c>
      <c r="E5237">
        <v>1</v>
      </c>
      <c r="F5237">
        <v>3</v>
      </c>
      <c r="H5237" t="s">
        <v>27039</v>
      </c>
      <c r="I5237">
        <v>1</v>
      </c>
      <c r="J5237" t="s">
        <v>27040</v>
      </c>
      <c r="K5237" t="s">
        <v>27041</v>
      </c>
      <c r="M5237">
        <v>324584</v>
      </c>
      <c r="O5237">
        <v>197606</v>
      </c>
      <c r="P5237">
        <v>1</v>
      </c>
      <c r="Q5237">
        <v>1</v>
      </c>
      <c r="R5237" t="s">
        <v>1359</v>
      </c>
      <c r="S5237">
        <v>4413</v>
      </c>
    </row>
    <row r="5238" spans="1:19" x14ac:dyDescent="0.25">
      <c r="A5238">
        <v>43553341</v>
      </c>
      <c r="B5238" t="s">
        <v>27042</v>
      </c>
      <c r="C5238" s="1" t="s">
        <v>27043</v>
      </c>
      <c r="D5238">
        <v>43555002</v>
      </c>
      <c r="E5238">
        <v>1</v>
      </c>
      <c r="F5238">
        <v>0</v>
      </c>
      <c r="H5238" t="s">
        <v>27044</v>
      </c>
      <c r="J5238" t="s">
        <v>27045</v>
      </c>
      <c r="K5238" t="s">
        <v>27046</v>
      </c>
      <c r="M5238">
        <v>-1</v>
      </c>
      <c r="O5238">
        <v>3171715</v>
      </c>
      <c r="P5238">
        <v>1</v>
      </c>
      <c r="Q5238">
        <v>0</v>
      </c>
      <c r="R5238" t="s">
        <v>27047</v>
      </c>
      <c r="S5238">
        <v>162</v>
      </c>
    </row>
    <row r="5239" spans="1:19" x14ac:dyDescent="0.25">
      <c r="A5239">
        <v>40060034</v>
      </c>
      <c r="B5239" t="s">
        <v>27048</v>
      </c>
      <c r="C5239" s="1" t="s">
        <v>27049</v>
      </c>
      <c r="E5239">
        <v>1</v>
      </c>
      <c r="F5239">
        <v>0</v>
      </c>
      <c r="H5239" t="s">
        <v>27050</v>
      </c>
      <c r="J5239" t="s">
        <v>27051</v>
      </c>
      <c r="K5239" t="s">
        <v>27052</v>
      </c>
      <c r="M5239">
        <v>5711367</v>
      </c>
      <c r="O5239">
        <v>7023273</v>
      </c>
      <c r="P5239">
        <v>1</v>
      </c>
      <c r="Q5239">
        <v>0</v>
      </c>
      <c r="R5239" t="s">
        <v>27053</v>
      </c>
      <c r="S5239">
        <v>392</v>
      </c>
    </row>
    <row r="5240" spans="1:19" x14ac:dyDescent="0.25">
      <c r="A5240">
        <v>46143075</v>
      </c>
      <c r="B5240" t="s">
        <v>27054</v>
      </c>
      <c r="C5240" s="1" t="s">
        <v>27055</v>
      </c>
      <c r="D5240">
        <v>46149900</v>
      </c>
      <c r="E5240">
        <v>1</v>
      </c>
      <c r="F5240">
        <v>0</v>
      </c>
      <c r="H5240" t="s">
        <v>27056</v>
      </c>
      <c r="J5240" t="s">
        <v>27057</v>
      </c>
      <c r="K5240" t="s">
        <v>27058</v>
      </c>
      <c r="M5240">
        <v>413225</v>
      </c>
      <c r="O5240">
        <v>413225</v>
      </c>
      <c r="P5240">
        <v>1</v>
      </c>
      <c r="Q5240">
        <v>0</v>
      </c>
      <c r="R5240" t="s">
        <v>27059</v>
      </c>
      <c r="S5240">
        <v>178</v>
      </c>
    </row>
    <row r="5241" spans="1:19" x14ac:dyDescent="0.25">
      <c r="A5241">
        <v>42458805</v>
      </c>
      <c r="B5241" t="s">
        <v>27060</v>
      </c>
      <c r="C5241" s="1" t="s">
        <v>27061</v>
      </c>
      <c r="E5241">
        <v>1</v>
      </c>
      <c r="F5241">
        <v>0</v>
      </c>
      <c r="H5241" t="s">
        <v>27062</v>
      </c>
      <c r="J5241" t="s">
        <v>27063</v>
      </c>
      <c r="K5241" t="s">
        <v>27064</v>
      </c>
      <c r="L5241" t="s">
        <v>27065</v>
      </c>
      <c r="O5241">
        <v>6656663</v>
      </c>
      <c r="P5241">
        <v>1</v>
      </c>
      <c r="Q5241">
        <v>0</v>
      </c>
      <c r="R5241" t="s">
        <v>27066</v>
      </c>
      <c r="S5241">
        <v>56</v>
      </c>
    </row>
    <row r="5242" spans="1:19" x14ac:dyDescent="0.25">
      <c r="A5242">
        <v>21251765</v>
      </c>
      <c r="B5242" t="s">
        <v>27067</v>
      </c>
      <c r="C5242" s="1" t="s">
        <v>27068</v>
      </c>
      <c r="E5242">
        <v>0</v>
      </c>
      <c r="F5242">
        <v>4</v>
      </c>
      <c r="H5242" t="s">
        <v>27069</v>
      </c>
      <c r="J5242" t="s">
        <v>27069</v>
      </c>
      <c r="O5242">
        <v>2775931</v>
      </c>
      <c r="P5242">
        <v>1</v>
      </c>
      <c r="Q5242">
        <v>0</v>
      </c>
      <c r="R5242" t="s">
        <v>27070</v>
      </c>
      <c r="S5242">
        <v>53</v>
      </c>
    </row>
    <row r="5243" spans="1:19" x14ac:dyDescent="0.25">
      <c r="A5243">
        <v>15694346</v>
      </c>
      <c r="B5243" t="s">
        <v>27071</v>
      </c>
      <c r="C5243" s="1" t="s">
        <v>27072</v>
      </c>
      <c r="D5243">
        <v>15694463</v>
      </c>
      <c r="E5243">
        <v>5</v>
      </c>
      <c r="F5243">
        <v>14</v>
      </c>
      <c r="H5243" t="s">
        <v>27073</v>
      </c>
      <c r="I5243">
        <v>1</v>
      </c>
      <c r="J5243" t="s">
        <v>27074</v>
      </c>
      <c r="K5243" t="s">
        <v>27074</v>
      </c>
      <c r="M5243">
        <v>3865653</v>
      </c>
      <c r="O5243">
        <v>1388484</v>
      </c>
      <c r="P5243">
        <v>1</v>
      </c>
      <c r="Q5243">
        <v>0</v>
      </c>
      <c r="R5243" t="s">
        <v>27075</v>
      </c>
      <c r="S5243">
        <v>1123</v>
      </c>
    </row>
    <row r="5244" spans="1:19" x14ac:dyDescent="0.25">
      <c r="A5244">
        <v>42565317</v>
      </c>
      <c r="B5244" t="s">
        <v>27076</v>
      </c>
      <c r="C5244" s="1" t="s">
        <v>27077</v>
      </c>
      <c r="D5244">
        <v>42565690</v>
      </c>
      <c r="E5244">
        <v>1</v>
      </c>
      <c r="F5244">
        <v>0</v>
      </c>
      <c r="H5244" t="s">
        <v>27078</v>
      </c>
      <c r="J5244" t="s">
        <v>27079</v>
      </c>
      <c r="O5244">
        <v>1223586</v>
      </c>
      <c r="P5244">
        <v>1</v>
      </c>
      <c r="Q5244">
        <v>1</v>
      </c>
      <c r="R5244" t="s">
        <v>27080</v>
      </c>
      <c r="S5244">
        <v>533</v>
      </c>
    </row>
    <row r="5245" spans="1:19" x14ac:dyDescent="0.25">
      <c r="A5245">
        <v>52423713</v>
      </c>
      <c r="B5245" t="s">
        <v>27081</v>
      </c>
      <c r="C5245" s="1" t="s">
        <v>27082</v>
      </c>
      <c r="E5245">
        <v>0</v>
      </c>
      <c r="F5245">
        <v>0</v>
      </c>
      <c r="H5245" t="s">
        <v>27083</v>
      </c>
      <c r="J5245" t="s">
        <v>27084</v>
      </c>
      <c r="K5245" t="s">
        <v>27084</v>
      </c>
      <c r="M5245">
        <v>6438780</v>
      </c>
      <c r="O5245">
        <v>6144482</v>
      </c>
      <c r="P5245">
        <v>1</v>
      </c>
      <c r="Q5245">
        <v>0</v>
      </c>
      <c r="R5245" t="s">
        <v>27085</v>
      </c>
      <c r="S5245">
        <v>61</v>
      </c>
    </row>
    <row r="5246" spans="1:19" x14ac:dyDescent="0.25">
      <c r="A5246">
        <v>51969943</v>
      </c>
      <c r="B5246" t="s">
        <v>27086</v>
      </c>
      <c r="C5246" s="1" t="s">
        <v>27087</v>
      </c>
      <c r="D5246">
        <v>51970774</v>
      </c>
      <c r="E5246">
        <v>1</v>
      </c>
      <c r="F5246">
        <v>2</v>
      </c>
      <c r="H5246" t="s">
        <v>27088</v>
      </c>
      <c r="J5246" t="s">
        <v>27089</v>
      </c>
      <c r="O5246">
        <v>1491879</v>
      </c>
      <c r="P5246">
        <v>1</v>
      </c>
      <c r="Q5246">
        <v>0</v>
      </c>
      <c r="R5246" t="s">
        <v>27090</v>
      </c>
      <c r="S5246">
        <v>35</v>
      </c>
    </row>
    <row r="5247" spans="1:19" x14ac:dyDescent="0.25">
      <c r="A5247">
        <v>53349047</v>
      </c>
      <c r="B5247" t="s">
        <v>27091</v>
      </c>
      <c r="C5247" s="1" t="s">
        <v>27092</v>
      </c>
      <c r="E5247">
        <v>1</v>
      </c>
      <c r="F5247">
        <v>0</v>
      </c>
      <c r="H5247" t="s">
        <v>27093</v>
      </c>
      <c r="J5247" t="s">
        <v>27094</v>
      </c>
      <c r="K5247" t="s">
        <v>27095</v>
      </c>
      <c r="M5247">
        <v>2696165</v>
      </c>
      <c r="O5247">
        <v>9376038</v>
      </c>
      <c r="P5247">
        <v>1</v>
      </c>
      <c r="Q5247">
        <v>0</v>
      </c>
      <c r="R5247" t="s">
        <v>27096</v>
      </c>
      <c r="S5247">
        <v>34</v>
      </c>
    </row>
    <row r="5248" spans="1:19" x14ac:dyDescent="0.25">
      <c r="A5248">
        <v>51498427</v>
      </c>
      <c r="B5248" t="s">
        <v>27097</v>
      </c>
      <c r="C5248" s="1" t="s">
        <v>27098</v>
      </c>
      <c r="D5248">
        <v>51499946</v>
      </c>
      <c r="E5248">
        <v>3</v>
      </c>
      <c r="F5248">
        <v>0</v>
      </c>
      <c r="H5248" t="s">
        <v>27099</v>
      </c>
      <c r="J5248" t="s">
        <v>27100</v>
      </c>
      <c r="K5248" t="s">
        <v>27100</v>
      </c>
      <c r="M5248">
        <v>7024599</v>
      </c>
      <c r="O5248">
        <v>10127785</v>
      </c>
      <c r="P5248">
        <v>1</v>
      </c>
      <c r="Q5248">
        <v>1</v>
      </c>
      <c r="R5248" t="s">
        <v>27101</v>
      </c>
      <c r="S5248">
        <v>67</v>
      </c>
    </row>
    <row r="5249" spans="1:19" x14ac:dyDescent="0.25">
      <c r="A5249">
        <v>20815228</v>
      </c>
      <c r="B5249" t="s">
        <v>27102</v>
      </c>
      <c r="C5249" t="s">
        <v>27103</v>
      </c>
      <c r="D5249">
        <v>20823701</v>
      </c>
      <c r="E5249">
        <v>2</v>
      </c>
      <c r="F5249">
        <v>0</v>
      </c>
      <c r="H5249" t="s">
        <v>27104</v>
      </c>
      <c r="J5249" t="s">
        <v>27105</v>
      </c>
      <c r="K5249" t="s">
        <v>27106</v>
      </c>
      <c r="M5249">
        <v>1864167</v>
      </c>
      <c r="O5249">
        <v>752603</v>
      </c>
      <c r="P5249">
        <v>1</v>
      </c>
      <c r="Q5249">
        <v>0</v>
      </c>
      <c r="R5249" t="s">
        <v>27107</v>
      </c>
      <c r="S5249">
        <v>58</v>
      </c>
    </row>
    <row r="5250" spans="1:19" x14ac:dyDescent="0.25">
      <c r="A5250">
        <v>43254367</v>
      </c>
      <c r="B5250" t="s">
        <v>27108</v>
      </c>
      <c r="C5250" s="1" t="s">
        <v>27109</v>
      </c>
      <c r="D5250">
        <v>43254658</v>
      </c>
      <c r="E5250">
        <v>1</v>
      </c>
      <c r="F5250">
        <v>3</v>
      </c>
      <c r="H5250" t="s">
        <v>27110</v>
      </c>
      <c r="J5250" t="s">
        <v>27111</v>
      </c>
      <c r="K5250" t="s">
        <v>27111</v>
      </c>
      <c r="M5250">
        <v>1630171</v>
      </c>
      <c r="O5250">
        <v>3923995</v>
      </c>
      <c r="P5250">
        <v>1</v>
      </c>
      <c r="Q5250">
        <v>0</v>
      </c>
      <c r="R5250" t="s">
        <v>27112</v>
      </c>
      <c r="S5250">
        <v>75</v>
      </c>
    </row>
    <row r="5251" spans="1:19" x14ac:dyDescent="0.25">
      <c r="A5251">
        <v>49058196</v>
      </c>
      <c r="B5251" t="s">
        <v>27113</v>
      </c>
      <c r="C5251" s="1" t="s">
        <v>27114</v>
      </c>
      <c r="E5251">
        <v>1</v>
      </c>
      <c r="F5251">
        <v>7</v>
      </c>
      <c r="H5251" t="s">
        <v>27115</v>
      </c>
      <c r="J5251" t="s">
        <v>27116</v>
      </c>
      <c r="K5251" t="s">
        <v>27117</v>
      </c>
      <c r="M5251">
        <v>2997795</v>
      </c>
      <c r="O5251">
        <v>2997795</v>
      </c>
      <c r="P5251">
        <v>1</v>
      </c>
      <c r="Q5251">
        <v>0</v>
      </c>
      <c r="R5251" t="s">
        <v>27118</v>
      </c>
      <c r="S5251">
        <v>126</v>
      </c>
    </row>
    <row r="5252" spans="1:19" x14ac:dyDescent="0.25">
      <c r="A5252">
        <v>8810514</v>
      </c>
      <c r="B5252" t="s">
        <v>27119</v>
      </c>
      <c r="C5252" s="1" t="s">
        <v>27120</v>
      </c>
      <c r="D5252">
        <v>8810555</v>
      </c>
      <c r="E5252">
        <v>1</v>
      </c>
      <c r="F5252">
        <v>0</v>
      </c>
      <c r="H5252" t="s">
        <v>27121</v>
      </c>
      <c r="J5252" t="s">
        <v>27122</v>
      </c>
      <c r="K5252" t="s">
        <v>27123</v>
      </c>
      <c r="M5252">
        <v>-1</v>
      </c>
      <c r="O5252">
        <v>1068061</v>
      </c>
      <c r="P5252">
        <v>1</v>
      </c>
      <c r="Q5252">
        <v>1</v>
      </c>
      <c r="R5252" t="s">
        <v>27124</v>
      </c>
      <c r="S5252">
        <v>5196</v>
      </c>
    </row>
    <row r="5253" spans="1:19" x14ac:dyDescent="0.25">
      <c r="A5253">
        <v>24916475</v>
      </c>
      <c r="B5253" t="s">
        <v>27125</v>
      </c>
      <c r="C5253" s="1" t="s">
        <v>27126</v>
      </c>
      <c r="D5253">
        <v>24917224</v>
      </c>
      <c r="E5253">
        <v>2</v>
      </c>
      <c r="F5253">
        <v>3</v>
      </c>
      <c r="H5253" t="s">
        <v>27127</v>
      </c>
      <c r="J5253" t="s">
        <v>27128</v>
      </c>
      <c r="K5253" t="s">
        <v>27129</v>
      </c>
      <c r="M5253">
        <v>3159897</v>
      </c>
      <c r="O5253">
        <v>3159897</v>
      </c>
      <c r="P5253">
        <v>1</v>
      </c>
      <c r="Q5253">
        <v>0</v>
      </c>
      <c r="R5253" t="s">
        <v>27130</v>
      </c>
      <c r="S5253">
        <v>955</v>
      </c>
    </row>
    <row r="5254" spans="1:19" x14ac:dyDescent="0.25">
      <c r="A5254">
        <v>10200399</v>
      </c>
      <c r="B5254" t="s">
        <v>27131</v>
      </c>
      <c r="C5254" s="1" t="s">
        <v>27132</v>
      </c>
      <c r="D5254">
        <v>10200497</v>
      </c>
      <c r="E5254">
        <v>1</v>
      </c>
      <c r="F5254">
        <v>5</v>
      </c>
      <c r="H5254" t="s">
        <v>27133</v>
      </c>
      <c r="J5254" t="s">
        <v>27134</v>
      </c>
      <c r="O5254">
        <v>1080648</v>
      </c>
      <c r="P5254">
        <v>1</v>
      </c>
      <c r="Q5254">
        <v>0</v>
      </c>
      <c r="R5254" t="s">
        <v>27135</v>
      </c>
      <c r="S5254">
        <v>1301</v>
      </c>
    </row>
    <row r="5255" spans="1:19" x14ac:dyDescent="0.25">
      <c r="A5255">
        <v>42098841</v>
      </c>
      <c r="B5255" t="s">
        <v>27136</v>
      </c>
      <c r="C5255" s="1" t="s">
        <v>27137</v>
      </c>
      <c r="E5255">
        <v>1</v>
      </c>
      <c r="F5255">
        <v>0</v>
      </c>
      <c r="H5255" t="s">
        <v>27138</v>
      </c>
      <c r="J5255" t="s">
        <v>27139</v>
      </c>
      <c r="K5255" t="s">
        <v>27140</v>
      </c>
      <c r="M5255">
        <v>608639</v>
      </c>
      <c r="O5255">
        <v>6342489</v>
      </c>
      <c r="P5255">
        <v>1</v>
      </c>
      <c r="Q5255">
        <v>0</v>
      </c>
      <c r="R5255" t="s">
        <v>27141</v>
      </c>
      <c r="S5255">
        <v>369</v>
      </c>
    </row>
    <row r="5256" spans="1:19" x14ac:dyDescent="0.25">
      <c r="A5256">
        <v>50037663</v>
      </c>
      <c r="B5256" t="s">
        <v>27142</v>
      </c>
      <c r="C5256" s="1" t="s">
        <v>27143</v>
      </c>
      <c r="E5256">
        <v>1</v>
      </c>
      <c r="F5256">
        <v>0</v>
      </c>
      <c r="H5256" t="s">
        <v>27144</v>
      </c>
      <c r="J5256" t="s">
        <v>27145</v>
      </c>
      <c r="O5256">
        <v>9547255</v>
      </c>
      <c r="P5256">
        <v>1</v>
      </c>
      <c r="Q5256">
        <v>0</v>
      </c>
      <c r="R5256" t="s">
        <v>27146</v>
      </c>
      <c r="S5256">
        <v>134</v>
      </c>
    </row>
    <row r="5257" spans="1:19" x14ac:dyDescent="0.25">
      <c r="A5257">
        <v>8121305</v>
      </c>
      <c r="B5257" t="s">
        <v>27147</v>
      </c>
      <c r="C5257" s="1" t="s">
        <v>27148</v>
      </c>
      <c r="D5257">
        <v>8121355</v>
      </c>
      <c r="E5257">
        <v>2</v>
      </c>
      <c r="F5257">
        <v>4</v>
      </c>
      <c r="H5257" t="s">
        <v>27149</v>
      </c>
      <c r="J5257" t="s">
        <v>27150</v>
      </c>
      <c r="K5257" t="s">
        <v>27151</v>
      </c>
      <c r="M5257">
        <v>14860</v>
      </c>
      <c r="O5257">
        <v>1045512</v>
      </c>
      <c r="P5257">
        <v>1</v>
      </c>
      <c r="Q5257">
        <v>5</v>
      </c>
      <c r="R5257" t="s">
        <v>27152</v>
      </c>
      <c r="S5257">
        <v>8026</v>
      </c>
    </row>
    <row r="5258" spans="1:19" x14ac:dyDescent="0.25">
      <c r="A5258">
        <v>48862181</v>
      </c>
      <c r="B5258" t="s">
        <v>27153</v>
      </c>
      <c r="C5258" s="1" t="s">
        <v>27154</v>
      </c>
      <c r="E5258">
        <v>2</v>
      </c>
      <c r="F5258">
        <v>0</v>
      </c>
      <c r="H5258" t="s">
        <v>27155</v>
      </c>
      <c r="J5258" t="s">
        <v>27156</v>
      </c>
      <c r="K5258" t="s">
        <v>27156</v>
      </c>
      <c r="M5258">
        <v>1837367</v>
      </c>
      <c r="O5258">
        <v>3540391</v>
      </c>
      <c r="P5258">
        <v>1</v>
      </c>
      <c r="Q5258">
        <v>0</v>
      </c>
      <c r="R5258" t="s">
        <v>27157</v>
      </c>
      <c r="S5258">
        <v>37</v>
      </c>
    </row>
    <row r="5259" spans="1:19" x14ac:dyDescent="0.25">
      <c r="A5259">
        <v>45595878</v>
      </c>
      <c r="B5259" t="s">
        <v>27158</v>
      </c>
      <c r="C5259" s="1" t="s">
        <v>27159</v>
      </c>
      <c r="D5259">
        <v>45596165</v>
      </c>
      <c r="E5259">
        <v>1</v>
      </c>
      <c r="F5259">
        <v>1</v>
      </c>
      <c r="H5259" t="s">
        <v>27160</v>
      </c>
      <c r="J5259" t="s">
        <v>27161</v>
      </c>
      <c r="O5259">
        <v>7031900</v>
      </c>
      <c r="P5259">
        <v>1</v>
      </c>
      <c r="Q5259">
        <v>0</v>
      </c>
      <c r="R5259" t="s">
        <v>27162</v>
      </c>
      <c r="S5259">
        <v>120</v>
      </c>
    </row>
    <row r="5260" spans="1:19" x14ac:dyDescent="0.25">
      <c r="A5260">
        <v>38911968</v>
      </c>
      <c r="B5260" t="s">
        <v>27163</v>
      </c>
      <c r="C5260" s="1" t="s">
        <v>27164</v>
      </c>
      <c r="D5260">
        <v>38917990</v>
      </c>
      <c r="E5260">
        <v>1</v>
      </c>
      <c r="F5260">
        <v>0</v>
      </c>
      <c r="H5260" t="s">
        <v>27165</v>
      </c>
      <c r="J5260" t="s">
        <v>27166</v>
      </c>
      <c r="K5260" t="s">
        <v>27167</v>
      </c>
      <c r="M5260">
        <v>1240763</v>
      </c>
      <c r="O5260">
        <v>1201556</v>
      </c>
      <c r="P5260">
        <v>1</v>
      </c>
      <c r="Q5260">
        <v>2</v>
      </c>
      <c r="R5260" t="s">
        <v>27168</v>
      </c>
      <c r="S5260">
        <v>941</v>
      </c>
    </row>
    <row r="5261" spans="1:19" x14ac:dyDescent="0.25">
      <c r="A5261">
        <v>34323778</v>
      </c>
      <c r="B5261" t="s">
        <v>27169</v>
      </c>
      <c r="C5261" s="1" t="s">
        <v>27170</v>
      </c>
      <c r="D5261">
        <v>34323806</v>
      </c>
      <c r="E5261">
        <v>2</v>
      </c>
      <c r="F5261">
        <v>0</v>
      </c>
      <c r="H5261" t="s">
        <v>27171</v>
      </c>
      <c r="J5261" t="s">
        <v>27172</v>
      </c>
      <c r="O5261">
        <v>4496400</v>
      </c>
      <c r="P5261">
        <v>1</v>
      </c>
      <c r="Q5261">
        <v>0</v>
      </c>
      <c r="R5261" t="s">
        <v>27173</v>
      </c>
      <c r="S5261">
        <v>33</v>
      </c>
    </row>
    <row r="5262" spans="1:19" x14ac:dyDescent="0.25">
      <c r="A5262">
        <v>48709005</v>
      </c>
      <c r="B5262" t="s">
        <v>27174</v>
      </c>
      <c r="C5262" s="1" t="s">
        <v>27175</v>
      </c>
      <c r="E5262">
        <v>1</v>
      </c>
      <c r="F5262">
        <v>4</v>
      </c>
      <c r="H5262" t="s">
        <v>27176</v>
      </c>
      <c r="J5262" t="s">
        <v>27177</v>
      </c>
      <c r="K5262" t="s">
        <v>27178</v>
      </c>
      <c r="M5262">
        <v>8755013</v>
      </c>
      <c r="O5262">
        <v>8755013</v>
      </c>
      <c r="P5262">
        <v>1</v>
      </c>
      <c r="Q5262">
        <v>0</v>
      </c>
      <c r="R5262" t="s">
        <v>27179</v>
      </c>
      <c r="S5262">
        <v>43</v>
      </c>
    </row>
    <row r="5263" spans="1:19" x14ac:dyDescent="0.25">
      <c r="A5263">
        <v>21725</v>
      </c>
      <c r="B5263" t="s">
        <v>27180</v>
      </c>
      <c r="C5263" t="s">
        <v>27181</v>
      </c>
      <c r="D5263">
        <v>30699</v>
      </c>
      <c r="E5263">
        <v>38</v>
      </c>
      <c r="F5263">
        <v>0</v>
      </c>
      <c r="G5263" t="s">
        <v>27182</v>
      </c>
      <c r="H5263" t="s">
        <v>27183</v>
      </c>
      <c r="I5263">
        <v>164</v>
      </c>
      <c r="J5263" t="s">
        <v>27184</v>
      </c>
      <c r="K5263" t="s">
        <v>27182</v>
      </c>
      <c r="M5263">
        <v>2386</v>
      </c>
      <c r="N5263" t="s">
        <v>27185</v>
      </c>
      <c r="O5263">
        <v>2386</v>
      </c>
      <c r="P5263">
        <v>1</v>
      </c>
      <c r="Q5263">
        <v>164</v>
      </c>
      <c r="R5263" t="s">
        <v>27186</v>
      </c>
      <c r="S5263">
        <v>55184</v>
      </c>
    </row>
    <row r="5264" spans="1:19" x14ac:dyDescent="0.25">
      <c r="A5264">
        <v>28195109</v>
      </c>
      <c r="B5264" t="s">
        <v>27187</v>
      </c>
      <c r="C5264" t="s">
        <v>27188</v>
      </c>
      <c r="D5264">
        <v>28195212</v>
      </c>
      <c r="E5264">
        <v>1</v>
      </c>
      <c r="F5264">
        <v>0</v>
      </c>
      <c r="H5264" t="s">
        <v>27189</v>
      </c>
      <c r="J5264" t="s">
        <v>27190</v>
      </c>
      <c r="O5264">
        <v>1726192</v>
      </c>
      <c r="P5264">
        <v>1</v>
      </c>
      <c r="Q5264">
        <v>0</v>
      </c>
      <c r="R5264" t="s">
        <v>27191</v>
      </c>
      <c r="S5264">
        <v>43</v>
      </c>
    </row>
    <row r="5265" spans="1:19" x14ac:dyDescent="0.25">
      <c r="A5265">
        <v>21522440</v>
      </c>
      <c r="B5265" t="s">
        <v>27192</v>
      </c>
      <c r="C5265" s="1" t="s">
        <v>27193</v>
      </c>
      <c r="E5265">
        <v>0</v>
      </c>
      <c r="F5265">
        <v>3</v>
      </c>
      <c r="H5265" t="s">
        <v>27194</v>
      </c>
      <c r="J5265" t="s">
        <v>27195</v>
      </c>
      <c r="K5265" t="s">
        <v>27195</v>
      </c>
      <c r="M5265">
        <v>3064175</v>
      </c>
      <c r="O5265">
        <v>3064175</v>
      </c>
      <c r="P5265">
        <v>1</v>
      </c>
      <c r="Q5265">
        <v>2</v>
      </c>
      <c r="R5265" t="s">
        <v>27196</v>
      </c>
      <c r="S5265">
        <v>2115</v>
      </c>
    </row>
    <row r="5266" spans="1:19" x14ac:dyDescent="0.25">
      <c r="A5266">
        <v>36847343</v>
      </c>
      <c r="B5266" t="s">
        <v>27197</v>
      </c>
      <c r="C5266" s="1" t="s">
        <v>27198</v>
      </c>
      <c r="D5266">
        <v>36850316</v>
      </c>
      <c r="E5266">
        <v>1</v>
      </c>
      <c r="F5266">
        <v>3</v>
      </c>
      <c r="H5266" t="s">
        <v>27199</v>
      </c>
      <c r="J5266" t="s">
        <v>27200</v>
      </c>
      <c r="O5266">
        <v>4415493</v>
      </c>
      <c r="P5266">
        <v>1</v>
      </c>
      <c r="Q5266">
        <v>1</v>
      </c>
      <c r="R5266" t="s">
        <v>27201</v>
      </c>
      <c r="S5266">
        <v>107</v>
      </c>
    </row>
    <row r="5267" spans="1:19" x14ac:dyDescent="0.25">
      <c r="A5267">
        <v>28425518</v>
      </c>
      <c r="B5267" t="s">
        <v>27202</v>
      </c>
      <c r="C5267" s="1" t="s">
        <v>27203</v>
      </c>
      <c r="D5267">
        <v>28425568</v>
      </c>
      <c r="E5267">
        <v>1</v>
      </c>
      <c r="F5267">
        <v>0</v>
      </c>
      <c r="H5267" t="s">
        <v>27204</v>
      </c>
      <c r="J5267" t="s">
        <v>27205</v>
      </c>
      <c r="O5267">
        <v>3709526</v>
      </c>
      <c r="P5267">
        <v>1</v>
      </c>
      <c r="Q5267">
        <v>0</v>
      </c>
      <c r="R5267" t="s">
        <v>27206</v>
      </c>
      <c r="S5267">
        <v>92</v>
      </c>
    </row>
    <row r="5268" spans="1:19" x14ac:dyDescent="0.25">
      <c r="A5268">
        <v>49549558</v>
      </c>
      <c r="B5268" t="s">
        <v>27207</v>
      </c>
      <c r="C5268" s="1" t="s">
        <v>27208</v>
      </c>
      <c r="E5268">
        <v>0</v>
      </c>
      <c r="F5268">
        <v>1</v>
      </c>
      <c r="H5268" t="s">
        <v>27209</v>
      </c>
      <c r="J5268" t="s">
        <v>27209</v>
      </c>
      <c r="O5268">
        <v>9567691</v>
      </c>
      <c r="P5268">
        <v>1</v>
      </c>
      <c r="Q5268">
        <v>1</v>
      </c>
      <c r="R5268" t="s">
        <v>27210</v>
      </c>
      <c r="S5268">
        <v>46</v>
      </c>
    </row>
    <row r="5269" spans="1:19" x14ac:dyDescent="0.25">
      <c r="A5269">
        <v>40929782</v>
      </c>
      <c r="B5269" t="s">
        <v>27211</v>
      </c>
      <c r="C5269" s="1" t="s">
        <v>27212</v>
      </c>
      <c r="E5269">
        <v>3</v>
      </c>
      <c r="F5269">
        <v>3</v>
      </c>
      <c r="H5269" t="s">
        <v>27213</v>
      </c>
      <c r="J5269" t="s">
        <v>27214</v>
      </c>
      <c r="K5269" t="s">
        <v>27215</v>
      </c>
      <c r="M5269">
        <v>4309575</v>
      </c>
      <c r="O5269">
        <v>4309575</v>
      </c>
      <c r="P5269">
        <v>1</v>
      </c>
      <c r="Q5269">
        <v>-1</v>
      </c>
      <c r="R5269" t="s">
        <v>27216</v>
      </c>
      <c r="S5269">
        <v>56</v>
      </c>
    </row>
    <row r="5270" spans="1:19" x14ac:dyDescent="0.25">
      <c r="A5270">
        <v>2421801</v>
      </c>
      <c r="B5270" t="s">
        <v>27217</v>
      </c>
      <c r="C5270" s="1" t="s">
        <v>27218</v>
      </c>
      <c r="D5270">
        <v>2421837</v>
      </c>
      <c r="E5270">
        <v>1</v>
      </c>
      <c r="F5270">
        <v>0</v>
      </c>
      <c r="H5270" t="s">
        <v>27219</v>
      </c>
      <c r="J5270" t="s">
        <v>27220</v>
      </c>
      <c r="K5270" t="s">
        <v>27221</v>
      </c>
      <c r="M5270">
        <v>1392690</v>
      </c>
      <c r="O5270">
        <v>1392690</v>
      </c>
      <c r="P5270">
        <v>1</v>
      </c>
      <c r="Q5270">
        <v>0</v>
      </c>
      <c r="R5270" t="s">
        <v>27222</v>
      </c>
      <c r="S5270">
        <v>825</v>
      </c>
    </row>
    <row r="5271" spans="1:19" x14ac:dyDescent="0.25">
      <c r="A5271">
        <v>18456839</v>
      </c>
      <c r="B5271" t="s">
        <v>27223</v>
      </c>
      <c r="C5271" t="s">
        <v>27224</v>
      </c>
      <c r="D5271">
        <v>18457086</v>
      </c>
      <c r="E5271">
        <v>1</v>
      </c>
      <c r="F5271">
        <v>0</v>
      </c>
      <c r="H5271" t="s">
        <v>27225</v>
      </c>
      <c r="J5271" t="s">
        <v>27226</v>
      </c>
      <c r="K5271" t="s">
        <v>27226</v>
      </c>
      <c r="M5271">
        <v>199593</v>
      </c>
      <c r="O5271">
        <v>2176115</v>
      </c>
      <c r="P5271">
        <v>1</v>
      </c>
      <c r="Q5271">
        <v>-1</v>
      </c>
      <c r="R5271" t="s">
        <v>27227</v>
      </c>
      <c r="S5271">
        <v>1289</v>
      </c>
    </row>
    <row r="5272" spans="1:19" x14ac:dyDescent="0.25">
      <c r="A5272">
        <v>8388747</v>
      </c>
      <c r="B5272" t="s">
        <v>27228</v>
      </c>
      <c r="C5272" s="1" t="s">
        <v>27229</v>
      </c>
      <c r="D5272">
        <v>8397462</v>
      </c>
      <c r="E5272">
        <v>1</v>
      </c>
      <c r="F5272">
        <v>4</v>
      </c>
      <c r="H5272" t="s">
        <v>27230</v>
      </c>
      <c r="J5272" t="s">
        <v>27231</v>
      </c>
      <c r="O5272">
        <v>1081877</v>
      </c>
      <c r="P5272">
        <v>1</v>
      </c>
      <c r="Q5272">
        <v>1</v>
      </c>
      <c r="R5272" t="s">
        <v>27232</v>
      </c>
      <c r="S5272">
        <v>302</v>
      </c>
    </row>
    <row r="5273" spans="1:19" x14ac:dyDescent="0.25">
      <c r="A5273">
        <v>696327</v>
      </c>
      <c r="B5273" t="s">
        <v>27233</v>
      </c>
      <c r="C5273" s="1" t="s">
        <v>27234</v>
      </c>
      <c r="D5273">
        <v>696392</v>
      </c>
      <c r="E5273">
        <v>1</v>
      </c>
      <c r="F5273">
        <v>0</v>
      </c>
      <c r="H5273" t="s">
        <v>27235</v>
      </c>
      <c r="J5273" t="s">
        <v>27236</v>
      </c>
      <c r="N5273" t="s">
        <v>27237</v>
      </c>
      <c r="O5273">
        <v>9021</v>
      </c>
      <c r="P5273">
        <v>1</v>
      </c>
      <c r="Q5273">
        <v>2</v>
      </c>
      <c r="R5273" t="s">
        <v>27238</v>
      </c>
      <c r="S5273">
        <v>839</v>
      </c>
    </row>
    <row r="5274" spans="1:19" x14ac:dyDescent="0.25">
      <c r="A5274">
        <v>1235682</v>
      </c>
      <c r="B5274" t="s">
        <v>27239</v>
      </c>
      <c r="C5274" s="1" t="s">
        <v>27240</v>
      </c>
      <c r="D5274">
        <v>1235999</v>
      </c>
      <c r="E5274">
        <v>2</v>
      </c>
      <c r="F5274">
        <v>0</v>
      </c>
      <c r="H5274" t="s">
        <v>27241</v>
      </c>
      <c r="J5274" t="s">
        <v>27242</v>
      </c>
      <c r="O5274">
        <v>143345</v>
      </c>
      <c r="P5274">
        <v>1</v>
      </c>
      <c r="Q5274">
        <v>0</v>
      </c>
      <c r="R5274" t="s">
        <v>27243</v>
      </c>
      <c r="S5274">
        <v>2226</v>
      </c>
    </row>
    <row r="5275" spans="1:19" x14ac:dyDescent="0.25">
      <c r="A5275">
        <v>16795330</v>
      </c>
      <c r="B5275" t="s">
        <v>27244</v>
      </c>
      <c r="C5275" s="1" t="s">
        <v>27245</v>
      </c>
      <c r="E5275">
        <v>0</v>
      </c>
      <c r="F5275">
        <v>5</v>
      </c>
      <c r="H5275" t="s">
        <v>27246</v>
      </c>
      <c r="J5275" t="s">
        <v>27246</v>
      </c>
      <c r="O5275">
        <v>2266614</v>
      </c>
      <c r="P5275">
        <v>1</v>
      </c>
      <c r="Q5275">
        <v>0</v>
      </c>
      <c r="R5275" t="s">
        <v>27247</v>
      </c>
      <c r="S5275">
        <v>186</v>
      </c>
    </row>
    <row r="5276" spans="1:19" x14ac:dyDescent="0.25">
      <c r="A5276">
        <v>34101102</v>
      </c>
      <c r="B5276" t="s">
        <v>27248</v>
      </c>
      <c r="C5276" s="1" t="s">
        <v>27249</v>
      </c>
      <c r="D5276">
        <v>34101241</v>
      </c>
      <c r="E5276">
        <v>1</v>
      </c>
      <c r="F5276">
        <v>1</v>
      </c>
      <c r="H5276" t="s">
        <v>27250</v>
      </c>
      <c r="J5276" t="s">
        <v>27251</v>
      </c>
      <c r="K5276" t="s">
        <v>27252</v>
      </c>
      <c r="M5276">
        <v>-1</v>
      </c>
      <c r="O5276">
        <v>611201</v>
      </c>
      <c r="P5276">
        <v>1</v>
      </c>
      <c r="Q5276">
        <v>9</v>
      </c>
      <c r="R5276" t="s">
        <v>6587</v>
      </c>
      <c r="S5276">
        <v>5652</v>
      </c>
    </row>
    <row r="5277" spans="1:19" x14ac:dyDescent="0.25">
      <c r="A5277">
        <v>6621901</v>
      </c>
      <c r="B5277" t="s">
        <v>27253</v>
      </c>
      <c r="C5277" s="1" t="s">
        <v>27254</v>
      </c>
      <c r="D5277">
        <v>6622072</v>
      </c>
      <c r="E5277">
        <v>4</v>
      </c>
      <c r="F5277">
        <v>0</v>
      </c>
      <c r="H5277" t="s">
        <v>27255</v>
      </c>
      <c r="I5277">
        <v>1</v>
      </c>
      <c r="J5277" t="s">
        <v>27256</v>
      </c>
      <c r="K5277" t="s">
        <v>27257</v>
      </c>
      <c r="M5277">
        <v>584440</v>
      </c>
      <c r="O5277">
        <v>835009</v>
      </c>
      <c r="P5277">
        <v>1</v>
      </c>
      <c r="Q5277">
        <v>4</v>
      </c>
      <c r="R5277" t="s">
        <v>408</v>
      </c>
      <c r="S5277">
        <v>1104</v>
      </c>
    </row>
    <row r="5278" spans="1:19" x14ac:dyDescent="0.25">
      <c r="A5278">
        <v>31884187</v>
      </c>
      <c r="B5278" t="s">
        <v>27258</v>
      </c>
      <c r="C5278" s="1" t="s">
        <v>27259</v>
      </c>
      <c r="E5278">
        <v>2</v>
      </c>
      <c r="F5278">
        <v>1</v>
      </c>
      <c r="H5278" t="s">
        <v>27260</v>
      </c>
      <c r="J5278" t="s">
        <v>27261</v>
      </c>
      <c r="K5278" t="s">
        <v>27261</v>
      </c>
      <c r="M5278">
        <v>4154262</v>
      </c>
      <c r="O5278">
        <v>5094496</v>
      </c>
      <c r="P5278">
        <v>1</v>
      </c>
      <c r="Q5278">
        <v>0</v>
      </c>
      <c r="R5278" t="s">
        <v>27262</v>
      </c>
      <c r="S5278">
        <v>55</v>
      </c>
    </row>
    <row r="5279" spans="1:19" x14ac:dyDescent="0.25">
      <c r="A5279">
        <v>2691134</v>
      </c>
      <c r="B5279" t="s">
        <v>27263</v>
      </c>
      <c r="C5279" s="1" t="s">
        <v>27264</v>
      </c>
      <c r="D5279">
        <v>2691185</v>
      </c>
      <c r="E5279">
        <v>4</v>
      </c>
      <c r="F5279">
        <v>0</v>
      </c>
      <c r="H5279" t="s">
        <v>27265</v>
      </c>
      <c r="J5279" t="s">
        <v>27266</v>
      </c>
      <c r="O5279">
        <v>320423</v>
      </c>
      <c r="P5279">
        <v>1</v>
      </c>
      <c r="Q5279">
        <v>3</v>
      </c>
      <c r="R5279" t="s">
        <v>27267</v>
      </c>
      <c r="S5279">
        <v>6444</v>
      </c>
    </row>
    <row r="5280" spans="1:19" x14ac:dyDescent="0.25">
      <c r="A5280">
        <v>29009258</v>
      </c>
      <c r="B5280" t="s">
        <v>27268</v>
      </c>
      <c r="C5280" s="1" t="s">
        <v>27269</v>
      </c>
      <c r="E5280">
        <v>1</v>
      </c>
      <c r="F5280">
        <v>4</v>
      </c>
      <c r="H5280" t="s">
        <v>27270</v>
      </c>
      <c r="J5280" t="s">
        <v>27271</v>
      </c>
      <c r="O5280">
        <v>1417117</v>
      </c>
      <c r="P5280">
        <v>1</v>
      </c>
      <c r="Q5280">
        <v>0</v>
      </c>
      <c r="R5280" t="s">
        <v>27272</v>
      </c>
      <c r="S5280">
        <v>36</v>
      </c>
    </row>
    <row r="5281" spans="1:19" x14ac:dyDescent="0.25">
      <c r="A5281">
        <v>12999999</v>
      </c>
      <c r="B5281" t="s">
        <v>27273</v>
      </c>
      <c r="C5281" s="1" t="s">
        <v>27274</v>
      </c>
      <c r="E5281">
        <v>1</v>
      </c>
      <c r="F5281">
        <v>2</v>
      </c>
      <c r="H5281" t="s">
        <v>27275</v>
      </c>
      <c r="I5281">
        <v>2</v>
      </c>
      <c r="J5281" t="s">
        <v>27276</v>
      </c>
      <c r="K5281" t="s">
        <v>27277</v>
      </c>
      <c r="M5281">
        <v>1090657</v>
      </c>
      <c r="O5281">
        <v>675629</v>
      </c>
      <c r="P5281">
        <v>1</v>
      </c>
      <c r="Q5281">
        <v>4</v>
      </c>
      <c r="R5281" t="s">
        <v>27278</v>
      </c>
      <c r="S5281">
        <v>2242</v>
      </c>
    </row>
    <row r="5282" spans="1:19" x14ac:dyDescent="0.25">
      <c r="A5282">
        <v>4359316</v>
      </c>
      <c r="B5282" t="s">
        <v>27279</v>
      </c>
      <c r="C5282" s="1" t="s">
        <v>27280</v>
      </c>
      <c r="E5282">
        <v>1</v>
      </c>
      <c r="F5282">
        <v>2</v>
      </c>
      <c r="H5282" t="s">
        <v>27281</v>
      </c>
      <c r="J5282" t="s">
        <v>27282</v>
      </c>
      <c r="K5282" t="s">
        <v>27282</v>
      </c>
      <c r="M5282">
        <v>737393</v>
      </c>
      <c r="O5282">
        <v>148956</v>
      </c>
      <c r="P5282">
        <v>1</v>
      </c>
      <c r="Q5282">
        <v>1</v>
      </c>
      <c r="R5282" t="s">
        <v>27283</v>
      </c>
      <c r="S5282">
        <v>141</v>
      </c>
    </row>
    <row r="5283" spans="1:19" x14ac:dyDescent="0.25">
      <c r="A5283">
        <v>33714871</v>
      </c>
      <c r="B5283" t="s">
        <v>27284</v>
      </c>
      <c r="C5283" s="1" t="s">
        <v>27285</v>
      </c>
      <c r="D5283">
        <v>33714915</v>
      </c>
      <c r="E5283">
        <v>3</v>
      </c>
      <c r="F5283">
        <v>3</v>
      </c>
      <c r="H5283" t="s">
        <v>27286</v>
      </c>
      <c r="J5283" t="s">
        <v>27287</v>
      </c>
      <c r="O5283">
        <v>4743045</v>
      </c>
      <c r="P5283">
        <v>1</v>
      </c>
      <c r="Q5283">
        <v>0</v>
      </c>
      <c r="R5283" t="s">
        <v>413</v>
      </c>
      <c r="S5283">
        <v>25</v>
      </c>
    </row>
    <row r="5284" spans="1:19" x14ac:dyDescent="0.25">
      <c r="A5284">
        <v>42596826</v>
      </c>
      <c r="B5284" t="s">
        <v>27288</v>
      </c>
      <c r="C5284" s="1" t="s">
        <v>27289</v>
      </c>
      <c r="E5284">
        <v>0</v>
      </c>
      <c r="F5284">
        <v>0</v>
      </c>
      <c r="H5284" t="s">
        <v>27290</v>
      </c>
      <c r="I5284">
        <v>1</v>
      </c>
      <c r="J5284" t="s">
        <v>27290</v>
      </c>
      <c r="O5284">
        <v>4024219</v>
      </c>
      <c r="P5284">
        <v>1</v>
      </c>
      <c r="Q5284">
        <v>1</v>
      </c>
      <c r="R5284" t="s">
        <v>27291</v>
      </c>
      <c r="S5284">
        <v>194</v>
      </c>
    </row>
    <row r="5285" spans="1:19" x14ac:dyDescent="0.25">
      <c r="A5285">
        <v>13136578</v>
      </c>
      <c r="B5285" t="s">
        <v>27292</v>
      </c>
      <c r="C5285" s="1" t="s">
        <v>27293</v>
      </c>
      <c r="D5285">
        <v>13156207</v>
      </c>
      <c r="E5285">
        <v>2</v>
      </c>
      <c r="F5285">
        <v>7</v>
      </c>
      <c r="H5285" t="s">
        <v>27294</v>
      </c>
      <c r="J5285" t="s">
        <v>27295</v>
      </c>
      <c r="K5285" t="s">
        <v>26145</v>
      </c>
      <c r="M5285">
        <v>-1</v>
      </c>
      <c r="O5285">
        <v>1219463</v>
      </c>
      <c r="P5285">
        <v>1</v>
      </c>
      <c r="Q5285">
        <v>0</v>
      </c>
      <c r="R5285" t="s">
        <v>27296</v>
      </c>
      <c r="S5285">
        <v>1364</v>
      </c>
    </row>
    <row r="5286" spans="1:19" x14ac:dyDescent="0.25">
      <c r="A5286">
        <v>26052477</v>
      </c>
      <c r="B5286" t="s">
        <v>27297</v>
      </c>
      <c r="C5286" s="1" t="s">
        <v>27298</v>
      </c>
      <c r="D5286">
        <v>26052636</v>
      </c>
      <c r="E5286">
        <v>1</v>
      </c>
      <c r="F5286">
        <v>0</v>
      </c>
      <c r="H5286" t="s">
        <v>27299</v>
      </c>
      <c r="J5286" t="s">
        <v>27300</v>
      </c>
      <c r="O5286">
        <v>1283571</v>
      </c>
      <c r="P5286">
        <v>1</v>
      </c>
      <c r="Q5286">
        <v>0</v>
      </c>
      <c r="R5286" t="s">
        <v>20068</v>
      </c>
      <c r="S5286">
        <v>84</v>
      </c>
    </row>
    <row r="5287" spans="1:19" x14ac:dyDescent="0.25">
      <c r="A5287">
        <v>45105992</v>
      </c>
      <c r="B5287" t="s">
        <v>27301</v>
      </c>
      <c r="C5287" s="1" t="s">
        <v>27302</v>
      </c>
      <c r="D5287">
        <v>45106233</v>
      </c>
      <c r="E5287">
        <v>6</v>
      </c>
      <c r="F5287">
        <v>8</v>
      </c>
      <c r="H5287" t="s">
        <v>27303</v>
      </c>
      <c r="I5287">
        <v>2</v>
      </c>
      <c r="J5287" t="s">
        <v>27304</v>
      </c>
      <c r="K5287" t="s">
        <v>27305</v>
      </c>
      <c r="M5287">
        <v>23528</v>
      </c>
      <c r="O5287">
        <v>3375021</v>
      </c>
      <c r="P5287">
        <v>1</v>
      </c>
      <c r="Q5287">
        <v>0</v>
      </c>
      <c r="R5287" t="s">
        <v>27306</v>
      </c>
      <c r="S5287">
        <v>4553</v>
      </c>
    </row>
    <row r="5288" spans="1:19" x14ac:dyDescent="0.25">
      <c r="A5288">
        <v>35884967</v>
      </c>
      <c r="B5288" t="s">
        <v>27307</v>
      </c>
      <c r="C5288" s="1" t="s">
        <v>27308</v>
      </c>
      <c r="D5288">
        <v>35885194</v>
      </c>
      <c r="E5288">
        <v>2</v>
      </c>
      <c r="F5288">
        <v>1</v>
      </c>
      <c r="H5288" t="s">
        <v>27309</v>
      </c>
      <c r="J5288" t="s">
        <v>27310</v>
      </c>
      <c r="K5288" t="s">
        <v>27311</v>
      </c>
      <c r="M5288">
        <v>5773506</v>
      </c>
      <c r="O5288">
        <v>5773506</v>
      </c>
      <c r="P5288">
        <v>1</v>
      </c>
      <c r="Q5288">
        <v>0</v>
      </c>
      <c r="R5288" t="s">
        <v>6927</v>
      </c>
      <c r="S5288">
        <v>75</v>
      </c>
    </row>
    <row r="5289" spans="1:19" x14ac:dyDescent="0.25">
      <c r="A5289">
        <v>31686687</v>
      </c>
      <c r="B5289" t="s">
        <v>27312</v>
      </c>
      <c r="C5289" t="s">
        <v>27313</v>
      </c>
      <c r="D5289">
        <v>31686770</v>
      </c>
      <c r="E5289">
        <v>2</v>
      </c>
      <c r="F5289">
        <v>1</v>
      </c>
      <c r="H5289" t="s">
        <v>27314</v>
      </c>
      <c r="J5289" t="s">
        <v>27315</v>
      </c>
      <c r="O5289">
        <v>2672738</v>
      </c>
      <c r="P5289">
        <v>1</v>
      </c>
      <c r="Q5289">
        <v>0</v>
      </c>
      <c r="R5289" t="s">
        <v>27316</v>
      </c>
      <c r="S5289">
        <v>68</v>
      </c>
    </row>
    <row r="5290" spans="1:19" x14ac:dyDescent="0.25">
      <c r="A5290">
        <v>49804585</v>
      </c>
      <c r="B5290" t="s">
        <v>27317</v>
      </c>
      <c r="C5290" s="1" t="s">
        <v>27318</v>
      </c>
      <c r="E5290">
        <v>2</v>
      </c>
      <c r="F5290">
        <v>3</v>
      </c>
      <c r="H5290" t="s">
        <v>27319</v>
      </c>
      <c r="J5290" t="s">
        <v>27320</v>
      </c>
      <c r="K5290" t="s">
        <v>27320</v>
      </c>
      <c r="M5290">
        <v>4370109</v>
      </c>
      <c r="O5290">
        <v>5174932</v>
      </c>
      <c r="P5290">
        <v>1</v>
      </c>
      <c r="Q5290">
        <v>0</v>
      </c>
      <c r="R5290" t="s">
        <v>27321</v>
      </c>
      <c r="S5290">
        <v>19</v>
      </c>
    </row>
    <row r="5291" spans="1:19" x14ac:dyDescent="0.25">
      <c r="A5291">
        <v>20463804</v>
      </c>
      <c r="B5291" t="s">
        <v>27322</v>
      </c>
      <c r="C5291" t="s">
        <v>27323</v>
      </c>
      <c r="E5291">
        <v>2</v>
      </c>
      <c r="F5291">
        <v>2</v>
      </c>
      <c r="H5291" t="s">
        <v>27324</v>
      </c>
      <c r="J5291" t="s">
        <v>27325</v>
      </c>
      <c r="K5291" t="s">
        <v>27325</v>
      </c>
      <c r="M5291">
        <v>56778</v>
      </c>
      <c r="O5291">
        <v>2795672</v>
      </c>
      <c r="P5291">
        <v>1</v>
      </c>
      <c r="Q5291">
        <v>-1</v>
      </c>
      <c r="R5291" t="s">
        <v>27326</v>
      </c>
      <c r="S5291">
        <v>248</v>
      </c>
    </row>
    <row r="5292" spans="1:19" x14ac:dyDescent="0.25">
      <c r="A5292">
        <v>21471363</v>
      </c>
      <c r="B5292" t="s">
        <v>27327</v>
      </c>
      <c r="C5292" s="1" t="s">
        <v>27328</v>
      </c>
      <c r="D5292">
        <v>21513529</v>
      </c>
      <c r="E5292">
        <v>1</v>
      </c>
      <c r="F5292">
        <v>3</v>
      </c>
      <c r="H5292" t="s">
        <v>27329</v>
      </c>
      <c r="I5292">
        <v>0</v>
      </c>
      <c r="J5292" t="s">
        <v>27330</v>
      </c>
      <c r="O5292">
        <v>190277</v>
      </c>
      <c r="P5292">
        <v>1</v>
      </c>
      <c r="Q5292">
        <v>3</v>
      </c>
      <c r="R5292" t="s">
        <v>8000</v>
      </c>
      <c r="S5292">
        <v>268</v>
      </c>
    </row>
    <row r="5293" spans="1:19" x14ac:dyDescent="0.25">
      <c r="A5293">
        <v>37214884</v>
      </c>
      <c r="B5293" t="s">
        <v>27331</v>
      </c>
      <c r="C5293" t="s">
        <v>27332</v>
      </c>
      <c r="E5293">
        <v>1</v>
      </c>
      <c r="F5293">
        <v>0</v>
      </c>
      <c r="H5293" t="s">
        <v>27333</v>
      </c>
      <c r="I5293">
        <v>2</v>
      </c>
      <c r="J5293" t="s">
        <v>27334</v>
      </c>
      <c r="O5293">
        <v>511005</v>
      </c>
      <c r="P5293">
        <v>1</v>
      </c>
      <c r="Q5293">
        <v>10</v>
      </c>
      <c r="R5293" t="s">
        <v>2675</v>
      </c>
      <c r="S5293">
        <v>1508</v>
      </c>
    </row>
    <row r="5294" spans="1:19" x14ac:dyDescent="0.25">
      <c r="A5294">
        <v>30833045</v>
      </c>
      <c r="B5294" t="s">
        <v>27335</v>
      </c>
      <c r="C5294" s="1" t="s">
        <v>27336</v>
      </c>
      <c r="D5294">
        <v>30834247</v>
      </c>
      <c r="E5294">
        <v>1</v>
      </c>
      <c r="F5294">
        <v>7</v>
      </c>
      <c r="H5294" t="s">
        <v>27337</v>
      </c>
      <c r="J5294" t="s">
        <v>27338</v>
      </c>
      <c r="O5294">
        <v>3951525</v>
      </c>
      <c r="P5294">
        <v>1</v>
      </c>
      <c r="Q5294">
        <v>2</v>
      </c>
      <c r="R5294" t="s">
        <v>17736</v>
      </c>
      <c r="S5294">
        <v>197</v>
      </c>
    </row>
    <row r="5295" spans="1:19" x14ac:dyDescent="0.25">
      <c r="A5295">
        <v>12118174</v>
      </c>
      <c r="B5295" t="s">
        <v>27339</v>
      </c>
      <c r="C5295" s="1" t="s">
        <v>27340</v>
      </c>
      <c r="D5295">
        <v>12118539</v>
      </c>
      <c r="E5295">
        <v>3</v>
      </c>
      <c r="F5295">
        <v>0</v>
      </c>
      <c r="H5295" t="s">
        <v>27341</v>
      </c>
      <c r="I5295">
        <v>1</v>
      </c>
      <c r="J5295" t="s">
        <v>27342</v>
      </c>
      <c r="O5295">
        <v>70465</v>
      </c>
      <c r="P5295">
        <v>1</v>
      </c>
      <c r="Q5295">
        <v>2</v>
      </c>
      <c r="R5295" t="s">
        <v>27343</v>
      </c>
      <c r="S5295">
        <v>420</v>
      </c>
    </row>
    <row r="5296" spans="1:19" x14ac:dyDescent="0.25">
      <c r="A5296">
        <v>43654757</v>
      </c>
      <c r="B5296" t="s">
        <v>27344</v>
      </c>
      <c r="C5296" s="1" t="s">
        <v>27345</v>
      </c>
      <c r="D5296">
        <v>43665612</v>
      </c>
      <c r="E5296">
        <v>1</v>
      </c>
      <c r="F5296">
        <v>0</v>
      </c>
      <c r="H5296" t="s">
        <v>27346</v>
      </c>
      <c r="J5296" t="s">
        <v>27347</v>
      </c>
      <c r="K5296" t="s">
        <v>27348</v>
      </c>
      <c r="M5296">
        <v>539490</v>
      </c>
      <c r="O5296">
        <v>539490</v>
      </c>
      <c r="P5296">
        <v>1</v>
      </c>
      <c r="Q5296">
        <v>2</v>
      </c>
      <c r="R5296" t="s">
        <v>24742</v>
      </c>
      <c r="S5296">
        <v>486</v>
      </c>
    </row>
    <row r="5297" spans="1:19" x14ac:dyDescent="0.25">
      <c r="A5297">
        <v>19049311</v>
      </c>
      <c r="B5297" t="s">
        <v>27349</v>
      </c>
      <c r="C5297" s="1" t="s">
        <v>27350</v>
      </c>
      <c r="D5297">
        <v>19053255</v>
      </c>
      <c r="E5297">
        <v>3</v>
      </c>
      <c r="F5297">
        <v>3</v>
      </c>
      <c r="H5297" t="s">
        <v>27351</v>
      </c>
      <c r="I5297">
        <v>1</v>
      </c>
      <c r="J5297" t="s">
        <v>27352</v>
      </c>
      <c r="K5297" t="s">
        <v>27353</v>
      </c>
      <c r="M5297">
        <v>1053990</v>
      </c>
      <c r="O5297">
        <v>1145889</v>
      </c>
      <c r="P5297">
        <v>1</v>
      </c>
      <c r="Q5297">
        <v>3</v>
      </c>
      <c r="R5297" t="s">
        <v>27354</v>
      </c>
      <c r="S5297">
        <v>7210</v>
      </c>
    </row>
    <row r="5298" spans="1:19" x14ac:dyDescent="0.25">
      <c r="A5298">
        <v>44865097</v>
      </c>
      <c r="B5298" t="s">
        <v>27355</v>
      </c>
      <c r="C5298" s="1" t="s">
        <v>27356</v>
      </c>
      <c r="E5298">
        <v>0</v>
      </c>
      <c r="F5298">
        <v>4</v>
      </c>
      <c r="H5298" t="s">
        <v>27357</v>
      </c>
      <c r="J5298" t="s">
        <v>27358</v>
      </c>
      <c r="K5298" t="s">
        <v>27358</v>
      </c>
      <c r="M5298">
        <v>987753</v>
      </c>
      <c r="O5298">
        <v>987753</v>
      </c>
      <c r="P5298">
        <v>1</v>
      </c>
      <c r="Q5298">
        <v>0</v>
      </c>
      <c r="R5298" t="s">
        <v>27359</v>
      </c>
      <c r="S5298">
        <v>33</v>
      </c>
    </row>
    <row r="5299" spans="1:19" x14ac:dyDescent="0.25">
      <c r="A5299">
        <v>45346136</v>
      </c>
      <c r="B5299" t="s">
        <v>27360</v>
      </c>
      <c r="C5299" s="1" t="s">
        <v>27361</v>
      </c>
      <c r="D5299">
        <v>45346703</v>
      </c>
      <c r="E5299">
        <v>1</v>
      </c>
      <c r="F5299">
        <v>1</v>
      </c>
      <c r="H5299" t="s">
        <v>27362</v>
      </c>
      <c r="J5299" t="s">
        <v>27363</v>
      </c>
      <c r="O5299">
        <v>8348245</v>
      </c>
      <c r="P5299">
        <v>1</v>
      </c>
      <c r="Q5299">
        <v>0</v>
      </c>
      <c r="R5299" t="s">
        <v>27364</v>
      </c>
      <c r="S5299">
        <v>679</v>
      </c>
    </row>
    <row r="5300" spans="1:19" x14ac:dyDescent="0.25">
      <c r="A5300">
        <v>35645963</v>
      </c>
      <c r="B5300" t="s">
        <v>27365</v>
      </c>
      <c r="C5300" s="1" t="s">
        <v>27366</v>
      </c>
      <c r="D5300">
        <v>35646111</v>
      </c>
      <c r="E5300">
        <v>3</v>
      </c>
      <c r="F5300">
        <v>2</v>
      </c>
      <c r="H5300" t="s">
        <v>27367</v>
      </c>
      <c r="J5300" t="s">
        <v>27368</v>
      </c>
      <c r="K5300" t="s">
        <v>27369</v>
      </c>
      <c r="M5300">
        <v>135566</v>
      </c>
      <c r="O5300">
        <v>4747164</v>
      </c>
      <c r="P5300">
        <v>1</v>
      </c>
      <c r="Q5300">
        <v>2</v>
      </c>
      <c r="R5300" t="s">
        <v>780</v>
      </c>
      <c r="S5300">
        <v>46</v>
      </c>
    </row>
    <row r="5301" spans="1:19" x14ac:dyDescent="0.25">
      <c r="A5301">
        <v>5078394</v>
      </c>
      <c r="B5301" t="s">
        <v>27370</v>
      </c>
      <c r="C5301" s="1" t="s">
        <v>27371</v>
      </c>
      <c r="D5301">
        <v>5079288</v>
      </c>
      <c r="E5301">
        <v>4</v>
      </c>
      <c r="F5301">
        <v>0</v>
      </c>
      <c r="H5301" t="s">
        <v>27372</v>
      </c>
      <c r="J5301" t="s">
        <v>27373</v>
      </c>
      <c r="K5301" t="s">
        <v>27373</v>
      </c>
      <c r="M5301">
        <v>305949</v>
      </c>
      <c r="O5301">
        <v>305949</v>
      </c>
      <c r="P5301">
        <v>1</v>
      </c>
      <c r="Q5301">
        <v>0</v>
      </c>
      <c r="R5301" t="s">
        <v>27374</v>
      </c>
      <c r="S5301">
        <v>1020</v>
      </c>
    </row>
    <row r="5302" spans="1:19" x14ac:dyDescent="0.25">
      <c r="A5302">
        <v>49035278</v>
      </c>
      <c r="B5302" t="s">
        <v>27375</v>
      </c>
      <c r="C5302" s="1" t="s">
        <v>27376</v>
      </c>
      <c r="E5302">
        <v>1</v>
      </c>
      <c r="F5302">
        <v>0</v>
      </c>
      <c r="H5302" t="s">
        <v>27377</v>
      </c>
      <c r="J5302" t="s">
        <v>27378</v>
      </c>
      <c r="O5302">
        <v>9361247</v>
      </c>
      <c r="P5302">
        <v>1</v>
      </c>
      <c r="Q5302">
        <v>0</v>
      </c>
      <c r="R5302" t="s">
        <v>27379</v>
      </c>
      <c r="S5302">
        <v>40</v>
      </c>
    </row>
    <row r="5303" spans="1:19" x14ac:dyDescent="0.25">
      <c r="A5303">
        <v>33830461</v>
      </c>
      <c r="B5303" t="s">
        <v>27380</v>
      </c>
      <c r="C5303" s="1" t="s">
        <v>27381</v>
      </c>
      <c r="D5303">
        <v>33830722</v>
      </c>
      <c r="E5303">
        <v>2</v>
      </c>
      <c r="F5303">
        <v>2</v>
      </c>
      <c r="H5303" t="s">
        <v>27382</v>
      </c>
      <c r="J5303" t="s">
        <v>27383</v>
      </c>
      <c r="K5303" t="s">
        <v>27384</v>
      </c>
      <c r="M5303">
        <v>330315</v>
      </c>
      <c r="O5303">
        <v>2268958</v>
      </c>
      <c r="P5303">
        <v>1</v>
      </c>
      <c r="Q5303">
        <v>1</v>
      </c>
      <c r="R5303" t="s">
        <v>11015</v>
      </c>
      <c r="S5303">
        <v>911</v>
      </c>
    </row>
    <row r="5304" spans="1:19" x14ac:dyDescent="0.25">
      <c r="A5304">
        <v>47456004</v>
      </c>
      <c r="B5304" t="s">
        <v>27385</v>
      </c>
      <c r="C5304" s="1" t="s">
        <v>27386</v>
      </c>
      <c r="D5304">
        <v>47456140</v>
      </c>
      <c r="E5304">
        <v>2</v>
      </c>
      <c r="F5304">
        <v>0</v>
      </c>
      <c r="H5304" t="s">
        <v>27387</v>
      </c>
      <c r="J5304" t="s">
        <v>27388</v>
      </c>
      <c r="K5304" t="s">
        <v>27388</v>
      </c>
      <c r="M5304">
        <v>4540425</v>
      </c>
      <c r="O5304">
        <v>8894520</v>
      </c>
      <c r="P5304">
        <v>1</v>
      </c>
      <c r="Q5304">
        <v>1</v>
      </c>
      <c r="R5304" t="s">
        <v>27389</v>
      </c>
      <c r="S5304">
        <v>147</v>
      </c>
    </row>
    <row r="5305" spans="1:19" x14ac:dyDescent="0.25">
      <c r="A5305">
        <v>22635477</v>
      </c>
      <c r="B5305" t="s">
        <v>27390</v>
      </c>
      <c r="C5305" s="1" t="s">
        <v>27391</v>
      </c>
      <c r="E5305">
        <v>2</v>
      </c>
      <c r="F5305">
        <v>0</v>
      </c>
      <c r="H5305" t="s">
        <v>27392</v>
      </c>
      <c r="J5305" t="s">
        <v>27393</v>
      </c>
      <c r="K5305" t="s">
        <v>27393</v>
      </c>
      <c r="M5305">
        <v>3171072</v>
      </c>
      <c r="O5305">
        <v>3171072</v>
      </c>
      <c r="P5305">
        <v>1</v>
      </c>
      <c r="Q5305">
        <v>0</v>
      </c>
      <c r="R5305" t="s">
        <v>1333</v>
      </c>
      <c r="S5305">
        <v>54</v>
      </c>
    </row>
    <row r="5306" spans="1:19" x14ac:dyDescent="0.25">
      <c r="A5306">
        <v>42166748</v>
      </c>
      <c r="B5306" t="s">
        <v>27394</v>
      </c>
      <c r="C5306" s="1" t="s">
        <v>27395</v>
      </c>
      <c r="D5306">
        <v>42167507</v>
      </c>
      <c r="E5306">
        <v>1</v>
      </c>
      <c r="F5306">
        <v>1</v>
      </c>
      <c r="H5306" t="s">
        <v>27396</v>
      </c>
      <c r="J5306" t="s">
        <v>27397</v>
      </c>
      <c r="O5306">
        <v>5853203</v>
      </c>
      <c r="P5306">
        <v>1</v>
      </c>
      <c r="Q5306">
        <v>0</v>
      </c>
      <c r="R5306" t="s">
        <v>27398</v>
      </c>
      <c r="S5306">
        <v>135</v>
      </c>
    </row>
    <row r="5307" spans="1:19" x14ac:dyDescent="0.25">
      <c r="A5307">
        <v>14006111</v>
      </c>
      <c r="B5307" t="s">
        <v>27399</v>
      </c>
      <c r="C5307" s="1" t="s">
        <v>27400</v>
      </c>
      <c r="D5307">
        <v>14006179</v>
      </c>
      <c r="E5307">
        <v>2</v>
      </c>
      <c r="F5307">
        <v>1</v>
      </c>
      <c r="H5307" t="s">
        <v>27401</v>
      </c>
      <c r="J5307" t="s">
        <v>27402</v>
      </c>
      <c r="K5307" t="s">
        <v>27403</v>
      </c>
      <c r="M5307">
        <v>492901</v>
      </c>
      <c r="O5307">
        <v>1082041</v>
      </c>
      <c r="P5307">
        <v>1</v>
      </c>
      <c r="Q5307">
        <v>2</v>
      </c>
      <c r="R5307" t="s">
        <v>27404</v>
      </c>
      <c r="S5307">
        <v>150</v>
      </c>
    </row>
    <row r="5308" spans="1:19" x14ac:dyDescent="0.25">
      <c r="A5308">
        <v>5787369</v>
      </c>
      <c r="B5308" t="s">
        <v>27405</v>
      </c>
      <c r="C5308" s="1" t="s">
        <v>27406</v>
      </c>
      <c r="D5308">
        <v>5787438</v>
      </c>
      <c r="E5308">
        <v>1</v>
      </c>
      <c r="F5308">
        <v>3</v>
      </c>
      <c r="H5308" t="s">
        <v>27407</v>
      </c>
      <c r="J5308" t="s">
        <v>27408</v>
      </c>
      <c r="O5308">
        <v>599552</v>
      </c>
      <c r="P5308">
        <v>1</v>
      </c>
      <c r="Q5308">
        <v>0</v>
      </c>
      <c r="R5308" t="s">
        <v>27409</v>
      </c>
      <c r="S5308">
        <v>1526</v>
      </c>
    </row>
    <row r="5309" spans="1:19" x14ac:dyDescent="0.25">
      <c r="A5309">
        <v>29977011</v>
      </c>
      <c r="B5309" t="s">
        <v>27410</v>
      </c>
      <c r="C5309" s="1" t="s">
        <v>27411</v>
      </c>
      <c r="D5309">
        <v>29977550</v>
      </c>
      <c r="E5309">
        <v>3</v>
      </c>
      <c r="F5309">
        <v>4</v>
      </c>
      <c r="H5309" t="s">
        <v>27412</v>
      </c>
      <c r="I5309">
        <v>3</v>
      </c>
      <c r="J5309" t="s">
        <v>27413</v>
      </c>
      <c r="K5309" t="s">
        <v>27414</v>
      </c>
      <c r="M5309">
        <v>4953079</v>
      </c>
      <c r="O5309">
        <v>3513792</v>
      </c>
      <c r="P5309">
        <v>1</v>
      </c>
      <c r="Q5309">
        <v>6</v>
      </c>
      <c r="R5309" t="s">
        <v>27415</v>
      </c>
      <c r="S5309">
        <v>3488</v>
      </c>
    </row>
    <row r="5310" spans="1:19" x14ac:dyDescent="0.25">
      <c r="A5310">
        <v>3607527</v>
      </c>
      <c r="B5310" t="s">
        <v>27416</v>
      </c>
      <c r="C5310" s="1" t="s">
        <v>27417</v>
      </c>
      <c r="E5310">
        <v>2</v>
      </c>
      <c r="F5310">
        <v>3</v>
      </c>
      <c r="H5310" t="s">
        <v>27418</v>
      </c>
      <c r="J5310" t="s">
        <v>27419</v>
      </c>
      <c r="O5310">
        <v>231167</v>
      </c>
      <c r="P5310">
        <v>1</v>
      </c>
      <c r="Q5310">
        <v>1</v>
      </c>
      <c r="R5310" t="s">
        <v>27420</v>
      </c>
      <c r="S5310">
        <v>2525</v>
      </c>
    </row>
    <row r="5311" spans="1:19" x14ac:dyDescent="0.25">
      <c r="A5311">
        <v>6438007</v>
      </c>
      <c r="B5311" t="s">
        <v>27421</v>
      </c>
      <c r="C5311" s="1" t="s">
        <v>27422</v>
      </c>
      <c r="E5311">
        <v>1</v>
      </c>
      <c r="F5311">
        <v>1</v>
      </c>
      <c r="H5311" t="s">
        <v>27423</v>
      </c>
      <c r="J5311" t="s">
        <v>27424</v>
      </c>
      <c r="K5311" t="s">
        <v>27424</v>
      </c>
      <c r="M5311">
        <v>105717</v>
      </c>
      <c r="O5311">
        <v>421797</v>
      </c>
      <c r="P5311">
        <v>1</v>
      </c>
      <c r="Q5311">
        <v>0</v>
      </c>
      <c r="R5311" t="s">
        <v>27425</v>
      </c>
      <c r="S5311">
        <v>259</v>
      </c>
    </row>
    <row r="5312" spans="1:19" x14ac:dyDescent="0.25">
      <c r="A5312">
        <v>39884823</v>
      </c>
      <c r="B5312" t="s">
        <v>27426</v>
      </c>
      <c r="C5312" s="1" t="s">
        <v>27427</v>
      </c>
      <c r="D5312">
        <v>39885766</v>
      </c>
      <c r="E5312">
        <v>2</v>
      </c>
      <c r="F5312">
        <v>9</v>
      </c>
      <c r="H5312" t="s">
        <v>27428</v>
      </c>
      <c r="J5312" t="s">
        <v>27429</v>
      </c>
      <c r="K5312" t="s">
        <v>27430</v>
      </c>
      <c r="M5312">
        <v>2272156</v>
      </c>
      <c r="O5312">
        <v>2272156</v>
      </c>
      <c r="P5312">
        <v>1</v>
      </c>
      <c r="Q5312">
        <v>1</v>
      </c>
      <c r="R5312" t="s">
        <v>27431</v>
      </c>
      <c r="S5312">
        <v>68</v>
      </c>
    </row>
    <row r="5313" spans="1:19" x14ac:dyDescent="0.25">
      <c r="A5313">
        <v>27776972</v>
      </c>
      <c r="B5313" t="s">
        <v>27432</v>
      </c>
      <c r="C5313" t="s">
        <v>27433</v>
      </c>
      <c r="E5313">
        <v>2</v>
      </c>
      <c r="F5313">
        <v>3</v>
      </c>
      <c r="H5313" t="s">
        <v>27434</v>
      </c>
      <c r="J5313" t="s">
        <v>27435</v>
      </c>
      <c r="O5313">
        <v>4319629</v>
      </c>
      <c r="P5313">
        <v>1</v>
      </c>
      <c r="Q5313">
        <v>-2</v>
      </c>
      <c r="R5313" t="s">
        <v>27436</v>
      </c>
      <c r="S5313">
        <v>203</v>
      </c>
    </row>
    <row r="5314" spans="1:19" x14ac:dyDescent="0.25">
      <c r="A5314">
        <v>38907731</v>
      </c>
      <c r="B5314" t="s">
        <v>27437</v>
      </c>
      <c r="C5314" t="s">
        <v>27438</v>
      </c>
      <c r="E5314">
        <v>1</v>
      </c>
      <c r="F5314">
        <v>1</v>
      </c>
      <c r="H5314" t="s">
        <v>27439</v>
      </c>
      <c r="J5314" t="s">
        <v>27440</v>
      </c>
      <c r="K5314" t="s">
        <v>27441</v>
      </c>
      <c r="M5314">
        <v>4962229</v>
      </c>
      <c r="O5314">
        <v>5289209</v>
      </c>
      <c r="P5314">
        <v>1</v>
      </c>
      <c r="Q5314">
        <v>0</v>
      </c>
      <c r="R5314" t="s">
        <v>27442</v>
      </c>
      <c r="S5314">
        <v>140</v>
      </c>
    </row>
    <row r="5315" spans="1:19" x14ac:dyDescent="0.25">
      <c r="A5315">
        <v>26056098</v>
      </c>
      <c r="B5315" t="s">
        <v>27443</v>
      </c>
      <c r="C5315" s="1" t="s">
        <v>27444</v>
      </c>
      <c r="D5315">
        <v>26575268</v>
      </c>
      <c r="E5315">
        <v>1</v>
      </c>
      <c r="F5315">
        <v>0</v>
      </c>
      <c r="H5315" t="s">
        <v>27445</v>
      </c>
      <c r="J5315" t="s">
        <v>27446</v>
      </c>
      <c r="O5315">
        <v>1581725</v>
      </c>
      <c r="P5315">
        <v>1</v>
      </c>
      <c r="Q5315">
        <v>1</v>
      </c>
      <c r="R5315" t="s">
        <v>27447</v>
      </c>
      <c r="S5315">
        <v>852</v>
      </c>
    </row>
    <row r="5316" spans="1:19" x14ac:dyDescent="0.25">
      <c r="A5316">
        <v>9221117</v>
      </c>
      <c r="B5316" t="s">
        <v>27448</v>
      </c>
      <c r="C5316" s="1" t="s">
        <v>27449</v>
      </c>
      <c r="D5316">
        <v>9221743</v>
      </c>
      <c r="E5316">
        <v>3</v>
      </c>
      <c r="F5316">
        <v>0</v>
      </c>
      <c r="H5316" t="s">
        <v>27450</v>
      </c>
      <c r="J5316" t="s">
        <v>27451</v>
      </c>
      <c r="O5316">
        <v>1030597</v>
      </c>
      <c r="P5316">
        <v>1</v>
      </c>
      <c r="Q5316">
        <v>0</v>
      </c>
      <c r="R5316" t="s">
        <v>1466</v>
      </c>
      <c r="S5316">
        <v>7864</v>
      </c>
    </row>
    <row r="5317" spans="1:19" x14ac:dyDescent="0.25">
      <c r="A5317">
        <v>23903116</v>
      </c>
      <c r="B5317" t="s">
        <v>27452</v>
      </c>
      <c r="C5317" s="1" t="s">
        <v>27453</v>
      </c>
      <c r="D5317">
        <v>23905761</v>
      </c>
      <c r="E5317">
        <v>3</v>
      </c>
      <c r="F5317">
        <v>2</v>
      </c>
      <c r="H5317" t="s">
        <v>27454</v>
      </c>
      <c r="I5317">
        <v>1</v>
      </c>
      <c r="J5317" t="s">
        <v>27455</v>
      </c>
      <c r="K5317" t="s">
        <v>27456</v>
      </c>
      <c r="M5317">
        <v>500974</v>
      </c>
      <c r="O5317">
        <v>1303059</v>
      </c>
      <c r="P5317">
        <v>1</v>
      </c>
      <c r="Q5317">
        <v>1</v>
      </c>
      <c r="R5317" t="s">
        <v>27457</v>
      </c>
      <c r="S5317">
        <v>221</v>
      </c>
    </row>
    <row r="5318" spans="1:19" x14ac:dyDescent="0.25">
      <c r="A5318">
        <v>50900064</v>
      </c>
      <c r="B5318" t="s">
        <v>27458</v>
      </c>
      <c r="C5318" s="1" t="s">
        <v>27459</v>
      </c>
      <c r="E5318">
        <v>0</v>
      </c>
      <c r="F5318">
        <v>0</v>
      </c>
      <c r="H5318" t="s">
        <v>27460</v>
      </c>
      <c r="J5318" t="s">
        <v>27460</v>
      </c>
      <c r="O5318">
        <v>2359997</v>
      </c>
      <c r="P5318">
        <v>1</v>
      </c>
      <c r="Q5318">
        <v>0</v>
      </c>
      <c r="R5318" t="s">
        <v>27461</v>
      </c>
      <c r="S5318">
        <v>140</v>
      </c>
    </row>
    <row r="5319" spans="1:19" x14ac:dyDescent="0.25">
      <c r="A5319">
        <v>15357892</v>
      </c>
      <c r="B5319" t="s">
        <v>27462</v>
      </c>
      <c r="C5319" t="s">
        <v>27463</v>
      </c>
      <c r="D5319">
        <v>15360530</v>
      </c>
      <c r="E5319">
        <v>1</v>
      </c>
      <c r="F5319">
        <v>0</v>
      </c>
      <c r="H5319" t="s">
        <v>27464</v>
      </c>
      <c r="J5319" t="s">
        <v>27465</v>
      </c>
      <c r="K5319" t="s">
        <v>27466</v>
      </c>
      <c r="M5319">
        <v>253714</v>
      </c>
      <c r="O5319">
        <v>253714</v>
      </c>
      <c r="P5319">
        <v>1</v>
      </c>
      <c r="Q5319">
        <v>1</v>
      </c>
      <c r="R5319" t="s">
        <v>27467</v>
      </c>
      <c r="S5319">
        <v>82</v>
      </c>
    </row>
    <row r="5320" spans="1:19" x14ac:dyDescent="0.25">
      <c r="A5320">
        <v>28645045</v>
      </c>
      <c r="B5320" t="s">
        <v>27468</v>
      </c>
      <c r="C5320" s="1" t="s">
        <v>27469</v>
      </c>
      <c r="E5320">
        <v>2</v>
      </c>
      <c r="F5320">
        <v>0</v>
      </c>
      <c r="H5320" t="s">
        <v>27470</v>
      </c>
      <c r="J5320" t="s">
        <v>27471</v>
      </c>
      <c r="K5320" t="s">
        <v>27472</v>
      </c>
      <c r="M5320">
        <v>1685095</v>
      </c>
      <c r="O5320">
        <v>1685095</v>
      </c>
      <c r="P5320">
        <v>1</v>
      </c>
      <c r="Q5320">
        <v>2</v>
      </c>
      <c r="R5320" t="s">
        <v>27473</v>
      </c>
      <c r="S5320">
        <v>368</v>
      </c>
    </row>
    <row r="5321" spans="1:19" x14ac:dyDescent="0.25">
      <c r="A5321">
        <v>18896787</v>
      </c>
      <c r="B5321" t="s">
        <v>27474</v>
      </c>
      <c r="C5321" s="1" t="s">
        <v>27475</v>
      </c>
      <c r="E5321">
        <v>1</v>
      </c>
      <c r="F5321">
        <v>0</v>
      </c>
      <c r="H5321" t="s">
        <v>27476</v>
      </c>
      <c r="J5321" t="s">
        <v>27477</v>
      </c>
      <c r="K5321" t="s">
        <v>27477</v>
      </c>
      <c r="M5321">
        <v>2260473</v>
      </c>
      <c r="O5321">
        <v>816194</v>
      </c>
      <c r="P5321">
        <v>1</v>
      </c>
      <c r="Q5321">
        <v>1</v>
      </c>
      <c r="R5321" t="s">
        <v>27478</v>
      </c>
      <c r="S5321">
        <v>384</v>
      </c>
    </row>
    <row r="5322" spans="1:19" x14ac:dyDescent="0.25">
      <c r="A5322">
        <v>49943948</v>
      </c>
      <c r="B5322" t="s">
        <v>27479</v>
      </c>
      <c r="C5322" s="1" t="s">
        <v>27480</v>
      </c>
      <c r="D5322">
        <v>49943959</v>
      </c>
      <c r="E5322">
        <v>3</v>
      </c>
      <c r="F5322">
        <v>5</v>
      </c>
      <c r="H5322" t="s">
        <v>27481</v>
      </c>
      <c r="J5322" t="s">
        <v>27482</v>
      </c>
      <c r="K5322" t="s">
        <v>27482</v>
      </c>
      <c r="M5322">
        <v>1305969</v>
      </c>
      <c r="O5322">
        <v>9675272</v>
      </c>
      <c r="P5322">
        <v>1</v>
      </c>
      <c r="Q5322">
        <v>0</v>
      </c>
      <c r="R5322" t="s">
        <v>27201</v>
      </c>
      <c r="S5322">
        <v>51</v>
      </c>
    </row>
    <row r="5323" spans="1:19" x14ac:dyDescent="0.25">
      <c r="A5323">
        <v>15272616</v>
      </c>
      <c r="B5323" t="s">
        <v>27483</v>
      </c>
      <c r="C5323" s="1" t="s">
        <v>27484</v>
      </c>
      <c r="E5323">
        <v>0</v>
      </c>
      <c r="F5323">
        <v>3</v>
      </c>
      <c r="H5323" t="s">
        <v>27485</v>
      </c>
      <c r="J5323" t="s">
        <v>27486</v>
      </c>
      <c r="K5323" t="s">
        <v>27486</v>
      </c>
      <c r="M5323">
        <v>1195273</v>
      </c>
      <c r="O5323">
        <v>2018553</v>
      </c>
      <c r="P5323">
        <v>1</v>
      </c>
      <c r="Q5323">
        <v>0</v>
      </c>
      <c r="R5323" t="s">
        <v>27487</v>
      </c>
      <c r="S5323">
        <v>137</v>
      </c>
    </row>
    <row r="5324" spans="1:19" x14ac:dyDescent="0.25">
      <c r="A5324">
        <v>9279003</v>
      </c>
      <c r="B5324" t="s">
        <v>27488</v>
      </c>
      <c r="C5324" s="1" t="s">
        <v>27489</v>
      </c>
      <c r="D5324">
        <v>9279067</v>
      </c>
      <c r="E5324">
        <v>1</v>
      </c>
      <c r="F5324">
        <v>3</v>
      </c>
      <c r="H5324" t="s">
        <v>27490</v>
      </c>
      <c r="J5324" t="s">
        <v>27491</v>
      </c>
      <c r="K5324" t="s">
        <v>27492</v>
      </c>
      <c r="M5324">
        <v>41956</v>
      </c>
      <c r="O5324">
        <v>8741</v>
      </c>
      <c r="P5324">
        <v>1</v>
      </c>
      <c r="Q5324">
        <v>0</v>
      </c>
      <c r="R5324" t="s">
        <v>27493</v>
      </c>
      <c r="S5324">
        <v>177</v>
      </c>
    </row>
    <row r="5325" spans="1:19" x14ac:dyDescent="0.25">
      <c r="A5325">
        <v>9505589</v>
      </c>
      <c r="B5325" t="s">
        <v>27494</v>
      </c>
      <c r="C5325" s="1" t="s">
        <v>27495</v>
      </c>
      <c r="D5325">
        <v>9505716</v>
      </c>
      <c r="E5325">
        <v>3</v>
      </c>
      <c r="F5325">
        <v>7</v>
      </c>
      <c r="H5325" t="s">
        <v>27496</v>
      </c>
      <c r="I5325">
        <v>1</v>
      </c>
      <c r="J5325" t="s">
        <v>27497</v>
      </c>
      <c r="O5325">
        <v>217162</v>
      </c>
      <c r="P5325">
        <v>1</v>
      </c>
      <c r="Q5325">
        <v>6</v>
      </c>
      <c r="R5325" t="s">
        <v>27498</v>
      </c>
      <c r="S5325">
        <v>273</v>
      </c>
    </row>
    <row r="5326" spans="1:19" x14ac:dyDescent="0.25">
      <c r="A5326">
        <v>17527074</v>
      </c>
      <c r="B5326" t="s">
        <v>27499</v>
      </c>
      <c r="C5326" s="1" t="s">
        <v>27500</v>
      </c>
      <c r="D5326">
        <v>17527307</v>
      </c>
      <c r="E5326">
        <v>3</v>
      </c>
      <c r="F5326">
        <v>4</v>
      </c>
      <c r="H5326" t="s">
        <v>27501</v>
      </c>
      <c r="J5326" t="s">
        <v>27502</v>
      </c>
      <c r="K5326" t="s">
        <v>27503</v>
      </c>
      <c r="M5326">
        <v>694852</v>
      </c>
      <c r="O5326">
        <v>1509655</v>
      </c>
      <c r="P5326">
        <v>1</v>
      </c>
      <c r="Q5326">
        <v>5</v>
      </c>
      <c r="R5326" t="s">
        <v>27504</v>
      </c>
      <c r="S5326">
        <v>5132</v>
      </c>
    </row>
    <row r="5327" spans="1:19" x14ac:dyDescent="0.25">
      <c r="A5327">
        <v>12637588</v>
      </c>
      <c r="B5327" t="s">
        <v>27505</v>
      </c>
      <c r="C5327" s="1" t="s">
        <v>27506</v>
      </c>
      <c r="D5327">
        <v>12752132</v>
      </c>
      <c r="E5327">
        <v>1</v>
      </c>
      <c r="F5327">
        <v>2</v>
      </c>
      <c r="H5327" t="s">
        <v>27507</v>
      </c>
      <c r="I5327">
        <v>1</v>
      </c>
      <c r="J5327" t="s">
        <v>27508</v>
      </c>
      <c r="K5327" t="s">
        <v>27509</v>
      </c>
      <c r="M5327">
        <v>-1</v>
      </c>
      <c r="O5327">
        <v>1599736</v>
      </c>
      <c r="P5327">
        <v>1</v>
      </c>
      <c r="Q5327">
        <v>1</v>
      </c>
      <c r="R5327" t="s">
        <v>27510</v>
      </c>
      <c r="S5327">
        <v>797</v>
      </c>
    </row>
    <row r="5328" spans="1:19" x14ac:dyDescent="0.25">
      <c r="A5328">
        <v>21987552</v>
      </c>
      <c r="B5328" t="s">
        <v>27511</v>
      </c>
      <c r="C5328" t="s">
        <v>27512</v>
      </c>
      <c r="D5328">
        <v>22012798</v>
      </c>
      <c r="E5328">
        <v>3</v>
      </c>
      <c r="F5328">
        <v>0</v>
      </c>
      <c r="H5328" t="s">
        <v>27513</v>
      </c>
      <c r="I5328">
        <v>2</v>
      </c>
      <c r="J5328" t="s">
        <v>27514</v>
      </c>
      <c r="K5328" t="s">
        <v>27515</v>
      </c>
      <c r="M5328">
        <v>2246344</v>
      </c>
      <c r="O5328">
        <v>3346494</v>
      </c>
      <c r="P5328">
        <v>1</v>
      </c>
      <c r="Q5328">
        <v>4</v>
      </c>
      <c r="R5328" t="s">
        <v>27516</v>
      </c>
      <c r="S5328">
        <v>15417</v>
      </c>
    </row>
    <row r="5329" spans="1:19" x14ac:dyDescent="0.25">
      <c r="A5329">
        <v>20326012</v>
      </c>
      <c r="B5329" t="s">
        <v>27517</v>
      </c>
      <c r="C5329" s="1" t="s">
        <v>27518</v>
      </c>
      <c r="E5329">
        <v>2</v>
      </c>
      <c r="F5329">
        <v>0</v>
      </c>
      <c r="H5329" t="s">
        <v>27519</v>
      </c>
      <c r="J5329" t="s">
        <v>27520</v>
      </c>
      <c r="K5329" t="s">
        <v>27521</v>
      </c>
      <c r="M5329">
        <v>1052610</v>
      </c>
      <c r="O5329">
        <v>1052610</v>
      </c>
      <c r="P5329">
        <v>1</v>
      </c>
      <c r="Q5329">
        <v>0</v>
      </c>
      <c r="R5329" t="s">
        <v>27522</v>
      </c>
      <c r="S5329">
        <v>642</v>
      </c>
    </row>
    <row r="5330" spans="1:19" x14ac:dyDescent="0.25">
      <c r="A5330">
        <v>20239492</v>
      </c>
      <c r="B5330" t="s">
        <v>27523</v>
      </c>
      <c r="C5330" s="1" t="s">
        <v>27524</v>
      </c>
      <c r="D5330">
        <v>20239618</v>
      </c>
      <c r="E5330">
        <v>1</v>
      </c>
      <c r="F5330">
        <v>2</v>
      </c>
      <c r="H5330" t="s">
        <v>27525</v>
      </c>
      <c r="J5330" t="s">
        <v>27526</v>
      </c>
      <c r="K5330" t="s">
        <v>27527</v>
      </c>
      <c r="M5330">
        <v>13302</v>
      </c>
      <c r="O5330">
        <v>2434321</v>
      </c>
      <c r="P5330">
        <v>1</v>
      </c>
      <c r="Q5330">
        <v>0</v>
      </c>
      <c r="R5330" t="s">
        <v>27528</v>
      </c>
      <c r="S5330">
        <v>81</v>
      </c>
    </row>
    <row r="5331" spans="1:19" x14ac:dyDescent="0.25">
      <c r="A5331">
        <v>14687781</v>
      </c>
      <c r="B5331" t="s">
        <v>27529</v>
      </c>
      <c r="C5331" s="1" t="s">
        <v>27530</v>
      </c>
      <c r="D5331">
        <v>14687820</v>
      </c>
      <c r="E5331">
        <v>2</v>
      </c>
      <c r="F5331">
        <v>0</v>
      </c>
      <c r="H5331" t="s">
        <v>27531</v>
      </c>
      <c r="J5331" t="s">
        <v>27532</v>
      </c>
      <c r="K5331" t="s">
        <v>27533</v>
      </c>
      <c r="M5331">
        <v>1755242</v>
      </c>
      <c r="O5331">
        <v>1755242</v>
      </c>
      <c r="P5331">
        <v>1</v>
      </c>
      <c r="Q5331">
        <v>1</v>
      </c>
      <c r="R5331" t="s">
        <v>27534</v>
      </c>
      <c r="S5331">
        <v>137</v>
      </c>
    </row>
    <row r="5332" spans="1:19" x14ac:dyDescent="0.25">
      <c r="A5332">
        <v>50985310</v>
      </c>
      <c r="B5332" t="s">
        <v>27535</v>
      </c>
      <c r="C5332" s="1" t="s">
        <v>27536</v>
      </c>
      <c r="D5332">
        <v>50990399</v>
      </c>
      <c r="E5332">
        <v>2</v>
      </c>
      <c r="F5332">
        <v>2</v>
      </c>
      <c r="H5332" t="s">
        <v>27537</v>
      </c>
      <c r="J5332" t="s">
        <v>27538</v>
      </c>
      <c r="K5332" t="s">
        <v>27539</v>
      </c>
      <c r="M5332">
        <v>8614825</v>
      </c>
      <c r="O5332">
        <v>8614825</v>
      </c>
      <c r="P5332">
        <v>1</v>
      </c>
      <c r="Q5332">
        <v>0</v>
      </c>
      <c r="R5332" t="s">
        <v>27540</v>
      </c>
      <c r="S5332">
        <v>104</v>
      </c>
    </row>
    <row r="5333" spans="1:19" x14ac:dyDescent="0.25">
      <c r="A5333">
        <v>52670783</v>
      </c>
      <c r="B5333" t="s">
        <v>27541</v>
      </c>
      <c r="C5333" s="1" t="s">
        <v>27542</v>
      </c>
      <c r="E5333">
        <v>0</v>
      </c>
      <c r="F5333">
        <v>3</v>
      </c>
      <c r="H5333" t="s">
        <v>27543</v>
      </c>
      <c r="J5333" t="s">
        <v>27543</v>
      </c>
      <c r="O5333">
        <v>222977</v>
      </c>
      <c r="P5333">
        <v>1</v>
      </c>
      <c r="Q5333">
        <v>0</v>
      </c>
      <c r="R5333" t="s">
        <v>27544</v>
      </c>
      <c r="S5333">
        <v>67</v>
      </c>
    </row>
    <row r="5334" spans="1:19" x14ac:dyDescent="0.25">
      <c r="A5334">
        <v>22235007</v>
      </c>
      <c r="B5334" t="s">
        <v>27545</v>
      </c>
      <c r="C5334" s="1" t="s">
        <v>27546</v>
      </c>
      <c r="D5334">
        <v>22235049</v>
      </c>
      <c r="E5334">
        <v>1</v>
      </c>
      <c r="F5334">
        <v>2</v>
      </c>
      <c r="H5334" t="s">
        <v>27547</v>
      </c>
      <c r="J5334" t="s">
        <v>27548</v>
      </c>
      <c r="K5334" t="s">
        <v>27549</v>
      </c>
      <c r="M5334">
        <v>1014217</v>
      </c>
      <c r="O5334">
        <v>1014217</v>
      </c>
      <c r="P5334">
        <v>1</v>
      </c>
      <c r="Q5334">
        <v>0</v>
      </c>
      <c r="R5334" t="s">
        <v>27550</v>
      </c>
      <c r="S5334">
        <v>1259</v>
      </c>
    </row>
    <row r="5335" spans="1:19" x14ac:dyDescent="0.25">
      <c r="A5335">
        <v>6042202</v>
      </c>
      <c r="B5335" t="s">
        <v>27551</v>
      </c>
      <c r="C5335" s="1" t="s">
        <v>27552</v>
      </c>
      <c r="D5335">
        <v>6042235</v>
      </c>
      <c r="E5335">
        <v>8</v>
      </c>
      <c r="F5335">
        <v>0</v>
      </c>
      <c r="H5335" t="s">
        <v>27553</v>
      </c>
      <c r="I5335">
        <v>34</v>
      </c>
      <c r="J5335" t="s">
        <v>27554</v>
      </c>
      <c r="K5335" t="s">
        <v>27555</v>
      </c>
      <c r="M5335">
        <v>431780</v>
      </c>
      <c r="O5335">
        <v>740018</v>
      </c>
      <c r="P5335">
        <v>1</v>
      </c>
      <c r="Q5335">
        <v>127</v>
      </c>
      <c r="R5335" t="s">
        <v>27556</v>
      </c>
      <c r="S5335">
        <v>106162</v>
      </c>
    </row>
    <row r="5336" spans="1:19" x14ac:dyDescent="0.25">
      <c r="A5336">
        <v>48355571</v>
      </c>
      <c r="B5336" t="s">
        <v>27557</v>
      </c>
      <c r="C5336" s="1" t="s">
        <v>27558</v>
      </c>
      <c r="E5336">
        <v>0</v>
      </c>
      <c r="F5336">
        <v>6</v>
      </c>
      <c r="H5336" t="s">
        <v>27559</v>
      </c>
      <c r="J5336" t="s">
        <v>27560</v>
      </c>
      <c r="K5336" t="s">
        <v>27560</v>
      </c>
      <c r="M5336">
        <v>6055037</v>
      </c>
      <c r="O5336">
        <v>6055037</v>
      </c>
      <c r="P5336">
        <v>1</v>
      </c>
      <c r="Q5336">
        <v>1</v>
      </c>
      <c r="R5336" t="s">
        <v>27561</v>
      </c>
      <c r="S5336">
        <v>43</v>
      </c>
    </row>
    <row r="5337" spans="1:19" x14ac:dyDescent="0.25">
      <c r="A5337">
        <v>17701671</v>
      </c>
      <c r="B5337" t="s">
        <v>27562</v>
      </c>
      <c r="C5337" s="1" t="s">
        <v>27563</v>
      </c>
      <c r="E5337">
        <v>1</v>
      </c>
      <c r="F5337">
        <v>3</v>
      </c>
      <c r="H5337" t="s">
        <v>27564</v>
      </c>
      <c r="J5337" t="s">
        <v>27565</v>
      </c>
      <c r="O5337">
        <v>2492854</v>
      </c>
      <c r="P5337">
        <v>1</v>
      </c>
      <c r="Q5337">
        <v>1</v>
      </c>
      <c r="R5337" t="s">
        <v>4991</v>
      </c>
      <c r="S5337">
        <v>1477</v>
      </c>
    </row>
    <row r="5338" spans="1:19" x14ac:dyDescent="0.25">
      <c r="A5338">
        <v>35885612</v>
      </c>
      <c r="B5338" t="s">
        <v>27566</v>
      </c>
      <c r="C5338" s="1" t="s">
        <v>27567</v>
      </c>
      <c r="D5338">
        <v>35886598</v>
      </c>
      <c r="E5338">
        <v>1</v>
      </c>
      <c r="F5338">
        <v>3</v>
      </c>
      <c r="H5338" t="s">
        <v>27568</v>
      </c>
      <c r="J5338" t="s">
        <v>27569</v>
      </c>
      <c r="K5338" t="s">
        <v>27569</v>
      </c>
      <c r="M5338">
        <v>2535335</v>
      </c>
      <c r="O5338">
        <v>5698145</v>
      </c>
      <c r="P5338">
        <v>1</v>
      </c>
      <c r="Q5338">
        <v>-2</v>
      </c>
      <c r="R5338" t="s">
        <v>27570</v>
      </c>
      <c r="S5338">
        <v>42</v>
      </c>
    </row>
    <row r="5339" spans="1:19" x14ac:dyDescent="0.25">
      <c r="A5339">
        <v>3867397</v>
      </c>
      <c r="B5339" t="s">
        <v>27571</v>
      </c>
      <c r="C5339" s="1" t="s">
        <v>27572</v>
      </c>
      <c r="D5339">
        <v>3867425</v>
      </c>
      <c r="E5339">
        <v>2</v>
      </c>
      <c r="F5339">
        <v>5</v>
      </c>
      <c r="H5339" t="s">
        <v>27573</v>
      </c>
      <c r="J5339" t="s">
        <v>27574</v>
      </c>
      <c r="K5339" t="s">
        <v>27575</v>
      </c>
      <c r="M5339">
        <v>272609</v>
      </c>
      <c r="O5339">
        <v>272609</v>
      </c>
      <c r="P5339">
        <v>1</v>
      </c>
      <c r="Q5339">
        <v>0</v>
      </c>
      <c r="R5339" t="s">
        <v>3500</v>
      </c>
      <c r="S5339">
        <v>1004</v>
      </c>
    </row>
    <row r="5340" spans="1:19" x14ac:dyDescent="0.25">
      <c r="A5340">
        <v>31059311</v>
      </c>
      <c r="B5340" t="s">
        <v>27576</v>
      </c>
      <c r="C5340" s="1" t="s">
        <v>27577</v>
      </c>
      <c r="D5340">
        <v>31060350</v>
      </c>
      <c r="E5340">
        <v>9</v>
      </c>
      <c r="F5340">
        <v>22</v>
      </c>
      <c r="H5340" t="s">
        <v>27578</v>
      </c>
      <c r="J5340" t="s">
        <v>27579</v>
      </c>
      <c r="K5340" t="s">
        <v>27580</v>
      </c>
      <c r="M5340">
        <v>113632</v>
      </c>
      <c r="O5340">
        <v>3681744</v>
      </c>
      <c r="P5340">
        <v>1</v>
      </c>
      <c r="Q5340">
        <v>13</v>
      </c>
      <c r="R5340" t="s">
        <v>27581</v>
      </c>
      <c r="S5340">
        <v>651</v>
      </c>
    </row>
    <row r="5341" spans="1:19" x14ac:dyDescent="0.25">
      <c r="A5341">
        <v>23661647</v>
      </c>
      <c r="B5341" t="s">
        <v>27582</v>
      </c>
      <c r="C5341" s="1" t="s">
        <v>27583</v>
      </c>
      <c r="D5341">
        <v>23661689</v>
      </c>
      <c r="E5341">
        <v>1</v>
      </c>
      <c r="F5341">
        <v>0</v>
      </c>
      <c r="H5341" t="s">
        <v>27584</v>
      </c>
      <c r="J5341" t="s">
        <v>27585</v>
      </c>
      <c r="O5341">
        <v>85131</v>
      </c>
      <c r="P5341">
        <v>1</v>
      </c>
      <c r="Q5341">
        <v>0</v>
      </c>
      <c r="R5341" t="s">
        <v>27586</v>
      </c>
      <c r="S5341">
        <v>31</v>
      </c>
    </row>
    <row r="5342" spans="1:19" x14ac:dyDescent="0.25">
      <c r="A5342">
        <v>475636</v>
      </c>
      <c r="B5342" t="s">
        <v>27587</v>
      </c>
      <c r="C5342" s="1" t="s">
        <v>27588</v>
      </c>
      <c r="E5342">
        <v>1</v>
      </c>
      <c r="F5342">
        <v>6</v>
      </c>
      <c r="H5342" t="s">
        <v>27589</v>
      </c>
      <c r="J5342" t="s">
        <v>27590</v>
      </c>
      <c r="N5342" t="s">
        <v>27591</v>
      </c>
      <c r="O5342">
        <v>384</v>
      </c>
      <c r="P5342">
        <v>1</v>
      </c>
      <c r="Q5342">
        <v>1</v>
      </c>
      <c r="R5342" t="s">
        <v>27592</v>
      </c>
      <c r="S5342">
        <v>469</v>
      </c>
    </row>
    <row r="5343" spans="1:19" x14ac:dyDescent="0.25">
      <c r="A5343">
        <v>43242184</v>
      </c>
      <c r="B5343" t="s">
        <v>27593</v>
      </c>
      <c r="C5343" s="1" t="s">
        <v>27594</v>
      </c>
      <c r="E5343">
        <v>1</v>
      </c>
      <c r="F5343">
        <v>0</v>
      </c>
      <c r="H5343" t="s">
        <v>27595</v>
      </c>
      <c r="J5343" t="s">
        <v>27596</v>
      </c>
      <c r="O5343">
        <v>6232695</v>
      </c>
      <c r="P5343">
        <v>1</v>
      </c>
      <c r="Q5343">
        <v>0</v>
      </c>
      <c r="R5343" t="s">
        <v>27597</v>
      </c>
      <c r="S5343">
        <v>614</v>
      </c>
    </row>
    <row r="5344" spans="1:19" x14ac:dyDescent="0.25">
      <c r="A5344">
        <v>47015929</v>
      </c>
      <c r="B5344" t="s">
        <v>27598</v>
      </c>
      <c r="C5344" s="1" t="s">
        <v>27599</v>
      </c>
      <c r="E5344">
        <v>2</v>
      </c>
      <c r="F5344">
        <v>3</v>
      </c>
      <c r="H5344" t="s">
        <v>27600</v>
      </c>
      <c r="J5344" t="s">
        <v>27601</v>
      </c>
      <c r="O5344">
        <v>8837735</v>
      </c>
      <c r="P5344">
        <v>1</v>
      </c>
      <c r="Q5344">
        <v>0</v>
      </c>
      <c r="R5344" t="s">
        <v>27602</v>
      </c>
      <c r="S5344">
        <v>39</v>
      </c>
    </row>
    <row r="5345" spans="1:19" x14ac:dyDescent="0.25">
      <c r="A5345">
        <v>21753530</v>
      </c>
      <c r="B5345" t="s">
        <v>27603</v>
      </c>
      <c r="C5345" s="1" t="s">
        <v>27604</v>
      </c>
      <c r="E5345">
        <v>1</v>
      </c>
      <c r="F5345">
        <v>0</v>
      </c>
      <c r="H5345" t="s">
        <v>27605</v>
      </c>
      <c r="J5345" t="s">
        <v>27606</v>
      </c>
      <c r="K5345" t="s">
        <v>27607</v>
      </c>
      <c r="M5345">
        <v>1905949</v>
      </c>
      <c r="O5345">
        <v>2823448</v>
      </c>
      <c r="P5345">
        <v>1</v>
      </c>
      <c r="Q5345">
        <v>1</v>
      </c>
      <c r="R5345" t="s">
        <v>5496</v>
      </c>
      <c r="S5345">
        <v>932</v>
      </c>
    </row>
    <row r="5346" spans="1:19" x14ac:dyDescent="0.25">
      <c r="A5346">
        <v>49101044</v>
      </c>
      <c r="B5346" t="s">
        <v>27608</v>
      </c>
      <c r="C5346" s="1" t="s">
        <v>27609</v>
      </c>
      <c r="E5346">
        <v>0</v>
      </c>
      <c r="F5346">
        <v>1</v>
      </c>
      <c r="H5346" t="s">
        <v>27610</v>
      </c>
      <c r="J5346" t="s">
        <v>27610</v>
      </c>
      <c r="O5346">
        <v>2230939</v>
      </c>
      <c r="P5346">
        <v>1</v>
      </c>
      <c r="Q5346">
        <v>0</v>
      </c>
      <c r="R5346" t="s">
        <v>27611</v>
      </c>
      <c r="S5346">
        <v>257</v>
      </c>
    </row>
    <row r="5347" spans="1:19" x14ac:dyDescent="0.25">
      <c r="A5347">
        <v>52010777</v>
      </c>
      <c r="B5347" t="s">
        <v>27612</v>
      </c>
      <c r="C5347" s="1" t="s">
        <v>27613</v>
      </c>
      <c r="E5347">
        <v>1</v>
      </c>
      <c r="F5347">
        <v>0</v>
      </c>
      <c r="H5347" t="s">
        <v>27614</v>
      </c>
      <c r="I5347">
        <v>1</v>
      </c>
      <c r="J5347" t="s">
        <v>27615</v>
      </c>
      <c r="O5347">
        <v>6217919</v>
      </c>
      <c r="P5347">
        <v>1</v>
      </c>
      <c r="Q5347">
        <v>0</v>
      </c>
      <c r="R5347" t="s">
        <v>27616</v>
      </c>
      <c r="S5347">
        <v>44</v>
      </c>
    </row>
    <row r="5348" spans="1:19" x14ac:dyDescent="0.25">
      <c r="A5348">
        <v>20895918</v>
      </c>
      <c r="B5348" t="s">
        <v>27617</v>
      </c>
      <c r="C5348" s="1" t="s">
        <v>27618</v>
      </c>
      <c r="D5348">
        <v>20903696</v>
      </c>
      <c r="E5348">
        <v>1</v>
      </c>
      <c r="F5348">
        <v>2</v>
      </c>
      <c r="H5348" t="s">
        <v>27619</v>
      </c>
      <c r="J5348" t="s">
        <v>27620</v>
      </c>
      <c r="K5348" t="s">
        <v>27620</v>
      </c>
      <c r="M5348">
        <v>64046</v>
      </c>
      <c r="O5348">
        <v>1349299</v>
      </c>
      <c r="P5348">
        <v>1</v>
      </c>
      <c r="Q5348">
        <v>3</v>
      </c>
      <c r="R5348" t="s">
        <v>27621</v>
      </c>
      <c r="S5348">
        <v>726</v>
      </c>
    </row>
    <row r="5349" spans="1:19" x14ac:dyDescent="0.25">
      <c r="A5349">
        <v>26895273</v>
      </c>
      <c r="B5349" t="s">
        <v>27622</v>
      </c>
      <c r="C5349" s="1" t="s">
        <v>27623</v>
      </c>
      <c r="D5349">
        <v>26895641</v>
      </c>
      <c r="E5349">
        <v>1</v>
      </c>
      <c r="F5349">
        <v>4</v>
      </c>
      <c r="H5349" t="s">
        <v>27624</v>
      </c>
      <c r="J5349" t="s">
        <v>27625</v>
      </c>
      <c r="K5349" t="s">
        <v>27626</v>
      </c>
      <c r="M5349">
        <v>1058134</v>
      </c>
      <c r="O5349">
        <v>4245028</v>
      </c>
      <c r="P5349">
        <v>1</v>
      </c>
      <c r="Q5349">
        <v>0</v>
      </c>
      <c r="R5349" t="s">
        <v>989</v>
      </c>
      <c r="S5349">
        <v>45</v>
      </c>
    </row>
    <row r="5350" spans="1:19" x14ac:dyDescent="0.25">
      <c r="A5350">
        <v>10043760</v>
      </c>
      <c r="B5350" t="s">
        <v>27627</v>
      </c>
      <c r="C5350" s="1" t="s">
        <v>27628</v>
      </c>
      <c r="D5350">
        <v>10043799</v>
      </c>
      <c r="E5350">
        <v>7</v>
      </c>
      <c r="F5350">
        <v>3</v>
      </c>
      <c r="H5350" t="s">
        <v>27629</v>
      </c>
      <c r="I5350">
        <v>11</v>
      </c>
      <c r="J5350" t="s">
        <v>27630</v>
      </c>
      <c r="K5350" t="s">
        <v>27631</v>
      </c>
      <c r="M5350">
        <v>4370109</v>
      </c>
      <c r="O5350">
        <v>420613</v>
      </c>
      <c r="P5350">
        <v>1</v>
      </c>
      <c r="Q5350">
        <v>30</v>
      </c>
      <c r="R5350" t="s">
        <v>27632</v>
      </c>
      <c r="S5350">
        <v>71937</v>
      </c>
    </row>
    <row r="5351" spans="1:19" x14ac:dyDescent="0.25">
      <c r="A5351">
        <v>51892351</v>
      </c>
      <c r="B5351" t="s">
        <v>27633</v>
      </c>
      <c r="C5351" s="1" t="s">
        <v>27634</v>
      </c>
      <c r="D5351">
        <v>51892525</v>
      </c>
      <c r="E5351">
        <v>1</v>
      </c>
      <c r="F5351">
        <v>2</v>
      </c>
      <c r="H5351" t="s">
        <v>27635</v>
      </c>
      <c r="J5351" t="s">
        <v>27636</v>
      </c>
      <c r="K5351" t="s">
        <v>27636</v>
      </c>
      <c r="M5351">
        <v>10235997</v>
      </c>
      <c r="O5351">
        <v>10235997</v>
      </c>
      <c r="P5351">
        <v>1</v>
      </c>
      <c r="Q5351">
        <v>0</v>
      </c>
      <c r="R5351" t="s">
        <v>27637</v>
      </c>
      <c r="S5351">
        <v>65</v>
      </c>
    </row>
    <row r="5352" spans="1:19" x14ac:dyDescent="0.25">
      <c r="A5352">
        <v>6626271</v>
      </c>
      <c r="B5352" t="s">
        <v>27638</v>
      </c>
      <c r="C5352" t="s">
        <v>27639</v>
      </c>
      <c r="D5352">
        <v>6629544</v>
      </c>
      <c r="E5352">
        <v>1</v>
      </c>
      <c r="F5352">
        <v>0</v>
      </c>
      <c r="H5352" t="s">
        <v>27640</v>
      </c>
      <c r="I5352">
        <v>0</v>
      </c>
      <c r="J5352" t="s">
        <v>27641</v>
      </c>
      <c r="O5352">
        <v>835580</v>
      </c>
      <c r="P5352">
        <v>1</v>
      </c>
      <c r="Q5352">
        <v>2</v>
      </c>
      <c r="R5352" t="s">
        <v>14942</v>
      </c>
      <c r="S5352">
        <v>217</v>
      </c>
    </row>
    <row r="5353" spans="1:19" x14ac:dyDescent="0.25">
      <c r="A5353">
        <v>43006093</v>
      </c>
      <c r="B5353" t="s">
        <v>27642</v>
      </c>
      <c r="C5353" s="1" t="s">
        <v>27643</v>
      </c>
      <c r="E5353">
        <v>0</v>
      </c>
      <c r="F5353">
        <v>2</v>
      </c>
      <c r="H5353" t="s">
        <v>27644</v>
      </c>
      <c r="J5353" t="s">
        <v>27644</v>
      </c>
      <c r="O5353">
        <v>1092181</v>
      </c>
      <c r="P5353">
        <v>1</v>
      </c>
      <c r="Q5353">
        <v>0</v>
      </c>
      <c r="R5353" t="s">
        <v>27645</v>
      </c>
      <c r="S5353">
        <v>35</v>
      </c>
    </row>
    <row r="5354" spans="1:19" x14ac:dyDescent="0.25">
      <c r="A5354">
        <v>46862662</v>
      </c>
      <c r="B5354" t="s">
        <v>27646</v>
      </c>
      <c r="C5354" s="1" t="s">
        <v>27647</v>
      </c>
      <c r="D5354">
        <v>46870942</v>
      </c>
      <c r="E5354">
        <v>1</v>
      </c>
      <c r="F5354">
        <v>2</v>
      </c>
      <c r="H5354" t="s">
        <v>27648</v>
      </c>
      <c r="J5354" t="s">
        <v>27649</v>
      </c>
      <c r="O5354">
        <v>931341</v>
      </c>
      <c r="P5354">
        <v>1</v>
      </c>
      <c r="Q5354">
        <v>0</v>
      </c>
      <c r="R5354" t="s">
        <v>27650</v>
      </c>
      <c r="S5354">
        <v>586</v>
      </c>
    </row>
    <row r="5355" spans="1:19" x14ac:dyDescent="0.25">
      <c r="A5355">
        <v>8703226</v>
      </c>
      <c r="B5355" t="s">
        <v>27651</v>
      </c>
      <c r="C5355" t="s">
        <v>27652</v>
      </c>
      <c r="D5355">
        <v>8703331</v>
      </c>
      <c r="E5355">
        <v>1</v>
      </c>
      <c r="F5355">
        <v>0</v>
      </c>
      <c r="H5355" t="s">
        <v>27653</v>
      </c>
      <c r="J5355" t="s">
        <v>27654</v>
      </c>
      <c r="O5355">
        <v>911254</v>
      </c>
      <c r="P5355">
        <v>1</v>
      </c>
      <c r="Q5355">
        <v>1</v>
      </c>
      <c r="R5355" t="s">
        <v>23098</v>
      </c>
      <c r="S5355">
        <v>636</v>
      </c>
    </row>
    <row r="5356" spans="1:19" x14ac:dyDescent="0.25">
      <c r="A5356">
        <v>28107550</v>
      </c>
      <c r="B5356" t="s">
        <v>27655</v>
      </c>
      <c r="C5356" t="s">
        <v>27656</v>
      </c>
      <c r="E5356">
        <v>1</v>
      </c>
      <c r="F5356">
        <v>0</v>
      </c>
      <c r="H5356" t="s">
        <v>27657</v>
      </c>
      <c r="J5356" t="s">
        <v>27658</v>
      </c>
      <c r="O5356">
        <v>3948601</v>
      </c>
      <c r="P5356">
        <v>1</v>
      </c>
      <c r="Q5356">
        <v>-2</v>
      </c>
      <c r="R5356" t="s">
        <v>27659</v>
      </c>
      <c r="S5356">
        <v>545</v>
      </c>
    </row>
    <row r="5357" spans="1:19" x14ac:dyDescent="0.25">
      <c r="A5357">
        <v>23776928</v>
      </c>
      <c r="B5357" t="s">
        <v>27660</v>
      </c>
      <c r="C5357" t="s">
        <v>27661</v>
      </c>
      <c r="E5357">
        <v>1</v>
      </c>
      <c r="F5357">
        <v>0</v>
      </c>
      <c r="H5357" t="s">
        <v>27662</v>
      </c>
      <c r="J5357" t="s">
        <v>27663</v>
      </c>
      <c r="K5357" t="s">
        <v>27664</v>
      </c>
      <c r="M5357">
        <v>1820446</v>
      </c>
      <c r="O5357">
        <v>2642446</v>
      </c>
      <c r="P5357">
        <v>1</v>
      </c>
      <c r="Q5357">
        <v>-1</v>
      </c>
      <c r="R5357" t="s">
        <v>27665</v>
      </c>
      <c r="S5357">
        <v>285</v>
      </c>
    </row>
    <row r="5358" spans="1:19" x14ac:dyDescent="0.25">
      <c r="A5358">
        <v>22651980</v>
      </c>
      <c r="B5358" t="s">
        <v>27666</v>
      </c>
      <c r="C5358" s="1" t="s">
        <v>27667</v>
      </c>
      <c r="E5358">
        <v>1</v>
      </c>
      <c r="F5358">
        <v>0</v>
      </c>
      <c r="H5358" t="s">
        <v>27668</v>
      </c>
      <c r="J5358" t="s">
        <v>27669</v>
      </c>
      <c r="O5358">
        <v>3462578</v>
      </c>
      <c r="P5358">
        <v>1</v>
      </c>
      <c r="Q5358">
        <v>0</v>
      </c>
      <c r="R5358" t="s">
        <v>27670</v>
      </c>
      <c r="S5358">
        <v>226</v>
      </c>
    </row>
    <row r="5359" spans="1:19" x14ac:dyDescent="0.25">
      <c r="A5359">
        <v>6442175</v>
      </c>
      <c r="B5359" t="s">
        <v>27671</v>
      </c>
      <c r="C5359" s="1" t="s">
        <v>27672</v>
      </c>
      <c r="E5359">
        <v>1</v>
      </c>
      <c r="F5359">
        <v>4</v>
      </c>
      <c r="H5359" t="s">
        <v>27673</v>
      </c>
      <c r="J5359" t="s">
        <v>27674</v>
      </c>
      <c r="O5359">
        <v>507973</v>
      </c>
      <c r="P5359">
        <v>1</v>
      </c>
      <c r="Q5359">
        <v>4</v>
      </c>
      <c r="R5359" t="s">
        <v>12834</v>
      </c>
      <c r="S5359">
        <v>765</v>
      </c>
    </row>
    <row r="5360" spans="1:19" x14ac:dyDescent="0.25">
      <c r="A5360">
        <v>4044582</v>
      </c>
      <c r="B5360" t="s">
        <v>27675</v>
      </c>
      <c r="C5360" t="s">
        <v>27676</v>
      </c>
      <c r="E5360">
        <v>1</v>
      </c>
      <c r="F5360">
        <v>0</v>
      </c>
      <c r="H5360" t="s">
        <v>27677</v>
      </c>
      <c r="I5360">
        <v>1</v>
      </c>
      <c r="J5360" t="s">
        <v>27678</v>
      </c>
      <c r="O5360">
        <v>175831</v>
      </c>
      <c r="P5360">
        <v>1</v>
      </c>
      <c r="Q5360">
        <v>1</v>
      </c>
      <c r="R5360" t="s">
        <v>27679</v>
      </c>
      <c r="S5360">
        <v>275</v>
      </c>
    </row>
    <row r="5361" spans="1:19" x14ac:dyDescent="0.25">
      <c r="A5361">
        <v>17714092</v>
      </c>
      <c r="B5361" t="s">
        <v>27680</v>
      </c>
      <c r="C5361" s="1" t="s">
        <v>27681</v>
      </c>
      <c r="D5361">
        <v>17714197</v>
      </c>
      <c r="E5361">
        <v>1</v>
      </c>
      <c r="F5361">
        <v>0</v>
      </c>
      <c r="H5361" t="s">
        <v>27682</v>
      </c>
      <c r="J5361" t="s">
        <v>27683</v>
      </c>
      <c r="O5361">
        <v>2132726</v>
      </c>
      <c r="P5361">
        <v>1</v>
      </c>
      <c r="Q5361">
        <v>0</v>
      </c>
      <c r="R5361" t="s">
        <v>27684</v>
      </c>
      <c r="S5361">
        <v>105</v>
      </c>
    </row>
    <row r="5362" spans="1:19" x14ac:dyDescent="0.25">
      <c r="A5362">
        <v>42573038</v>
      </c>
      <c r="B5362" t="s">
        <v>27685</v>
      </c>
      <c r="C5362" s="1" t="s">
        <v>27686</v>
      </c>
      <c r="D5362">
        <v>42642584</v>
      </c>
      <c r="E5362">
        <v>1</v>
      </c>
      <c r="F5362">
        <v>5</v>
      </c>
      <c r="H5362" t="s">
        <v>27687</v>
      </c>
      <c r="I5362">
        <v>4</v>
      </c>
      <c r="J5362" t="s">
        <v>27688</v>
      </c>
      <c r="K5362" t="s">
        <v>27689</v>
      </c>
      <c r="M5362">
        <v>2572383</v>
      </c>
      <c r="O5362">
        <v>3219305</v>
      </c>
      <c r="P5362">
        <v>1</v>
      </c>
      <c r="Q5362">
        <v>3</v>
      </c>
      <c r="R5362" t="s">
        <v>27690</v>
      </c>
      <c r="S5362">
        <v>3435</v>
      </c>
    </row>
    <row r="5363" spans="1:19" x14ac:dyDescent="0.25">
      <c r="A5363">
        <v>32657908</v>
      </c>
      <c r="B5363" t="s">
        <v>27691</v>
      </c>
      <c r="C5363" s="1" t="s">
        <v>27692</v>
      </c>
      <c r="E5363">
        <v>0</v>
      </c>
      <c r="F5363">
        <v>3</v>
      </c>
      <c r="H5363" t="s">
        <v>27693</v>
      </c>
      <c r="J5363" t="s">
        <v>27693</v>
      </c>
      <c r="O5363">
        <v>1664043</v>
      </c>
      <c r="P5363">
        <v>1</v>
      </c>
      <c r="Q5363">
        <v>2</v>
      </c>
      <c r="R5363" t="s">
        <v>27694</v>
      </c>
      <c r="S5363">
        <v>111</v>
      </c>
    </row>
    <row r="5364" spans="1:19" x14ac:dyDescent="0.25">
      <c r="A5364">
        <v>10177725</v>
      </c>
      <c r="B5364" t="s">
        <v>27695</v>
      </c>
      <c r="C5364" s="1" t="s">
        <v>27696</v>
      </c>
      <c r="D5364">
        <v>10186939</v>
      </c>
      <c r="E5364">
        <v>1</v>
      </c>
      <c r="F5364">
        <v>0</v>
      </c>
      <c r="H5364" t="s">
        <v>27697</v>
      </c>
      <c r="J5364" t="s">
        <v>27698</v>
      </c>
      <c r="K5364" t="s">
        <v>27699</v>
      </c>
      <c r="M5364">
        <v>683408</v>
      </c>
      <c r="O5364">
        <v>683408</v>
      </c>
      <c r="P5364">
        <v>1</v>
      </c>
      <c r="Q5364">
        <v>0</v>
      </c>
      <c r="R5364" t="s">
        <v>27700</v>
      </c>
      <c r="S5364">
        <v>2016</v>
      </c>
    </row>
    <row r="5365" spans="1:19" x14ac:dyDescent="0.25">
      <c r="A5365">
        <v>33852050</v>
      </c>
      <c r="B5365" t="s">
        <v>27701</v>
      </c>
      <c r="C5365" s="1" t="s">
        <v>27702</v>
      </c>
      <c r="E5365">
        <v>1</v>
      </c>
      <c r="F5365">
        <v>2</v>
      </c>
      <c r="H5365" t="s">
        <v>27703</v>
      </c>
      <c r="J5365" t="s">
        <v>27704</v>
      </c>
      <c r="O5365">
        <v>3097990</v>
      </c>
      <c r="P5365">
        <v>1</v>
      </c>
      <c r="Q5365">
        <v>0</v>
      </c>
      <c r="R5365" t="s">
        <v>27705</v>
      </c>
      <c r="S5365">
        <v>1093</v>
      </c>
    </row>
    <row r="5366" spans="1:19" x14ac:dyDescent="0.25">
      <c r="A5366">
        <v>9122965</v>
      </c>
      <c r="B5366" t="s">
        <v>27706</v>
      </c>
      <c r="C5366" s="1" t="s">
        <v>27707</v>
      </c>
      <c r="E5366">
        <v>1</v>
      </c>
      <c r="F5366">
        <v>0</v>
      </c>
      <c r="H5366" t="s">
        <v>27708</v>
      </c>
      <c r="J5366" t="s">
        <v>27709</v>
      </c>
      <c r="K5366" t="s">
        <v>27709</v>
      </c>
      <c r="M5366">
        <v>3205</v>
      </c>
      <c r="O5366">
        <v>1186573</v>
      </c>
      <c r="P5366">
        <v>1</v>
      </c>
      <c r="Q5366">
        <v>1</v>
      </c>
      <c r="R5366" t="s">
        <v>27710</v>
      </c>
      <c r="S5366">
        <v>432</v>
      </c>
    </row>
    <row r="5367" spans="1:19" x14ac:dyDescent="0.25">
      <c r="A5367">
        <v>25547160</v>
      </c>
      <c r="B5367" t="s">
        <v>27711</v>
      </c>
      <c r="C5367" s="1" t="s">
        <v>27712</v>
      </c>
      <c r="E5367">
        <v>2</v>
      </c>
      <c r="F5367">
        <v>0</v>
      </c>
      <c r="H5367" t="s">
        <v>27713</v>
      </c>
      <c r="J5367" t="s">
        <v>27714</v>
      </c>
      <c r="O5367">
        <v>2902205</v>
      </c>
      <c r="P5367">
        <v>1</v>
      </c>
      <c r="Q5367">
        <v>0</v>
      </c>
      <c r="R5367" t="s">
        <v>27715</v>
      </c>
      <c r="S5367">
        <v>3171</v>
      </c>
    </row>
    <row r="5368" spans="1:19" x14ac:dyDescent="0.25">
      <c r="A5368">
        <v>22047802</v>
      </c>
      <c r="B5368" t="s">
        <v>27716</v>
      </c>
      <c r="C5368" s="1" t="s">
        <v>27717</v>
      </c>
      <c r="E5368">
        <v>1</v>
      </c>
      <c r="F5368">
        <v>0</v>
      </c>
      <c r="H5368" t="s">
        <v>27718</v>
      </c>
      <c r="J5368" t="s">
        <v>27719</v>
      </c>
      <c r="K5368" t="s">
        <v>27719</v>
      </c>
      <c r="M5368">
        <v>1148314</v>
      </c>
      <c r="O5368">
        <v>1977790</v>
      </c>
      <c r="P5368">
        <v>1</v>
      </c>
      <c r="Q5368">
        <v>0</v>
      </c>
      <c r="R5368" t="s">
        <v>27720</v>
      </c>
      <c r="S5368">
        <v>75</v>
      </c>
    </row>
    <row r="5369" spans="1:19" x14ac:dyDescent="0.25">
      <c r="A5369">
        <v>2653832</v>
      </c>
      <c r="B5369" t="s">
        <v>27721</v>
      </c>
      <c r="C5369" t="s">
        <v>27722</v>
      </c>
      <c r="E5369">
        <v>1</v>
      </c>
      <c r="F5369">
        <v>0</v>
      </c>
      <c r="H5369" t="s">
        <v>27723</v>
      </c>
      <c r="J5369" t="s">
        <v>27724</v>
      </c>
      <c r="K5369" t="s">
        <v>27725</v>
      </c>
      <c r="M5369">
        <v>77914</v>
      </c>
      <c r="O5369">
        <v>31750</v>
      </c>
      <c r="P5369">
        <v>1</v>
      </c>
      <c r="Q5369">
        <v>0</v>
      </c>
      <c r="R5369" t="s">
        <v>27726</v>
      </c>
      <c r="S5369">
        <v>156</v>
      </c>
    </row>
    <row r="5370" spans="1:19" x14ac:dyDescent="0.25">
      <c r="A5370">
        <v>42736747</v>
      </c>
      <c r="B5370" t="s">
        <v>27727</v>
      </c>
      <c r="C5370" s="1" t="s">
        <v>27728</v>
      </c>
      <c r="E5370">
        <v>0</v>
      </c>
      <c r="F5370">
        <v>3</v>
      </c>
      <c r="H5370" t="s">
        <v>27729</v>
      </c>
      <c r="J5370" t="s">
        <v>27730</v>
      </c>
      <c r="K5370" t="s">
        <v>27730</v>
      </c>
      <c r="M5370">
        <v>131560</v>
      </c>
      <c r="O5370">
        <v>131560</v>
      </c>
      <c r="P5370">
        <v>1</v>
      </c>
      <c r="Q5370">
        <v>0</v>
      </c>
      <c r="R5370" t="s">
        <v>27731</v>
      </c>
      <c r="S5370">
        <v>215</v>
      </c>
    </row>
    <row r="5371" spans="1:19" x14ac:dyDescent="0.25">
      <c r="A5371">
        <v>35627609</v>
      </c>
      <c r="B5371" t="s">
        <v>27732</v>
      </c>
      <c r="C5371" s="1" t="s">
        <v>27733</v>
      </c>
      <c r="E5371">
        <v>0</v>
      </c>
      <c r="F5371">
        <v>2</v>
      </c>
      <c r="H5371" t="s">
        <v>27734</v>
      </c>
      <c r="J5371" t="s">
        <v>27735</v>
      </c>
      <c r="K5371" t="s">
        <v>27735</v>
      </c>
      <c r="M5371">
        <v>2040863</v>
      </c>
      <c r="O5371">
        <v>5080808</v>
      </c>
      <c r="P5371">
        <v>1</v>
      </c>
      <c r="Q5371">
        <v>0</v>
      </c>
      <c r="R5371" t="s">
        <v>351</v>
      </c>
      <c r="S5371">
        <v>30</v>
      </c>
    </row>
    <row r="5372" spans="1:19" x14ac:dyDescent="0.25">
      <c r="A5372">
        <v>43016334</v>
      </c>
      <c r="B5372" t="s">
        <v>27736</v>
      </c>
      <c r="C5372" s="1" t="s">
        <v>27737</v>
      </c>
      <c r="D5372">
        <v>43048788</v>
      </c>
      <c r="E5372">
        <v>1</v>
      </c>
      <c r="F5372">
        <v>0</v>
      </c>
      <c r="H5372" t="s">
        <v>27738</v>
      </c>
      <c r="J5372" t="s">
        <v>27739</v>
      </c>
      <c r="K5372" t="s">
        <v>27740</v>
      </c>
      <c r="M5372">
        <v>2959783</v>
      </c>
      <c r="O5372">
        <v>2959783</v>
      </c>
      <c r="P5372">
        <v>1</v>
      </c>
      <c r="Q5372">
        <v>0</v>
      </c>
      <c r="R5372" t="s">
        <v>27741</v>
      </c>
      <c r="S5372">
        <v>31</v>
      </c>
    </row>
    <row r="5373" spans="1:19" x14ac:dyDescent="0.25">
      <c r="A5373">
        <v>41645414</v>
      </c>
      <c r="B5373" t="s">
        <v>27742</v>
      </c>
      <c r="C5373" s="1" t="s">
        <v>27743</v>
      </c>
      <c r="E5373">
        <v>1</v>
      </c>
      <c r="F5373">
        <v>0</v>
      </c>
      <c r="H5373" t="s">
        <v>27744</v>
      </c>
      <c r="J5373" t="s">
        <v>27745</v>
      </c>
      <c r="O5373">
        <v>5005768</v>
      </c>
      <c r="P5373">
        <v>1</v>
      </c>
      <c r="Q5373">
        <v>0</v>
      </c>
      <c r="R5373" t="s">
        <v>27746</v>
      </c>
      <c r="S5373">
        <v>50</v>
      </c>
    </row>
    <row r="5374" spans="1:19" x14ac:dyDescent="0.25">
      <c r="A5374">
        <v>19078669</v>
      </c>
      <c r="B5374" t="s">
        <v>27747</v>
      </c>
      <c r="C5374" s="1" t="s">
        <v>27748</v>
      </c>
      <c r="D5374">
        <v>19078904</v>
      </c>
      <c r="E5374">
        <v>2</v>
      </c>
      <c r="F5374">
        <v>4</v>
      </c>
      <c r="H5374" t="s">
        <v>27749</v>
      </c>
      <c r="J5374" t="s">
        <v>27750</v>
      </c>
      <c r="O5374">
        <v>1609367</v>
      </c>
      <c r="P5374">
        <v>1</v>
      </c>
      <c r="Q5374">
        <v>3</v>
      </c>
      <c r="R5374" t="s">
        <v>1379</v>
      </c>
      <c r="S5374">
        <v>154</v>
      </c>
    </row>
    <row r="5375" spans="1:19" x14ac:dyDescent="0.25">
      <c r="A5375">
        <v>32879901</v>
      </c>
      <c r="B5375" t="s">
        <v>27751</v>
      </c>
      <c r="C5375" s="1" t="s">
        <v>27752</v>
      </c>
      <c r="E5375">
        <v>0</v>
      </c>
      <c r="F5375">
        <v>2</v>
      </c>
      <c r="H5375" t="s">
        <v>27753</v>
      </c>
      <c r="J5375" t="s">
        <v>27754</v>
      </c>
      <c r="K5375" t="s">
        <v>27754</v>
      </c>
      <c r="M5375">
        <v>2080965</v>
      </c>
      <c r="O5375">
        <v>2080965</v>
      </c>
      <c r="P5375">
        <v>1</v>
      </c>
      <c r="Q5375">
        <v>0</v>
      </c>
      <c r="R5375" t="s">
        <v>27755</v>
      </c>
      <c r="S5375">
        <v>26</v>
      </c>
    </row>
    <row r="5376" spans="1:19" x14ac:dyDescent="0.25">
      <c r="A5376">
        <v>49365371</v>
      </c>
      <c r="B5376" t="s">
        <v>27756</v>
      </c>
      <c r="C5376" s="1" t="s">
        <v>27757</v>
      </c>
      <c r="E5376">
        <v>0</v>
      </c>
      <c r="F5376">
        <v>7</v>
      </c>
      <c r="H5376" t="s">
        <v>27758</v>
      </c>
      <c r="J5376" t="s">
        <v>27759</v>
      </c>
      <c r="K5376" t="s">
        <v>27759</v>
      </c>
      <c r="M5376">
        <v>9517278</v>
      </c>
      <c r="O5376">
        <v>9517278</v>
      </c>
      <c r="P5376">
        <v>1</v>
      </c>
      <c r="Q5376">
        <v>0</v>
      </c>
      <c r="R5376" t="s">
        <v>27760</v>
      </c>
      <c r="S5376">
        <v>31</v>
      </c>
    </row>
    <row r="5377" spans="1:19" x14ac:dyDescent="0.25">
      <c r="A5377">
        <v>39923706</v>
      </c>
      <c r="B5377" t="s">
        <v>27761</v>
      </c>
      <c r="C5377" s="1" t="s">
        <v>27762</v>
      </c>
      <c r="D5377">
        <v>39923840</v>
      </c>
      <c r="E5377">
        <v>1</v>
      </c>
      <c r="F5377">
        <v>4</v>
      </c>
      <c r="H5377" t="s">
        <v>27763</v>
      </c>
      <c r="J5377" t="s">
        <v>27764</v>
      </c>
      <c r="K5377" t="s">
        <v>27765</v>
      </c>
      <c r="M5377">
        <v>5576310</v>
      </c>
      <c r="O5377">
        <v>6744149</v>
      </c>
      <c r="P5377">
        <v>1</v>
      </c>
      <c r="Q5377">
        <v>-3</v>
      </c>
      <c r="R5377" t="s">
        <v>27766</v>
      </c>
      <c r="S5377">
        <v>2084</v>
      </c>
    </row>
    <row r="5378" spans="1:19" x14ac:dyDescent="0.25">
      <c r="A5378">
        <v>19368315</v>
      </c>
      <c r="B5378" t="s">
        <v>27767</v>
      </c>
      <c r="C5378" s="1" t="s">
        <v>27768</v>
      </c>
      <c r="D5378">
        <v>19368362</v>
      </c>
      <c r="E5378">
        <v>2</v>
      </c>
      <c r="F5378">
        <v>1</v>
      </c>
      <c r="H5378" t="s">
        <v>27769</v>
      </c>
      <c r="I5378">
        <v>0</v>
      </c>
      <c r="J5378" t="s">
        <v>27770</v>
      </c>
      <c r="K5378" t="s">
        <v>27771</v>
      </c>
      <c r="M5378">
        <v>298479</v>
      </c>
      <c r="O5378">
        <v>2880230</v>
      </c>
      <c r="P5378">
        <v>1</v>
      </c>
      <c r="Q5378">
        <v>0</v>
      </c>
      <c r="R5378" t="s">
        <v>27772</v>
      </c>
      <c r="S5378">
        <v>92</v>
      </c>
    </row>
    <row r="5379" spans="1:19" x14ac:dyDescent="0.25">
      <c r="A5379">
        <v>34896890</v>
      </c>
      <c r="B5379" t="s">
        <v>27773</v>
      </c>
      <c r="C5379" s="1" t="s">
        <v>27774</v>
      </c>
      <c r="D5379">
        <v>34897259</v>
      </c>
      <c r="E5379">
        <v>1</v>
      </c>
      <c r="F5379">
        <v>2</v>
      </c>
      <c r="H5379" t="s">
        <v>27775</v>
      </c>
      <c r="J5379" t="s">
        <v>27776</v>
      </c>
      <c r="K5379" t="s">
        <v>27777</v>
      </c>
      <c r="M5379">
        <v>1987598</v>
      </c>
      <c r="O5379">
        <v>5603636</v>
      </c>
      <c r="P5379">
        <v>1</v>
      </c>
      <c r="Q5379">
        <v>1</v>
      </c>
      <c r="R5379" t="s">
        <v>27778</v>
      </c>
      <c r="S5379">
        <v>307</v>
      </c>
    </row>
    <row r="5380" spans="1:19" x14ac:dyDescent="0.25">
      <c r="A5380">
        <v>28779622</v>
      </c>
      <c r="B5380" t="s">
        <v>27779</v>
      </c>
      <c r="C5380" s="1" t="s">
        <v>27780</v>
      </c>
      <c r="E5380">
        <v>1</v>
      </c>
      <c r="F5380">
        <v>8</v>
      </c>
      <c r="H5380" t="s">
        <v>27781</v>
      </c>
      <c r="I5380">
        <v>0</v>
      </c>
      <c r="J5380" t="s">
        <v>27782</v>
      </c>
      <c r="K5380" t="s">
        <v>27783</v>
      </c>
      <c r="M5380">
        <v>1173425</v>
      </c>
      <c r="O5380">
        <v>1173425</v>
      </c>
      <c r="P5380">
        <v>1</v>
      </c>
      <c r="Q5380">
        <v>2</v>
      </c>
      <c r="R5380" t="s">
        <v>27784</v>
      </c>
      <c r="S5380">
        <v>768</v>
      </c>
    </row>
    <row r="5381" spans="1:19" x14ac:dyDescent="0.25">
      <c r="A5381">
        <v>46908653</v>
      </c>
      <c r="B5381" t="s">
        <v>27785</v>
      </c>
      <c r="C5381" s="1" t="s">
        <v>27786</v>
      </c>
      <c r="D5381">
        <v>46949117</v>
      </c>
      <c r="E5381">
        <v>1</v>
      </c>
      <c r="F5381">
        <v>5</v>
      </c>
      <c r="H5381" t="s">
        <v>27787</v>
      </c>
      <c r="J5381" t="s">
        <v>27788</v>
      </c>
      <c r="K5381" t="s">
        <v>27789</v>
      </c>
      <c r="M5381">
        <v>8824585</v>
      </c>
      <c r="O5381">
        <v>8824585</v>
      </c>
      <c r="P5381">
        <v>1</v>
      </c>
      <c r="Q5381">
        <v>1</v>
      </c>
      <c r="R5381" t="s">
        <v>27790</v>
      </c>
      <c r="S5381">
        <v>168</v>
      </c>
    </row>
    <row r="5382" spans="1:19" x14ac:dyDescent="0.25">
      <c r="A5382">
        <v>27344119</v>
      </c>
      <c r="B5382" t="s">
        <v>27791</v>
      </c>
      <c r="C5382" s="1" t="s">
        <v>27792</v>
      </c>
      <c r="E5382">
        <v>0</v>
      </c>
      <c r="F5382">
        <v>1</v>
      </c>
      <c r="H5382" t="s">
        <v>27793</v>
      </c>
      <c r="J5382" t="s">
        <v>27793</v>
      </c>
      <c r="O5382">
        <v>1816422</v>
      </c>
      <c r="P5382">
        <v>1</v>
      </c>
      <c r="Q5382">
        <v>2</v>
      </c>
      <c r="R5382" t="s">
        <v>27794</v>
      </c>
      <c r="S5382">
        <v>82</v>
      </c>
    </row>
    <row r="5383" spans="1:19" x14ac:dyDescent="0.25">
      <c r="A5383">
        <v>6304780</v>
      </c>
      <c r="B5383" t="s">
        <v>27795</v>
      </c>
      <c r="C5383" s="1" t="s">
        <v>27796</v>
      </c>
      <c r="D5383">
        <v>6304865</v>
      </c>
      <c r="E5383">
        <v>2</v>
      </c>
      <c r="F5383">
        <v>1</v>
      </c>
      <c r="H5383" t="s">
        <v>27797</v>
      </c>
      <c r="J5383" t="s">
        <v>27798</v>
      </c>
      <c r="O5383">
        <v>179801</v>
      </c>
      <c r="P5383">
        <v>1</v>
      </c>
      <c r="Q5383">
        <v>4</v>
      </c>
      <c r="R5383" t="s">
        <v>27799</v>
      </c>
      <c r="S5383">
        <v>14858</v>
      </c>
    </row>
    <row r="5384" spans="1:19" x14ac:dyDescent="0.25">
      <c r="A5384">
        <v>39147653</v>
      </c>
      <c r="B5384" t="s">
        <v>27800</v>
      </c>
      <c r="C5384" s="1" t="s">
        <v>27801</v>
      </c>
      <c r="D5384">
        <v>39155174</v>
      </c>
      <c r="E5384">
        <v>2</v>
      </c>
      <c r="F5384">
        <v>0</v>
      </c>
      <c r="H5384" t="s">
        <v>27802</v>
      </c>
      <c r="I5384">
        <v>1</v>
      </c>
      <c r="J5384" t="s">
        <v>27803</v>
      </c>
      <c r="K5384" t="s">
        <v>27804</v>
      </c>
      <c r="M5384">
        <v>1402641</v>
      </c>
      <c r="O5384">
        <v>3022739</v>
      </c>
      <c r="P5384">
        <v>1</v>
      </c>
      <c r="Q5384">
        <v>5</v>
      </c>
      <c r="R5384" t="s">
        <v>27805</v>
      </c>
      <c r="S5384">
        <v>808</v>
      </c>
    </row>
    <row r="5385" spans="1:19" x14ac:dyDescent="0.25">
      <c r="A5385">
        <v>302148</v>
      </c>
      <c r="B5385" t="s">
        <v>27806</v>
      </c>
      <c r="C5385" s="1" t="s">
        <v>27807</v>
      </c>
      <c r="D5385">
        <v>302192</v>
      </c>
      <c r="E5385">
        <v>5</v>
      </c>
      <c r="F5385">
        <v>0</v>
      </c>
      <c r="H5385" t="s">
        <v>27808</v>
      </c>
      <c r="I5385">
        <v>2</v>
      </c>
      <c r="J5385" t="s">
        <v>27809</v>
      </c>
      <c r="K5385" t="s">
        <v>27809</v>
      </c>
      <c r="M5385">
        <v>170765</v>
      </c>
      <c r="N5385" t="s">
        <v>27810</v>
      </c>
      <c r="O5385">
        <v>8989</v>
      </c>
      <c r="P5385">
        <v>1</v>
      </c>
      <c r="Q5385">
        <v>2</v>
      </c>
      <c r="R5385" t="s">
        <v>27811</v>
      </c>
      <c r="S5385">
        <v>8050</v>
      </c>
    </row>
    <row r="5386" spans="1:19" x14ac:dyDescent="0.25">
      <c r="A5386">
        <v>29253450</v>
      </c>
      <c r="B5386" t="s">
        <v>27812</v>
      </c>
      <c r="C5386" s="1" t="s">
        <v>27813</v>
      </c>
      <c r="E5386">
        <v>1</v>
      </c>
      <c r="F5386">
        <v>2</v>
      </c>
      <c r="H5386" t="s">
        <v>27814</v>
      </c>
      <c r="J5386" t="s">
        <v>27815</v>
      </c>
      <c r="O5386">
        <v>2276379</v>
      </c>
      <c r="P5386">
        <v>1</v>
      </c>
      <c r="Q5386">
        <v>0</v>
      </c>
      <c r="R5386" t="s">
        <v>27816</v>
      </c>
      <c r="S5386">
        <v>113</v>
      </c>
    </row>
    <row r="5387" spans="1:19" x14ac:dyDescent="0.25">
      <c r="A5387">
        <v>16373343</v>
      </c>
      <c r="B5387" t="s">
        <v>27817</v>
      </c>
      <c r="C5387" s="1" t="s">
        <v>27818</v>
      </c>
      <c r="D5387">
        <v>16467055</v>
      </c>
      <c r="E5387">
        <v>1</v>
      </c>
      <c r="F5387">
        <v>0</v>
      </c>
      <c r="H5387" t="s">
        <v>27819</v>
      </c>
      <c r="I5387">
        <v>1</v>
      </c>
      <c r="J5387" t="s">
        <v>27820</v>
      </c>
      <c r="K5387" t="s">
        <v>27821</v>
      </c>
      <c r="M5387">
        <v>2037121</v>
      </c>
      <c r="O5387">
        <v>2037121</v>
      </c>
      <c r="P5387">
        <v>1</v>
      </c>
      <c r="Q5387">
        <v>1</v>
      </c>
      <c r="R5387" t="s">
        <v>27822</v>
      </c>
      <c r="S5387">
        <v>439</v>
      </c>
    </row>
    <row r="5388" spans="1:19" x14ac:dyDescent="0.25">
      <c r="A5388">
        <v>24059275</v>
      </c>
      <c r="B5388" t="s">
        <v>27823</v>
      </c>
      <c r="C5388" s="1" t="s">
        <v>27824</v>
      </c>
      <c r="D5388">
        <v>24089368</v>
      </c>
      <c r="E5388">
        <v>1</v>
      </c>
      <c r="F5388">
        <v>7</v>
      </c>
      <c r="H5388" t="s">
        <v>27825</v>
      </c>
      <c r="J5388" t="s">
        <v>27826</v>
      </c>
      <c r="K5388" t="s">
        <v>27827</v>
      </c>
      <c r="L5388" t="s">
        <v>27828</v>
      </c>
      <c r="O5388">
        <v>640513</v>
      </c>
      <c r="P5388">
        <v>1</v>
      </c>
      <c r="Q5388">
        <v>0</v>
      </c>
      <c r="R5388" t="s">
        <v>27829</v>
      </c>
      <c r="S5388">
        <v>95</v>
      </c>
    </row>
    <row r="5389" spans="1:19" x14ac:dyDescent="0.25">
      <c r="A5389">
        <v>4392580</v>
      </c>
      <c r="B5389" t="s">
        <v>27830</v>
      </c>
      <c r="C5389" s="1" t="s">
        <v>27831</v>
      </c>
      <c r="D5389">
        <v>5569054</v>
      </c>
      <c r="E5389">
        <v>1</v>
      </c>
      <c r="F5389">
        <v>4</v>
      </c>
      <c r="H5389" t="s">
        <v>27832</v>
      </c>
      <c r="J5389" t="s">
        <v>27833</v>
      </c>
      <c r="K5389" t="s">
        <v>27833</v>
      </c>
      <c r="M5389">
        <v>1505120</v>
      </c>
      <c r="O5389">
        <v>285594</v>
      </c>
      <c r="P5389">
        <v>1</v>
      </c>
      <c r="Q5389">
        <v>1</v>
      </c>
      <c r="R5389" t="s">
        <v>27834</v>
      </c>
      <c r="S5389">
        <v>524</v>
      </c>
    </row>
    <row r="5390" spans="1:19" x14ac:dyDescent="0.25">
      <c r="A5390">
        <v>29277331</v>
      </c>
      <c r="B5390" t="s">
        <v>27835</v>
      </c>
      <c r="C5390" s="1" t="s">
        <v>27836</v>
      </c>
      <c r="D5390">
        <v>29277782</v>
      </c>
      <c r="E5390">
        <v>2</v>
      </c>
      <c r="F5390">
        <v>3</v>
      </c>
      <c r="H5390" t="s">
        <v>27837</v>
      </c>
      <c r="J5390" t="s">
        <v>27838</v>
      </c>
      <c r="K5390" t="s">
        <v>27839</v>
      </c>
      <c r="M5390">
        <v>2500692</v>
      </c>
      <c r="O5390">
        <v>2500692</v>
      </c>
      <c r="P5390">
        <v>1</v>
      </c>
      <c r="Q5390">
        <v>2</v>
      </c>
      <c r="R5390" t="s">
        <v>549</v>
      </c>
      <c r="S5390">
        <v>43</v>
      </c>
    </row>
    <row r="5391" spans="1:19" x14ac:dyDescent="0.25">
      <c r="A5391">
        <v>34172721</v>
      </c>
      <c r="B5391" t="s">
        <v>27840</v>
      </c>
      <c r="C5391" s="1" t="s">
        <v>27841</v>
      </c>
      <c r="E5391">
        <v>2</v>
      </c>
      <c r="F5391">
        <v>0</v>
      </c>
      <c r="H5391" t="s">
        <v>27842</v>
      </c>
      <c r="J5391" t="s">
        <v>27843</v>
      </c>
      <c r="K5391" t="s">
        <v>27844</v>
      </c>
      <c r="M5391">
        <v>989808</v>
      </c>
      <c r="O5391">
        <v>989808</v>
      </c>
      <c r="P5391">
        <v>1</v>
      </c>
      <c r="Q5391">
        <v>0</v>
      </c>
      <c r="R5391" t="s">
        <v>27845</v>
      </c>
      <c r="S5391">
        <v>99</v>
      </c>
    </row>
    <row r="5392" spans="1:19" x14ac:dyDescent="0.25">
      <c r="A5392">
        <v>23346886</v>
      </c>
      <c r="B5392" t="s">
        <v>27846</v>
      </c>
      <c r="C5392" s="1" t="s">
        <v>27847</v>
      </c>
      <c r="E5392">
        <v>0</v>
      </c>
      <c r="F5392">
        <v>1</v>
      </c>
      <c r="H5392" t="s">
        <v>27848</v>
      </c>
      <c r="I5392">
        <v>1</v>
      </c>
      <c r="J5392" t="s">
        <v>27848</v>
      </c>
      <c r="O5392">
        <v>3532765</v>
      </c>
      <c r="P5392">
        <v>1</v>
      </c>
      <c r="Q5392">
        <v>1</v>
      </c>
      <c r="R5392" t="s">
        <v>27849</v>
      </c>
      <c r="S5392">
        <v>51</v>
      </c>
    </row>
    <row r="5393" spans="1:19" x14ac:dyDescent="0.25">
      <c r="A5393">
        <v>31477270</v>
      </c>
      <c r="B5393" t="s">
        <v>27850</v>
      </c>
      <c r="C5393" s="1" t="s">
        <v>27851</v>
      </c>
      <c r="D5393">
        <v>31477505</v>
      </c>
      <c r="E5393">
        <v>1</v>
      </c>
      <c r="F5393">
        <v>0</v>
      </c>
      <c r="H5393" t="s">
        <v>27852</v>
      </c>
      <c r="I5393">
        <v>0</v>
      </c>
      <c r="J5393" t="s">
        <v>27853</v>
      </c>
      <c r="K5393" t="s">
        <v>27853</v>
      </c>
      <c r="M5393">
        <v>1053968</v>
      </c>
      <c r="O5393">
        <v>619570</v>
      </c>
      <c r="P5393">
        <v>1</v>
      </c>
      <c r="Q5393">
        <v>1</v>
      </c>
      <c r="R5393" t="s">
        <v>27854</v>
      </c>
      <c r="S5393">
        <v>158</v>
      </c>
    </row>
    <row r="5394" spans="1:19" x14ac:dyDescent="0.25">
      <c r="A5394">
        <v>52289974</v>
      </c>
      <c r="B5394" t="s">
        <v>27855</v>
      </c>
      <c r="C5394" s="1" t="s">
        <v>27856</v>
      </c>
      <c r="D5394">
        <v>52290282</v>
      </c>
      <c r="E5394">
        <v>1</v>
      </c>
      <c r="F5394">
        <v>3</v>
      </c>
      <c r="H5394" t="s">
        <v>27857</v>
      </c>
      <c r="J5394" t="s">
        <v>27858</v>
      </c>
      <c r="K5394" t="s">
        <v>27858</v>
      </c>
      <c r="M5394">
        <v>7669809</v>
      </c>
      <c r="O5394">
        <v>10351765</v>
      </c>
      <c r="P5394">
        <v>1</v>
      </c>
      <c r="Q5394">
        <v>0</v>
      </c>
      <c r="R5394" t="s">
        <v>27859</v>
      </c>
      <c r="S5394">
        <v>30</v>
      </c>
    </row>
    <row r="5395" spans="1:19" x14ac:dyDescent="0.25">
      <c r="A5395">
        <v>17158275</v>
      </c>
      <c r="B5395" t="s">
        <v>27860</v>
      </c>
      <c r="C5395" s="1" t="s">
        <v>27861</v>
      </c>
      <c r="D5395">
        <v>17381276</v>
      </c>
      <c r="E5395">
        <v>1</v>
      </c>
      <c r="F5395">
        <v>3</v>
      </c>
      <c r="H5395" t="s">
        <v>27862</v>
      </c>
      <c r="J5395" t="s">
        <v>27863</v>
      </c>
      <c r="O5395">
        <v>212731</v>
      </c>
      <c r="P5395">
        <v>1</v>
      </c>
      <c r="Q5395">
        <v>1</v>
      </c>
      <c r="R5395" t="s">
        <v>27864</v>
      </c>
      <c r="S5395">
        <v>291</v>
      </c>
    </row>
    <row r="5396" spans="1:19" x14ac:dyDescent="0.25">
      <c r="A5396">
        <v>22391846</v>
      </c>
      <c r="B5396" t="s">
        <v>27865</v>
      </c>
      <c r="C5396" s="1" t="s">
        <v>27866</v>
      </c>
      <c r="E5396">
        <v>0</v>
      </c>
      <c r="F5396">
        <v>3</v>
      </c>
      <c r="H5396" t="s">
        <v>27867</v>
      </c>
      <c r="J5396" t="s">
        <v>27868</v>
      </c>
      <c r="K5396" t="s">
        <v>27868</v>
      </c>
      <c r="M5396">
        <v>1199226</v>
      </c>
      <c r="O5396">
        <v>2229533</v>
      </c>
      <c r="P5396">
        <v>1</v>
      </c>
      <c r="Q5396">
        <v>1</v>
      </c>
      <c r="R5396" t="s">
        <v>27869</v>
      </c>
      <c r="S5396">
        <v>648</v>
      </c>
    </row>
    <row r="5397" spans="1:19" x14ac:dyDescent="0.25">
      <c r="A5397">
        <v>46979877</v>
      </c>
      <c r="B5397" t="s">
        <v>27870</v>
      </c>
      <c r="C5397" s="1" t="s">
        <v>27871</v>
      </c>
      <c r="D5397">
        <v>46979923</v>
      </c>
      <c r="E5397">
        <v>1</v>
      </c>
      <c r="F5397">
        <v>1</v>
      </c>
      <c r="H5397" t="s">
        <v>27872</v>
      </c>
      <c r="J5397" t="s">
        <v>27873</v>
      </c>
      <c r="O5397">
        <v>8055073</v>
      </c>
      <c r="P5397">
        <v>1</v>
      </c>
      <c r="Q5397">
        <v>2</v>
      </c>
      <c r="R5397" t="s">
        <v>8078</v>
      </c>
      <c r="S5397">
        <v>28</v>
      </c>
    </row>
    <row r="5398" spans="1:19" x14ac:dyDescent="0.25">
      <c r="A5398">
        <v>45461503</v>
      </c>
      <c r="B5398" t="s">
        <v>27874</v>
      </c>
      <c r="C5398" s="1" t="s">
        <v>27875</v>
      </c>
      <c r="E5398">
        <v>0</v>
      </c>
      <c r="F5398">
        <v>1</v>
      </c>
      <c r="H5398" t="s">
        <v>27876</v>
      </c>
      <c r="J5398" t="s">
        <v>27877</v>
      </c>
      <c r="K5398" t="s">
        <v>27877</v>
      </c>
      <c r="M5398">
        <v>2793228</v>
      </c>
      <c r="O5398">
        <v>6483363</v>
      </c>
      <c r="P5398">
        <v>1</v>
      </c>
      <c r="Q5398">
        <v>1</v>
      </c>
      <c r="R5398" t="s">
        <v>27878</v>
      </c>
      <c r="S5398">
        <v>45</v>
      </c>
    </row>
    <row r="5399" spans="1:19" x14ac:dyDescent="0.25">
      <c r="A5399">
        <v>12278941</v>
      </c>
      <c r="B5399" t="s">
        <v>27879</v>
      </c>
      <c r="C5399" s="1" t="s">
        <v>27880</v>
      </c>
      <c r="D5399">
        <v>12279025</v>
      </c>
      <c r="E5399">
        <v>2</v>
      </c>
      <c r="F5399">
        <v>0</v>
      </c>
      <c r="H5399" t="s">
        <v>27881</v>
      </c>
      <c r="J5399" t="s">
        <v>27882</v>
      </c>
      <c r="K5399" t="s">
        <v>27882</v>
      </c>
      <c r="M5399">
        <v>557176</v>
      </c>
      <c r="O5399">
        <v>557176</v>
      </c>
      <c r="P5399">
        <v>1</v>
      </c>
      <c r="Q5399">
        <v>3</v>
      </c>
      <c r="R5399" t="s">
        <v>27883</v>
      </c>
      <c r="S5399">
        <v>3645</v>
      </c>
    </row>
    <row r="5400" spans="1:19" x14ac:dyDescent="0.25">
      <c r="A5400">
        <v>5855789</v>
      </c>
      <c r="B5400" t="s">
        <v>27884</v>
      </c>
      <c r="C5400" s="1" t="s">
        <v>27885</v>
      </c>
      <c r="D5400">
        <v>5856402</v>
      </c>
      <c r="E5400">
        <v>2</v>
      </c>
      <c r="F5400">
        <v>4</v>
      </c>
      <c r="H5400" t="s">
        <v>27886</v>
      </c>
      <c r="J5400" t="s">
        <v>27887</v>
      </c>
      <c r="O5400">
        <v>663724</v>
      </c>
      <c r="P5400">
        <v>1</v>
      </c>
      <c r="Q5400">
        <v>0</v>
      </c>
      <c r="R5400" t="s">
        <v>17914</v>
      </c>
      <c r="S5400">
        <v>754</v>
      </c>
    </row>
    <row r="5401" spans="1:19" x14ac:dyDescent="0.25">
      <c r="A5401">
        <v>35943013</v>
      </c>
      <c r="B5401" t="s">
        <v>27888</v>
      </c>
      <c r="C5401" s="1" t="s">
        <v>27889</v>
      </c>
      <c r="D5401">
        <v>35943331</v>
      </c>
      <c r="E5401">
        <v>1</v>
      </c>
      <c r="F5401">
        <v>0</v>
      </c>
      <c r="H5401" t="s">
        <v>27890</v>
      </c>
      <c r="J5401" t="s">
        <v>27891</v>
      </c>
      <c r="O5401">
        <v>5888527</v>
      </c>
      <c r="P5401">
        <v>1</v>
      </c>
      <c r="Q5401">
        <v>0</v>
      </c>
      <c r="R5401" t="s">
        <v>27892</v>
      </c>
      <c r="S5401">
        <v>177</v>
      </c>
    </row>
    <row r="5402" spans="1:19" x14ac:dyDescent="0.25">
      <c r="A5402">
        <v>49297149</v>
      </c>
      <c r="B5402" t="s">
        <v>27893</v>
      </c>
      <c r="C5402" s="1" t="s">
        <v>27894</v>
      </c>
      <c r="E5402">
        <v>1</v>
      </c>
      <c r="F5402">
        <v>5</v>
      </c>
      <c r="H5402" t="s">
        <v>27895</v>
      </c>
      <c r="J5402" t="s">
        <v>27896</v>
      </c>
      <c r="O5402">
        <v>9496639</v>
      </c>
      <c r="P5402">
        <v>1</v>
      </c>
      <c r="Q5402">
        <v>0</v>
      </c>
      <c r="R5402" t="s">
        <v>27897</v>
      </c>
      <c r="S5402">
        <v>155</v>
      </c>
    </row>
    <row r="5403" spans="1:19" x14ac:dyDescent="0.25">
      <c r="A5403">
        <v>40734164</v>
      </c>
      <c r="B5403" t="s">
        <v>27898</v>
      </c>
      <c r="C5403" s="1" t="s">
        <v>27899</v>
      </c>
      <c r="E5403">
        <v>2</v>
      </c>
      <c r="F5403">
        <v>0</v>
      </c>
      <c r="H5403" t="s">
        <v>27900</v>
      </c>
      <c r="J5403" t="s">
        <v>27901</v>
      </c>
      <c r="O5403">
        <v>1039119</v>
      </c>
      <c r="P5403">
        <v>1</v>
      </c>
      <c r="Q5403">
        <v>0</v>
      </c>
      <c r="R5403" t="s">
        <v>27902</v>
      </c>
      <c r="S5403">
        <v>171</v>
      </c>
    </row>
    <row r="5404" spans="1:19" x14ac:dyDescent="0.25">
      <c r="A5404">
        <v>11391627</v>
      </c>
      <c r="B5404" t="s">
        <v>27903</v>
      </c>
      <c r="C5404" s="1" t="s">
        <v>27904</v>
      </c>
      <c r="D5404">
        <v>11427134</v>
      </c>
      <c r="E5404">
        <v>1</v>
      </c>
      <c r="F5404">
        <v>0</v>
      </c>
      <c r="H5404" t="s">
        <v>27905</v>
      </c>
      <c r="J5404" t="s">
        <v>27906</v>
      </c>
      <c r="O5404">
        <v>1664669</v>
      </c>
      <c r="P5404">
        <v>1</v>
      </c>
      <c r="Q5404">
        <v>0</v>
      </c>
      <c r="R5404" t="s">
        <v>27907</v>
      </c>
      <c r="S5404">
        <v>449</v>
      </c>
    </row>
    <row r="5405" spans="1:19" x14ac:dyDescent="0.25">
      <c r="A5405">
        <v>33807664</v>
      </c>
      <c r="B5405" t="s">
        <v>27908</v>
      </c>
      <c r="C5405" s="1" t="s">
        <v>27909</v>
      </c>
      <c r="E5405">
        <v>1</v>
      </c>
      <c r="F5405">
        <v>3</v>
      </c>
      <c r="H5405" t="s">
        <v>27910</v>
      </c>
      <c r="J5405" t="s">
        <v>27911</v>
      </c>
      <c r="K5405" t="s">
        <v>27912</v>
      </c>
      <c r="M5405">
        <v>5564897</v>
      </c>
      <c r="O5405">
        <v>5564897</v>
      </c>
      <c r="P5405">
        <v>1</v>
      </c>
      <c r="Q5405">
        <v>0</v>
      </c>
      <c r="R5405" t="s">
        <v>3034</v>
      </c>
      <c r="S5405">
        <v>448</v>
      </c>
    </row>
    <row r="5406" spans="1:19" x14ac:dyDescent="0.25">
      <c r="A5406">
        <v>42582992</v>
      </c>
      <c r="B5406" t="s">
        <v>27913</v>
      </c>
      <c r="C5406" s="1" t="s">
        <v>27914</v>
      </c>
      <c r="E5406">
        <v>1</v>
      </c>
      <c r="F5406">
        <v>6</v>
      </c>
      <c r="H5406" t="s">
        <v>27915</v>
      </c>
      <c r="I5406">
        <v>2</v>
      </c>
      <c r="J5406" t="s">
        <v>27916</v>
      </c>
      <c r="K5406" t="s">
        <v>27917</v>
      </c>
      <c r="M5406">
        <v>2916005</v>
      </c>
      <c r="O5406">
        <v>2916005</v>
      </c>
      <c r="P5406">
        <v>1</v>
      </c>
      <c r="Q5406">
        <v>2</v>
      </c>
      <c r="R5406" t="s">
        <v>27918</v>
      </c>
      <c r="S5406">
        <v>136</v>
      </c>
    </row>
    <row r="5407" spans="1:19" x14ac:dyDescent="0.25">
      <c r="A5407">
        <v>25315450</v>
      </c>
      <c r="B5407" t="s">
        <v>27919</v>
      </c>
      <c r="C5407" s="1" t="s">
        <v>27920</v>
      </c>
      <c r="D5407">
        <v>25315674</v>
      </c>
      <c r="E5407">
        <v>2</v>
      </c>
      <c r="F5407">
        <v>2</v>
      </c>
      <c r="H5407" t="s">
        <v>27921</v>
      </c>
      <c r="J5407" t="s">
        <v>27922</v>
      </c>
      <c r="O5407">
        <v>3285408</v>
      </c>
      <c r="P5407">
        <v>1</v>
      </c>
      <c r="Q5407">
        <v>1</v>
      </c>
      <c r="R5407" t="s">
        <v>6256</v>
      </c>
      <c r="S5407">
        <v>58</v>
      </c>
    </row>
    <row r="5408" spans="1:19" x14ac:dyDescent="0.25">
      <c r="A5408">
        <v>34087187</v>
      </c>
      <c r="B5408" t="s">
        <v>27923</v>
      </c>
      <c r="C5408" s="1" t="s">
        <v>27924</v>
      </c>
      <c r="E5408">
        <v>1</v>
      </c>
      <c r="F5408">
        <v>0</v>
      </c>
      <c r="H5408" t="s">
        <v>27925</v>
      </c>
      <c r="J5408" t="s">
        <v>27926</v>
      </c>
      <c r="O5408">
        <v>2470168</v>
      </c>
      <c r="P5408">
        <v>1</v>
      </c>
      <c r="Q5408">
        <v>0</v>
      </c>
      <c r="R5408" t="s">
        <v>27927</v>
      </c>
      <c r="S5408">
        <v>782</v>
      </c>
    </row>
    <row r="5409" spans="1:19" x14ac:dyDescent="0.25">
      <c r="A5409">
        <v>43275251</v>
      </c>
      <c r="B5409" t="s">
        <v>27928</v>
      </c>
      <c r="C5409" s="1" t="s">
        <v>27929</v>
      </c>
      <c r="E5409">
        <v>1</v>
      </c>
      <c r="F5409">
        <v>2</v>
      </c>
      <c r="H5409" t="s">
        <v>27930</v>
      </c>
      <c r="J5409" t="s">
        <v>27931</v>
      </c>
      <c r="K5409" t="s">
        <v>27931</v>
      </c>
      <c r="M5409">
        <v>7830809</v>
      </c>
      <c r="O5409">
        <v>7830809</v>
      </c>
      <c r="P5409">
        <v>1</v>
      </c>
      <c r="Q5409">
        <v>0</v>
      </c>
      <c r="R5409" t="s">
        <v>27932</v>
      </c>
      <c r="S5409">
        <v>182</v>
      </c>
    </row>
    <row r="5410" spans="1:19" x14ac:dyDescent="0.25">
      <c r="A5410">
        <v>24197839</v>
      </c>
      <c r="B5410" t="s">
        <v>27933</v>
      </c>
      <c r="C5410" s="1" t="s">
        <v>27934</v>
      </c>
      <c r="D5410">
        <v>24197924</v>
      </c>
      <c r="E5410">
        <v>3</v>
      </c>
      <c r="F5410">
        <v>2</v>
      </c>
      <c r="H5410" t="s">
        <v>27935</v>
      </c>
      <c r="I5410">
        <v>1</v>
      </c>
      <c r="J5410" t="s">
        <v>27936</v>
      </c>
      <c r="K5410" t="s">
        <v>27936</v>
      </c>
      <c r="M5410">
        <v>1227152</v>
      </c>
      <c r="O5410">
        <v>697911</v>
      </c>
      <c r="P5410">
        <v>1</v>
      </c>
      <c r="Q5410">
        <v>1</v>
      </c>
      <c r="R5410" t="s">
        <v>229</v>
      </c>
      <c r="S5410">
        <v>1009</v>
      </c>
    </row>
    <row r="5411" spans="1:19" x14ac:dyDescent="0.25">
      <c r="A5411">
        <v>18589109</v>
      </c>
      <c r="B5411" t="s">
        <v>27937</v>
      </c>
      <c r="C5411" s="1" t="s">
        <v>27938</v>
      </c>
      <c r="D5411">
        <v>18589336</v>
      </c>
      <c r="E5411">
        <v>3</v>
      </c>
      <c r="F5411">
        <v>0</v>
      </c>
      <c r="H5411" t="s">
        <v>27939</v>
      </c>
      <c r="J5411" t="s">
        <v>27940</v>
      </c>
      <c r="O5411">
        <v>1679011</v>
      </c>
      <c r="P5411">
        <v>1</v>
      </c>
      <c r="Q5411">
        <v>0</v>
      </c>
      <c r="R5411" t="s">
        <v>27941</v>
      </c>
      <c r="S5411">
        <v>493</v>
      </c>
    </row>
    <row r="5412" spans="1:19" x14ac:dyDescent="0.25">
      <c r="A5412">
        <v>26410236</v>
      </c>
      <c r="B5412" t="s">
        <v>27942</v>
      </c>
      <c r="C5412" s="1" t="s">
        <v>27943</v>
      </c>
      <c r="E5412">
        <v>1</v>
      </c>
      <c r="F5412">
        <v>0</v>
      </c>
      <c r="H5412" t="s">
        <v>27944</v>
      </c>
      <c r="J5412" t="s">
        <v>27945</v>
      </c>
      <c r="O5412">
        <v>645107</v>
      </c>
      <c r="P5412">
        <v>1</v>
      </c>
      <c r="Q5412">
        <v>1</v>
      </c>
      <c r="R5412" t="s">
        <v>27946</v>
      </c>
      <c r="S5412">
        <v>108</v>
      </c>
    </row>
    <row r="5413" spans="1:19" x14ac:dyDescent="0.25">
      <c r="A5413">
        <v>6208383</v>
      </c>
      <c r="B5413" t="s">
        <v>27947</v>
      </c>
      <c r="C5413" s="1" t="s">
        <v>27948</v>
      </c>
      <c r="E5413">
        <v>1</v>
      </c>
      <c r="F5413">
        <v>1</v>
      </c>
      <c r="H5413" t="s">
        <v>27949</v>
      </c>
      <c r="J5413" t="s">
        <v>27950</v>
      </c>
      <c r="O5413">
        <v>476426</v>
      </c>
      <c r="P5413">
        <v>1</v>
      </c>
      <c r="Q5413">
        <v>0</v>
      </c>
      <c r="R5413" t="s">
        <v>27951</v>
      </c>
      <c r="S5413">
        <v>1819</v>
      </c>
    </row>
    <row r="5414" spans="1:19" x14ac:dyDescent="0.25">
      <c r="A5414">
        <v>14743312</v>
      </c>
      <c r="B5414" t="s">
        <v>27952</v>
      </c>
      <c r="C5414" s="1" t="s">
        <v>27953</v>
      </c>
      <c r="D5414">
        <v>14743378</v>
      </c>
      <c r="E5414">
        <v>1</v>
      </c>
      <c r="F5414">
        <v>0</v>
      </c>
      <c r="H5414" t="s">
        <v>27954</v>
      </c>
      <c r="J5414" t="s">
        <v>27955</v>
      </c>
      <c r="O5414">
        <v>1096728</v>
      </c>
      <c r="P5414">
        <v>1</v>
      </c>
      <c r="Q5414">
        <v>4</v>
      </c>
      <c r="R5414" t="s">
        <v>1359</v>
      </c>
      <c r="S5414">
        <v>552</v>
      </c>
    </row>
    <row r="5415" spans="1:19" x14ac:dyDescent="0.25">
      <c r="A5415">
        <v>43504024</v>
      </c>
      <c r="B5415" t="s">
        <v>27956</v>
      </c>
      <c r="C5415" s="1" t="s">
        <v>27957</v>
      </c>
      <c r="D5415">
        <v>43505552</v>
      </c>
      <c r="E5415">
        <v>2</v>
      </c>
      <c r="F5415">
        <v>4</v>
      </c>
      <c r="H5415" t="s">
        <v>27958</v>
      </c>
      <c r="J5415" t="s">
        <v>27959</v>
      </c>
      <c r="K5415" t="s">
        <v>27959</v>
      </c>
      <c r="M5415">
        <v>6296561</v>
      </c>
      <c r="O5415">
        <v>2152719</v>
      </c>
      <c r="P5415">
        <v>1</v>
      </c>
      <c r="Q5415">
        <v>0</v>
      </c>
      <c r="R5415" t="s">
        <v>27960</v>
      </c>
      <c r="S5415">
        <v>74</v>
      </c>
    </row>
    <row r="5416" spans="1:19" x14ac:dyDescent="0.25">
      <c r="A5416">
        <v>10350652</v>
      </c>
      <c r="B5416" t="s">
        <v>27961</v>
      </c>
      <c r="C5416" s="1" t="s">
        <v>27962</v>
      </c>
      <c r="D5416">
        <v>10350840</v>
      </c>
      <c r="E5416">
        <v>3</v>
      </c>
      <c r="F5416">
        <v>1</v>
      </c>
      <c r="H5416" t="s">
        <v>27963</v>
      </c>
      <c r="J5416" t="s">
        <v>27964</v>
      </c>
      <c r="K5416" t="s">
        <v>27965</v>
      </c>
      <c r="M5416">
        <v>416442</v>
      </c>
      <c r="O5416">
        <v>416442</v>
      </c>
      <c r="P5416">
        <v>1</v>
      </c>
      <c r="Q5416">
        <v>0</v>
      </c>
      <c r="R5416" t="s">
        <v>27966</v>
      </c>
      <c r="S5416">
        <v>1410</v>
      </c>
    </row>
    <row r="5417" spans="1:19" x14ac:dyDescent="0.25">
      <c r="A5417">
        <v>49090603</v>
      </c>
      <c r="B5417" t="s">
        <v>27967</v>
      </c>
      <c r="C5417" s="1" t="s">
        <v>27968</v>
      </c>
      <c r="E5417">
        <v>1</v>
      </c>
      <c r="F5417">
        <v>0</v>
      </c>
      <c r="H5417" t="s">
        <v>27969</v>
      </c>
      <c r="J5417" t="s">
        <v>27970</v>
      </c>
      <c r="K5417" t="s">
        <v>27970</v>
      </c>
      <c r="M5417">
        <v>5690355</v>
      </c>
      <c r="O5417">
        <v>9439965</v>
      </c>
      <c r="P5417">
        <v>1</v>
      </c>
      <c r="Q5417">
        <v>0</v>
      </c>
      <c r="R5417" t="s">
        <v>27971</v>
      </c>
      <c r="S5417">
        <v>34</v>
      </c>
    </row>
    <row r="5418" spans="1:19" x14ac:dyDescent="0.25">
      <c r="A5418">
        <v>3345663</v>
      </c>
      <c r="B5418" t="s">
        <v>27972</v>
      </c>
      <c r="C5418" s="1" t="s">
        <v>27973</v>
      </c>
      <c r="D5418">
        <v>3345710</v>
      </c>
      <c r="E5418">
        <v>3</v>
      </c>
      <c r="F5418">
        <v>0</v>
      </c>
      <c r="H5418" t="s">
        <v>27974</v>
      </c>
      <c r="J5418" t="s">
        <v>27975</v>
      </c>
      <c r="K5418" t="s">
        <v>27976</v>
      </c>
      <c r="M5418">
        <v>101258</v>
      </c>
      <c r="O5418">
        <v>46810</v>
      </c>
      <c r="P5418">
        <v>1</v>
      </c>
      <c r="Q5418">
        <v>3</v>
      </c>
      <c r="R5418" t="s">
        <v>27977</v>
      </c>
      <c r="S5418">
        <v>91</v>
      </c>
    </row>
    <row r="5419" spans="1:19" x14ac:dyDescent="0.25">
      <c r="A5419">
        <v>20818226</v>
      </c>
      <c r="B5419" t="s">
        <v>27978</v>
      </c>
      <c r="C5419" s="1" t="s">
        <v>27979</v>
      </c>
      <c r="E5419">
        <v>2</v>
      </c>
      <c r="F5419">
        <v>1</v>
      </c>
      <c r="H5419" t="s">
        <v>27980</v>
      </c>
      <c r="J5419" t="s">
        <v>27981</v>
      </c>
      <c r="O5419">
        <v>3142508</v>
      </c>
      <c r="P5419">
        <v>1</v>
      </c>
      <c r="Q5419">
        <v>1</v>
      </c>
      <c r="R5419" t="s">
        <v>27982</v>
      </c>
      <c r="S5419">
        <v>8859</v>
      </c>
    </row>
    <row r="5420" spans="1:19" x14ac:dyDescent="0.25">
      <c r="A5420">
        <v>7426121</v>
      </c>
      <c r="B5420" t="s">
        <v>27983</v>
      </c>
      <c r="C5420" s="1" t="s">
        <v>27984</v>
      </c>
      <c r="E5420">
        <v>2</v>
      </c>
      <c r="F5420">
        <v>0</v>
      </c>
      <c r="H5420" t="s">
        <v>27985</v>
      </c>
      <c r="I5420">
        <v>1</v>
      </c>
      <c r="J5420" t="s">
        <v>27986</v>
      </c>
      <c r="O5420">
        <v>808267</v>
      </c>
      <c r="P5420">
        <v>1</v>
      </c>
      <c r="Q5420">
        <v>1</v>
      </c>
      <c r="R5420" t="s">
        <v>2771</v>
      </c>
      <c r="S5420">
        <v>657</v>
      </c>
    </row>
    <row r="5421" spans="1:19" x14ac:dyDescent="0.25">
      <c r="A5421">
        <v>3003187</v>
      </c>
      <c r="B5421" t="s">
        <v>27987</v>
      </c>
      <c r="C5421" s="1" t="s">
        <v>27988</v>
      </c>
      <c r="D5421">
        <v>3006853</v>
      </c>
      <c r="E5421">
        <v>6</v>
      </c>
      <c r="F5421">
        <v>0</v>
      </c>
      <c r="H5421" t="s">
        <v>27989</v>
      </c>
      <c r="I5421">
        <v>10</v>
      </c>
      <c r="J5421" t="s">
        <v>27990</v>
      </c>
      <c r="K5421" t="s">
        <v>27991</v>
      </c>
      <c r="M5421">
        <v>325727</v>
      </c>
      <c r="O5421">
        <v>325727</v>
      </c>
      <c r="P5421">
        <v>1</v>
      </c>
      <c r="Q5421">
        <v>23</v>
      </c>
      <c r="R5421" t="s">
        <v>6646</v>
      </c>
      <c r="S5421">
        <v>53992</v>
      </c>
    </row>
    <row r="5422" spans="1:19" x14ac:dyDescent="0.25">
      <c r="A5422">
        <v>44591386</v>
      </c>
      <c r="B5422" t="s">
        <v>27992</v>
      </c>
      <c r="C5422" s="1" t="s">
        <v>27993</v>
      </c>
      <c r="E5422">
        <v>2</v>
      </c>
      <c r="F5422">
        <v>1</v>
      </c>
      <c r="H5422" t="s">
        <v>27994</v>
      </c>
      <c r="J5422" t="s">
        <v>27995</v>
      </c>
      <c r="O5422">
        <v>200783</v>
      </c>
      <c r="P5422">
        <v>1</v>
      </c>
      <c r="Q5422">
        <v>0</v>
      </c>
      <c r="R5422" t="s">
        <v>27996</v>
      </c>
      <c r="S5422">
        <v>450</v>
      </c>
    </row>
    <row r="5423" spans="1:19" x14ac:dyDescent="0.25">
      <c r="A5423">
        <v>28981040</v>
      </c>
      <c r="B5423" t="s">
        <v>27997</v>
      </c>
      <c r="C5423" s="1" t="s">
        <v>27998</v>
      </c>
      <c r="E5423">
        <v>2</v>
      </c>
      <c r="F5423">
        <v>2</v>
      </c>
      <c r="H5423" t="s">
        <v>27999</v>
      </c>
      <c r="J5423" t="s">
        <v>28000</v>
      </c>
      <c r="K5423" t="s">
        <v>28000</v>
      </c>
      <c r="M5423">
        <v>2385479</v>
      </c>
      <c r="O5423">
        <v>4558489</v>
      </c>
      <c r="P5423">
        <v>1</v>
      </c>
      <c r="Q5423">
        <v>1</v>
      </c>
      <c r="R5423" t="s">
        <v>28001</v>
      </c>
      <c r="S5423">
        <v>56</v>
      </c>
    </row>
    <row r="5424" spans="1:19" x14ac:dyDescent="0.25">
      <c r="A5424">
        <v>8504336</v>
      </c>
      <c r="B5424" t="s">
        <v>28002</v>
      </c>
      <c r="C5424" s="1" t="s">
        <v>28003</v>
      </c>
      <c r="D5424">
        <v>8504705</v>
      </c>
      <c r="E5424">
        <v>4</v>
      </c>
      <c r="F5424">
        <v>1</v>
      </c>
      <c r="H5424" t="s">
        <v>28004</v>
      </c>
      <c r="J5424" t="s">
        <v>28005</v>
      </c>
      <c r="K5424" t="s">
        <v>28006</v>
      </c>
      <c r="M5424">
        <v>452307</v>
      </c>
      <c r="O5424">
        <v>720094</v>
      </c>
      <c r="P5424">
        <v>1</v>
      </c>
      <c r="Q5424">
        <v>0</v>
      </c>
      <c r="R5424" t="s">
        <v>28007</v>
      </c>
      <c r="S5424">
        <v>56</v>
      </c>
    </row>
    <row r="5425" spans="1:19" x14ac:dyDescent="0.25">
      <c r="A5425">
        <v>13282338</v>
      </c>
      <c r="B5425" t="s">
        <v>28008</v>
      </c>
      <c r="C5425" s="1" t="s">
        <v>28009</v>
      </c>
      <c r="E5425">
        <v>3</v>
      </c>
      <c r="F5425">
        <v>0</v>
      </c>
      <c r="H5425" t="s">
        <v>28010</v>
      </c>
      <c r="J5425" t="s">
        <v>28011</v>
      </c>
      <c r="K5425" t="s">
        <v>28012</v>
      </c>
      <c r="M5425">
        <v>1690392</v>
      </c>
      <c r="O5425">
        <v>1514057</v>
      </c>
      <c r="P5425">
        <v>1</v>
      </c>
      <c r="Q5425">
        <v>0</v>
      </c>
      <c r="R5425" t="s">
        <v>28013</v>
      </c>
      <c r="S5425">
        <v>457</v>
      </c>
    </row>
    <row r="5426" spans="1:19" x14ac:dyDescent="0.25">
      <c r="A5426">
        <v>33125768</v>
      </c>
      <c r="B5426" t="s">
        <v>28014</v>
      </c>
      <c r="C5426" s="1" t="s">
        <v>28015</v>
      </c>
      <c r="D5426">
        <v>33131700</v>
      </c>
      <c r="E5426">
        <v>1</v>
      </c>
      <c r="F5426">
        <v>3</v>
      </c>
      <c r="H5426" t="s">
        <v>28016</v>
      </c>
      <c r="J5426" t="s">
        <v>28017</v>
      </c>
      <c r="O5426">
        <v>865796</v>
      </c>
      <c r="P5426">
        <v>1</v>
      </c>
      <c r="Q5426">
        <v>0</v>
      </c>
      <c r="R5426" t="s">
        <v>28018</v>
      </c>
      <c r="S5426">
        <v>43</v>
      </c>
    </row>
    <row r="5427" spans="1:19" x14ac:dyDescent="0.25">
      <c r="A5427">
        <v>36042748</v>
      </c>
      <c r="B5427" t="s">
        <v>28019</v>
      </c>
      <c r="C5427" s="1" t="s">
        <v>28020</v>
      </c>
      <c r="E5427">
        <v>4</v>
      </c>
      <c r="F5427">
        <v>5</v>
      </c>
      <c r="H5427" t="s">
        <v>28021</v>
      </c>
      <c r="J5427" t="s">
        <v>28022</v>
      </c>
      <c r="K5427" t="s">
        <v>28023</v>
      </c>
      <c r="M5427">
        <v>4137908</v>
      </c>
      <c r="O5427">
        <v>4137908</v>
      </c>
      <c r="P5427">
        <v>1</v>
      </c>
      <c r="Q5427">
        <v>3</v>
      </c>
      <c r="R5427" t="s">
        <v>28024</v>
      </c>
      <c r="S5427">
        <v>1692</v>
      </c>
    </row>
    <row r="5428" spans="1:19" x14ac:dyDescent="0.25">
      <c r="A5428">
        <v>5978314</v>
      </c>
      <c r="B5428" t="s">
        <v>28025</v>
      </c>
      <c r="C5428" s="1" t="s">
        <v>28026</v>
      </c>
      <c r="D5428">
        <v>5978356</v>
      </c>
      <c r="E5428">
        <v>2</v>
      </c>
      <c r="F5428">
        <v>0</v>
      </c>
      <c r="H5428" t="s">
        <v>28027</v>
      </c>
      <c r="J5428" t="s">
        <v>28028</v>
      </c>
      <c r="K5428" t="s">
        <v>28029</v>
      </c>
      <c r="M5428">
        <v>27206</v>
      </c>
      <c r="O5428">
        <v>306025</v>
      </c>
      <c r="P5428">
        <v>1</v>
      </c>
      <c r="Q5428">
        <v>5</v>
      </c>
      <c r="R5428" t="s">
        <v>11699</v>
      </c>
      <c r="S5428">
        <v>118</v>
      </c>
    </row>
    <row r="5429" spans="1:19" x14ac:dyDescent="0.25">
      <c r="A5429">
        <v>32468588</v>
      </c>
      <c r="B5429" t="s">
        <v>28030</v>
      </c>
      <c r="C5429" s="1" t="s">
        <v>28031</v>
      </c>
      <c r="D5429">
        <v>32469073</v>
      </c>
      <c r="E5429">
        <v>1</v>
      </c>
      <c r="F5429">
        <v>4</v>
      </c>
      <c r="H5429" t="s">
        <v>28032</v>
      </c>
      <c r="J5429" t="s">
        <v>28033</v>
      </c>
      <c r="K5429" t="s">
        <v>28034</v>
      </c>
      <c r="M5429">
        <v>446006</v>
      </c>
      <c r="O5429">
        <v>1747471</v>
      </c>
      <c r="P5429">
        <v>1</v>
      </c>
      <c r="Q5429">
        <v>3</v>
      </c>
      <c r="R5429" t="s">
        <v>28035</v>
      </c>
      <c r="S5429">
        <v>826</v>
      </c>
    </row>
    <row r="5430" spans="1:19" x14ac:dyDescent="0.25">
      <c r="A5430">
        <v>26178053</v>
      </c>
      <c r="B5430" t="s">
        <v>28036</v>
      </c>
      <c r="C5430" s="1" t="s">
        <v>28037</v>
      </c>
      <c r="E5430">
        <v>3</v>
      </c>
      <c r="F5430">
        <v>0</v>
      </c>
      <c r="H5430" t="s">
        <v>28038</v>
      </c>
      <c r="J5430" t="s">
        <v>28039</v>
      </c>
      <c r="K5430" t="s">
        <v>28040</v>
      </c>
      <c r="M5430">
        <v>299635</v>
      </c>
      <c r="O5430">
        <v>299635</v>
      </c>
      <c r="P5430">
        <v>1</v>
      </c>
      <c r="Q5430">
        <v>1</v>
      </c>
      <c r="R5430" t="s">
        <v>28041</v>
      </c>
      <c r="S5430">
        <v>765</v>
      </c>
    </row>
    <row r="5431" spans="1:19" x14ac:dyDescent="0.25">
      <c r="A5431">
        <v>30648250</v>
      </c>
      <c r="B5431" t="s">
        <v>28042</v>
      </c>
      <c r="C5431" s="1" t="s">
        <v>28043</v>
      </c>
      <c r="E5431">
        <v>3</v>
      </c>
      <c r="F5431">
        <v>3</v>
      </c>
      <c r="H5431" t="s">
        <v>28044</v>
      </c>
      <c r="J5431" t="s">
        <v>28045</v>
      </c>
      <c r="K5431" t="s">
        <v>28045</v>
      </c>
      <c r="M5431">
        <v>904570</v>
      </c>
      <c r="O5431">
        <v>904570</v>
      </c>
      <c r="P5431">
        <v>1</v>
      </c>
      <c r="Q5431">
        <v>-4</v>
      </c>
      <c r="R5431" t="s">
        <v>28046</v>
      </c>
      <c r="S5431">
        <v>77</v>
      </c>
    </row>
    <row r="5432" spans="1:19" x14ac:dyDescent="0.25">
      <c r="A5432">
        <v>39422565</v>
      </c>
      <c r="B5432" t="s">
        <v>28047</v>
      </c>
      <c r="C5432" s="1" t="s">
        <v>28048</v>
      </c>
      <c r="E5432">
        <v>1</v>
      </c>
      <c r="F5432">
        <v>0</v>
      </c>
      <c r="H5432" t="s">
        <v>28049</v>
      </c>
      <c r="J5432" t="s">
        <v>28050</v>
      </c>
      <c r="K5432" t="s">
        <v>28051</v>
      </c>
      <c r="M5432">
        <v>1878262</v>
      </c>
      <c r="O5432">
        <v>5133678</v>
      </c>
      <c r="P5432">
        <v>1</v>
      </c>
      <c r="Q5432">
        <v>0</v>
      </c>
      <c r="R5432" t="s">
        <v>413</v>
      </c>
      <c r="S5432">
        <v>19</v>
      </c>
    </row>
    <row r="5433" spans="1:19" x14ac:dyDescent="0.25">
      <c r="A5433">
        <v>3535777</v>
      </c>
      <c r="B5433" t="s">
        <v>28052</v>
      </c>
      <c r="C5433" s="1" t="s">
        <v>28053</v>
      </c>
      <c r="D5433">
        <v>3535863</v>
      </c>
      <c r="E5433">
        <v>1</v>
      </c>
      <c r="F5433">
        <v>1</v>
      </c>
      <c r="H5433" t="s">
        <v>28054</v>
      </c>
      <c r="J5433" t="s">
        <v>28055</v>
      </c>
      <c r="O5433">
        <v>426580</v>
      </c>
      <c r="P5433">
        <v>1</v>
      </c>
      <c r="Q5433">
        <v>0</v>
      </c>
      <c r="R5433" t="s">
        <v>28056</v>
      </c>
      <c r="S5433">
        <v>1401</v>
      </c>
    </row>
    <row r="5434" spans="1:19" x14ac:dyDescent="0.25">
      <c r="A5434">
        <v>29707658</v>
      </c>
      <c r="B5434" t="s">
        <v>28057</v>
      </c>
      <c r="C5434" s="1" t="s">
        <v>28058</v>
      </c>
      <c r="E5434">
        <v>1</v>
      </c>
      <c r="F5434">
        <v>1</v>
      </c>
      <c r="H5434" t="s">
        <v>28059</v>
      </c>
      <c r="J5434" t="s">
        <v>28060</v>
      </c>
      <c r="O5434">
        <v>4802610</v>
      </c>
      <c r="P5434">
        <v>1</v>
      </c>
      <c r="Q5434">
        <v>0</v>
      </c>
      <c r="R5434" t="s">
        <v>28061</v>
      </c>
      <c r="S5434">
        <v>248</v>
      </c>
    </row>
    <row r="5435" spans="1:19" x14ac:dyDescent="0.25">
      <c r="A5435">
        <v>52606745</v>
      </c>
      <c r="B5435" t="s">
        <v>28062</v>
      </c>
      <c r="C5435" s="1" t="s">
        <v>28063</v>
      </c>
      <c r="E5435">
        <v>0</v>
      </c>
      <c r="F5435">
        <v>0</v>
      </c>
      <c r="H5435" t="s">
        <v>28064</v>
      </c>
      <c r="J5435" t="s">
        <v>28064</v>
      </c>
      <c r="O5435">
        <v>8624620</v>
      </c>
      <c r="P5435">
        <v>1</v>
      </c>
      <c r="Q5435">
        <v>0</v>
      </c>
      <c r="R5435" t="s">
        <v>28065</v>
      </c>
      <c r="S5435">
        <v>11</v>
      </c>
    </row>
    <row r="5436" spans="1:19" x14ac:dyDescent="0.25">
      <c r="A5436">
        <v>49577987</v>
      </c>
      <c r="B5436" t="s">
        <v>28066</v>
      </c>
      <c r="C5436" s="1" t="s">
        <v>28067</v>
      </c>
      <c r="E5436">
        <v>3</v>
      </c>
      <c r="F5436">
        <v>2</v>
      </c>
      <c r="H5436" t="s">
        <v>28068</v>
      </c>
      <c r="J5436" t="s">
        <v>28069</v>
      </c>
      <c r="K5436" t="s">
        <v>28070</v>
      </c>
      <c r="M5436">
        <v>2042827</v>
      </c>
      <c r="O5436">
        <v>8502198</v>
      </c>
      <c r="P5436">
        <v>1</v>
      </c>
      <c r="Q5436">
        <v>0</v>
      </c>
      <c r="R5436" t="s">
        <v>351</v>
      </c>
      <c r="S5436">
        <v>66</v>
      </c>
    </row>
    <row r="5437" spans="1:19" x14ac:dyDescent="0.25">
      <c r="A5437">
        <v>10528090</v>
      </c>
      <c r="B5437" t="s">
        <v>28071</v>
      </c>
      <c r="C5437" s="1" t="s">
        <v>28072</v>
      </c>
      <c r="D5437">
        <v>10529685</v>
      </c>
      <c r="E5437">
        <v>2</v>
      </c>
      <c r="F5437">
        <v>0</v>
      </c>
      <c r="H5437" t="s">
        <v>28073</v>
      </c>
      <c r="J5437" t="s">
        <v>28074</v>
      </c>
      <c r="K5437" t="s">
        <v>28074</v>
      </c>
      <c r="M5437">
        <v>1108213</v>
      </c>
      <c r="O5437">
        <v>1314301</v>
      </c>
      <c r="P5437">
        <v>1</v>
      </c>
      <c r="Q5437">
        <v>1</v>
      </c>
      <c r="R5437" t="s">
        <v>3912</v>
      </c>
      <c r="S5437">
        <v>1033</v>
      </c>
    </row>
    <row r="5438" spans="1:19" x14ac:dyDescent="0.25">
      <c r="A5438">
        <v>5376116</v>
      </c>
      <c r="B5438" t="s">
        <v>28075</v>
      </c>
      <c r="C5438" t="s">
        <v>28076</v>
      </c>
      <c r="E5438">
        <v>2</v>
      </c>
      <c r="F5438">
        <v>10</v>
      </c>
      <c r="H5438" t="s">
        <v>28077</v>
      </c>
      <c r="I5438">
        <v>12</v>
      </c>
      <c r="J5438" t="s">
        <v>28078</v>
      </c>
      <c r="K5438" t="s">
        <v>28078</v>
      </c>
      <c r="M5438">
        <v>1465553</v>
      </c>
      <c r="O5438">
        <v>669200</v>
      </c>
      <c r="P5438">
        <v>1</v>
      </c>
      <c r="Q5438">
        <v>9</v>
      </c>
      <c r="R5438" t="s">
        <v>28079</v>
      </c>
      <c r="S5438">
        <v>12439</v>
      </c>
    </row>
    <row r="5439" spans="1:19" x14ac:dyDescent="0.25">
      <c r="A5439">
        <v>37821651</v>
      </c>
      <c r="B5439" t="s">
        <v>28080</v>
      </c>
      <c r="C5439" s="1" t="s">
        <v>28081</v>
      </c>
      <c r="E5439">
        <v>1</v>
      </c>
      <c r="F5439">
        <v>4</v>
      </c>
      <c r="H5439" t="s">
        <v>28082</v>
      </c>
      <c r="J5439" t="s">
        <v>28083</v>
      </c>
      <c r="O5439">
        <v>1357627</v>
      </c>
      <c r="P5439">
        <v>1</v>
      </c>
      <c r="Q5439">
        <v>4</v>
      </c>
      <c r="R5439" t="s">
        <v>28084</v>
      </c>
      <c r="S5439">
        <v>725</v>
      </c>
    </row>
    <row r="5440" spans="1:19" x14ac:dyDescent="0.25">
      <c r="A5440">
        <v>50595918</v>
      </c>
      <c r="B5440" t="s">
        <v>28085</v>
      </c>
      <c r="C5440" s="1" t="s">
        <v>28086</v>
      </c>
      <c r="E5440">
        <v>0</v>
      </c>
      <c r="F5440">
        <v>0</v>
      </c>
      <c r="H5440" t="s">
        <v>28087</v>
      </c>
      <c r="J5440" t="s">
        <v>28087</v>
      </c>
      <c r="O5440">
        <v>5071197</v>
      </c>
      <c r="P5440">
        <v>1</v>
      </c>
      <c r="Q5440">
        <v>0</v>
      </c>
      <c r="R5440" t="s">
        <v>28088</v>
      </c>
      <c r="S5440">
        <v>57</v>
      </c>
    </row>
    <row r="5441" spans="1:19" x14ac:dyDescent="0.25">
      <c r="A5441">
        <v>21819809</v>
      </c>
      <c r="B5441" t="s">
        <v>28089</v>
      </c>
      <c r="C5441" s="1" t="s">
        <v>28090</v>
      </c>
      <c r="E5441">
        <v>2</v>
      </c>
      <c r="F5441">
        <v>1</v>
      </c>
      <c r="H5441" t="s">
        <v>28091</v>
      </c>
      <c r="J5441" t="s">
        <v>28092</v>
      </c>
      <c r="K5441" t="s">
        <v>28093</v>
      </c>
      <c r="M5441">
        <v>1091981</v>
      </c>
      <c r="O5441">
        <v>1091981</v>
      </c>
      <c r="P5441">
        <v>1</v>
      </c>
      <c r="Q5441">
        <v>2</v>
      </c>
      <c r="R5441" t="s">
        <v>28094</v>
      </c>
      <c r="S5441">
        <v>244</v>
      </c>
    </row>
    <row r="5442" spans="1:19" x14ac:dyDescent="0.25">
      <c r="A5442">
        <v>4301040</v>
      </c>
      <c r="B5442" t="s">
        <v>28095</v>
      </c>
      <c r="C5442" s="1" t="s">
        <v>28096</v>
      </c>
      <c r="D5442">
        <v>4336213</v>
      </c>
      <c r="E5442">
        <v>1</v>
      </c>
      <c r="F5442">
        <v>1</v>
      </c>
      <c r="H5442" t="s">
        <v>28097</v>
      </c>
      <c r="J5442" t="s">
        <v>28098</v>
      </c>
      <c r="O5442">
        <v>377438</v>
      </c>
      <c r="P5442">
        <v>1</v>
      </c>
      <c r="Q5442">
        <v>0</v>
      </c>
      <c r="R5442" t="s">
        <v>28099</v>
      </c>
      <c r="S5442">
        <v>163</v>
      </c>
    </row>
    <row r="5443" spans="1:19" x14ac:dyDescent="0.25">
      <c r="A5443">
        <v>45994296</v>
      </c>
      <c r="B5443" t="s">
        <v>28100</v>
      </c>
      <c r="C5443" s="1" t="s">
        <v>28101</v>
      </c>
      <c r="D5443">
        <v>45996875</v>
      </c>
      <c r="E5443">
        <v>1</v>
      </c>
      <c r="F5443">
        <v>6</v>
      </c>
      <c r="H5443" t="s">
        <v>28102</v>
      </c>
      <c r="J5443" t="s">
        <v>28103</v>
      </c>
      <c r="K5443" t="s">
        <v>28104</v>
      </c>
      <c r="M5443">
        <v>8283848</v>
      </c>
      <c r="O5443">
        <v>8283848</v>
      </c>
      <c r="P5443">
        <v>1</v>
      </c>
      <c r="Q5443">
        <v>0</v>
      </c>
      <c r="R5443" t="s">
        <v>28105</v>
      </c>
      <c r="S5443">
        <v>200</v>
      </c>
    </row>
    <row r="5444" spans="1:19" x14ac:dyDescent="0.25">
      <c r="A5444">
        <v>33688937</v>
      </c>
      <c r="B5444" t="s">
        <v>28106</v>
      </c>
      <c r="C5444" s="1" t="s">
        <v>28107</v>
      </c>
      <c r="E5444">
        <v>2</v>
      </c>
      <c r="F5444">
        <v>0</v>
      </c>
      <c r="H5444" t="s">
        <v>28108</v>
      </c>
      <c r="I5444">
        <v>0</v>
      </c>
      <c r="J5444" t="s">
        <v>28109</v>
      </c>
      <c r="O5444">
        <v>1203797</v>
      </c>
      <c r="P5444">
        <v>1</v>
      </c>
      <c r="Q5444">
        <v>3</v>
      </c>
      <c r="R5444" t="s">
        <v>28110</v>
      </c>
      <c r="S5444">
        <v>1234</v>
      </c>
    </row>
    <row r="5445" spans="1:19" x14ac:dyDescent="0.25">
      <c r="A5445">
        <v>22203582</v>
      </c>
      <c r="B5445" t="s">
        <v>28111</v>
      </c>
      <c r="C5445" s="1" t="s">
        <v>28112</v>
      </c>
      <c r="E5445">
        <v>1</v>
      </c>
      <c r="F5445">
        <v>0</v>
      </c>
      <c r="H5445" t="s">
        <v>28113</v>
      </c>
      <c r="J5445" t="s">
        <v>28114</v>
      </c>
      <c r="K5445" t="s">
        <v>28114</v>
      </c>
      <c r="M5445">
        <v>1505120</v>
      </c>
      <c r="O5445">
        <v>2587053</v>
      </c>
      <c r="P5445">
        <v>1</v>
      </c>
      <c r="Q5445">
        <v>0</v>
      </c>
      <c r="R5445" t="s">
        <v>28115</v>
      </c>
      <c r="S5445">
        <v>274</v>
      </c>
    </row>
    <row r="5446" spans="1:19" x14ac:dyDescent="0.25">
      <c r="A5446">
        <v>42261030</v>
      </c>
      <c r="B5446" t="s">
        <v>28116</v>
      </c>
      <c r="C5446" s="1" t="s">
        <v>28117</v>
      </c>
      <c r="D5446">
        <v>42262774</v>
      </c>
      <c r="E5446">
        <v>1</v>
      </c>
      <c r="F5446">
        <v>0</v>
      </c>
      <c r="H5446" t="s">
        <v>28118</v>
      </c>
      <c r="J5446" t="s">
        <v>28119</v>
      </c>
      <c r="K5446" t="s">
        <v>28120</v>
      </c>
      <c r="M5446">
        <v>5994041</v>
      </c>
      <c r="O5446">
        <v>5994041</v>
      </c>
      <c r="P5446">
        <v>1</v>
      </c>
      <c r="Q5446">
        <v>0</v>
      </c>
      <c r="R5446" t="s">
        <v>28121</v>
      </c>
      <c r="S5446">
        <v>927</v>
      </c>
    </row>
    <row r="5447" spans="1:19" x14ac:dyDescent="0.25">
      <c r="A5447">
        <v>27105481</v>
      </c>
      <c r="B5447" t="s">
        <v>28122</v>
      </c>
      <c r="C5447" s="1" t="s">
        <v>28123</v>
      </c>
      <c r="E5447">
        <v>2</v>
      </c>
      <c r="F5447">
        <v>0</v>
      </c>
      <c r="H5447" t="s">
        <v>28124</v>
      </c>
      <c r="J5447" t="s">
        <v>28125</v>
      </c>
      <c r="O5447">
        <v>2448805</v>
      </c>
      <c r="P5447">
        <v>1</v>
      </c>
      <c r="Q5447">
        <v>0</v>
      </c>
      <c r="R5447" t="s">
        <v>28126</v>
      </c>
      <c r="S5447">
        <v>59</v>
      </c>
    </row>
    <row r="5448" spans="1:19" x14ac:dyDescent="0.25">
      <c r="A5448">
        <v>24398900</v>
      </c>
      <c r="B5448" t="s">
        <v>28127</v>
      </c>
      <c r="C5448" s="1" t="s">
        <v>28128</v>
      </c>
      <c r="D5448">
        <v>24420598</v>
      </c>
      <c r="E5448">
        <v>2</v>
      </c>
      <c r="F5448">
        <v>0</v>
      </c>
      <c r="H5448" t="s">
        <v>28129</v>
      </c>
      <c r="J5448" t="s">
        <v>28130</v>
      </c>
      <c r="O5448">
        <v>2162476</v>
      </c>
      <c r="P5448">
        <v>1</v>
      </c>
      <c r="Q5448">
        <v>0</v>
      </c>
      <c r="R5448" t="s">
        <v>28131</v>
      </c>
      <c r="S5448">
        <v>2313</v>
      </c>
    </row>
    <row r="5449" spans="1:19" x14ac:dyDescent="0.25">
      <c r="A5449">
        <v>39122118</v>
      </c>
      <c r="B5449" t="s">
        <v>28132</v>
      </c>
      <c r="C5449" s="1" t="s">
        <v>28133</v>
      </c>
      <c r="E5449">
        <v>2</v>
      </c>
      <c r="F5449">
        <v>0</v>
      </c>
      <c r="H5449" t="s">
        <v>28134</v>
      </c>
      <c r="J5449" t="s">
        <v>28135</v>
      </c>
      <c r="K5449" t="s">
        <v>28135</v>
      </c>
      <c r="M5449">
        <v>290085</v>
      </c>
      <c r="O5449">
        <v>514438</v>
      </c>
      <c r="P5449">
        <v>1</v>
      </c>
      <c r="Q5449">
        <v>1</v>
      </c>
      <c r="R5449" t="s">
        <v>28136</v>
      </c>
      <c r="S5449">
        <v>36</v>
      </c>
    </row>
    <row r="5450" spans="1:19" x14ac:dyDescent="0.25">
      <c r="A5450">
        <v>47019471</v>
      </c>
      <c r="B5450" t="s">
        <v>28137</v>
      </c>
      <c r="C5450" s="1" t="s">
        <v>28138</v>
      </c>
      <c r="E5450">
        <v>1</v>
      </c>
      <c r="F5450">
        <v>0</v>
      </c>
      <c r="H5450" t="s">
        <v>28139</v>
      </c>
      <c r="J5450" t="s">
        <v>28140</v>
      </c>
      <c r="O5450">
        <v>6838365</v>
      </c>
      <c r="P5450">
        <v>1</v>
      </c>
      <c r="Q5450">
        <v>0</v>
      </c>
      <c r="R5450" t="s">
        <v>28141</v>
      </c>
      <c r="S5450">
        <v>1385</v>
      </c>
    </row>
    <row r="5451" spans="1:19" x14ac:dyDescent="0.25">
      <c r="A5451">
        <v>11294756</v>
      </c>
      <c r="B5451" t="s">
        <v>28142</v>
      </c>
      <c r="C5451" s="1" t="s">
        <v>28143</v>
      </c>
      <c r="E5451">
        <v>1</v>
      </c>
      <c r="F5451">
        <v>1</v>
      </c>
      <c r="H5451" t="s">
        <v>28144</v>
      </c>
      <c r="I5451">
        <v>3</v>
      </c>
      <c r="J5451" t="s">
        <v>28145</v>
      </c>
      <c r="O5451">
        <v>560856</v>
      </c>
      <c r="P5451">
        <v>1</v>
      </c>
      <c r="Q5451">
        <v>4</v>
      </c>
      <c r="R5451" t="s">
        <v>6707</v>
      </c>
      <c r="S5451">
        <v>6625</v>
      </c>
    </row>
    <row r="5452" spans="1:19" x14ac:dyDescent="0.25">
      <c r="A5452">
        <v>7093587</v>
      </c>
      <c r="B5452" t="s">
        <v>28146</v>
      </c>
      <c r="C5452" t="s">
        <v>28147</v>
      </c>
      <c r="E5452">
        <v>1</v>
      </c>
      <c r="F5452">
        <v>0</v>
      </c>
      <c r="H5452" t="s">
        <v>28148</v>
      </c>
      <c r="J5452" t="s">
        <v>28149</v>
      </c>
      <c r="O5452">
        <v>898713</v>
      </c>
      <c r="P5452">
        <v>1</v>
      </c>
      <c r="Q5452">
        <v>0</v>
      </c>
      <c r="R5452" t="s">
        <v>28150</v>
      </c>
      <c r="S5452">
        <v>101</v>
      </c>
    </row>
    <row r="5453" spans="1:19" x14ac:dyDescent="0.25">
      <c r="A5453">
        <v>15098142</v>
      </c>
      <c r="B5453" t="s">
        <v>28151</v>
      </c>
      <c r="C5453" s="1" t="s">
        <v>28152</v>
      </c>
      <c r="E5453">
        <v>1</v>
      </c>
      <c r="F5453">
        <v>2</v>
      </c>
      <c r="H5453" t="s">
        <v>28153</v>
      </c>
      <c r="J5453" t="s">
        <v>28154</v>
      </c>
      <c r="O5453">
        <v>1720391</v>
      </c>
      <c r="P5453">
        <v>1</v>
      </c>
      <c r="Q5453">
        <v>1</v>
      </c>
      <c r="R5453" t="s">
        <v>28155</v>
      </c>
      <c r="S5453">
        <v>1056</v>
      </c>
    </row>
    <row r="5454" spans="1:19" x14ac:dyDescent="0.25">
      <c r="A5454">
        <v>24607944</v>
      </c>
      <c r="B5454" t="s">
        <v>28156</v>
      </c>
      <c r="C5454" s="1" t="s">
        <v>28157</v>
      </c>
      <c r="D5454">
        <v>24608086</v>
      </c>
      <c r="E5454">
        <v>1</v>
      </c>
      <c r="F5454">
        <v>8</v>
      </c>
      <c r="H5454" t="s">
        <v>28158</v>
      </c>
      <c r="J5454" t="s">
        <v>28159</v>
      </c>
      <c r="O5454">
        <v>3702602</v>
      </c>
      <c r="P5454">
        <v>1</v>
      </c>
      <c r="Q5454">
        <v>0</v>
      </c>
      <c r="R5454" t="s">
        <v>28160</v>
      </c>
      <c r="S5454">
        <v>125</v>
      </c>
    </row>
    <row r="5455" spans="1:19" x14ac:dyDescent="0.25">
      <c r="A5455">
        <v>52564539</v>
      </c>
      <c r="B5455" t="s">
        <v>28161</v>
      </c>
      <c r="C5455" s="1" t="s">
        <v>28162</v>
      </c>
      <c r="D5455">
        <v>52564592</v>
      </c>
      <c r="E5455">
        <v>1</v>
      </c>
      <c r="F5455">
        <v>1</v>
      </c>
      <c r="H5455" t="s">
        <v>28163</v>
      </c>
      <c r="J5455" t="s">
        <v>28164</v>
      </c>
      <c r="O5455">
        <v>10284550</v>
      </c>
      <c r="P5455">
        <v>1</v>
      </c>
      <c r="Q5455">
        <v>1</v>
      </c>
      <c r="R5455" t="s">
        <v>28165</v>
      </c>
      <c r="S5455">
        <v>47</v>
      </c>
    </row>
    <row r="5456" spans="1:19" x14ac:dyDescent="0.25">
      <c r="A5456">
        <v>6955205</v>
      </c>
      <c r="B5456" t="s">
        <v>28166</v>
      </c>
      <c r="C5456" s="1" t="s">
        <v>28167</v>
      </c>
      <c r="E5456">
        <v>0</v>
      </c>
      <c r="F5456">
        <v>3</v>
      </c>
      <c r="H5456" t="s">
        <v>28168</v>
      </c>
      <c r="J5456" t="s">
        <v>28169</v>
      </c>
      <c r="K5456" t="s">
        <v>28169</v>
      </c>
      <c r="M5456">
        <v>165309</v>
      </c>
      <c r="O5456">
        <v>165309</v>
      </c>
      <c r="P5456">
        <v>1</v>
      </c>
      <c r="Q5456">
        <v>0</v>
      </c>
      <c r="R5456" t="s">
        <v>28170</v>
      </c>
      <c r="S5456">
        <v>193</v>
      </c>
    </row>
    <row r="5457" spans="1:19" x14ac:dyDescent="0.25">
      <c r="A5457">
        <v>1524684</v>
      </c>
      <c r="B5457" t="s">
        <v>28171</v>
      </c>
      <c r="C5457" s="1" t="s">
        <v>28172</v>
      </c>
      <c r="D5457">
        <v>1525592</v>
      </c>
      <c r="E5457">
        <v>4</v>
      </c>
      <c r="F5457">
        <v>1</v>
      </c>
      <c r="H5457" t="s">
        <v>28173</v>
      </c>
      <c r="J5457" t="s">
        <v>28174</v>
      </c>
      <c r="K5457" t="s">
        <v>28175</v>
      </c>
      <c r="M5457">
        <v>63550</v>
      </c>
      <c r="O5457">
        <v>11043</v>
      </c>
      <c r="P5457">
        <v>1</v>
      </c>
      <c r="Q5457">
        <v>1</v>
      </c>
      <c r="R5457" t="s">
        <v>28176</v>
      </c>
      <c r="S5457">
        <v>859</v>
      </c>
    </row>
    <row r="5458" spans="1:19" x14ac:dyDescent="0.25">
      <c r="A5458">
        <v>11632505</v>
      </c>
      <c r="B5458" t="s">
        <v>28177</v>
      </c>
      <c r="C5458" s="1" t="s">
        <v>28178</v>
      </c>
      <c r="E5458">
        <v>1</v>
      </c>
      <c r="F5458">
        <v>0</v>
      </c>
      <c r="H5458" t="s">
        <v>28179</v>
      </c>
      <c r="J5458" t="s">
        <v>28180</v>
      </c>
      <c r="O5458">
        <v>1442278</v>
      </c>
      <c r="P5458">
        <v>1</v>
      </c>
      <c r="Q5458">
        <v>0</v>
      </c>
      <c r="R5458" t="s">
        <v>28181</v>
      </c>
      <c r="S5458">
        <v>159</v>
      </c>
    </row>
    <row r="5459" spans="1:19" x14ac:dyDescent="0.25">
      <c r="A5459">
        <v>44301051</v>
      </c>
      <c r="B5459" t="s">
        <v>28182</v>
      </c>
      <c r="C5459" t="s">
        <v>28183</v>
      </c>
      <c r="D5459">
        <v>44304442</v>
      </c>
      <c r="E5459">
        <v>1</v>
      </c>
      <c r="F5459">
        <v>0</v>
      </c>
      <c r="H5459" t="s">
        <v>28184</v>
      </c>
      <c r="J5459" t="s">
        <v>28185</v>
      </c>
      <c r="O5459">
        <v>8033023</v>
      </c>
      <c r="P5459">
        <v>1</v>
      </c>
      <c r="Q5459">
        <v>0</v>
      </c>
      <c r="R5459" t="s">
        <v>28186</v>
      </c>
      <c r="S5459">
        <v>70</v>
      </c>
    </row>
    <row r="5460" spans="1:19" x14ac:dyDescent="0.25">
      <c r="A5460">
        <v>22465249</v>
      </c>
      <c r="B5460" t="s">
        <v>28187</v>
      </c>
      <c r="C5460" s="1" t="s">
        <v>28188</v>
      </c>
      <c r="E5460">
        <v>0</v>
      </c>
      <c r="F5460">
        <v>2</v>
      </c>
      <c r="H5460" t="s">
        <v>28189</v>
      </c>
      <c r="J5460" t="s">
        <v>28190</v>
      </c>
      <c r="K5460" t="s">
        <v>28190</v>
      </c>
      <c r="M5460">
        <v>201863</v>
      </c>
      <c r="O5460">
        <v>2327842</v>
      </c>
      <c r="P5460">
        <v>1</v>
      </c>
      <c r="Q5460">
        <v>0</v>
      </c>
      <c r="R5460" t="s">
        <v>28191</v>
      </c>
      <c r="S5460">
        <v>156</v>
      </c>
    </row>
    <row r="5461" spans="1:19" x14ac:dyDescent="0.25">
      <c r="A5461">
        <v>30169596</v>
      </c>
      <c r="B5461" t="s">
        <v>28192</v>
      </c>
      <c r="C5461" s="1" t="s">
        <v>28193</v>
      </c>
      <c r="D5461">
        <v>30169684</v>
      </c>
      <c r="E5461">
        <v>2</v>
      </c>
      <c r="F5461">
        <v>6</v>
      </c>
      <c r="H5461" t="s">
        <v>28194</v>
      </c>
      <c r="I5461">
        <v>1</v>
      </c>
      <c r="J5461" t="s">
        <v>28195</v>
      </c>
      <c r="K5461" t="s">
        <v>28195</v>
      </c>
      <c r="M5461">
        <v>2214712</v>
      </c>
      <c r="O5461">
        <v>2214712</v>
      </c>
      <c r="P5461">
        <v>1</v>
      </c>
      <c r="Q5461">
        <v>2</v>
      </c>
      <c r="R5461" t="s">
        <v>759</v>
      </c>
      <c r="S5461">
        <v>422</v>
      </c>
    </row>
    <row r="5462" spans="1:19" x14ac:dyDescent="0.25">
      <c r="A5462">
        <v>12620725</v>
      </c>
      <c r="B5462" t="s">
        <v>28196</v>
      </c>
      <c r="C5462" s="1" t="s">
        <v>28197</v>
      </c>
      <c r="D5462">
        <v>12620950</v>
      </c>
      <c r="E5462">
        <v>1</v>
      </c>
      <c r="F5462">
        <v>2</v>
      </c>
      <c r="H5462" t="s">
        <v>28198</v>
      </c>
      <c r="J5462" t="s">
        <v>28199</v>
      </c>
      <c r="K5462" t="s">
        <v>28199</v>
      </c>
      <c r="M5462">
        <v>878567</v>
      </c>
      <c r="O5462">
        <v>878567</v>
      </c>
      <c r="P5462">
        <v>1</v>
      </c>
      <c r="Q5462">
        <v>-3</v>
      </c>
      <c r="R5462" t="s">
        <v>28200</v>
      </c>
      <c r="S5462">
        <v>114</v>
      </c>
    </row>
    <row r="5463" spans="1:19" x14ac:dyDescent="0.25">
      <c r="A5463">
        <v>43497977</v>
      </c>
      <c r="B5463" t="s">
        <v>28201</v>
      </c>
      <c r="C5463" s="1" t="s">
        <v>28202</v>
      </c>
      <c r="D5463">
        <v>43498903</v>
      </c>
      <c r="E5463">
        <v>1</v>
      </c>
      <c r="F5463">
        <v>0</v>
      </c>
      <c r="H5463" t="s">
        <v>28203</v>
      </c>
      <c r="J5463" t="s">
        <v>28204</v>
      </c>
      <c r="O5463">
        <v>1583815</v>
      </c>
      <c r="P5463">
        <v>1</v>
      </c>
      <c r="Q5463">
        <v>1</v>
      </c>
      <c r="R5463" t="s">
        <v>28205</v>
      </c>
      <c r="S5463">
        <v>486</v>
      </c>
    </row>
    <row r="5464" spans="1:19" x14ac:dyDescent="0.25">
      <c r="A5464">
        <v>33396913</v>
      </c>
      <c r="B5464" t="s">
        <v>28206</v>
      </c>
      <c r="C5464" s="1" t="s">
        <v>28207</v>
      </c>
      <c r="E5464">
        <v>1</v>
      </c>
      <c r="F5464">
        <v>0</v>
      </c>
      <c r="H5464" t="s">
        <v>28208</v>
      </c>
      <c r="J5464" t="s">
        <v>28209</v>
      </c>
      <c r="O5464">
        <v>4307101</v>
      </c>
      <c r="P5464">
        <v>1</v>
      </c>
      <c r="Q5464">
        <v>0</v>
      </c>
      <c r="R5464" t="s">
        <v>28210</v>
      </c>
      <c r="S5464">
        <v>75</v>
      </c>
    </row>
    <row r="5465" spans="1:19" x14ac:dyDescent="0.25">
      <c r="A5465">
        <v>13180492</v>
      </c>
      <c r="B5465" t="s">
        <v>28211</v>
      </c>
      <c r="C5465" s="1" t="s">
        <v>28212</v>
      </c>
      <c r="D5465">
        <v>13736050</v>
      </c>
      <c r="E5465">
        <v>2</v>
      </c>
      <c r="F5465">
        <v>0</v>
      </c>
      <c r="H5465" t="s">
        <v>28213</v>
      </c>
      <c r="I5465">
        <v>0</v>
      </c>
      <c r="J5465" t="s">
        <v>28214</v>
      </c>
      <c r="K5465" t="s">
        <v>28214</v>
      </c>
      <c r="M5465">
        <v>1529339</v>
      </c>
      <c r="O5465">
        <v>288360</v>
      </c>
      <c r="P5465">
        <v>1</v>
      </c>
      <c r="Q5465">
        <v>4</v>
      </c>
      <c r="R5465" t="s">
        <v>28215</v>
      </c>
      <c r="S5465">
        <v>14870</v>
      </c>
    </row>
    <row r="5466" spans="1:19" x14ac:dyDescent="0.25">
      <c r="A5466">
        <v>8354625</v>
      </c>
      <c r="B5466" t="s">
        <v>28216</v>
      </c>
      <c r="C5466" s="1" t="s">
        <v>28217</v>
      </c>
      <c r="D5466">
        <v>8354661</v>
      </c>
      <c r="E5466">
        <v>1</v>
      </c>
      <c r="F5466">
        <v>0</v>
      </c>
      <c r="H5466" t="s">
        <v>28218</v>
      </c>
      <c r="J5466" t="s">
        <v>28219</v>
      </c>
      <c r="K5466" t="s">
        <v>28219</v>
      </c>
      <c r="M5466">
        <v>4370109</v>
      </c>
      <c r="O5466">
        <v>1077125</v>
      </c>
      <c r="P5466">
        <v>1</v>
      </c>
      <c r="Q5466">
        <v>1</v>
      </c>
      <c r="R5466" t="s">
        <v>28220</v>
      </c>
      <c r="S5466">
        <v>3388</v>
      </c>
    </row>
    <row r="5467" spans="1:19" x14ac:dyDescent="0.25">
      <c r="A5467">
        <v>38019167</v>
      </c>
      <c r="B5467" t="s">
        <v>28221</v>
      </c>
      <c r="C5467" s="1" t="s">
        <v>28222</v>
      </c>
      <c r="D5467">
        <v>38020095</v>
      </c>
      <c r="E5467">
        <v>1</v>
      </c>
      <c r="F5467">
        <v>1</v>
      </c>
      <c r="H5467" t="s">
        <v>28223</v>
      </c>
      <c r="J5467" t="s">
        <v>28224</v>
      </c>
      <c r="O5467">
        <v>3418148</v>
      </c>
      <c r="P5467">
        <v>1</v>
      </c>
      <c r="Q5467">
        <v>0</v>
      </c>
      <c r="R5467" t="s">
        <v>28225</v>
      </c>
      <c r="S5467">
        <v>556</v>
      </c>
    </row>
    <row r="5468" spans="1:19" x14ac:dyDescent="0.25">
      <c r="A5468">
        <v>16761365</v>
      </c>
      <c r="B5468" t="s">
        <v>28226</v>
      </c>
      <c r="C5468" s="1" t="s">
        <v>28227</v>
      </c>
      <c r="E5468">
        <v>1</v>
      </c>
      <c r="F5468">
        <v>4</v>
      </c>
      <c r="H5468" t="s">
        <v>28228</v>
      </c>
      <c r="J5468" t="s">
        <v>28229</v>
      </c>
      <c r="O5468">
        <v>1497454</v>
      </c>
      <c r="P5468">
        <v>1</v>
      </c>
      <c r="Q5468">
        <v>0</v>
      </c>
      <c r="R5468" t="s">
        <v>28230</v>
      </c>
      <c r="S5468">
        <v>776</v>
      </c>
    </row>
    <row r="5469" spans="1:19" x14ac:dyDescent="0.25">
      <c r="A5469">
        <v>11002749</v>
      </c>
      <c r="B5469" t="s">
        <v>28231</v>
      </c>
      <c r="C5469" s="1" t="s">
        <v>28232</v>
      </c>
      <c r="D5469">
        <v>11002792</v>
      </c>
      <c r="E5469">
        <v>1</v>
      </c>
      <c r="F5469">
        <v>0</v>
      </c>
      <c r="H5469" t="s">
        <v>28233</v>
      </c>
      <c r="I5469">
        <v>1</v>
      </c>
      <c r="J5469" t="s">
        <v>28234</v>
      </c>
      <c r="K5469" t="s">
        <v>28234</v>
      </c>
      <c r="M5469">
        <v>843804</v>
      </c>
      <c r="O5469">
        <v>841654</v>
      </c>
      <c r="P5469">
        <v>1</v>
      </c>
      <c r="Q5469">
        <v>1</v>
      </c>
      <c r="R5469" t="s">
        <v>28235</v>
      </c>
      <c r="S5469">
        <v>1186</v>
      </c>
    </row>
    <row r="5470" spans="1:19" x14ac:dyDescent="0.25">
      <c r="A5470">
        <v>18164727</v>
      </c>
      <c r="B5470" t="s">
        <v>28236</v>
      </c>
      <c r="C5470" s="1" t="s">
        <v>28237</v>
      </c>
      <c r="D5470">
        <v>18164742</v>
      </c>
      <c r="E5470">
        <v>2</v>
      </c>
      <c r="F5470">
        <v>0</v>
      </c>
      <c r="H5470" t="s">
        <v>28238</v>
      </c>
      <c r="J5470" t="s">
        <v>28239</v>
      </c>
      <c r="O5470">
        <v>846504</v>
      </c>
      <c r="P5470">
        <v>1</v>
      </c>
      <c r="Q5470">
        <v>1</v>
      </c>
      <c r="R5470" t="s">
        <v>12608</v>
      </c>
      <c r="S5470">
        <v>77</v>
      </c>
    </row>
    <row r="5471" spans="1:19" x14ac:dyDescent="0.25">
      <c r="A5471">
        <v>30220534</v>
      </c>
      <c r="B5471" t="s">
        <v>28240</v>
      </c>
      <c r="C5471" s="1" t="s">
        <v>28241</v>
      </c>
      <c r="D5471">
        <v>30222109</v>
      </c>
      <c r="E5471">
        <v>1</v>
      </c>
      <c r="F5471">
        <v>0</v>
      </c>
      <c r="H5471" t="s">
        <v>28242</v>
      </c>
      <c r="J5471" t="s">
        <v>28243</v>
      </c>
      <c r="K5471" t="s">
        <v>28244</v>
      </c>
      <c r="M5471">
        <v>4585349</v>
      </c>
      <c r="O5471">
        <v>4585349</v>
      </c>
      <c r="P5471">
        <v>1</v>
      </c>
      <c r="Q5471">
        <v>0</v>
      </c>
      <c r="R5471" t="s">
        <v>6051</v>
      </c>
      <c r="S5471">
        <v>5118</v>
      </c>
    </row>
    <row r="5472" spans="1:19" x14ac:dyDescent="0.25">
      <c r="A5472">
        <v>38681577</v>
      </c>
      <c r="B5472" t="s">
        <v>28245</v>
      </c>
      <c r="C5472" s="1" t="s">
        <v>28246</v>
      </c>
      <c r="D5472">
        <v>38681907</v>
      </c>
      <c r="E5472">
        <v>1</v>
      </c>
      <c r="F5472">
        <v>0</v>
      </c>
      <c r="H5472" t="s">
        <v>28247</v>
      </c>
      <c r="J5472" t="s">
        <v>28248</v>
      </c>
      <c r="K5472" t="s">
        <v>28249</v>
      </c>
      <c r="M5472">
        <v>1725216</v>
      </c>
      <c r="O5472">
        <v>1725216</v>
      </c>
      <c r="P5472">
        <v>1</v>
      </c>
      <c r="Q5472">
        <v>1</v>
      </c>
      <c r="R5472" t="s">
        <v>28250</v>
      </c>
      <c r="S5472">
        <v>39</v>
      </c>
    </row>
    <row r="5473" spans="1:19" x14ac:dyDescent="0.25">
      <c r="A5473">
        <v>41580331</v>
      </c>
      <c r="B5473" t="s">
        <v>28251</v>
      </c>
      <c r="C5473" s="1" t="s">
        <v>28252</v>
      </c>
      <c r="D5473">
        <v>41583389</v>
      </c>
      <c r="E5473">
        <v>1</v>
      </c>
      <c r="F5473">
        <v>0</v>
      </c>
      <c r="H5473" t="s">
        <v>28253</v>
      </c>
      <c r="J5473" t="s">
        <v>28254</v>
      </c>
      <c r="K5473" t="s">
        <v>28254</v>
      </c>
      <c r="M5473">
        <v>4324738</v>
      </c>
      <c r="O5473">
        <v>7396721</v>
      </c>
      <c r="P5473">
        <v>1</v>
      </c>
      <c r="Q5473">
        <v>0</v>
      </c>
      <c r="R5473" t="s">
        <v>28255</v>
      </c>
      <c r="S5473">
        <v>107</v>
      </c>
    </row>
    <row r="5474" spans="1:19" x14ac:dyDescent="0.25">
      <c r="A5474">
        <v>40556089</v>
      </c>
      <c r="B5474" t="s">
        <v>28256</v>
      </c>
      <c r="C5474" s="1" t="s">
        <v>28257</v>
      </c>
      <c r="D5474">
        <v>40556114</v>
      </c>
      <c r="E5474">
        <v>3</v>
      </c>
      <c r="F5474">
        <v>1</v>
      </c>
      <c r="H5474" t="s">
        <v>28258</v>
      </c>
      <c r="J5474" t="s">
        <v>28259</v>
      </c>
      <c r="K5474" t="s">
        <v>28260</v>
      </c>
      <c r="M5474">
        <v>7147874</v>
      </c>
      <c r="O5474">
        <v>7147874</v>
      </c>
      <c r="P5474">
        <v>1</v>
      </c>
      <c r="Q5474">
        <v>-1</v>
      </c>
      <c r="R5474" t="s">
        <v>6962</v>
      </c>
      <c r="S5474">
        <v>477</v>
      </c>
    </row>
    <row r="5475" spans="1:19" x14ac:dyDescent="0.25">
      <c r="A5475">
        <v>23420976</v>
      </c>
      <c r="B5475" t="s">
        <v>28261</v>
      </c>
      <c r="C5475" s="1" t="s">
        <v>28262</v>
      </c>
      <c r="E5475">
        <v>2</v>
      </c>
      <c r="F5475">
        <v>0</v>
      </c>
      <c r="H5475" t="s">
        <v>28263</v>
      </c>
      <c r="J5475" t="s">
        <v>28264</v>
      </c>
      <c r="K5475" t="s">
        <v>28265</v>
      </c>
      <c r="M5475">
        <v>1843331</v>
      </c>
      <c r="O5475">
        <v>3321400</v>
      </c>
      <c r="P5475">
        <v>1</v>
      </c>
      <c r="Q5475">
        <v>0</v>
      </c>
      <c r="R5475" t="s">
        <v>28266</v>
      </c>
      <c r="S5475">
        <v>688</v>
      </c>
    </row>
    <row r="5476" spans="1:19" x14ac:dyDescent="0.25">
      <c r="A5476">
        <v>38487094</v>
      </c>
      <c r="B5476" t="s">
        <v>28267</v>
      </c>
      <c r="C5476" s="1" t="s">
        <v>28268</v>
      </c>
      <c r="E5476">
        <v>0</v>
      </c>
      <c r="F5476">
        <v>5</v>
      </c>
      <c r="H5476" t="s">
        <v>28269</v>
      </c>
      <c r="J5476" t="s">
        <v>28270</v>
      </c>
      <c r="K5476" t="s">
        <v>28270</v>
      </c>
      <c r="M5476">
        <v>4851590</v>
      </c>
      <c r="O5476">
        <v>6523767</v>
      </c>
      <c r="P5476">
        <v>1</v>
      </c>
      <c r="Q5476">
        <v>0</v>
      </c>
      <c r="R5476" t="s">
        <v>22045</v>
      </c>
      <c r="S5476">
        <v>52</v>
      </c>
    </row>
    <row r="5477" spans="1:19" x14ac:dyDescent="0.25">
      <c r="A5477">
        <v>12034512</v>
      </c>
      <c r="B5477" t="s">
        <v>28271</v>
      </c>
      <c r="C5477" t="s">
        <v>28272</v>
      </c>
      <c r="E5477">
        <v>1</v>
      </c>
      <c r="F5477">
        <v>1</v>
      </c>
      <c r="H5477" t="s">
        <v>28273</v>
      </c>
      <c r="I5477">
        <v>1</v>
      </c>
      <c r="J5477" t="s">
        <v>28274</v>
      </c>
      <c r="K5477" t="s">
        <v>28274</v>
      </c>
      <c r="M5477">
        <v>881229</v>
      </c>
      <c r="O5477">
        <v>1597836</v>
      </c>
      <c r="P5477">
        <v>1</v>
      </c>
      <c r="Q5477">
        <v>5</v>
      </c>
      <c r="R5477" t="s">
        <v>28275</v>
      </c>
      <c r="S5477">
        <v>872</v>
      </c>
    </row>
    <row r="5478" spans="1:19" x14ac:dyDescent="0.25">
      <c r="A5478">
        <v>43762171</v>
      </c>
      <c r="B5478" t="s">
        <v>28276</v>
      </c>
      <c r="C5478" s="1" t="s">
        <v>28277</v>
      </c>
      <c r="E5478">
        <v>1</v>
      </c>
      <c r="F5478">
        <v>2</v>
      </c>
      <c r="H5478" t="s">
        <v>28278</v>
      </c>
      <c r="J5478" t="s">
        <v>28279</v>
      </c>
      <c r="K5478" t="s">
        <v>28280</v>
      </c>
      <c r="M5478">
        <v>4625829</v>
      </c>
      <c r="O5478">
        <v>7387039</v>
      </c>
      <c r="P5478">
        <v>1</v>
      </c>
      <c r="Q5478">
        <v>0</v>
      </c>
      <c r="R5478" t="s">
        <v>28281</v>
      </c>
      <c r="S5478">
        <v>490</v>
      </c>
    </row>
    <row r="5479" spans="1:19" x14ac:dyDescent="0.25">
      <c r="A5479">
        <v>41343014</v>
      </c>
      <c r="B5479" t="s">
        <v>28282</v>
      </c>
      <c r="C5479" s="1" t="s">
        <v>28283</v>
      </c>
      <c r="E5479">
        <v>1</v>
      </c>
      <c r="F5479">
        <v>1</v>
      </c>
      <c r="H5479" t="s">
        <v>28284</v>
      </c>
      <c r="J5479" t="s">
        <v>28285</v>
      </c>
      <c r="K5479" t="s">
        <v>28286</v>
      </c>
      <c r="M5479">
        <v>7178055</v>
      </c>
      <c r="O5479">
        <v>6704695</v>
      </c>
      <c r="P5479">
        <v>1</v>
      </c>
      <c r="Q5479">
        <v>0</v>
      </c>
      <c r="R5479" t="s">
        <v>28287</v>
      </c>
      <c r="S5479">
        <v>286</v>
      </c>
    </row>
    <row r="5480" spans="1:19" x14ac:dyDescent="0.25">
      <c r="A5480">
        <v>8988828</v>
      </c>
      <c r="B5480" t="s">
        <v>28288</v>
      </c>
      <c r="C5480" s="1" t="s">
        <v>28289</v>
      </c>
      <c r="D5480">
        <v>8988879</v>
      </c>
      <c r="E5480">
        <v>1</v>
      </c>
      <c r="F5480">
        <v>0</v>
      </c>
      <c r="H5480" t="s">
        <v>28290</v>
      </c>
      <c r="J5480" t="s">
        <v>28291</v>
      </c>
      <c r="O5480">
        <v>1064398</v>
      </c>
      <c r="P5480">
        <v>1</v>
      </c>
      <c r="Q5480">
        <v>0</v>
      </c>
      <c r="R5480" t="s">
        <v>28292</v>
      </c>
      <c r="S5480">
        <v>3720</v>
      </c>
    </row>
    <row r="5481" spans="1:19" x14ac:dyDescent="0.25">
      <c r="A5481">
        <v>17912416</v>
      </c>
      <c r="B5481" t="s">
        <v>28293</v>
      </c>
      <c r="C5481" s="1" t="s">
        <v>28294</v>
      </c>
      <c r="D5481">
        <v>17930304</v>
      </c>
      <c r="E5481">
        <v>2</v>
      </c>
      <c r="F5481">
        <v>0</v>
      </c>
      <c r="H5481" t="s">
        <v>28295</v>
      </c>
      <c r="J5481" t="s">
        <v>28296</v>
      </c>
      <c r="O5481">
        <v>2324716</v>
      </c>
      <c r="P5481">
        <v>1</v>
      </c>
      <c r="Q5481">
        <v>7</v>
      </c>
      <c r="R5481" t="s">
        <v>28297</v>
      </c>
      <c r="S5481">
        <v>15464</v>
      </c>
    </row>
    <row r="5482" spans="1:19" x14ac:dyDescent="0.25">
      <c r="A5482">
        <v>39788202</v>
      </c>
      <c r="B5482" t="s">
        <v>28298</v>
      </c>
      <c r="C5482" s="1" t="s">
        <v>28299</v>
      </c>
      <c r="E5482">
        <v>0</v>
      </c>
      <c r="F5482">
        <v>2</v>
      </c>
      <c r="H5482" t="s">
        <v>28300</v>
      </c>
      <c r="J5482" t="s">
        <v>28301</v>
      </c>
      <c r="K5482" t="s">
        <v>28301</v>
      </c>
      <c r="M5482">
        <v>1636276</v>
      </c>
      <c r="O5482">
        <v>1636276</v>
      </c>
      <c r="P5482">
        <v>1</v>
      </c>
      <c r="Q5482">
        <v>1</v>
      </c>
      <c r="R5482" t="s">
        <v>28302</v>
      </c>
      <c r="S5482">
        <v>575</v>
      </c>
    </row>
    <row r="5483" spans="1:19" x14ac:dyDescent="0.25">
      <c r="A5483">
        <v>35086770</v>
      </c>
      <c r="B5483" t="s">
        <v>28303</v>
      </c>
      <c r="C5483" s="1" t="s">
        <v>28304</v>
      </c>
      <c r="E5483">
        <v>0</v>
      </c>
      <c r="F5483">
        <v>5</v>
      </c>
      <c r="H5483" t="s">
        <v>28305</v>
      </c>
      <c r="J5483" t="s">
        <v>28305</v>
      </c>
      <c r="O5483">
        <v>1034658</v>
      </c>
      <c r="P5483">
        <v>1</v>
      </c>
      <c r="Q5483">
        <v>0</v>
      </c>
      <c r="R5483" t="s">
        <v>28306</v>
      </c>
      <c r="S5483">
        <v>751</v>
      </c>
    </row>
    <row r="5484" spans="1:19" x14ac:dyDescent="0.25">
      <c r="A5484">
        <v>41662118</v>
      </c>
      <c r="B5484" t="s">
        <v>28307</v>
      </c>
      <c r="C5484" s="1" t="s">
        <v>28308</v>
      </c>
      <c r="E5484">
        <v>1</v>
      </c>
      <c r="F5484">
        <v>0</v>
      </c>
      <c r="H5484" t="s">
        <v>28309</v>
      </c>
      <c r="J5484" t="s">
        <v>28310</v>
      </c>
      <c r="O5484">
        <v>4192838</v>
      </c>
      <c r="P5484">
        <v>1</v>
      </c>
      <c r="Q5484">
        <v>0</v>
      </c>
      <c r="R5484" t="s">
        <v>28311</v>
      </c>
      <c r="S5484">
        <v>13</v>
      </c>
    </row>
    <row r="5485" spans="1:19" x14ac:dyDescent="0.25">
      <c r="A5485">
        <v>51286140</v>
      </c>
      <c r="B5485" t="s">
        <v>28312</v>
      </c>
      <c r="C5485" s="1" t="s">
        <v>28313</v>
      </c>
      <c r="D5485">
        <v>51288375</v>
      </c>
      <c r="E5485">
        <v>2</v>
      </c>
      <c r="F5485">
        <v>5</v>
      </c>
      <c r="H5485" t="s">
        <v>28314</v>
      </c>
      <c r="J5485" t="s">
        <v>28315</v>
      </c>
      <c r="K5485" t="s">
        <v>28316</v>
      </c>
      <c r="M5485">
        <v>9359916</v>
      </c>
      <c r="O5485">
        <v>9359916</v>
      </c>
      <c r="P5485">
        <v>1</v>
      </c>
      <c r="Q5485">
        <v>0</v>
      </c>
      <c r="R5485" t="s">
        <v>28317</v>
      </c>
      <c r="S5485">
        <v>128</v>
      </c>
    </row>
    <row r="5486" spans="1:19" x14ac:dyDescent="0.25">
      <c r="A5486">
        <v>7429873</v>
      </c>
      <c r="B5486" t="s">
        <v>28318</v>
      </c>
      <c r="C5486" s="1" t="s">
        <v>28319</v>
      </c>
      <c r="E5486">
        <v>1</v>
      </c>
      <c r="F5486">
        <v>0</v>
      </c>
      <c r="H5486" t="s">
        <v>28320</v>
      </c>
      <c r="J5486" t="s">
        <v>28321</v>
      </c>
      <c r="K5486" t="s">
        <v>28321</v>
      </c>
      <c r="M5486">
        <v>808940</v>
      </c>
      <c r="O5486">
        <v>1476307</v>
      </c>
      <c r="P5486">
        <v>1</v>
      </c>
      <c r="Q5486">
        <v>3</v>
      </c>
      <c r="R5486" t="s">
        <v>2771</v>
      </c>
      <c r="S5486">
        <v>389</v>
      </c>
    </row>
    <row r="5487" spans="1:19" x14ac:dyDescent="0.25">
      <c r="A5487">
        <v>21125617</v>
      </c>
      <c r="B5487" t="s">
        <v>28322</v>
      </c>
      <c r="C5487" s="1" t="s">
        <v>28323</v>
      </c>
      <c r="E5487">
        <v>2</v>
      </c>
      <c r="F5487">
        <v>0</v>
      </c>
      <c r="H5487" t="s">
        <v>28324</v>
      </c>
      <c r="J5487" t="s">
        <v>28325</v>
      </c>
      <c r="O5487">
        <v>194586</v>
      </c>
      <c r="P5487">
        <v>1</v>
      </c>
      <c r="Q5487">
        <v>0</v>
      </c>
      <c r="R5487" t="s">
        <v>28326</v>
      </c>
      <c r="S5487">
        <v>666</v>
      </c>
    </row>
    <row r="5488" spans="1:19" x14ac:dyDescent="0.25">
      <c r="A5488">
        <v>31307622</v>
      </c>
      <c r="B5488" t="s">
        <v>28327</v>
      </c>
      <c r="C5488" s="1" t="s">
        <v>28328</v>
      </c>
      <c r="E5488">
        <v>0</v>
      </c>
      <c r="F5488">
        <v>0</v>
      </c>
      <c r="H5488" t="s">
        <v>28329</v>
      </c>
      <c r="J5488" t="s">
        <v>28330</v>
      </c>
      <c r="K5488" t="s">
        <v>28330</v>
      </c>
      <c r="M5488">
        <v>1388319</v>
      </c>
      <c r="O5488">
        <v>4925039</v>
      </c>
      <c r="P5488">
        <v>1</v>
      </c>
      <c r="Q5488">
        <v>1</v>
      </c>
      <c r="R5488" t="s">
        <v>28331</v>
      </c>
      <c r="S5488">
        <v>62</v>
      </c>
    </row>
    <row r="5489" spans="1:19" x14ac:dyDescent="0.25">
      <c r="A5489">
        <v>39453062</v>
      </c>
      <c r="B5489" t="s">
        <v>28332</v>
      </c>
      <c r="C5489" s="1" t="s">
        <v>28333</v>
      </c>
      <c r="E5489">
        <v>2</v>
      </c>
      <c r="F5489">
        <v>2</v>
      </c>
      <c r="H5489" t="s">
        <v>28334</v>
      </c>
      <c r="J5489" t="s">
        <v>28335</v>
      </c>
      <c r="O5489">
        <v>6471185</v>
      </c>
      <c r="P5489">
        <v>1</v>
      </c>
      <c r="Q5489">
        <v>0</v>
      </c>
      <c r="R5489" t="s">
        <v>28336</v>
      </c>
      <c r="S5489">
        <v>77</v>
      </c>
    </row>
    <row r="5490" spans="1:19" x14ac:dyDescent="0.25">
      <c r="A5490">
        <v>12666421</v>
      </c>
      <c r="B5490" t="s">
        <v>28337</v>
      </c>
      <c r="C5490" s="1" t="s">
        <v>28338</v>
      </c>
      <c r="E5490">
        <v>2</v>
      </c>
      <c r="F5490">
        <v>0</v>
      </c>
      <c r="H5490" t="s">
        <v>28339</v>
      </c>
      <c r="J5490" t="s">
        <v>28340</v>
      </c>
      <c r="O5490">
        <v>1609198</v>
      </c>
      <c r="P5490">
        <v>1</v>
      </c>
      <c r="Q5490">
        <v>3</v>
      </c>
      <c r="R5490" t="s">
        <v>213</v>
      </c>
      <c r="S5490">
        <v>4743</v>
      </c>
    </row>
    <row r="5491" spans="1:19" x14ac:dyDescent="0.25">
      <c r="A5491">
        <v>31162435</v>
      </c>
      <c r="B5491" t="s">
        <v>28341</v>
      </c>
      <c r="C5491" s="1" t="s">
        <v>28342</v>
      </c>
      <c r="D5491">
        <v>31162720</v>
      </c>
      <c r="E5491">
        <v>3</v>
      </c>
      <c r="F5491">
        <v>4</v>
      </c>
      <c r="H5491" t="s">
        <v>28343</v>
      </c>
      <c r="J5491" t="s">
        <v>28344</v>
      </c>
      <c r="K5491" t="s">
        <v>28345</v>
      </c>
      <c r="M5491">
        <v>3883676</v>
      </c>
      <c r="O5491">
        <v>3883676</v>
      </c>
      <c r="P5491">
        <v>1</v>
      </c>
      <c r="Q5491">
        <v>1</v>
      </c>
      <c r="R5491" t="s">
        <v>5380</v>
      </c>
      <c r="S5491">
        <v>78</v>
      </c>
    </row>
    <row r="5492" spans="1:19" x14ac:dyDescent="0.25">
      <c r="A5492">
        <v>11854866</v>
      </c>
      <c r="B5492" t="s">
        <v>28346</v>
      </c>
      <c r="C5492" s="1" t="s">
        <v>28347</v>
      </c>
      <c r="E5492">
        <v>3</v>
      </c>
      <c r="F5492">
        <v>0</v>
      </c>
      <c r="H5492" t="s">
        <v>28348</v>
      </c>
      <c r="I5492">
        <v>1</v>
      </c>
      <c r="J5492" t="s">
        <v>28349</v>
      </c>
      <c r="O5492">
        <v>1210411</v>
      </c>
      <c r="P5492">
        <v>1</v>
      </c>
      <c r="Q5492">
        <v>1</v>
      </c>
      <c r="R5492" t="s">
        <v>28350</v>
      </c>
      <c r="S5492">
        <v>1474</v>
      </c>
    </row>
    <row r="5493" spans="1:19" x14ac:dyDescent="0.25">
      <c r="A5493">
        <v>16722233</v>
      </c>
      <c r="B5493" t="s">
        <v>28351</v>
      </c>
      <c r="C5493" s="1" t="s">
        <v>28352</v>
      </c>
      <c r="D5493">
        <v>16726401</v>
      </c>
      <c r="E5493">
        <v>1</v>
      </c>
      <c r="F5493">
        <v>0</v>
      </c>
      <c r="H5493" t="s">
        <v>28353</v>
      </c>
      <c r="J5493" t="s">
        <v>28354</v>
      </c>
      <c r="K5493" t="s">
        <v>28354</v>
      </c>
      <c r="M5493">
        <v>207421</v>
      </c>
      <c r="O5493">
        <v>2414996</v>
      </c>
      <c r="P5493">
        <v>1</v>
      </c>
      <c r="Q5493">
        <v>0</v>
      </c>
      <c r="R5493" t="s">
        <v>28355</v>
      </c>
      <c r="S5493">
        <v>178</v>
      </c>
    </row>
    <row r="5494" spans="1:19" x14ac:dyDescent="0.25">
      <c r="A5494">
        <v>25688616</v>
      </c>
      <c r="B5494" t="s">
        <v>28356</v>
      </c>
      <c r="C5494" s="1" t="s">
        <v>28357</v>
      </c>
      <c r="D5494">
        <v>25688910</v>
      </c>
      <c r="E5494">
        <v>1</v>
      </c>
      <c r="F5494">
        <v>1</v>
      </c>
      <c r="H5494" t="s">
        <v>28358</v>
      </c>
      <c r="J5494" t="s">
        <v>28359</v>
      </c>
      <c r="O5494">
        <v>298336</v>
      </c>
      <c r="P5494">
        <v>1</v>
      </c>
      <c r="Q5494">
        <v>0</v>
      </c>
      <c r="R5494" t="s">
        <v>28360</v>
      </c>
      <c r="S5494">
        <v>669</v>
      </c>
    </row>
    <row r="5495" spans="1:19" x14ac:dyDescent="0.25">
      <c r="A5495">
        <v>39236609</v>
      </c>
      <c r="B5495" t="s">
        <v>28361</v>
      </c>
      <c r="C5495" s="1" t="s">
        <v>28362</v>
      </c>
      <c r="E5495">
        <v>1</v>
      </c>
      <c r="F5495">
        <v>4</v>
      </c>
      <c r="H5495" t="s">
        <v>28363</v>
      </c>
      <c r="J5495" t="s">
        <v>28364</v>
      </c>
      <c r="K5495" t="s">
        <v>1083</v>
      </c>
      <c r="M5495">
        <v>-1</v>
      </c>
      <c r="O5495">
        <v>6776094</v>
      </c>
      <c r="P5495">
        <v>1</v>
      </c>
      <c r="Q5495">
        <v>1</v>
      </c>
      <c r="R5495" t="s">
        <v>1084</v>
      </c>
      <c r="S5495">
        <v>484</v>
      </c>
    </row>
    <row r="5496" spans="1:19" x14ac:dyDescent="0.25">
      <c r="A5496">
        <v>26199871</v>
      </c>
      <c r="B5496" t="s">
        <v>28365</v>
      </c>
      <c r="C5496" s="1" t="s">
        <v>28366</v>
      </c>
      <c r="D5496">
        <v>26199896</v>
      </c>
      <c r="E5496">
        <v>1</v>
      </c>
      <c r="F5496">
        <v>0</v>
      </c>
      <c r="H5496" t="s">
        <v>28367</v>
      </c>
      <c r="J5496" t="s">
        <v>28368</v>
      </c>
      <c r="O5496">
        <v>3395845</v>
      </c>
      <c r="P5496">
        <v>1</v>
      </c>
      <c r="Q5496">
        <v>1</v>
      </c>
      <c r="R5496" t="s">
        <v>28369</v>
      </c>
      <c r="S5496">
        <v>349</v>
      </c>
    </row>
    <row r="5497" spans="1:19" x14ac:dyDescent="0.25">
      <c r="A5497">
        <v>39963586</v>
      </c>
      <c r="B5497" t="s">
        <v>28370</v>
      </c>
      <c r="C5497" t="s">
        <v>28371</v>
      </c>
      <c r="D5497">
        <v>39963778</v>
      </c>
      <c r="E5497">
        <v>2</v>
      </c>
      <c r="F5497">
        <v>2</v>
      </c>
      <c r="H5497" t="s">
        <v>28372</v>
      </c>
      <c r="J5497" t="s">
        <v>28373</v>
      </c>
      <c r="O5497">
        <v>2990334</v>
      </c>
      <c r="P5497">
        <v>1</v>
      </c>
      <c r="Q5497">
        <v>-3</v>
      </c>
      <c r="R5497" t="s">
        <v>28374</v>
      </c>
      <c r="S5497">
        <v>65</v>
      </c>
    </row>
    <row r="5498" spans="1:19" x14ac:dyDescent="0.25">
      <c r="A5498">
        <v>51414726</v>
      </c>
      <c r="B5498" t="s">
        <v>28375</v>
      </c>
      <c r="C5498" s="1" t="s">
        <v>28376</v>
      </c>
      <c r="E5498">
        <v>0</v>
      </c>
      <c r="F5498">
        <v>1</v>
      </c>
      <c r="H5498" t="s">
        <v>28377</v>
      </c>
      <c r="J5498" t="s">
        <v>28378</v>
      </c>
      <c r="K5498" t="s">
        <v>28378</v>
      </c>
      <c r="M5498">
        <v>5729579</v>
      </c>
      <c r="O5498">
        <v>10097556</v>
      </c>
      <c r="P5498">
        <v>1</v>
      </c>
      <c r="Q5498">
        <v>0</v>
      </c>
      <c r="R5498" t="s">
        <v>28379</v>
      </c>
      <c r="S5498">
        <v>17</v>
      </c>
    </row>
    <row r="5499" spans="1:19" x14ac:dyDescent="0.25">
      <c r="A5499">
        <v>25242910</v>
      </c>
      <c r="B5499" t="s">
        <v>28380</v>
      </c>
      <c r="C5499" s="1" t="s">
        <v>28381</v>
      </c>
      <c r="E5499">
        <v>1</v>
      </c>
      <c r="F5499">
        <v>10</v>
      </c>
      <c r="H5499" t="s">
        <v>28382</v>
      </c>
      <c r="J5499" t="s">
        <v>28383</v>
      </c>
      <c r="K5499" t="s">
        <v>28383</v>
      </c>
      <c r="M5499">
        <v>472495</v>
      </c>
      <c r="O5499">
        <v>3149008</v>
      </c>
      <c r="P5499">
        <v>1</v>
      </c>
      <c r="Q5499">
        <v>0</v>
      </c>
      <c r="R5499" t="s">
        <v>28384</v>
      </c>
      <c r="S5499">
        <v>354</v>
      </c>
    </row>
    <row r="5500" spans="1:19" x14ac:dyDescent="0.25">
      <c r="A5500">
        <v>28073702</v>
      </c>
      <c r="B5500" t="s">
        <v>28385</v>
      </c>
      <c r="C5500" s="1" t="s">
        <v>28386</v>
      </c>
      <c r="D5500">
        <v>28074400</v>
      </c>
      <c r="E5500">
        <v>2</v>
      </c>
      <c r="F5500">
        <v>7</v>
      </c>
      <c r="H5500" t="s">
        <v>28387</v>
      </c>
      <c r="J5500" t="s">
        <v>28388</v>
      </c>
      <c r="O5500">
        <v>3374335</v>
      </c>
      <c r="P5500">
        <v>1</v>
      </c>
      <c r="Q5500">
        <v>-1</v>
      </c>
      <c r="R5500" t="s">
        <v>28389</v>
      </c>
      <c r="S5500">
        <v>3075</v>
      </c>
    </row>
    <row r="5501" spans="1:19" x14ac:dyDescent="0.25">
      <c r="A5501">
        <v>17153753</v>
      </c>
      <c r="B5501" t="s">
        <v>28390</v>
      </c>
      <c r="C5501" s="1" t="s">
        <v>28391</v>
      </c>
      <c r="D5501">
        <v>17153983</v>
      </c>
      <c r="E5501">
        <v>1</v>
      </c>
      <c r="F5501">
        <v>2</v>
      </c>
      <c r="H5501" t="s">
        <v>28392</v>
      </c>
      <c r="J5501" t="s">
        <v>28393</v>
      </c>
      <c r="K5501" t="s">
        <v>28393</v>
      </c>
      <c r="M5501">
        <v>759866</v>
      </c>
      <c r="O5501">
        <v>2494384</v>
      </c>
      <c r="P5501">
        <v>1</v>
      </c>
      <c r="Q5501">
        <v>1</v>
      </c>
      <c r="R5501" t="s">
        <v>28394</v>
      </c>
      <c r="S5501">
        <v>44</v>
      </c>
    </row>
    <row r="5502" spans="1:19" x14ac:dyDescent="0.25">
      <c r="A5502">
        <v>23325783</v>
      </c>
      <c r="B5502" t="s">
        <v>28395</v>
      </c>
      <c r="C5502" s="1" t="s">
        <v>28396</v>
      </c>
      <c r="D5502">
        <v>23326319</v>
      </c>
      <c r="E5502">
        <v>2</v>
      </c>
      <c r="F5502">
        <v>0</v>
      </c>
      <c r="H5502" t="s">
        <v>28397</v>
      </c>
      <c r="J5502" t="s">
        <v>28398</v>
      </c>
      <c r="K5502" t="s">
        <v>28398</v>
      </c>
      <c r="M5502">
        <v>44729</v>
      </c>
      <c r="O5502">
        <v>3578641</v>
      </c>
      <c r="P5502">
        <v>1</v>
      </c>
      <c r="Q5502">
        <v>2</v>
      </c>
      <c r="R5502" t="s">
        <v>28399</v>
      </c>
      <c r="S5502">
        <v>245</v>
      </c>
    </row>
    <row r="5503" spans="1:19" x14ac:dyDescent="0.25">
      <c r="A5503">
        <v>44467750</v>
      </c>
      <c r="B5503" t="s">
        <v>28400</v>
      </c>
      <c r="C5503" s="1" t="s">
        <v>28401</v>
      </c>
      <c r="D5503">
        <v>44599539</v>
      </c>
      <c r="E5503">
        <v>2</v>
      </c>
      <c r="F5503">
        <v>3</v>
      </c>
      <c r="H5503" t="s">
        <v>28402</v>
      </c>
      <c r="J5503" t="s">
        <v>28403</v>
      </c>
      <c r="O5503">
        <v>1950503</v>
      </c>
      <c r="P5503">
        <v>1</v>
      </c>
      <c r="Q5503">
        <v>3</v>
      </c>
      <c r="R5503" t="s">
        <v>28404</v>
      </c>
      <c r="S5503">
        <v>128</v>
      </c>
    </row>
    <row r="5504" spans="1:19" x14ac:dyDescent="0.25">
      <c r="A5504">
        <v>44963368</v>
      </c>
      <c r="B5504" t="s">
        <v>28405</v>
      </c>
      <c r="C5504" s="1" t="s">
        <v>28406</v>
      </c>
      <c r="E5504">
        <v>0</v>
      </c>
      <c r="F5504">
        <v>5</v>
      </c>
      <c r="H5504" t="s">
        <v>28407</v>
      </c>
      <c r="J5504" t="s">
        <v>28408</v>
      </c>
      <c r="K5504" t="s">
        <v>28408</v>
      </c>
      <c r="M5504">
        <v>9787543</v>
      </c>
      <c r="O5504">
        <v>8268780</v>
      </c>
      <c r="P5504">
        <v>1</v>
      </c>
      <c r="Q5504">
        <v>0</v>
      </c>
      <c r="R5504" t="s">
        <v>28409</v>
      </c>
      <c r="S5504">
        <v>63</v>
      </c>
    </row>
    <row r="5505" spans="1:19" x14ac:dyDescent="0.25">
      <c r="A5505">
        <v>20560015</v>
      </c>
      <c r="B5505" t="s">
        <v>28410</v>
      </c>
      <c r="C5505" s="1" t="s">
        <v>28411</v>
      </c>
      <c r="D5505">
        <v>20560042</v>
      </c>
      <c r="E5505">
        <v>2</v>
      </c>
      <c r="F5505">
        <v>0</v>
      </c>
      <c r="H5505" t="s">
        <v>28412</v>
      </c>
      <c r="J5505" t="s">
        <v>28413</v>
      </c>
      <c r="K5505" t="s">
        <v>28413</v>
      </c>
      <c r="M5505">
        <v>2737658</v>
      </c>
      <c r="O5505">
        <v>2737658</v>
      </c>
      <c r="P5505">
        <v>1</v>
      </c>
      <c r="Q5505">
        <v>0</v>
      </c>
      <c r="R5505" t="s">
        <v>28414</v>
      </c>
      <c r="S5505">
        <v>167</v>
      </c>
    </row>
    <row r="5506" spans="1:19" x14ac:dyDescent="0.25">
      <c r="A5506">
        <v>44194575</v>
      </c>
      <c r="B5506" t="s">
        <v>28415</v>
      </c>
      <c r="C5506" s="1" t="s">
        <v>28416</v>
      </c>
      <c r="D5506">
        <v>44194744</v>
      </c>
      <c r="E5506">
        <v>4</v>
      </c>
      <c r="F5506">
        <v>4</v>
      </c>
      <c r="H5506" t="s">
        <v>28417</v>
      </c>
      <c r="J5506" t="s">
        <v>28418</v>
      </c>
      <c r="K5506" t="s">
        <v>28418</v>
      </c>
      <c r="M5506">
        <v>5079380</v>
      </c>
      <c r="O5506">
        <v>7398168</v>
      </c>
      <c r="P5506">
        <v>1</v>
      </c>
      <c r="Q5506">
        <v>1</v>
      </c>
      <c r="R5506" t="s">
        <v>17914</v>
      </c>
      <c r="S5506">
        <v>82</v>
      </c>
    </row>
    <row r="5507" spans="1:19" x14ac:dyDescent="0.25">
      <c r="A5507">
        <v>53169207</v>
      </c>
      <c r="B5507" t="s">
        <v>28419</v>
      </c>
      <c r="C5507" s="1" t="s">
        <v>28420</v>
      </c>
      <c r="E5507">
        <v>0</v>
      </c>
      <c r="F5507">
        <v>0</v>
      </c>
      <c r="H5507" t="s">
        <v>28421</v>
      </c>
      <c r="J5507" t="s">
        <v>28421</v>
      </c>
      <c r="O5507">
        <v>10612355</v>
      </c>
      <c r="P5507">
        <v>1</v>
      </c>
      <c r="Q5507">
        <v>0</v>
      </c>
      <c r="R5507" t="s">
        <v>28422</v>
      </c>
      <c r="S5507">
        <v>13</v>
      </c>
    </row>
    <row r="5508" spans="1:19" x14ac:dyDescent="0.25">
      <c r="A5508">
        <v>37328819</v>
      </c>
      <c r="B5508" t="s">
        <v>28423</v>
      </c>
      <c r="C5508" s="1" t="s">
        <v>28424</v>
      </c>
      <c r="E5508">
        <v>1</v>
      </c>
      <c r="F5508">
        <v>3</v>
      </c>
      <c r="H5508" t="s">
        <v>28425</v>
      </c>
      <c r="J5508" t="s">
        <v>28426</v>
      </c>
      <c r="K5508" t="s">
        <v>28427</v>
      </c>
      <c r="M5508">
        <v>2201296</v>
      </c>
      <c r="O5508">
        <v>2201296</v>
      </c>
      <c r="P5508">
        <v>1</v>
      </c>
      <c r="Q5508">
        <v>0</v>
      </c>
      <c r="R5508" t="s">
        <v>1333</v>
      </c>
      <c r="S5508">
        <v>778</v>
      </c>
    </row>
    <row r="5509" spans="1:19" x14ac:dyDescent="0.25">
      <c r="A5509">
        <v>52862015</v>
      </c>
      <c r="B5509" t="s">
        <v>28428</v>
      </c>
      <c r="C5509" s="1" t="s">
        <v>28429</v>
      </c>
      <c r="D5509">
        <v>52862205</v>
      </c>
      <c r="E5509">
        <v>1</v>
      </c>
      <c r="F5509">
        <v>5</v>
      </c>
      <c r="H5509" t="s">
        <v>28430</v>
      </c>
      <c r="I5509">
        <v>1</v>
      </c>
      <c r="J5509" t="s">
        <v>28431</v>
      </c>
      <c r="O5509">
        <v>2187817</v>
      </c>
      <c r="P5509">
        <v>1</v>
      </c>
      <c r="Q5509">
        <v>0</v>
      </c>
      <c r="R5509" t="s">
        <v>28432</v>
      </c>
      <c r="S5509">
        <v>20</v>
      </c>
    </row>
    <row r="5510" spans="1:19" x14ac:dyDescent="0.25">
      <c r="A5510">
        <v>53187900</v>
      </c>
      <c r="B5510" t="s">
        <v>28433</v>
      </c>
      <c r="C5510" s="1" t="s">
        <v>28434</v>
      </c>
      <c r="D5510">
        <v>53188001</v>
      </c>
      <c r="E5510">
        <v>1</v>
      </c>
      <c r="F5510">
        <v>1</v>
      </c>
      <c r="H5510" t="s">
        <v>28435</v>
      </c>
      <c r="I5510">
        <v>1</v>
      </c>
      <c r="J5510" t="s">
        <v>28436</v>
      </c>
      <c r="K5510" t="s">
        <v>28437</v>
      </c>
      <c r="M5510">
        <v>3219613</v>
      </c>
      <c r="O5510">
        <v>10186814</v>
      </c>
      <c r="P5510">
        <v>1</v>
      </c>
      <c r="Q5510">
        <v>0</v>
      </c>
      <c r="R5510" t="s">
        <v>28438</v>
      </c>
      <c r="S5510">
        <v>49</v>
      </c>
    </row>
    <row r="5511" spans="1:19" x14ac:dyDescent="0.25">
      <c r="A5511">
        <v>3132164</v>
      </c>
      <c r="B5511" t="s">
        <v>28439</v>
      </c>
      <c r="C5511" t="s">
        <v>28440</v>
      </c>
      <c r="D5511">
        <v>3132213</v>
      </c>
      <c r="E5511">
        <v>2</v>
      </c>
      <c r="F5511">
        <v>0</v>
      </c>
      <c r="H5511" t="s">
        <v>28441</v>
      </c>
      <c r="J5511" t="s">
        <v>28442</v>
      </c>
      <c r="K5511" t="s">
        <v>28443</v>
      </c>
      <c r="M5511">
        <v>157882</v>
      </c>
      <c r="O5511">
        <v>377983</v>
      </c>
      <c r="P5511">
        <v>1</v>
      </c>
      <c r="Q5511">
        <v>5</v>
      </c>
      <c r="R5511" t="s">
        <v>28444</v>
      </c>
      <c r="S5511">
        <v>967</v>
      </c>
    </row>
    <row r="5512" spans="1:19" x14ac:dyDescent="0.25">
      <c r="A5512">
        <v>10409400</v>
      </c>
      <c r="B5512" t="s">
        <v>28445</v>
      </c>
      <c r="C5512" s="1" t="s">
        <v>28446</v>
      </c>
      <c r="D5512">
        <v>10441666</v>
      </c>
      <c r="E5512">
        <v>4</v>
      </c>
      <c r="F5512">
        <v>0</v>
      </c>
      <c r="H5512" t="s">
        <v>28447</v>
      </c>
      <c r="I5512">
        <v>1</v>
      </c>
      <c r="J5512" t="s">
        <v>28448</v>
      </c>
      <c r="K5512" t="s">
        <v>28449</v>
      </c>
      <c r="M5512">
        <v>-1</v>
      </c>
      <c r="O5512">
        <v>1369233</v>
      </c>
      <c r="P5512">
        <v>1</v>
      </c>
      <c r="Q5512">
        <v>1</v>
      </c>
      <c r="R5512" t="s">
        <v>28450</v>
      </c>
      <c r="S5512">
        <v>1423</v>
      </c>
    </row>
    <row r="5513" spans="1:19" x14ac:dyDescent="0.25">
      <c r="A5513">
        <v>45031463</v>
      </c>
      <c r="B5513" t="s">
        <v>28451</v>
      </c>
      <c r="C5513" s="1" t="s">
        <v>28452</v>
      </c>
      <c r="D5513">
        <v>45034148</v>
      </c>
      <c r="E5513">
        <v>1</v>
      </c>
      <c r="F5513">
        <v>0</v>
      </c>
      <c r="H5513" t="s">
        <v>28453</v>
      </c>
      <c r="I5513">
        <v>1</v>
      </c>
      <c r="J5513" t="s">
        <v>28454</v>
      </c>
      <c r="K5513" t="s">
        <v>28454</v>
      </c>
      <c r="M5513">
        <v>209103</v>
      </c>
      <c r="O5513">
        <v>7763046</v>
      </c>
      <c r="P5513">
        <v>1</v>
      </c>
      <c r="Q5513">
        <v>1</v>
      </c>
      <c r="R5513" t="s">
        <v>28455</v>
      </c>
      <c r="S5513">
        <v>237</v>
      </c>
    </row>
    <row r="5514" spans="1:19" x14ac:dyDescent="0.25">
      <c r="A5514">
        <v>35344165</v>
      </c>
      <c r="B5514" t="s">
        <v>28456</v>
      </c>
      <c r="C5514" s="1" t="s">
        <v>28457</v>
      </c>
      <c r="D5514">
        <v>35345607</v>
      </c>
      <c r="E5514">
        <v>1</v>
      </c>
      <c r="F5514">
        <v>2</v>
      </c>
      <c r="H5514" t="s">
        <v>28458</v>
      </c>
      <c r="J5514" t="s">
        <v>28459</v>
      </c>
      <c r="K5514" t="s">
        <v>28459</v>
      </c>
      <c r="M5514">
        <v>5149764</v>
      </c>
      <c r="O5514">
        <v>5767733</v>
      </c>
      <c r="P5514">
        <v>1</v>
      </c>
      <c r="Q5514">
        <v>0</v>
      </c>
      <c r="R5514" t="s">
        <v>28460</v>
      </c>
      <c r="S5514">
        <v>286</v>
      </c>
    </row>
    <row r="5515" spans="1:19" x14ac:dyDescent="0.25">
      <c r="A5515">
        <v>50091343</v>
      </c>
      <c r="B5515" t="s">
        <v>28461</v>
      </c>
      <c r="C5515" s="1" t="s">
        <v>28462</v>
      </c>
      <c r="E5515">
        <v>1</v>
      </c>
      <c r="F5515">
        <v>3</v>
      </c>
      <c r="H5515" t="s">
        <v>28463</v>
      </c>
      <c r="J5515" t="s">
        <v>28464</v>
      </c>
      <c r="K5515" t="s">
        <v>28465</v>
      </c>
      <c r="M5515">
        <v>7444103</v>
      </c>
      <c r="O5515">
        <v>2624044</v>
      </c>
      <c r="P5515">
        <v>1</v>
      </c>
      <c r="Q5515">
        <v>0</v>
      </c>
      <c r="R5515" t="s">
        <v>28466</v>
      </c>
      <c r="S5515">
        <v>81</v>
      </c>
    </row>
    <row r="5516" spans="1:19" x14ac:dyDescent="0.25">
      <c r="A5516">
        <v>38737084</v>
      </c>
      <c r="B5516" t="s">
        <v>28467</v>
      </c>
      <c r="C5516" s="1" t="s">
        <v>28468</v>
      </c>
      <c r="E5516">
        <v>1</v>
      </c>
      <c r="F5516">
        <v>0</v>
      </c>
      <c r="H5516" t="s">
        <v>28469</v>
      </c>
      <c r="J5516" t="s">
        <v>28470</v>
      </c>
      <c r="O5516">
        <v>2261273</v>
      </c>
      <c r="P5516">
        <v>1</v>
      </c>
      <c r="Q5516">
        <v>0</v>
      </c>
      <c r="R5516" t="s">
        <v>28471</v>
      </c>
      <c r="S5516">
        <v>234</v>
      </c>
    </row>
    <row r="5517" spans="1:19" x14ac:dyDescent="0.25">
      <c r="A5517">
        <v>12007015</v>
      </c>
      <c r="B5517" t="s">
        <v>28472</v>
      </c>
      <c r="C5517" s="1" t="s">
        <v>28473</v>
      </c>
      <c r="E5517">
        <v>1</v>
      </c>
      <c r="F5517">
        <v>5</v>
      </c>
      <c r="H5517" t="s">
        <v>28474</v>
      </c>
      <c r="J5517" t="s">
        <v>28475</v>
      </c>
      <c r="K5517" t="s">
        <v>28476</v>
      </c>
      <c r="M5517">
        <v>44089</v>
      </c>
      <c r="O5517">
        <v>1457104</v>
      </c>
      <c r="P5517">
        <v>1</v>
      </c>
      <c r="Q5517">
        <v>0</v>
      </c>
      <c r="R5517" t="s">
        <v>28477</v>
      </c>
      <c r="S5517">
        <v>3366</v>
      </c>
    </row>
    <row r="5518" spans="1:19" x14ac:dyDescent="0.25">
      <c r="A5518">
        <v>14588704</v>
      </c>
      <c r="B5518" t="s">
        <v>28478</v>
      </c>
      <c r="C5518" s="1" t="s">
        <v>28479</v>
      </c>
      <c r="D5518">
        <v>14588863</v>
      </c>
      <c r="E5518">
        <v>1</v>
      </c>
      <c r="F5518">
        <v>0</v>
      </c>
      <c r="H5518" t="s">
        <v>28480</v>
      </c>
      <c r="I5518">
        <v>2</v>
      </c>
      <c r="J5518" t="s">
        <v>28481</v>
      </c>
      <c r="O5518">
        <v>872846</v>
      </c>
      <c r="P5518">
        <v>1</v>
      </c>
      <c r="Q5518">
        <v>2</v>
      </c>
      <c r="R5518" t="s">
        <v>28482</v>
      </c>
      <c r="S5518">
        <v>2201</v>
      </c>
    </row>
    <row r="5519" spans="1:19" x14ac:dyDescent="0.25">
      <c r="A5519">
        <v>27297360</v>
      </c>
      <c r="B5519" t="s">
        <v>28483</v>
      </c>
      <c r="C5519" s="1" t="s">
        <v>28484</v>
      </c>
      <c r="D5519">
        <v>27297423</v>
      </c>
      <c r="E5519">
        <v>2</v>
      </c>
      <c r="F5519">
        <v>4</v>
      </c>
      <c r="H5519" t="s">
        <v>28485</v>
      </c>
      <c r="J5519" t="s">
        <v>28486</v>
      </c>
      <c r="K5519" t="s">
        <v>28486</v>
      </c>
      <c r="M5519">
        <v>2695387</v>
      </c>
      <c r="O5519">
        <v>4324937</v>
      </c>
      <c r="P5519">
        <v>1</v>
      </c>
      <c r="Q5519">
        <v>1</v>
      </c>
      <c r="R5519" t="s">
        <v>28487</v>
      </c>
      <c r="S5519">
        <v>956</v>
      </c>
    </row>
    <row r="5520" spans="1:19" x14ac:dyDescent="0.25">
      <c r="A5520">
        <v>9494209</v>
      </c>
      <c r="B5520" t="s">
        <v>28488</v>
      </c>
      <c r="C5520" s="1" t="s">
        <v>28489</v>
      </c>
      <c r="E5520">
        <v>4</v>
      </c>
      <c r="F5520">
        <v>4</v>
      </c>
      <c r="H5520" t="s">
        <v>28490</v>
      </c>
      <c r="J5520" t="s">
        <v>28491</v>
      </c>
      <c r="O5520">
        <v>1162494</v>
      </c>
      <c r="P5520">
        <v>1</v>
      </c>
      <c r="Q5520">
        <v>-1</v>
      </c>
      <c r="R5520" t="s">
        <v>28492</v>
      </c>
      <c r="S5520">
        <v>4755</v>
      </c>
    </row>
    <row r="5521" spans="1:19" x14ac:dyDescent="0.25">
      <c r="A5521">
        <v>28637796</v>
      </c>
      <c r="B5521" t="s">
        <v>28493</v>
      </c>
      <c r="C5521" s="1" t="s">
        <v>28494</v>
      </c>
      <c r="D5521">
        <v>28648407</v>
      </c>
      <c r="E5521">
        <v>4</v>
      </c>
      <c r="F5521">
        <v>0</v>
      </c>
      <c r="H5521" t="s">
        <v>28495</v>
      </c>
      <c r="I5521">
        <v>5</v>
      </c>
      <c r="J5521" t="s">
        <v>28496</v>
      </c>
      <c r="O5521">
        <v>2682255</v>
      </c>
      <c r="P5521">
        <v>1</v>
      </c>
      <c r="Q5521">
        <v>6</v>
      </c>
      <c r="R5521" t="s">
        <v>28497</v>
      </c>
      <c r="S5521">
        <v>17275</v>
      </c>
    </row>
    <row r="5522" spans="1:19" x14ac:dyDescent="0.25">
      <c r="A5522">
        <v>35170014</v>
      </c>
      <c r="B5522" t="s">
        <v>28498</v>
      </c>
      <c r="C5522" s="1" t="s">
        <v>28499</v>
      </c>
      <c r="D5522">
        <v>35170488</v>
      </c>
      <c r="E5522">
        <v>1</v>
      </c>
      <c r="F5522">
        <v>0</v>
      </c>
      <c r="H5522" t="s">
        <v>28500</v>
      </c>
      <c r="J5522" t="s">
        <v>28501</v>
      </c>
      <c r="O5522">
        <v>1490555</v>
      </c>
      <c r="P5522">
        <v>1</v>
      </c>
      <c r="Q5522">
        <v>0</v>
      </c>
      <c r="R5522" t="s">
        <v>28502</v>
      </c>
      <c r="S5522">
        <v>62</v>
      </c>
    </row>
    <row r="5523" spans="1:19" x14ac:dyDescent="0.25">
      <c r="A5523">
        <v>16265749</v>
      </c>
      <c r="B5523" t="s">
        <v>28503</v>
      </c>
      <c r="C5523" s="1" t="s">
        <v>28504</v>
      </c>
      <c r="D5523">
        <v>16265972</v>
      </c>
      <c r="E5523">
        <v>2</v>
      </c>
      <c r="F5523">
        <v>0</v>
      </c>
      <c r="H5523" t="s">
        <v>28505</v>
      </c>
      <c r="J5523" t="s">
        <v>28506</v>
      </c>
      <c r="K5523" t="s">
        <v>28506</v>
      </c>
      <c r="M5523">
        <v>1135357</v>
      </c>
      <c r="O5523">
        <v>1135357</v>
      </c>
      <c r="P5523">
        <v>1</v>
      </c>
      <c r="Q5523">
        <v>0</v>
      </c>
      <c r="R5523" t="s">
        <v>28507</v>
      </c>
      <c r="S5523">
        <v>1456</v>
      </c>
    </row>
    <row r="5524" spans="1:19" x14ac:dyDescent="0.25">
      <c r="A5524">
        <v>52249388</v>
      </c>
      <c r="B5524" t="s">
        <v>28508</v>
      </c>
      <c r="C5524" s="1" t="s">
        <v>28509</v>
      </c>
      <c r="E5524">
        <v>0</v>
      </c>
      <c r="F5524">
        <v>1</v>
      </c>
      <c r="H5524" t="s">
        <v>28510</v>
      </c>
      <c r="J5524" t="s">
        <v>28510</v>
      </c>
      <c r="O5524">
        <v>4049658</v>
      </c>
      <c r="P5524">
        <v>1</v>
      </c>
      <c r="Q5524">
        <v>1</v>
      </c>
      <c r="R5524" t="s">
        <v>2122</v>
      </c>
      <c r="S5524">
        <v>26</v>
      </c>
    </row>
    <row r="5525" spans="1:19" x14ac:dyDescent="0.25">
      <c r="A5525">
        <v>48256146</v>
      </c>
      <c r="B5525" t="s">
        <v>28511</v>
      </c>
      <c r="C5525" s="1" t="s">
        <v>28512</v>
      </c>
      <c r="E5525">
        <v>1</v>
      </c>
      <c r="F5525">
        <v>6</v>
      </c>
      <c r="H5525" t="s">
        <v>28513</v>
      </c>
      <c r="J5525" t="s">
        <v>28514</v>
      </c>
      <c r="K5525" t="s">
        <v>28515</v>
      </c>
      <c r="M5525">
        <v>3545273</v>
      </c>
      <c r="O5525">
        <v>4445584</v>
      </c>
      <c r="P5525">
        <v>1</v>
      </c>
      <c r="Q5525">
        <v>3</v>
      </c>
      <c r="R5525" t="s">
        <v>28516</v>
      </c>
      <c r="S5525">
        <v>426</v>
      </c>
    </row>
    <row r="5526" spans="1:19" x14ac:dyDescent="0.25">
      <c r="A5526">
        <v>19098977</v>
      </c>
      <c r="B5526" t="s">
        <v>28517</v>
      </c>
      <c r="C5526" s="1" t="s">
        <v>28518</v>
      </c>
      <c r="D5526">
        <v>19101184</v>
      </c>
      <c r="E5526">
        <v>3</v>
      </c>
      <c r="F5526">
        <v>0</v>
      </c>
      <c r="H5526" t="s">
        <v>28519</v>
      </c>
      <c r="I5526">
        <v>1</v>
      </c>
      <c r="J5526" t="s">
        <v>28520</v>
      </c>
      <c r="K5526" t="s">
        <v>28521</v>
      </c>
      <c r="M5526">
        <v>293078</v>
      </c>
      <c r="O5526">
        <v>2385809</v>
      </c>
      <c r="P5526">
        <v>1</v>
      </c>
      <c r="Q5526">
        <v>1</v>
      </c>
      <c r="R5526" t="s">
        <v>1466</v>
      </c>
      <c r="S5526">
        <v>7587</v>
      </c>
    </row>
    <row r="5527" spans="1:19" x14ac:dyDescent="0.25">
      <c r="A5527">
        <v>21585297</v>
      </c>
      <c r="B5527" t="s">
        <v>28522</v>
      </c>
      <c r="C5527" t="s">
        <v>28523</v>
      </c>
      <c r="E5527">
        <v>0</v>
      </c>
      <c r="F5527">
        <v>0</v>
      </c>
      <c r="H5527" t="s">
        <v>28524</v>
      </c>
      <c r="J5527" t="s">
        <v>28524</v>
      </c>
      <c r="O5527">
        <v>3271572</v>
      </c>
      <c r="P5527">
        <v>1</v>
      </c>
      <c r="Q5527">
        <v>1</v>
      </c>
      <c r="R5527" t="s">
        <v>28525</v>
      </c>
      <c r="S5527">
        <v>64</v>
      </c>
    </row>
    <row r="5528" spans="1:19" x14ac:dyDescent="0.25">
      <c r="A5528">
        <v>37302819</v>
      </c>
      <c r="B5528" t="s">
        <v>28526</v>
      </c>
      <c r="C5528" s="1" t="s">
        <v>28527</v>
      </c>
      <c r="D5528">
        <v>37303325</v>
      </c>
      <c r="E5528">
        <v>1</v>
      </c>
      <c r="F5528">
        <v>4</v>
      </c>
      <c r="H5528" t="s">
        <v>28528</v>
      </c>
      <c r="J5528" t="s">
        <v>28529</v>
      </c>
      <c r="O5528">
        <v>6176884</v>
      </c>
      <c r="P5528">
        <v>1</v>
      </c>
      <c r="Q5528">
        <v>0</v>
      </c>
      <c r="R5528" t="s">
        <v>213</v>
      </c>
      <c r="S5528">
        <v>60</v>
      </c>
    </row>
    <row r="5529" spans="1:19" x14ac:dyDescent="0.25">
      <c r="A5529">
        <v>37654643</v>
      </c>
      <c r="B5529" t="s">
        <v>28530</v>
      </c>
      <c r="C5529" s="1" t="s">
        <v>28531</v>
      </c>
      <c r="D5529">
        <v>37657424</v>
      </c>
      <c r="E5529">
        <v>1</v>
      </c>
      <c r="F5529">
        <v>1</v>
      </c>
      <c r="H5529" t="s">
        <v>28532</v>
      </c>
      <c r="J5529" t="s">
        <v>28533</v>
      </c>
      <c r="K5529" t="s">
        <v>28534</v>
      </c>
      <c r="M5529">
        <v>4920566</v>
      </c>
      <c r="O5529">
        <v>5557557</v>
      </c>
      <c r="P5529">
        <v>1</v>
      </c>
      <c r="Q5529">
        <v>0</v>
      </c>
      <c r="R5529" t="s">
        <v>28535</v>
      </c>
      <c r="S5529">
        <v>603</v>
      </c>
    </row>
    <row r="5530" spans="1:19" x14ac:dyDescent="0.25">
      <c r="A5530">
        <v>49630477</v>
      </c>
      <c r="B5530" t="s">
        <v>28536</v>
      </c>
      <c r="C5530" s="1" t="s">
        <v>28537</v>
      </c>
      <c r="E5530">
        <v>1</v>
      </c>
      <c r="F5530">
        <v>3</v>
      </c>
      <c r="H5530" t="s">
        <v>28538</v>
      </c>
      <c r="I5530">
        <v>1</v>
      </c>
      <c r="J5530" t="s">
        <v>28539</v>
      </c>
      <c r="K5530" t="s">
        <v>28539</v>
      </c>
      <c r="M5530">
        <v>9579992</v>
      </c>
      <c r="O5530">
        <v>9579992</v>
      </c>
      <c r="P5530">
        <v>1</v>
      </c>
      <c r="Q5530">
        <v>1</v>
      </c>
      <c r="R5530" t="s">
        <v>819</v>
      </c>
      <c r="S5530">
        <v>52</v>
      </c>
    </row>
    <row r="5531" spans="1:19" x14ac:dyDescent="0.25">
      <c r="A5531">
        <v>19140567</v>
      </c>
      <c r="B5531" t="s">
        <v>28540</v>
      </c>
      <c r="C5531" s="1" t="s">
        <v>28541</v>
      </c>
      <c r="D5531">
        <v>19141558</v>
      </c>
      <c r="E5531">
        <v>2</v>
      </c>
      <c r="F5531">
        <v>0</v>
      </c>
      <c r="H5531" t="s">
        <v>28542</v>
      </c>
      <c r="I5531">
        <v>1</v>
      </c>
      <c r="J5531" t="s">
        <v>28543</v>
      </c>
      <c r="O5531">
        <v>2141535</v>
      </c>
      <c r="P5531">
        <v>1</v>
      </c>
      <c r="Q5531">
        <v>1</v>
      </c>
      <c r="R5531" t="s">
        <v>28544</v>
      </c>
      <c r="S5531">
        <v>2238</v>
      </c>
    </row>
    <row r="5532" spans="1:19" x14ac:dyDescent="0.25">
      <c r="A5532">
        <v>37157207</v>
      </c>
      <c r="B5532" t="s">
        <v>28545</v>
      </c>
      <c r="C5532" s="1" t="s">
        <v>28546</v>
      </c>
      <c r="D5532">
        <v>37158547</v>
      </c>
      <c r="E5532">
        <v>1</v>
      </c>
      <c r="F5532">
        <v>3</v>
      </c>
      <c r="H5532" t="s">
        <v>28547</v>
      </c>
      <c r="J5532" t="s">
        <v>28548</v>
      </c>
      <c r="O5532">
        <v>6319175</v>
      </c>
      <c r="P5532">
        <v>1</v>
      </c>
      <c r="Q5532">
        <v>-1</v>
      </c>
      <c r="R5532" t="s">
        <v>229</v>
      </c>
      <c r="S5532">
        <v>44</v>
      </c>
    </row>
    <row r="5533" spans="1:19" x14ac:dyDescent="0.25">
      <c r="A5533">
        <v>42837817</v>
      </c>
      <c r="B5533" t="s">
        <v>28549</v>
      </c>
      <c r="C5533" s="1" t="s">
        <v>28550</v>
      </c>
      <c r="D5533">
        <v>42838025</v>
      </c>
      <c r="E5533">
        <v>1</v>
      </c>
      <c r="F5533">
        <v>0</v>
      </c>
      <c r="H5533" t="s">
        <v>28551</v>
      </c>
      <c r="J5533" t="s">
        <v>28552</v>
      </c>
      <c r="K5533" t="s">
        <v>28552</v>
      </c>
      <c r="M5533">
        <v>3746204</v>
      </c>
      <c r="O5533">
        <v>3746204</v>
      </c>
      <c r="P5533">
        <v>1</v>
      </c>
      <c r="Q5533">
        <v>2</v>
      </c>
      <c r="R5533" t="s">
        <v>28553</v>
      </c>
      <c r="S5533">
        <v>931</v>
      </c>
    </row>
    <row r="5534" spans="1:19" x14ac:dyDescent="0.25">
      <c r="A5534">
        <v>22853951</v>
      </c>
      <c r="B5534" t="s">
        <v>28554</v>
      </c>
      <c r="C5534" s="1" t="s">
        <v>28555</v>
      </c>
      <c r="D5534">
        <v>22949707</v>
      </c>
      <c r="E5534">
        <v>1</v>
      </c>
      <c r="F5534">
        <v>0</v>
      </c>
      <c r="H5534" t="s">
        <v>28556</v>
      </c>
      <c r="J5534" t="s">
        <v>28557</v>
      </c>
      <c r="O5534">
        <v>1174212</v>
      </c>
      <c r="P5534">
        <v>1</v>
      </c>
      <c r="Q5534">
        <v>0</v>
      </c>
      <c r="R5534" t="s">
        <v>28558</v>
      </c>
      <c r="S5534">
        <v>454</v>
      </c>
    </row>
    <row r="5535" spans="1:19" x14ac:dyDescent="0.25">
      <c r="A5535">
        <v>26496539</v>
      </c>
      <c r="B5535" t="s">
        <v>28559</v>
      </c>
      <c r="C5535" t="s">
        <v>28560</v>
      </c>
      <c r="E5535">
        <v>2</v>
      </c>
      <c r="F5535">
        <v>4</v>
      </c>
      <c r="H5535" t="s">
        <v>28561</v>
      </c>
      <c r="J5535" t="s">
        <v>28562</v>
      </c>
      <c r="K5535" t="s">
        <v>28562</v>
      </c>
      <c r="M5535">
        <v>4279</v>
      </c>
      <c r="O5535">
        <v>3731606</v>
      </c>
      <c r="P5535">
        <v>1</v>
      </c>
      <c r="Q5535">
        <v>0</v>
      </c>
      <c r="R5535" t="s">
        <v>28563</v>
      </c>
      <c r="S5535">
        <v>222</v>
      </c>
    </row>
    <row r="5536" spans="1:19" x14ac:dyDescent="0.25">
      <c r="A5536">
        <v>36060319</v>
      </c>
      <c r="B5536" t="s">
        <v>28564</v>
      </c>
      <c r="C5536" s="1" t="s">
        <v>28565</v>
      </c>
      <c r="E5536">
        <v>0</v>
      </c>
      <c r="F5536">
        <v>3</v>
      </c>
      <c r="H5536" t="s">
        <v>28566</v>
      </c>
      <c r="J5536" t="s">
        <v>28567</v>
      </c>
      <c r="K5536" t="s">
        <v>28567</v>
      </c>
      <c r="M5536">
        <v>5077225</v>
      </c>
      <c r="O5536">
        <v>5077225</v>
      </c>
      <c r="P5536">
        <v>1</v>
      </c>
      <c r="Q5536">
        <v>0</v>
      </c>
      <c r="R5536" t="s">
        <v>989</v>
      </c>
      <c r="S5536">
        <v>59</v>
      </c>
    </row>
    <row r="5537" spans="1:19" x14ac:dyDescent="0.25">
      <c r="A5537">
        <v>18457523</v>
      </c>
      <c r="B5537" t="s">
        <v>28568</v>
      </c>
      <c r="C5537" s="1" t="s">
        <v>28569</v>
      </c>
      <c r="D5537">
        <v>18458473</v>
      </c>
      <c r="E5537">
        <v>1</v>
      </c>
      <c r="F5537">
        <v>1</v>
      </c>
      <c r="H5537" t="s">
        <v>28570</v>
      </c>
      <c r="J5537" t="s">
        <v>28571</v>
      </c>
      <c r="K5537" t="s">
        <v>28571</v>
      </c>
      <c r="M5537">
        <v>1714410</v>
      </c>
      <c r="O5537">
        <v>1311283</v>
      </c>
      <c r="P5537">
        <v>1</v>
      </c>
      <c r="Q5537">
        <v>0</v>
      </c>
      <c r="R5537" t="s">
        <v>1239</v>
      </c>
      <c r="S5537">
        <v>422</v>
      </c>
    </row>
    <row r="5538" spans="1:19" x14ac:dyDescent="0.25">
      <c r="A5538">
        <v>4952421</v>
      </c>
      <c r="B5538" t="s">
        <v>28572</v>
      </c>
      <c r="C5538" s="1" t="s">
        <v>28573</v>
      </c>
      <c r="D5538">
        <v>4952445</v>
      </c>
      <c r="E5538">
        <v>4</v>
      </c>
      <c r="F5538">
        <v>3</v>
      </c>
      <c r="H5538" t="s">
        <v>28574</v>
      </c>
      <c r="J5538" t="s">
        <v>28575</v>
      </c>
      <c r="K5538" t="s">
        <v>28576</v>
      </c>
      <c r="M5538">
        <v>422670</v>
      </c>
      <c r="O5538">
        <v>572588</v>
      </c>
      <c r="P5538">
        <v>1</v>
      </c>
      <c r="Q5538">
        <v>1</v>
      </c>
      <c r="R5538" t="s">
        <v>28577</v>
      </c>
      <c r="S5538">
        <v>2705</v>
      </c>
    </row>
    <row r="5539" spans="1:19" x14ac:dyDescent="0.25">
      <c r="A5539">
        <v>33968517</v>
      </c>
      <c r="B5539" t="s">
        <v>28578</v>
      </c>
      <c r="C5539" s="1" t="s">
        <v>28579</v>
      </c>
      <c r="D5539">
        <v>34054288</v>
      </c>
      <c r="E5539">
        <v>1</v>
      </c>
      <c r="F5539">
        <v>5</v>
      </c>
      <c r="H5539" t="s">
        <v>28580</v>
      </c>
      <c r="J5539" t="s">
        <v>28581</v>
      </c>
      <c r="K5539" t="s">
        <v>28582</v>
      </c>
      <c r="M5539">
        <v>4583726</v>
      </c>
      <c r="O5539">
        <v>3428023</v>
      </c>
      <c r="P5539">
        <v>1</v>
      </c>
      <c r="Q5539">
        <v>0</v>
      </c>
      <c r="R5539" t="s">
        <v>28583</v>
      </c>
      <c r="S5539">
        <v>126</v>
      </c>
    </row>
    <row r="5540" spans="1:19" x14ac:dyDescent="0.25">
      <c r="A5540">
        <v>28057695</v>
      </c>
      <c r="B5540" t="s">
        <v>28584</v>
      </c>
      <c r="C5540" s="1" t="s">
        <v>28585</v>
      </c>
      <c r="D5540">
        <v>28057984</v>
      </c>
      <c r="E5540">
        <v>2</v>
      </c>
      <c r="F5540">
        <v>4</v>
      </c>
      <c r="H5540" t="s">
        <v>28586</v>
      </c>
      <c r="J5540" t="s">
        <v>28587</v>
      </c>
      <c r="K5540" t="s">
        <v>28588</v>
      </c>
      <c r="M5540">
        <v>4389489</v>
      </c>
      <c r="O5540">
        <v>4339176</v>
      </c>
      <c r="P5540">
        <v>1</v>
      </c>
      <c r="Q5540">
        <v>-1</v>
      </c>
      <c r="R5540" t="s">
        <v>871</v>
      </c>
      <c r="S5540">
        <v>102</v>
      </c>
    </row>
    <row r="5541" spans="1:19" x14ac:dyDescent="0.25">
      <c r="A5541">
        <v>35613918</v>
      </c>
      <c r="B5541" t="s">
        <v>28589</v>
      </c>
      <c r="C5541" s="1" t="s">
        <v>28590</v>
      </c>
      <c r="E5541">
        <v>1</v>
      </c>
      <c r="F5541">
        <v>1</v>
      </c>
      <c r="H5541" t="s">
        <v>28591</v>
      </c>
      <c r="J5541" t="s">
        <v>28592</v>
      </c>
      <c r="O5541">
        <v>5919843</v>
      </c>
      <c r="P5541">
        <v>1</v>
      </c>
      <c r="Q5541">
        <v>-1</v>
      </c>
      <c r="R5541" t="s">
        <v>28593</v>
      </c>
      <c r="S5541">
        <v>24</v>
      </c>
    </row>
    <row r="5542" spans="1:19" x14ac:dyDescent="0.25">
      <c r="A5542">
        <v>13026690</v>
      </c>
      <c r="B5542" t="s">
        <v>28594</v>
      </c>
      <c r="C5542" s="1" t="s">
        <v>28595</v>
      </c>
      <c r="D5542">
        <v>13029576</v>
      </c>
      <c r="E5542">
        <v>1</v>
      </c>
      <c r="F5542">
        <v>0</v>
      </c>
      <c r="H5542" t="s">
        <v>28596</v>
      </c>
      <c r="I5542">
        <v>1</v>
      </c>
      <c r="J5542" t="s">
        <v>28597</v>
      </c>
      <c r="K5542" t="s">
        <v>28598</v>
      </c>
      <c r="M5542">
        <v>1767674</v>
      </c>
      <c r="O5542">
        <v>1767674</v>
      </c>
      <c r="P5542">
        <v>1</v>
      </c>
      <c r="Q5542">
        <v>0</v>
      </c>
      <c r="R5542" t="s">
        <v>28599</v>
      </c>
      <c r="S5542">
        <v>238</v>
      </c>
    </row>
    <row r="5543" spans="1:19" x14ac:dyDescent="0.25">
      <c r="A5543">
        <v>33288918</v>
      </c>
      <c r="B5543" t="s">
        <v>28600</v>
      </c>
      <c r="C5543" s="1" t="s">
        <v>28601</v>
      </c>
      <c r="E5543">
        <v>1</v>
      </c>
      <c r="F5543">
        <v>6</v>
      </c>
      <c r="H5543" t="s">
        <v>28602</v>
      </c>
      <c r="J5543" t="s">
        <v>28603</v>
      </c>
      <c r="K5543" t="s">
        <v>28603</v>
      </c>
      <c r="M5543">
        <v>5246735</v>
      </c>
      <c r="O5543">
        <v>5246735</v>
      </c>
      <c r="P5543">
        <v>1</v>
      </c>
      <c r="Q5543">
        <v>2</v>
      </c>
      <c r="R5543" t="s">
        <v>28604</v>
      </c>
      <c r="S5543">
        <v>1807</v>
      </c>
    </row>
    <row r="5544" spans="1:19" x14ac:dyDescent="0.25">
      <c r="A5544">
        <v>40930722</v>
      </c>
      <c r="B5544" t="s">
        <v>28605</v>
      </c>
      <c r="C5544" s="1" t="s">
        <v>28606</v>
      </c>
      <c r="E5544">
        <v>1</v>
      </c>
      <c r="F5544">
        <v>4</v>
      </c>
      <c r="H5544" t="s">
        <v>28607</v>
      </c>
      <c r="J5544" t="s">
        <v>28608</v>
      </c>
      <c r="O5544">
        <v>678999</v>
      </c>
      <c r="P5544">
        <v>1</v>
      </c>
      <c r="Q5544">
        <v>1</v>
      </c>
      <c r="R5544" t="s">
        <v>28609</v>
      </c>
      <c r="S5544">
        <v>158</v>
      </c>
    </row>
    <row r="5545" spans="1:19" x14ac:dyDescent="0.25">
      <c r="A5545">
        <v>35665861</v>
      </c>
      <c r="B5545" t="s">
        <v>28610</v>
      </c>
      <c r="C5545" s="1" t="s">
        <v>28611</v>
      </c>
      <c r="E5545">
        <v>3</v>
      </c>
      <c r="F5545">
        <v>7</v>
      </c>
      <c r="H5545" t="s">
        <v>28612</v>
      </c>
      <c r="J5545" t="s">
        <v>28613</v>
      </c>
      <c r="K5545" t="s">
        <v>28614</v>
      </c>
      <c r="M5545">
        <v>45375</v>
      </c>
      <c r="O5545">
        <v>5989102</v>
      </c>
      <c r="P5545">
        <v>1</v>
      </c>
      <c r="Q5545">
        <v>0</v>
      </c>
      <c r="R5545" t="s">
        <v>28615</v>
      </c>
      <c r="S5545">
        <v>3018</v>
      </c>
    </row>
    <row r="5546" spans="1:19" x14ac:dyDescent="0.25">
      <c r="A5546">
        <v>27736718</v>
      </c>
      <c r="B5546" t="s">
        <v>28616</v>
      </c>
      <c r="C5546" s="1" t="s">
        <v>28617</v>
      </c>
      <c r="D5546">
        <v>27736884</v>
      </c>
      <c r="E5546">
        <v>1</v>
      </c>
      <c r="F5546">
        <v>0</v>
      </c>
      <c r="H5546" t="s">
        <v>28618</v>
      </c>
      <c r="I5546">
        <v>1</v>
      </c>
      <c r="J5546" t="s">
        <v>28619</v>
      </c>
      <c r="O5546">
        <v>1096660</v>
      </c>
      <c r="P5546">
        <v>1</v>
      </c>
      <c r="Q5546">
        <v>2</v>
      </c>
      <c r="R5546" t="s">
        <v>28620</v>
      </c>
      <c r="S5546">
        <v>46</v>
      </c>
    </row>
    <row r="5547" spans="1:19" x14ac:dyDescent="0.25">
      <c r="A5547">
        <v>37905523</v>
      </c>
      <c r="B5547" t="s">
        <v>28621</v>
      </c>
      <c r="C5547" s="1" t="s">
        <v>28622</v>
      </c>
      <c r="D5547">
        <v>37905599</v>
      </c>
      <c r="E5547">
        <v>5</v>
      </c>
      <c r="F5547">
        <v>1</v>
      </c>
      <c r="H5547" t="s">
        <v>28623</v>
      </c>
      <c r="J5547" t="s">
        <v>28624</v>
      </c>
      <c r="K5547" t="s">
        <v>28625</v>
      </c>
      <c r="M5547">
        <v>3378165</v>
      </c>
      <c r="O5547">
        <v>6344736</v>
      </c>
      <c r="P5547">
        <v>1</v>
      </c>
      <c r="Q5547">
        <v>3</v>
      </c>
      <c r="R5547" t="s">
        <v>24707</v>
      </c>
      <c r="S5547">
        <v>89</v>
      </c>
    </row>
    <row r="5548" spans="1:19" x14ac:dyDescent="0.25">
      <c r="A5548">
        <v>9329398</v>
      </c>
      <c r="B5548" t="s">
        <v>28626</v>
      </c>
      <c r="C5548" s="1" t="s">
        <v>28627</v>
      </c>
      <c r="D5548">
        <v>9330259</v>
      </c>
      <c r="E5548">
        <v>2</v>
      </c>
      <c r="F5548">
        <v>2</v>
      </c>
      <c r="H5548" t="s">
        <v>28628</v>
      </c>
      <c r="J5548" t="s">
        <v>28629</v>
      </c>
      <c r="O5548">
        <v>113111</v>
      </c>
      <c r="P5548">
        <v>1</v>
      </c>
      <c r="Q5548">
        <v>1</v>
      </c>
      <c r="R5548" t="s">
        <v>28630</v>
      </c>
      <c r="S5548">
        <v>354</v>
      </c>
    </row>
    <row r="5549" spans="1:19" x14ac:dyDescent="0.25">
      <c r="A5549">
        <v>33001749</v>
      </c>
      <c r="B5549" t="s">
        <v>28631</v>
      </c>
      <c r="C5549" s="1" t="s">
        <v>28632</v>
      </c>
      <c r="E5549">
        <v>0</v>
      </c>
      <c r="F5549">
        <v>2</v>
      </c>
      <c r="H5549" t="s">
        <v>28633</v>
      </c>
      <c r="J5549" t="s">
        <v>28633</v>
      </c>
      <c r="O5549">
        <v>5420256</v>
      </c>
      <c r="P5549">
        <v>1</v>
      </c>
      <c r="Q5549">
        <v>0</v>
      </c>
      <c r="R5549" t="s">
        <v>28634</v>
      </c>
      <c r="S5549">
        <v>11</v>
      </c>
    </row>
    <row r="5550" spans="1:19" x14ac:dyDescent="0.25">
      <c r="A5550">
        <v>11595886</v>
      </c>
      <c r="B5550" t="s">
        <v>28635</v>
      </c>
      <c r="C5550" s="1" t="s">
        <v>28636</v>
      </c>
      <c r="D5550">
        <v>11595915</v>
      </c>
      <c r="E5550">
        <v>3</v>
      </c>
      <c r="F5550">
        <v>4</v>
      </c>
      <c r="H5550" t="s">
        <v>28637</v>
      </c>
      <c r="J5550" t="s">
        <v>28638</v>
      </c>
      <c r="K5550" t="s">
        <v>28639</v>
      </c>
      <c r="M5550">
        <v>1494505</v>
      </c>
      <c r="O5550">
        <v>1232888</v>
      </c>
      <c r="P5550">
        <v>1</v>
      </c>
      <c r="Q5550">
        <v>15</v>
      </c>
      <c r="R5550" t="s">
        <v>1446</v>
      </c>
      <c r="S5550">
        <v>60902</v>
      </c>
    </row>
    <row r="5551" spans="1:19" x14ac:dyDescent="0.25">
      <c r="A5551">
        <v>47686534</v>
      </c>
      <c r="B5551" t="s">
        <v>28640</v>
      </c>
      <c r="C5551" s="1" t="s">
        <v>28641</v>
      </c>
      <c r="E5551">
        <v>1</v>
      </c>
      <c r="F5551">
        <v>5</v>
      </c>
      <c r="H5551" t="s">
        <v>28642</v>
      </c>
      <c r="J5551" t="s">
        <v>28643</v>
      </c>
      <c r="K5551" t="s">
        <v>28644</v>
      </c>
      <c r="M5551">
        <v>4724167</v>
      </c>
      <c r="O5551">
        <v>8415444</v>
      </c>
      <c r="P5551">
        <v>1</v>
      </c>
      <c r="Q5551">
        <v>1</v>
      </c>
      <c r="R5551" t="s">
        <v>28645</v>
      </c>
      <c r="S5551">
        <v>29</v>
      </c>
    </row>
    <row r="5552" spans="1:19" x14ac:dyDescent="0.25">
      <c r="A5552">
        <v>745720</v>
      </c>
      <c r="B5552" t="s">
        <v>28646</v>
      </c>
      <c r="C5552" s="1" t="s">
        <v>28647</v>
      </c>
      <c r="D5552">
        <v>745741</v>
      </c>
      <c r="E5552">
        <v>4</v>
      </c>
      <c r="F5552">
        <v>2</v>
      </c>
      <c r="H5552" t="s">
        <v>28648</v>
      </c>
      <c r="I5552">
        <v>2</v>
      </c>
      <c r="J5552" t="s">
        <v>28649</v>
      </c>
      <c r="K5552" t="s">
        <v>28649</v>
      </c>
      <c r="M5552">
        <v>50711</v>
      </c>
      <c r="O5552">
        <v>50711</v>
      </c>
      <c r="P5552">
        <v>1</v>
      </c>
      <c r="Q5552">
        <v>5</v>
      </c>
      <c r="R5552" t="s">
        <v>28650</v>
      </c>
      <c r="S5552">
        <v>2366</v>
      </c>
    </row>
    <row r="5553" spans="1:19" x14ac:dyDescent="0.25">
      <c r="A5553">
        <v>31515625</v>
      </c>
      <c r="B5553" t="s">
        <v>28651</v>
      </c>
      <c r="C5553" s="1" t="s">
        <v>28652</v>
      </c>
      <c r="D5553">
        <v>31515669</v>
      </c>
      <c r="E5553">
        <v>4</v>
      </c>
      <c r="F5553">
        <v>1</v>
      </c>
      <c r="H5553" t="s">
        <v>28653</v>
      </c>
      <c r="I5553">
        <v>1</v>
      </c>
      <c r="J5553" t="s">
        <v>28654</v>
      </c>
      <c r="O5553">
        <v>1682542</v>
      </c>
      <c r="P5553">
        <v>1</v>
      </c>
      <c r="Q5553">
        <v>0</v>
      </c>
      <c r="R5553" t="s">
        <v>28655</v>
      </c>
      <c r="S5553">
        <v>566</v>
      </c>
    </row>
    <row r="5554" spans="1:19" x14ac:dyDescent="0.25">
      <c r="A5554">
        <v>11446177</v>
      </c>
      <c r="B5554" t="s">
        <v>28656</v>
      </c>
      <c r="C5554" s="1" t="s">
        <v>28657</v>
      </c>
      <c r="E5554">
        <v>0</v>
      </c>
      <c r="F5554">
        <v>0</v>
      </c>
      <c r="H5554" t="s">
        <v>28658</v>
      </c>
      <c r="J5554" t="s">
        <v>28658</v>
      </c>
      <c r="O5554">
        <v>1422926</v>
      </c>
      <c r="P5554">
        <v>1</v>
      </c>
      <c r="Q5554">
        <v>1</v>
      </c>
      <c r="R5554" t="s">
        <v>28659</v>
      </c>
      <c r="S5554">
        <v>251</v>
      </c>
    </row>
    <row r="5555" spans="1:19" x14ac:dyDescent="0.25">
      <c r="A5555">
        <v>34692978</v>
      </c>
      <c r="B5555" t="s">
        <v>28660</v>
      </c>
      <c r="C5555" s="1" t="s">
        <v>28661</v>
      </c>
      <c r="D5555">
        <v>34693134</v>
      </c>
      <c r="E5555">
        <v>3</v>
      </c>
      <c r="F5555">
        <v>1</v>
      </c>
      <c r="H5555" t="s">
        <v>28662</v>
      </c>
      <c r="J5555" t="s">
        <v>28663</v>
      </c>
      <c r="O5555">
        <v>5606352</v>
      </c>
      <c r="P5555">
        <v>1</v>
      </c>
      <c r="Q5555">
        <v>1</v>
      </c>
      <c r="R5555" t="s">
        <v>3969</v>
      </c>
      <c r="S5555">
        <v>69</v>
      </c>
    </row>
    <row r="5556" spans="1:19" x14ac:dyDescent="0.25">
      <c r="A5556">
        <v>29593622</v>
      </c>
      <c r="B5556" t="s">
        <v>28664</v>
      </c>
      <c r="C5556" s="1" t="s">
        <v>28665</v>
      </c>
      <c r="D5556">
        <v>29593823</v>
      </c>
      <c r="E5556">
        <v>1</v>
      </c>
      <c r="F5556">
        <v>5</v>
      </c>
      <c r="H5556" t="s">
        <v>28666</v>
      </c>
      <c r="J5556" t="s">
        <v>28667</v>
      </c>
      <c r="K5556" t="s">
        <v>28668</v>
      </c>
      <c r="M5556">
        <v>2792531</v>
      </c>
      <c r="O5556">
        <v>4517471</v>
      </c>
      <c r="P5556">
        <v>1</v>
      </c>
      <c r="Q5556">
        <v>0</v>
      </c>
      <c r="R5556" t="s">
        <v>28669</v>
      </c>
      <c r="S5556">
        <v>375</v>
      </c>
    </row>
    <row r="5557" spans="1:19" x14ac:dyDescent="0.25">
      <c r="A5557">
        <v>25020224</v>
      </c>
      <c r="B5557" t="s">
        <v>28670</v>
      </c>
      <c r="C5557" s="1" t="s">
        <v>28671</v>
      </c>
      <c r="D5557">
        <v>25020609</v>
      </c>
      <c r="E5557">
        <v>1</v>
      </c>
      <c r="F5557">
        <v>0</v>
      </c>
      <c r="H5557" t="s">
        <v>28672</v>
      </c>
      <c r="I5557">
        <v>1</v>
      </c>
      <c r="J5557" t="s">
        <v>28673</v>
      </c>
      <c r="K5557" t="s">
        <v>28674</v>
      </c>
      <c r="M5557">
        <v>980550</v>
      </c>
      <c r="O5557">
        <v>2758139</v>
      </c>
      <c r="P5557">
        <v>1</v>
      </c>
      <c r="Q5557">
        <v>0</v>
      </c>
      <c r="R5557" t="s">
        <v>28675</v>
      </c>
      <c r="S5557">
        <v>115</v>
      </c>
    </row>
    <row r="5558" spans="1:19" x14ac:dyDescent="0.25">
      <c r="A5558">
        <v>45476442</v>
      </c>
      <c r="B5558" t="s">
        <v>28676</v>
      </c>
      <c r="C5558" s="1" t="s">
        <v>28677</v>
      </c>
      <c r="D5558">
        <v>45477341</v>
      </c>
      <c r="E5558">
        <v>3</v>
      </c>
      <c r="F5558">
        <v>2</v>
      </c>
      <c r="H5558" t="s">
        <v>28678</v>
      </c>
      <c r="J5558" t="s">
        <v>28679</v>
      </c>
      <c r="O5558">
        <v>8262219</v>
      </c>
      <c r="P5558">
        <v>1</v>
      </c>
      <c r="Q5558">
        <v>1</v>
      </c>
      <c r="R5558" t="s">
        <v>25248</v>
      </c>
      <c r="S5558">
        <v>48</v>
      </c>
    </row>
    <row r="5559" spans="1:19" x14ac:dyDescent="0.25">
      <c r="A5559">
        <v>22992740</v>
      </c>
      <c r="B5559" t="s">
        <v>28680</v>
      </c>
      <c r="C5559" s="1" t="s">
        <v>28681</v>
      </c>
      <c r="D5559">
        <v>22993166</v>
      </c>
      <c r="E5559">
        <v>2</v>
      </c>
      <c r="F5559">
        <v>0</v>
      </c>
      <c r="H5559" t="s">
        <v>28682</v>
      </c>
      <c r="J5559" t="s">
        <v>28683</v>
      </c>
      <c r="O5559">
        <v>1893453</v>
      </c>
      <c r="P5559">
        <v>1</v>
      </c>
      <c r="Q5559">
        <v>0</v>
      </c>
      <c r="R5559" t="s">
        <v>17138</v>
      </c>
      <c r="S5559">
        <v>609</v>
      </c>
    </row>
    <row r="5560" spans="1:19" x14ac:dyDescent="0.25">
      <c r="A5560">
        <v>45275060</v>
      </c>
      <c r="B5560" t="s">
        <v>28684</v>
      </c>
      <c r="C5560" s="1" t="s">
        <v>28685</v>
      </c>
      <c r="E5560">
        <v>1</v>
      </c>
      <c r="F5560">
        <v>0</v>
      </c>
      <c r="H5560" t="s">
        <v>28686</v>
      </c>
      <c r="I5560">
        <v>2</v>
      </c>
      <c r="J5560" t="s">
        <v>28687</v>
      </c>
      <c r="O5560">
        <v>1080145</v>
      </c>
      <c r="P5560">
        <v>1</v>
      </c>
      <c r="Q5560">
        <v>4</v>
      </c>
      <c r="R5560" t="s">
        <v>28688</v>
      </c>
      <c r="S5560">
        <v>2245</v>
      </c>
    </row>
    <row r="5561" spans="1:19" x14ac:dyDescent="0.25">
      <c r="A5561">
        <v>31424518</v>
      </c>
      <c r="B5561" t="s">
        <v>28689</v>
      </c>
      <c r="C5561" s="1" t="s">
        <v>28690</v>
      </c>
      <c r="D5561">
        <v>31433739</v>
      </c>
      <c r="E5561">
        <v>1</v>
      </c>
      <c r="F5561">
        <v>0</v>
      </c>
      <c r="H5561" t="s">
        <v>28691</v>
      </c>
      <c r="I5561">
        <v>1</v>
      </c>
      <c r="J5561" t="s">
        <v>28692</v>
      </c>
      <c r="K5561" t="s">
        <v>28693</v>
      </c>
      <c r="M5561">
        <v>4842138</v>
      </c>
      <c r="O5561">
        <v>4842138</v>
      </c>
      <c r="P5561">
        <v>1</v>
      </c>
      <c r="Q5561">
        <v>5</v>
      </c>
      <c r="R5561" t="s">
        <v>28694</v>
      </c>
      <c r="S5561">
        <v>2171</v>
      </c>
    </row>
    <row r="5562" spans="1:19" x14ac:dyDescent="0.25">
      <c r="A5562">
        <v>9497223</v>
      </c>
      <c r="B5562" t="s">
        <v>28695</v>
      </c>
      <c r="C5562" s="1" t="s">
        <v>28696</v>
      </c>
      <c r="D5562">
        <v>9501950</v>
      </c>
      <c r="E5562">
        <v>4</v>
      </c>
      <c r="F5562">
        <v>0</v>
      </c>
      <c r="H5562" t="s">
        <v>28697</v>
      </c>
      <c r="I5562">
        <v>13</v>
      </c>
      <c r="J5562" t="s">
        <v>28698</v>
      </c>
      <c r="O5562">
        <v>1239936</v>
      </c>
      <c r="P5562">
        <v>1</v>
      </c>
      <c r="Q5562">
        <v>35</v>
      </c>
      <c r="R5562" t="s">
        <v>1759</v>
      </c>
      <c r="S5562">
        <v>30702</v>
      </c>
    </row>
    <row r="5563" spans="1:19" x14ac:dyDescent="0.25">
      <c r="A5563">
        <v>51601745</v>
      </c>
      <c r="B5563" t="s">
        <v>28699</v>
      </c>
      <c r="C5563" s="1" t="s">
        <v>28700</v>
      </c>
      <c r="E5563">
        <v>1</v>
      </c>
      <c r="F5563">
        <v>0</v>
      </c>
      <c r="H5563" t="s">
        <v>28701</v>
      </c>
      <c r="J5563" t="s">
        <v>28702</v>
      </c>
      <c r="O5563">
        <v>793769</v>
      </c>
      <c r="P5563">
        <v>1</v>
      </c>
      <c r="Q5563">
        <v>0</v>
      </c>
      <c r="R5563" t="s">
        <v>28703</v>
      </c>
      <c r="S5563">
        <v>251</v>
      </c>
    </row>
    <row r="5564" spans="1:19" x14ac:dyDescent="0.25">
      <c r="A5564">
        <v>51001952</v>
      </c>
      <c r="B5564" t="s">
        <v>28704</v>
      </c>
      <c r="C5564" s="1" t="s">
        <v>28705</v>
      </c>
      <c r="D5564">
        <v>51055881</v>
      </c>
      <c r="E5564">
        <v>1</v>
      </c>
      <c r="F5564">
        <v>7</v>
      </c>
      <c r="H5564" t="s">
        <v>28706</v>
      </c>
      <c r="J5564" t="s">
        <v>28707</v>
      </c>
      <c r="K5564" t="s">
        <v>28708</v>
      </c>
      <c r="M5564">
        <v>7068790</v>
      </c>
      <c r="O5564">
        <v>7068790</v>
      </c>
      <c r="P5564">
        <v>1</v>
      </c>
      <c r="Q5564">
        <v>-1</v>
      </c>
      <c r="R5564" t="s">
        <v>28709</v>
      </c>
      <c r="S5564">
        <v>35</v>
      </c>
    </row>
    <row r="5565" spans="1:19" x14ac:dyDescent="0.25">
      <c r="A5565">
        <v>32434011</v>
      </c>
      <c r="B5565" t="s">
        <v>28710</v>
      </c>
      <c r="C5565" s="1" t="s">
        <v>28711</v>
      </c>
      <c r="D5565">
        <v>32434179</v>
      </c>
      <c r="E5565">
        <v>1</v>
      </c>
      <c r="F5565">
        <v>0</v>
      </c>
      <c r="H5565" t="s">
        <v>28712</v>
      </c>
      <c r="J5565" t="s">
        <v>28713</v>
      </c>
      <c r="K5565" t="s">
        <v>28713</v>
      </c>
      <c r="M5565">
        <v>13302</v>
      </c>
      <c r="O5565">
        <v>3620224</v>
      </c>
      <c r="P5565">
        <v>1</v>
      </c>
      <c r="Q5565">
        <v>1</v>
      </c>
      <c r="R5565" t="s">
        <v>989</v>
      </c>
      <c r="S5565">
        <v>52</v>
      </c>
    </row>
    <row r="5566" spans="1:19" x14ac:dyDescent="0.25">
      <c r="A5566">
        <v>16254869</v>
      </c>
      <c r="B5566" t="s">
        <v>28714</v>
      </c>
      <c r="C5566" s="1" t="s">
        <v>28715</v>
      </c>
      <c r="D5566">
        <v>16254993</v>
      </c>
      <c r="E5566">
        <v>1</v>
      </c>
      <c r="F5566">
        <v>5</v>
      </c>
      <c r="H5566" t="s">
        <v>28716</v>
      </c>
      <c r="J5566" t="s">
        <v>28717</v>
      </c>
      <c r="K5566" t="s">
        <v>28718</v>
      </c>
      <c r="M5566">
        <v>15168</v>
      </c>
      <c r="O5566">
        <v>2327293</v>
      </c>
      <c r="P5566">
        <v>1</v>
      </c>
      <c r="Q5566">
        <v>5</v>
      </c>
      <c r="R5566" t="s">
        <v>28719</v>
      </c>
      <c r="S5566">
        <v>2636</v>
      </c>
    </row>
    <row r="5567" spans="1:19" x14ac:dyDescent="0.25">
      <c r="A5567">
        <v>51034778</v>
      </c>
      <c r="B5567" t="s">
        <v>28720</v>
      </c>
      <c r="C5567" s="1" t="s">
        <v>28721</v>
      </c>
      <c r="E5567">
        <v>1</v>
      </c>
      <c r="F5567">
        <v>2</v>
      </c>
      <c r="H5567" t="s">
        <v>28722</v>
      </c>
      <c r="J5567" t="s">
        <v>28723</v>
      </c>
      <c r="K5567" t="s">
        <v>28724</v>
      </c>
      <c r="M5567">
        <v>13302</v>
      </c>
      <c r="O5567">
        <v>4196594</v>
      </c>
      <c r="P5567">
        <v>1</v>
      </c>
      <c r="Q5567">
        <v>1</v>
      </c>
      <c r="R5567" t="s">
        <v>549</v>
      </c>
      <c r="S5567">
        <v>51</v>
      </c>
    </row>
    <row r="5568" spans="1:19" x14ac:dyDescent="0.25">
      <c r="A5568">
        <v>13099486</v>
      </c>
      <c r="B5568" t="s">
        <v>28725</v>
      </c>
      <c r="C5568" s="1" t="s">
        <v>28726</v>
      </c>
      <c r="D5568">
        <v>13099577</v>
      </c>
      <c r="E5568">
        <v>2</v>
      </c>
      <c r="F5568">
        <v>1</v>
      </c>
      <c r="H5568" t="s">
        <v>28727</v>
      </c>
      <c r="J5568" t="s">
        <v>28728</v>
      </c>
      <c r="K5568" t="s">
        <v>28728</v>
      </c>
      <c r="L5568" t="s">
        <v>28729</v>
      </c>
      <c r="O5568">
        <v>436493</v>
      </c>
      <c r="P5568">
        <v>1</v>
      </c>
      <c r="Q5568">
        <v>-4</v>
      </c>
      <c r="R5568" t="s">
        <v>7543</v>
      </c>
      <c r="S5568">
        <v>428</v>
      </c>
    </row>
    <row r="5569" spans="1:19" x14ac:dyDescent="0.25">
      <c r="A5569">
        <v>48206063</v>
      </c>
      <c r="B5569" t="s">
        <v>28730</v>
      </c>
      <c r="C5569" s="1" t="s">
        <v>28731</v>
      </c>
      <c r="E5569">
        <v>2</v>
      </c>
      <c r="F5569">
        <v>0</v>
      </c>
      <c r="H5569" t="s">
        <v>28732</v>
      </c>
      <c r="J5569" t="s">
        <v>28733</v>
      </c>
      <c r="O5569">
        <v>954093</v>
      </c>
      <c r="P5569">
        <v>1</v>
      </c>
      <c r="Q5569">
        <v>0</v>
      </c>
      <c r="R5569" t="s">
        <v>125</v>
      </c>
      <c r="S5569">
        <v>380</v>
      </c>
    </row>
    <row r="5570" spans="1:19" x14ac:dyDescent="0.25">
      <c r="A5570">
        <v>39852772</v>
      </c>
      <c r="B5570" t="s">
        <v>28734</v>
      </c>
      <c r="C5570" s="1" t="s">
        <v>28735</v>
      </c>
      <c r="D5570">
        <v>39853189</v>
      </c>
      <c r="E5570">
        <v>1</v>
      </c>
      <c r="F5570">
        <v>9</v>
      </c>
      <c r="H5570" t="s">
        <v>28736</v>
      </c>
      <c r="J5570" t="s">
        <v>28737</v>
      </c>
      <c r="K5570" t="s">
        <v>28738</v>
      </c>
      <c r="M5570">
        <v>525894</v>
      </c>
      <c r="O5570">
        <v>525894</v>
      </c>
      <c r="P5570">
        <v>1</v>
      </c>
      <c r="Q5570">
        <v>0</v>
      </c>
      <c r="R5570" t="s">
        <v>28739</v>
      </c>
      <c r="S5570">
        <v>388</v>
      </c>
    </row>
    <row r="5571" spans="1:19" x14ac:dyDescent="0.25">
      <c r="A5571">
        <v>6087039</v>
      </c>
      <c r="B5571" t="s">
        <v>28740</v>
      </c>
      <c r="C5571" s="1" t="s">
        <v>28741</v>
      </c>
      <c r="D5571">
        <v>6087486</v>
      </c>
      <c r="E5571">
        <v>1</v>
      </c>
      <c r="F5571">
        <v>0</v>
      </c>
      <c r="H5571" t="s">
        <v>28742</v>
      </c>
      <c r="J5571" t="s">
        <v>28743</v>
      </c>
      <c r="O5571">
        <v>764651</v>
      </c>
      <c r="P5571">
        <v>1</v>
      </c>
      <c r="Q5571">
        <v>0</v>
      </c>
      <c r="R5571" t="s">
        <v>28744</v>
      </c>
      <c r="S5571">
        <v>5310</v>
      </c>
    </row>
    <row r="5572" spans="1:19" x14ac:dyDescent="0.25">
      <c r="A5572">
        <v>28718934</v>
      </c>
      <c r="B5572" t="s">
        <v>28745</v>
      </c>
      <c r="C5572" s="1" t="s">
        <v>28746</v>
      </c>
      <c r="E5572">
        <v>3</v>
      </c>
      <c r="F5572">
        <v>2</v>
      </c>
      <c r="H5572" t="s">
        <v>28747</v>
      </c>
      <c r="J5572" t="s">
        <v>28748</v>
      </c>
      <c r="K5572" t="s">
        <v>28749</v>
      </c>
      <c r="L5572" t="s">
        <v>28750</v>
      </c>
      <c r="O5572">
        <v>4375037</v>
      </c>
      <c r="P5572">
        <v>1</v>
      </c>
      <c r="Q5572">
        <v>3</v>
      </c>
      <c r="R5572" t="s">
        <v>28751</v>
      </c>
      <c r="S5572">
        <v>96</v>
      </c>
    </row>
    <row r="5573" spans="1:19" x14ac:dyDescent="0.25">
      <c r="A5573">
        <v>52243738</v>
      </c>
      <c r="B5573" t="s">
        <v>28752</v>
      </c>
      <c r="C5573" s="1" t="s">
        <v>28753</v>
      </c>
      <c r="D5573">
        <v>52243880</v>
      </c>
      <c r="E5573">
        <v>2</v>
      </c>
      <c r="F5573">
        <v>2</v>
      </c>
      <c r="H5573" t="s">
        <v>28754</v>
      </c>
      <c r="J5573" t="s">
        <v>28755</v>
      </c>
      <c r="K5573" t="s">
        <v>28755</v>
      </c>
      <c r="M5573">
        <v>9741144</v>
      </c>
      <c r="O5573">
        <v>9741144</v>
      </c>
      <c r="P5573">
        <v>1</v>
      </c>
      <c r="Q5573">
        <v>0</v>
      </c>
      <c r="R5573" t="s">
        <v>28756</v>
      </c>
      <c r="S5573">
        <v>47</v>
      </c>
    </row>
    <row r="5574" spans="1:19" x14ac:dyDescent="0.25">
      <c r="A5574">
        <v>29748011</v>
      </c>
      <c r="B5574" t="s">
        <v>28757</v>
      </c>
      <c r="C5574" s="1" t="s">
        <v>28758</v>
      </c>
      <c r="D5574">
        <v>29748131</v>
      </c>
      <c r="E5574">
        <v>1</v>
      </c>
      <c r="F5574">
        <v>1</v>
      </c>
      <c r="H5574" t="s">
        <v>28759</v>
      </c>
      <c r="J5574" t="s">
        <v>28760</v>
      </c>
      <c r="K5574" t="s">
        <v>28760</v>
      </c>
      <c r="M5574">
        <v>3953764</v>
      </c>
      <c r="O5574">
        <v>1486021</v>
      </c>
      <c r="P5574">
        <v>1</v>
      </c>
      <c r="Q5574">
        <v>1</v>
      </c>
      <c r="R5574" t="s">
        <v>28761</v>
      </c>
      <c r="S5574">
        <v>37</v>
      </c>
    </row>
    <row r="5575" spans="1:19" x14ac:dyDescent="0.25">
      <c r="A5575">
        <v>15741472</v>
      </c>
      <c r="B5575" t="s">
        <v>28762</v>
      </c>
      <c r="C5575" s="1" t="s">
        <v>28763</v>
      </c>
      <c r="E5575">
        <v>1</v>
      </c>
      <c r="F5575">
        <v>0</v>
      </c>
      <c r="H5575" t="s">
        <v>28764</v>
      </c>
      <c r="J5575" t="s">
        <v>28765</v>
      </c>
      <c r="K5575" t="s">
        <v>28765</v>
      </c>
      <c r="M5575">
        <v>280329</v>
      </c>
      <c r="O5575">
        <v>1616723</v>
      </c>
      <c r="P5575">
        <v>1</v>
      </c>
      <c r="Q5575">
        <v>0</v>
      </c>
      <c r="R5575" t="s">
        <v>20333</v>
      </c>
      <c r="S5575">
        <v>156</v>
      </c>
    </row>
    <row r="5576" spans="1:19" x14ac:dyDescent="0.25">
      <c r="A5576">
        <v>18308570</v>
      </c>
      <c r="B5576" t="s">
        <v>28766</v>
      </c>
      <c r="C5576" s="1" t="s">
        <v>28767</v>
      </c>
      <c r="D5576">
        <v>18308753</v>
      </c>
      <c r="E5576">
        <v>1</v>
      </c>
      <c r="F5576">
        <v>0</v>
      </c>
      <c r="H5576" t="s">
        <v>28768</v>
      </c>
      <c r="J5576" t="s">
        <v>28769</v>
      </c>
      <c r="K5576" t="s">
        <v>28770</v>
      </c>
      <c r="M5576">
        <v>-1</v>
      </c>
      <c r="O5576">
        <v>1744797</v>
      </c>
      <c r="P5576">
        <v>1</v>
      </c>
      <c r="Q5576">
        <v>1</v>
      </c>
      <c r="R5576" t="s">
        <v>28771</v>
      </c>
      <c r="S5576">
        <v>481</v>
      </c>
    </row>
    <row r="5577" spans="1:19" x14ac:dyDescent="0.25">
      <c r="A5577">
        <v>5384404</v>
      </c>
      <c r="B5577" t="s">
        <v>28772</v>
      </c>
      <c r="C5577" s="1" t="s">
        <v>28773</v>
      </c>
      <c r="E5577">
        <v>1</v>
      </c>
      <c r="F5577">
        <v>0</v>
      </c>
      <c r="H5577" t="s">
        <v>28774</v>
      </c>
      <c r="I5577">
        <v>3</v>
      </c>
      <c r="J5577" t="s">
        <v>28775</v>
      </c>
      <c r="K5577" t="s">
        <v>28776</v>
      </c>
      <c r="M5577">
        <v>361001</v>
      </c>
      <c r="O5577">
        <v>361001</v>
      </c>
      <c r="P5577">
        <v>1</v>
      </c>
      <c r="Q5577">
        <v>4</v>
      </c>
      <c r="R5577" t="s">
        <v>28777</v>
      </c>
      <c r="S5577">
        <v>1413</v>
      </c>
    </row>
    <row r="5578" spans="1:19" x14ac:dyDescent="0.25">
      <c r="A5578">
        <v>41488074</v>
      </c>
      <c r="B5578" t="s">
        <v>28778</v>
      </c>
      <c r="C5578" s="1" t="s">
        <v>28779</v>
      </c>
      <c r="D5578">
        <v>41502938</v>
      </c>
      <c r="E5578">
        <v>2</v>
      </c>
      <c r="F5578">
        <v>0</v>
      </c>
      <c r="H5578" t="s">
        <v>28780</v>
      </c>
      <c r="J5578" t="s">
        <v>28781</v>
      </c>
      <c r="O5578">
        <v>7030795</v>
      </c>
      <c r="P5578">
        <v>1</v>
      </c>
      <c r="Q5578">
        <v>0</v>
      </c>
      <c r="R5578" t="s">
        <v>27124</v>
      </c>
      <c r="S5578">
        <v>178</v>
      </c>
    </row>
    <row r="5579" spans="1:19" x14ac:dyDescent="0.25">
      <c r="A5579">
        <v>43712474</v>
      </c>
      <c r="B5579" t="s">
        <v>28782</v>
      </c>
      <c r="C5579" s="1" t="s">
        <v>28783</v>
      </c>
      <c r="D5579">
        <v>43712805</v>
      </c>
      <c r="E5579">
        <v>1</v>
      </c>
      <c r="F5579">
        <v>0</v>
      </c>
      <c r="H5579" t="s">
        <v>28784</v>
      </c>
      <c r="J5579" t="s">
        <v>28785</v>
      </c>
      <c r="O5579">
        <v>1792817</v>
      </c>
      <c r="P5579">
        <v>1</v>
      </c>
      <c r="Q5579">
        <v>0</v>
      </c>
      <c r="R5579" t="s">
        <v>7424</v>
      </c>
      <c r="S5579">
        <v>370</v>
      </c>
    </row>
    <row r="5580" spans="1:19" x14ac:dyDescent="0.25">
      <c r="A5580">
        <v>35657561</v>
      </c>
      <c r="B5580" t="s">
        <v>28786</v>
      </c>
      <c r="C5580" s="1" t="s">
        <v>28787</v>
      </c>
      <c r="D5580">
        <v>35657852</v>
      </c>
      <c r="E5580">
        <v>2</v>
      </c>
      <c r="F5580">
        <v>6</v>
      </c>
      <c r="H5580" t="s">
        <v>28788</v>
      </c>
      <c r="J5580" t="s">
        <v>28789</v>
      </c>
      <c r="K5580" t="s">
        <v>28790</v>
      </c>
      <c r="M5580">
        <v>-1</v>
      </c>
      <c r="O5580">
        <v>1035008</v>
      </c>
      <c r="P5580">
        <v>1</v>
      </c>
      <c r="Q5580">
        <v>0</v>
      </c>
      <c r="R5580" t="s">
        <v>28791</v>
      </c>
      <c r="S5580">
        <v>786</v>
      </c>
    </row>
    <row r="5581" spans="1:19" x14ac:dyDescent="0.25">
      <c r="A5581">
        <v>34281026</v>
      </c>
      <c r="B5581" t="s">
        <v>28792</v>
      </c>
      <c r="C5581" s="1" t="s">
        <v>28793</v>
      </c>
      <c r="E5581">
        <v>1</v>
      </c>
      <c r="F5581">
        <v>0</v>
      </c>
      <c r="H5581" t="s">
        <v>28794</v>
      </c>
      <c r="J5581" t="s">
        <v>28795</v>
      </c>
      <c r="K5581" t="s">
        <v>28795</v>
      </c>
      <c r="M5581">
        <v>1213296</v>
      </c>
      <c r="O5581">
        <v>5505483</v>
      </c>
      <c r="P5581">
        <v>1</v>
      </c>
      <c r="Q5581">
        <v>0</v>
      </c>
      <c r="R5581" t="s">
        <v>1446</v>
      </c>
      <c r="S5581">
        <v>1035</v>
      </c>
    </row>
    <row r="5582" spans="1:19" x14ac:dyDescent="0.25">
      <c r="A5582">
        <v>50656688</v>
      </c>
      <c r="B5582" t="s">
        <v>28796</v>
      </c>
      <c r="C5582" s="1" t="s">
        <v>28797</v>
      </c>
      <c r="D5582">
        <v>50658358</v>
      </c>
      <c r="E5582">
        <v>1</v>
      </c>
      <c r="F5582">
        <v>5</v>
      </c>
      <c r="H5582" t="s">
        <v>28798</v>
      </c>
      <c r="J5582" t="s">
        <v>28799</v>
      </c>
      <c r="K5582" t="s">
        <v>28800</v>
      </c>
      <c r="M5582">
        <v>6261230</v>
      </c>
      <c r="O5582">
        <v>6261230</v>
      </c>
      <c r="P5582">
        <v>1</v>
      </c>
      <c r="Q5582">
        <v>0</v>
      </c>
      <c r="R5582" t="s">
        <v>28801</v>
      </c>
      <c r="S5582">
        <v>726</v>
      </c>
    </row>
    <row r="5583" spans="1:19" x14ac:dyDescent="0.25">
      <c r="A5583">
        <v>43129540</v>
      </c>
      <c r="B5583" t="s">
        <v>28802</v>
      </c>
      <c r="C5583" s="1" t="s">
        <v>28803</v>
      </c>
      <c r="D5583">
        <v>43138876</v>
      </c>
      <c r="E5583">
        <v>1</v>
      </c>
      <c r="F5583">
        <v>2</v>
      </c>
      <c r="H5583" t="s">
        <v>28804</v>
      </c>
      <c r="J5583" t="s">
        <v>28805</v>
      </c>
      <c r="O5583">
        <v>1243364</v>
      </c>
      <c r="P5583">
        <v>1</v>
      </c>
      <c r="Q5583">
        <v>0</v>
      </c>
      <c r="R5583" t="s">
        <v>28806</v>
      </c>
      <c r="S5583">
        <v>432</v>
      </c>
    </row>
    <row r="5584" spans="1:19" x14ac:dyDescent="0.25">
      <c r="A5584">
        <v>31075973</v>
      </c>
      <c r="B5584" t="s">
        <v>28807</v>
      </c>
      <c r="C5584" s="1" t="s">
        <v>28808</v>
      </c>
      <c r="D5584">
        <v>31078999</v>
      </c>
      <c r="E5584">
        <v>1</v>
      </c>
      <c r="F5584">
        <v>0</v>
      </c>
      <c r="H5584" t="s">
        <v>28809</v>
      </c>
      <c r="I5584">
        <v>1</v>
      </c>
      <c r="J5584" t="s">
        <v>28810</v>
      </c>
      <c r="K5584" t="s">
        <v>28811</v>
      </c>
      <c r="M5584">
        <v>4035943</v>
      </c>
      <c r="O5584">
        <v>4992400</v>
      </c>
      <c r="P5584">
        <v>1</v>
      </c>
      <c r="Q5584">
        <v>3</v>
      </c>
      <c r="R5584" t="s">
        <v>28812</v>
      </c>
      <c r="S5584">
        <v>63</v>
      </c>
    </row>
    <row r="5585" spans="1:19" x14ac:dyDescent="0.25">
      <c r="A5585">
        <v>2205675</v>
      </c>
      <c r="B5585" t="s">
        <v>28813</v>
      </c>
      <c r="C5585" s="1" t="s">
        <v>28814</v>
      </c>
      <c r="D5585">
        <v>2205786</v>
      </c>
      <c r="E5585">
        <v>1</v>
      </c>
      <c r="F5585">
        <v>0</v>
      </c>
      <c r="H5585" t="s">
        <v>28815</v>
      </c>
      <c r="J5585" t="s">
        <v>28816</v>
      </c>
      <c r="K5585" t="s">
        <v>28816</v>
      </c>
      <c r="M5585">
        <v>25646</v>
      </c>
      <c r="O5585">
        <v>247629</v>
      </c>
      <c r="P5585">
        <v>1</v>
      </c>
      <c r="Q5585">
        <v>0</v>
      </c>
      <c r="R5585" t="s">
        <v>28817</v>
      </c>
      <c r="S5585">
        <v>1207</v>
      </c>
    </row>
    <row r="5586" spans="1:19" x14ac:dyDescent="0.25">
      <c r="A5586">
        <v>28033393</v>
      </c>
      <c r="B5586" t="s">
        <v>28818</v>
      </c>
      <c r="C5586" s="1" t="s">
        <v>28819</v>
      </c>
      <c r="D5586">
        <v>28033967</v>
      </c>
      <c r="E5586">
        <v>3</v>
      </c>
      <c r="F5586">
        <v>7</v>
      </c>
      <c r="H5586" t="s">
        <v>28820</v>
      </c>
      <c r="J5586" t="s">
        <v>28821</v>
      </c>
      <c r="K5586" t="s">
        <v>28822</v>
      </c>
      <c r="M5586">
        <v>-1</v>
      </c>
      <c r="O5586">
        <v>2632273</v>
      </c>
      <c r="P5586">
        <v>1</v>
      </c>
      <c r="Q5586">
        <v>1</v>
      </c>
      <c r="R5586" t="s">
        <v>28823</v>
      </c>
      <c r="S5586">
        <v>418</v>
      </c>
    </row>
    <row r="5587" spans="1:19" x14ac:dyDescent="0.25">
      <c r="A5587">
        <v>49421985</v>
      </c>
      <c r="B5587" t="s">
        <v>28824</v>
      </c>
      <c r="C5587" s="1" t="s">
        <v>28825</v>
      </c>
      <c r="E5587">
        <v>1</v>
      </c>
      <c r="F5587">
        <v>3</v>
      </c>
      <c r="H5587" t="s">
        <v>28826</v>
      </c>
      <c r="J5587" t="s">
        <v>28827</v>
      </c>
      <c r="K5587" t="s">
        <v>28827</v>
      </c>
      <c r="M5587">
        <v>9320397</v>
      </c>
      <c r="O5587">
        <v>9320397</v>
      </c>
      <c r="P5587">
        <v>1</v>
      </c>
      <c r="Q5587">
        <v>0</v>
      </c>
      <c r="R5587" t="s">
        <v>1446</v>
      </c>
      <c r="S5587">
        <v>48</v>
      </c>
    </row>
    <row r="5588" spans="1:19" x14ac:dyDescent="0.25">
      <c r="A5588">
        <v>35306745</v>
      </c>
      <c r="B5588" t="s">
        <v>28828</v>
      </c>
      <c r="C5588" s="1" t="s">
        <v>28829</v>
      </c>
      <c r="E5588">
        <v>1</v>
      </c>
      <c r="F5588">
        <v>2</v>
      </c>
      <c r="H5588" t="s">
        <v>28830</v>
      </c>
      <c r="J5588" t="s">
        <v>28831</v>
      </c>
      <c r="K5588" t="s">
        <v>28832</v>
      </c>
      <c r="M5588">
        <v>5906381</v>
      </c>
      <c r="O5588">
        <v>2636765</v>
      </c>
      <c r="P5588">
        <v>1</v>
      </c>
      <c r="Q5588">
        <v>0</v>
      </c>
      <c r="R5588" t="s">
        <v>28833</v>
      </c>
      <c r="S5588">
        <v>573</v>
      </c>
    </row>
    <row r="5589" spans="1:19" x14ac:dyDescent="0.25">
      <c r="A5589">
        <v>16995085</v>
      </c>
      <c r="B5589" t="s">
        <v>28834</v>
      </c>
      <c r="C5589" s="1" t="s">
        <v>28835</v>
      </c>
      <c r="D5589">
        <v>16995932</v>
      </c>
      <c r="E5589">
        <v>2</v>
      </c>
      <c r="F5589">
        <v>0</v>
      </c>
      <c r="H5589" t="s">
        <v>28836</v>
      </c>
      <c r="J5589" t="s">
        <v>28837</v>
      </c>
      <c r="O5589">
        <v>1241100</v>
      </c>
      <c r="P5589">
        <v>1</v>
      </c>
      <c r="Q5589">
        <v>0</v>
      </c>
      <c r="R5589" t="s">
        <v>4991</v>
      </c>
      <c r="S5589">
        <v>39</v>
      </c>
    </row>
    <row r="5590" spans="1:19" x14ac:dyDescent="0.25">
      <c r="A5590">
        <v>2199596</v>
      </c>
      <c r="B5590" t="s">
        <v>28838</v>
      </c>
      <c r="C5590" s="1" t="s">
        <v>28839</v>
      </c>
      <c r="D5590">
        <v>2598753</v>
      </c>
      <c r="E5590">
        <v>3</v>
      </c>
      <c r="F5590">
        <v>0</v>
      </c>
      <c r="H5590" t="s">
        <v>28840</v>
      </c>
      <c r="J5590" t="s">
        <v>28841</v>
      </c>
      <c r="K5590" t="s">
        <v>28841</v>
      </c>
      <c r="M5590">
        <v>148381</v>
      </c>
      <c r="O5590">
        <v>148381</v>
      </c>
      <c r="P5590">
        <v>1</v>
      </c>
      <c r="Q5590">
        <v>4</v>
      </c>
      <c r="R5590" t="s">
        <v>28842</v>
      </c>
      <c r="S5590">
        <v>880</v>
      </c>
    </row>
    <row r="5591" spans="1:19" x14ac:dyDescent="0.25">
      <c r="A5591">
        <v>1281005</v>
      </c>
      <c r="B5591" t="s">
        <v>28843</v>
      </c>
      <c r="C5591" s="1" t="s">
        <v>28844</v>
      </c>
      <c r="D5591">
        <v>1281131</v>
      </c>
      <c r="E5591">
        <v>1</v>
      </c>
      <c r="F5591">
        <v>0</v>
      </c>
      <c r="H5591" t="s">
        <v>28845</v>
      </c>
      <c r="J5591" t="s">
        <v>28846</v>
      </c>
      <c r="O5591">
        <v>63761</v>
      </c>
      <c r="P5591">
        <v>1</v>
      </c>
      <c r="Q5591">
        <v>0</v>
      </c>
      <c r="R5591" t="s">
        <v>28847</v>
      </c>
      <c r="S5591">
        <v>273</v>
      </c>
    </row>
    <row r="5592" spans="1:19" x14ac:dyDescent="0.25">
      <c r="A5592">
        <v>33777636</v>
      </c>
      <c r="B5592" t="s">
        <v>28848</v>
      </c>
      <c r="C5592" s="1" t="s">
        <v>28849</v>
      </c>
      <c r="E5592">
        <v>1</v>
      </c>
      <c r="F5592">
        <v>0</v>
      </c>
      <c r="H5592" t="s">
        <v>28850</v>
      </c>
      <c r="J5592" t="s">
        <v>28851</v>
      </c>
      <c r="K5592" t="s">
        <v>28851</v>
      </c>
      <c r="M5592">
        <v>157833</v>
      </c>
      <c r="O5592">
        <v>5576049</v>
      </c>
      <c r="P5592">
        <v>1</v>
      </c>
      <c r="Q5592">
        <v>0</v>
      </c>
      <c r="R5592" t="s">
        <v>28852</v>
      </c>
      <c r="S5592">
        <v>286</v>
      </c>
    </row>
    <row r="5593" spans="1:19" x14ac:dyDescent="0.25">
      <c r="A5593">
        <v>41667110</v>
      </c>
      <c r="B5593" t="s">
        <v>28853</v>
      </c>
      <c r="C5593" s="1" t="s">
        <v>28854</v>
      </c>
      <c r="E5593">
        <v>2</v>
      </c>
      <c r="F5593">
        <v>1</v>
      </c>
      <c r="H5593" t="s">
        <v>28855</v>
      </c>
      <c r="J5593" t="s">
        <v>28856</v>
      </c>
      <c r="O5593">
        <v>6666723</v>
      </c>
      <c r="P5593">
        <v>1</v>
      </c>
      <c r="Q5593">
        <v>0</v>
      </c>
      <c r="R5593" t="s">
        <v>28857</v>
      </c>
      <c r="S5593">
        <v>28</v>
      </c>
    </row>
    <row r="5594" spans="1:19" x14ac:dyDescent="0.25">
      <c r="A5594">
        <v>25244876</v>
      </c>
      <c r="B5594" t="s">
        <v>28858</v>
      </c>
      <c r="C5594" s="1" t="s">
        <v>28859</v>
      </c>
      <c r="D5594">
        <v>25254240</v>
      </c>
      <c r="E5594">
        <v>1</v>
      </c>
      <c r="F5594">
        <v>2</v>
      </c>
      <c r="H5594" t="s">
        <v>28860</v>
      </c>
      <c r="J5594" t="s">
        <v>28861</v>
      </c>
      <c r="K5594" t="s">
        <v>28861</v>
      </c>
      <c r="M5594">
        <v>282601</v>
      </c>
      <c r="O5594">
        <v>1530467</v>
      </c>
      <c r="P5594">
        <v>1</v>
      </c>
      <c r="Q5594">
        <v>0</v>
      </c>
      <c r="R5594" t="s">
        <v>28862</v>
      </c>
      <c r="S5594">
        <v>329</v>
      </c>
    </row>
    <row r="5595" spans="1:19" x14ac:dyDescent="0.25">
      <c r="A5595">
        <v>29901665</v>
      </c>
      <c r="B5595" t="s">
        <v>28863</v>
      </c>
      <c r="C5595" s="1" t="s">
        <v>28864</v>
      </c>
      <c r="D5595">
        <v>29964207</v>
      </c>
      <c r="E5595">
        <v>1</v>
      </c>
      <c r="F5595">
        <v>3</v>
      </c>
      <c r="H5595" t="s">
        <v>28865</v>
      </c>
      <c r="J5595" t="s">
        <v>28866</v>
      </c>
      <c r="K5595" t="s">
        <v>28867</v>
      </c>
      <c r="M5595">
        <v>2557701</v>
      </c>
      <c r="O5595">
        <v>2557701</v>
      </c>
      <c r="P5595">
        <v>1</v>
      </c>
      <c r="Q5595">
        <v>-6</v>
      </c>
      <c r="R5595" t="s">
        <v>28868</v>
      </c>
      <c r="S5595">
        <v>264</v>
      </c>
    </row>
    <row r="5596" spans="1:19" x14ac:dyDescent="0.25">
      <c r="A5596">
        <v>9337700</v>
      </c>
      <c r="B5596" t="s">
        <v>28869</v>
      </c>
      <c r="C5596" s="1" t="s">
        <v>28870</v>
      </c>
      <c r="D5596">
        <v>9340614</v>
      </c>
      <c r="E5596">
        <v>2</v>
      </c>
      <c r="F5596">
        <v>0</v>
      </c>
      <c r="H5596" t="s">
        <v>28871</v>
      </c>
      <c r="J5596" t="s">
        <v>28872</v>
      </c>
      <c r="O5596">
        <v>168179</v>
      </c>
      <c r="P5596">
        <v>1</v>
      </c>
      <c r="Q5596">
        <v>6</v>
      </c>
      <c r="R5596" t="s">
        <v>28873</v>
      </c>
      <c r="S5596">
        <v>3932</v>
      </c>
    </row>
    <row r="5597" spans="1:19" x14ac:dyDescent="0.25">
      <c r="A5597">
        <v>20020866</v>
      </c>
      <c r="B5597" t="s">
        <v>28874</v>
      </c>
      <c r="C5597" s="1" t="s">
        <v>28875</v>
      </c>
      <c r="E5597">
        <v>1</v>
      </c>
      <c r="F5597">
        <v>7</v>
      </c>
      <c r="H5597" t="s">
        <v>28876</v>
      </c>
      <c r="J5597" t="s">
        <v>28877</v>
      </c>
      <c r="O5597">
        <v>636525</v>
      </c>
      <c r="P5597">
        <v>1</v>
      </c>
      <c r="Q5597">
        <v>-1</v>
      </c>
      <c r="R5597" t="s">
        <v>28878</v>
      </c>
      <c r="S5597">
        <v>11334</v>
      </c>
    </row>
    <row r="5598" spans="1:19" x14ac:dyDescent="0.25">
      <c r="A5598">
        <v>47518876</v>
      </c>
      <c r="B5598" t="s">
        <v>28879</v>
      </c>
      <c r="C5598" s="1" t="s">
        <v>28880</v>
      </c>
      <c r="E5598">
        <v>0</v>
      </c>
      <c r="F5598">
        <v>3</v>
      </c>
      <c r="H5598" t="s">
        <v>28881</v>
      </c>
      <c r="I5598">
        <v>1</v>
      </c>
      <c r="J5598" t="s">
        <v>28882</v>
      </c>
      <c r="K5598" t="s">
        <v>28882</v>
      </c>
      <c r="M5598">
        <v>3787557</v>
      </c>
      <c r="O5598">
        <v>5193183</v>
      </c>
      <c r="P5598">
        <v>1</v>
      </c>
      <c r="Q5598">
        <v>0</v>
      </c>
      <c r="R5598" t="s">
        <v>14886</v>
      </c>
      <c r="S5598">
        <v>44</v>
      </c>
    </row>
    <row r="5599" spans="1:19" x14ac:dyDescent="0.25">
      <c r="A5599">
        <v>13905073</v>
      </c>
      <c r="B5599" t="s">
        <v>28883</v>
      </c>
      <c r="C5599" s="1" t="s">
        <v>28884</v>
      </c>
      <c r="D5599">
        <v>13907650</v>
      </c>
      <c r="E5599">
        <v>2</v>
      </c>
      <c r="F5599">
        <v>4</v>
      </c>
      <c r="H5599" t="s">
        <v>28885</v>
      </c>
      <c r="I5599">
        <v>0</v>
      </c>
      <c r="J5599" t="s">
        <v>28886</v>
      </c>
      <c r="K5599" t="s">
        <v>28887</v>
      </c>
      <c r="M5599">
        <v>803925</v>
      </c>
      <c r="O5599">
        <v>1226028</v>
      </c>
      <c r="P5599">
        <v>1</v>
      </c>
      <c r="Q5599">
        <v>0</v>
      </c>
      <c r="R5599" t="s">
        <v>28888</v>
      </c>
      <c r="S5599">
        <v>1218</v>
      </c>
    </row>
    <row r="5600" spans="1:19" x14ac:dyDescent="0.25">
      <c r="A5600">
        <v>44377251</v>
      </c>
      <c r="B5600" t="s">
        <v>28889</v>
      </c>
      <c r="C5600" s="1" t="s">
        <v>28890</v>
      </c>
      <c r="D5600">
        <v>44379322</v>
      </c>
      <c r="E5600">
        <v>1</v>
      </c>
      <c r="F5600">
        <v>3</v>
      </c>
      <c r="H5600" t="s">
        <v>28891</v>
      </c>
      <c r="J5600" t="s">
        <v>28892</v>
      </c>
      <c r="K5600" t="s">
        <v>28892</v>
      </c>
      <c r="M5600">
        <v>1033581</v>
      </c>
      <c r="O5600">
        <v>885453</v>
      </c>
      <c r="P5600">
        <v>1</v>
      </c>
      <c r="Q5600">
        <v>0</v>
      </c>
      <c r="R5600" t="s">
        <v>11525</v>
      </c>
      <c r="S5600">
        <v>34</v>
      </c>
    </row>
    <row r="5601" spans="1:19" x14ac:dyDescent="0.25">
      <c r="A5601">
        <v>40430647</v>
      </c>
      <c r="B5601" t="s">
        <v>28893</v>
      </c>
      <c r="C5601" s="1" t="s">
        <v>28894</v>
      </c>
      <c r="D5601">
        <v>40431937</v>
      </c>
      <c r="E5601">
        <v>1</v>
      </c>
      <c r="F5601">
        <v>0</v>
      </c>
      <c r="H5601" t="s">
        <v>28895</v>
      </c>
      <c r="J5601" t="s">
        <v>28896</v>
      </c>
      <c r="K5601" t="s">
        <v>28896</v>
      </c>
      <c r="M5601">
        <v>3329014</v>
      </c>
      <c r="O5601">
        <v>4919700</v>
      </c>
      <c r="P5601">
        <v>1</v>
      </c>
      <c r="Q5601">
        <v>0</v>
      </c>
      <c r="R5601" t="s">
        <v>28897</v>
      </c>
      <c r="S5601">
        <v>88</v>
      </c>
    </row>
    <row r="5602" spans="1:19" x14ac:dyDescent="0.25">
      <c r="A5602">
        <v>52018612</v>
      </c>
      <c r="B5602" t="s">
        <v>28898</v>
      </c>
      <c r="C5602" s="1" t="s">
        <v>28899</v>
      </c>
      <c r="D5602">
        <v>52019175</v>
      </c>
      <c r="E5602">
        <v>2</v>
      </c>
      <c r="F5602">
        <v>1</v>
      </c>
      <c r="H5602" t="s">
        <v>28900</v>
      </c>
      <c r="J5602" t="s">
        <v>28901</v>
      </c>
      <c r="K5602" t="s">
        <v>28902</v>
      </c>
      <c r="M5602">
        <v>9533665</v>
      </c>
      <c r="O5602">
        <v>9533665</v>
      </c>
      <c r="P5602">
        <v>1</v>
      </c>
      <c r="Q5602">
        <v>0</v>
      </c>
      <c r="R5602" t="s">
        <v>28903</v>
      </c>
      <c r="S5602">
        <v>64</v>
      </c>
    </row>
    <row r="5603" spans="1:19" x14ac:dyDescent="0.25">
      <c r="A5603">
        <v>11618595</v>
      </c>
      <c r="B5603" t="s">
        <v>28904</v>
      </c>
      <c r="C5603" s="1" t="s">
        <v>28905</v>
      </c>
      <c r="D5603">
        <v>12020205</v>
      </c>
      <c r="E5603">
        <v>1</v>
      </c>
      <c r="F5603">
        <v>0</v>
      </c>
      <c r="H5603" t="s">
        <v>28906</v>
      </c>
      <c r="I5603">
        <v>1</v>
      </c>
      <c r="J5603" t="s">
        <v>28907</v>
      </c>
      <c r="K5603" t="s">
        <v>28908</v>
      </c>
      <c r="M5603">
        <v>246826</v>
      </c>
      <c r="O5603">
        <v>246826</v>
      </c>
      <c r="P5603">
        <v>1</v>
      </c>
      <c r="Q5603">
        <v>1</v>
      </c>
      <c r="R5603" t="s">
        <v>28909</v>
      </c>
      <c r="S5603">
        <v>1339</v>
      </c>
    </row>
    <row r="5604" spans="1:19" x14ac:dyDescent="0.25">
      <c r="A5604">
        <v>53006321</v>
      </c>
      <c r="B5604" t="s">
        <v>28910</v>
      </c>
      <c r="C5604" t="s">
        <v>28911</v>
      </c>
      <c r="E5604">
        <v>1</v>
      </c>
      <c r="F5604">
        <v>2</v>
      </c>
      <c r="H5604" t="s">
        <v>28912</v>
      </c>
      <c r="J5604" t="s">
        <v>28913</v>
      </c>
      <c r="O5604">
        <v>561380</v>
      </c>
      <c r="P5604">
        <v>1</v>
      </c>
      <c r="Q5604">
        <v>0</v>
      </c>
      <c r="R5604" t="s">
        <v>28914</v>
      </c>
      <c r="S5604">
        <v>28</v>
      </c>
    </row>
    <row r="5605" spans="1:19" x14ac:dyDescent="0.25">
      <c r="A5605">
        <v>9056828</v>
      </c>
      <c r="B5605" t="s">
        <v>28915</v>
      </c>
      <c r="C5605" s="1" t="s">
        <v>28916</v>
      </c>
      <c r="E5605">
        <v>1</v>
      </c>
      <c r="F5605">
        <v>0</v>
      </c>
      <c r="H5605" t="s">
        <v>28917</v>
      </c>
      <c r="J5605" t="s">
        <v>28918</v>
      </c>
      <c r="K5605" t="s">
        <v>28919</v>
      </c>
      <c r="M5605">
        <v>1139917</v>
      </c>
      <c r="O5605">
        <v>1120133</v>
      </c>
      <c r="P5605">
        <v>1</v>
      </c>
      <c r="Q5605">
        <v>0</v>
      </c>
      <c r="R5605" t="s">
        <v>3002</v>
      </c>
      <c r="S5605">
        <v>2244</v>
      </c>
    </row>
    <row r="5606" spans="1:19" x14ac:dyDescent="0.25">
      <c r="A5606">
        <v>18359466</v>
      </c>
      <c r="B5606" t="s">
        <v>28920</v>
      </c>
      <c r="C5606" s="1" t="s">
        <v>28921</v>
      </c>
      <c r="D5606">
        <v>18359900</v>
      </c>
      <c r="E5606">
        <v>1</v>
      </c>
      <c r="F5606">
        <v>6</v>
      </c>
      <c r="H5606" t="s">
        <v>28922</v>
      </c>
      <c r="J5606" t="s">
        <v>28923</v>
      </c>
      <c r="K5606" t="s">
        <v>28924</v>
      </c>
      <c r="M5606">
        <v>139010</v>
      </c>
      <c r="O5606">
        <v>2685402</v>
      </c>
      <c r="P5606">
        <v>1</v>
      </c>
      <c r="Q5606">
        <v>0</v>
      </c>
      <c r="R5606" t="s">
        <v>14413</v>
      </c>
      <c r="S5606">
        <v>164</v>
      </c>
    </row>
    <row r="5607" spans="1:19" x14ac:dyDescent="0.25">
      <c r="A5607">
        <v>26382803</v>
      </c>
      <c r="B5607" t="s">
        <v>28925</v>
      </c>
      <c r="C5607" s="1" t="s">
        <v>28926</v>
      </c>
      <c r="D5607">
        <v>26404659</v>
      </c>
      <c r="E5607">
        <v>1</v>
      </c>
      <c r="F5607">
        <v>3</v>
      </c>
      <c r="H5607" t="s">
        <v>28927</v>
      </c>
      <c r="J5607" t="s">
        <v>28928</v>
      </c>
      <c r="O5607">
        <v>3829004</v>
      </c>
      <c r="P5607">
        <v>1</v>
      </c>
      <c r="Q5607">
        <v>0</v>
      </c>
      <c r="R5607" t="s">
        <v>28929</v>
      </c>
      <c r="S5607">
        <v>3563</v>
      </c>
    </row>
    <row r="5608" spans="1:19" x14ac:dyDescent="0.25">
      <c r="A5608">
        <v>37104077</v>
      </c>
      <c r="B5608" t="s">
        <v>28930</v>
      </c>
      <c r="C5608" s="1" t="s">
        <v>28931</v>
      </c>
      <c r="D5608">
        <v>37104721</v>
      </c>
      <c r="E5608">
        <v>2</v>
      </c>
      <c r="F5608">
        <v>0</v>
      </c>
      <c r="H5608" t="s">
        <v>28932</v>
      </c>
      <c r="J5608" t="s">
        <v>28933</v>
      </c>
      <c r="O5608">
        <v>411632</v>
      </c>
      <c r="P5608">
        <v>1</v>
      </c>
      <c r="Q5608">
        <v>2</v>
      </c>
      <c r="R5608" t="s">
        <v>13261</v>
      </c>
      <c r="S5608">
        <v>204</v>
      </c>
    </row>
    <row r="5609" spans="1:19" x14ac:dyDescent="0.25">
      <c r="A5609">
        <v>50471106</v>
      </c>
      <c r="B5609" t="s">
        <v>28934</v>
      </c>
      <c r="C5609" s="1" t="s">
        <v>28935</v>
      </c>
      <c r="E5609">
        <v>1</v>
      </c>
      <c r="F5609">
        <v>1</v>
      </c>
      <c r="H5609" t="s">
        <v>28936</v>
      </c>
      <c r="J5609" t="s">
        <v>28937</v>
      </c>
      <c r="K5609" t="s">
        <v>28937</v>
      </c>
      <c r="M5609">
        <v>1281433</v>
      </c>
      <c r="O5609">
        <v>209403</v>
      </c>
      <c r="P5609">
        <v>1</v>
      </c>
      <c r="Q5609">
        <v>1</v>
      </c>
      <c r="R5609" t="s">
        <v>28938</v>
      </c>
      <c r="S5609">
        <v>57</v>
      </c>
    </row>
    <row r="5610" spans="1:19" x14ac:dyDescent="0.25">
      <c r="A5610">
        <v>51742999</v>
      </c>
      <c r="B5610" t="s">
        <v>28939</v>
      </c>
      <c r="C5610" s="1" t="s">
        <v>28940</v>
      </c>
      <c r="D5610">
        <v>51743473</v>
      </c>
      <c r="E5610">
        <v>2</v>
      </c>
      <c r="F5610">
        <v>0</v>
      </c>
      <c r="H5610" t="s">
        <v>28941</v>
      </c>
      <c r="I5610">
        <v>1</v>
      </c>
      <c r="J5610" t="s">
        <v>28942</v>
      </c>
      <c r="O5610">
        <v>913622</v>
      </c>
      <c r="P5610">
        <v>1</v>
      </c>
      <c r="Q5610">
        <v>3</v>
      </c>
      <c r="R5610" t="s">
        <v>28943</v>
      </c>
      <c r="S5610">
        <v>341</v>
      </c>
    </row>
    <row r="5611" spans="1:19" x14ac:dyDescent="0.25">
      <c r="A5611">
        <v>43614195</v>
      </c>
      <c r="B5611" t="s">
        <v>28944</v>
      </c>
      <c r="C5611" s="1" t="s">
        <v>28945</v>
      </c>
      <c r="D5611">
        <v>43615002</v>
      </c>
      <c r="E5611">
        <v>3</v>
      </c>
      <c r="F5611">
        <v>5</v>
      </c>
      <c r="H5611" t="s">
        <v>28946</v>
      </c>
      <c r="J5611" t="s">
        <v>28947</v>
      </c>
      <c r="O5611">
        <v>4979809</v>
      </c>
      <c r="P5611">
        <v>1</v>
      </c>
      <c r="Q5611">
        <v>0</v>
      </c>
      <c r="R5611" t="s">
        <v>28948</v>
      </c>
      <c r="S5611">
        <v>351</v>
      </c>
    </row>
    <row r="5612" spans="1:19" x14ac:dyDescent="0.25">
      <c r="A5612">
        <v>15287815</v>
      </c>
      <c r="B5612" t="s">
        <v>28949</v>
      </c>
      <c r="C5612" s="1" t="s">
        <v>28950</v>
      </c>
      <c r="E5612">
        <v>2</v>
      </c>
      <c r="F5612">
        <v>1</v>
      </c>
      <c r="H5612" t="s">
        <v>28951</v>
      </c>
      <c r="J5612" t="s">
        <v>28952</v>
      </c>
      <c r="K5612" t="s">
        <v>28953</v>
      </c>
      <c r="M5612">
        <v>507674</v>
      </c>
      <c r="O5612">
        <v>1812635</v>
      </c>
      <c r="P5612">
        <v>1</v>
      </c>
      <c r="Q5612">
        <v>0</v>
      </c>
      <c r="R5612" t="s">
        <v>28954</v>
      </c>
      <c r="S5612">
        <v>221</v>
      </c>
    </row>
    <row r="5613" spans="1:19" x14ac:dyDescent="0.25">
      <c r="A5613">
        <v>29602922</v>
      </c>
      <c r="B5613" t="s">
        <v>28955</v>
      </c>
      <c r="C5613" s="1" t="s">
        <v>28956</v>
      </c>
      <c r="D5613">
        <v>29603344</v>
      </c>
      <c r="E5613">
        <v>2</v>
      </c>
      <c r="F5613">
        <v>0</v>
      </c>
      <c r="H5613" t="s">
        <v>28957</v>
      </c>
      <c r="J5613" t="s">
        <v>28958</v>
      </c>
      <c r="O5613">
        <v>2574308</v>
      </c>
      <c r="P5613">
        <v>1</v>
      </c>
      <c r="Q5613">
        <v>3</v>
      </c>
      <c r="R5613" t="s">
        <v>28959</v>
      </c>
      <c r="S5613">
        <v>316</v>
      </c>
    </row>
    <row r="5614" spans="1:19" x14ac:dyDescent="0.25">
      <c r="A5614">
        <v>4528498</v>
      </c>
      <c r="B5614" t="s">
        <v>28960</v>
      </c>
      <c r="C5614" s="1" t="s">
        <v>28961</v>
      </c>
      <c r="E5614">
        <v>1</v>
      </c>
      <c r="F5614">
        <v>1</v>
      </c>
      <c r="H5614" t="s">
        <v>28962</v>
      </c>
      <c r="J5614" t="s">
        <v>28963</v>
      </c>
      <c r="O5614">
        <v>420611</v>
      </c>
      <c r="P5614">
        <v>1</v>
      </c>
      <c r="Q5614">
        <v>0</v>
      </c>
      <c r="R5614" t="s">
        <v>28964</v>
      </c>
      <c r="S5614">
        <v>410</v>
      </c>
    </row>
    <row r="5615" spans="1:19" x14ac:dyDescent="0.25">
      <c r="A5615">
        <v>3078430</v>
      </c>
      <c r="B5615" t="s">
        <v>28965</v>
      </c>
      <c r="C5615" s="1" t="s">
        <v>28966</v>
      </c>
      <c r="D5615">
        <v>3474294</v>
      </c>
      <c r="E5615">
        <v>2</v>
      </c>
      <c r="F5615">
        <v>0</v>
      </c>
      <c r="H5615" t="s">
        <v>28967</v>
      </c>
      <c r="J5615" t="s">
        <v>28968</v>
      </c>
      <c r="K5615" t="s">
        <v>28969</v>
      </c>
      <c r="M5615">
        <v>5921</v>
      </c>
      <c r="O5615">
        <v>5921</v>
      </c>
      <c r="P5615">
        <v>1</v>
      </c>
      <c r="Q5615">
        <v>0</v>
      </c>
      <c r="R5615" t="s">
        <v>28970</v>
      </c>
      <c r="S5615">
        <v>376</v>
      </c>
    </row>
    <row r="5616" spans="1:19" x14ac:dyDescent="0.25">
      <c r="A5616">
        <v>38324409</v>
      </c>
      <c r="B5616" t="s">
        <v>28971</v>
      </c>
      <c r="C5616" s="1" t="s">
        <v>28972</v>
      </c>
      <c r="E5616">
        <v>0</v>
      </c>
      <c r="F5616">
        <v>2</v>
      </c>
      <c r="H5616" t="s">
        <v>28973</v>
      </c>
      <c r="J5616" t="s">
        <v>28973</v>
      </c>
      <c r="O5616">
        <v>5991706</v>
      </c>
      <c r="P5616">
        <v>1</v>
      </c>
      <c r="Q5616">
        <v>2</v>
      </c>
      <c r="R5616" t="s">
        <v>759</v>
      </c>
      <c r="S5616">
        <v>52</v>
      </c>
    </row>
    <row r="5617" spans="1:19" x14ac:dyDescent="0.25">
      <c r="A5617">
        <v>45647919</v>
      </c>
      <c r="B5617" t="s">
        <v>28974</v>
      </c>
      <c r="C5617" s="1" t="s">
        <v>28975</v>
      </c>
      <c r="E5617">
        <v>0</v>
      </c>
      <c r="F5617">
        <v>5</v>
      </c>
      <c r="H5617" t="s">
        <v>28976</v>
      </c>
      <c r="J5617" t="s">
        <v>28977</v>
      </c>
      <c r="K5617" t="s">
        <v>28977</v>
      </c>
      <c r="M5617">
        <v>2792892</v>
      </c>
      <c r="O5617">
        <v>2792892</v>
      </c>
      <c r="P5617">
        <v>1</v>
      </c>
      <c r="Q5617">
        <v>0</v>
      </c>
      <c r="R5617" t="s">
        <v>28978</v>
      </c>
      <c r="S5617">
        <v>25</v>
      </c>
    </row>
    <row r="5618" spans="1:19" x14ac:dyDescent="0.25">
      <c r="A5618">
        <v>3960711</v>
      </c>
      <c r="B5618" t="s">
        <v>28979</v>
      </c>
      <c r="C5618" s="1" t="s">
        <v>28980</v>
      </c>
      <c r="D5618">
        <v>3964797</v>
      </c>
      <c r="E5618">
        <v>3</v>
      </c>
      <c r="F5618">
        <v>0</v>
      </c>
      <c r="H5618" t="s">
        <v>28981</v>
      </c>
      <c r="I5618">
        <v>4</v>
      </c>
      <c r="J5618" t="s">
        <v>28982</v>
      </c>
      <c r="O5618">
        <v>233692</v>
      </c>
      <c r="P5618">
        <v>1</v>
      </c>
      <c r="Q5618">
        <v>10</v>
      </c>
      <c r="R5618" t="s">
        <v>28983</v>
      </c>
      <c r="S5618">
        <v>10946</v>
      </c>
    </row>
    <row r="5619" spans="1:19" x14ac:dyDescent="0.25">
      <c r="A5619">
        <v>9074416</v>
      </c>
      <c r="B5619" t="s">
        <v>28984</v>
      </c>
      <c r="C5619" s="1" t="s">
        <v>28985</v>
      </c>
      <c r="D5619">
        <v>9218974</v>
      </c>
      <c r="E5619">
        <v>3</v>
      </c>
      <c r="F5619">
        <v>1</v>
      </c>
      <c r="H5619" t="s">
        <v>28986</v>
      </c>
      <c r="J5619" t="s">
        <v>28987</v>
      </c>
      <c r="K5619" t="s">
        <v>28988</v>
      </c>
      <c r="M5619">
        <v>404146</v>
      </c>
      <c r="O5619">
        <v>404146</v>
      </c>
      <c r="P5619">
        <v>1</v>
      </c>
      <c r="Q5619">
        <v>4</v>
      </c>
      <c r="R5619" t="s">
        <v>28989</v>
      </c>
      <c r="S5619">
        <v>564</v>
      </c>
    </row>
    <row r="5620" spans="1:19" x14ac:dyDescent="0.25">
      <c r="A5620">
        <v>35102896</v>
      </c>
      <c r="B5620" t="s">
        <v>28990</v>
      </c>
      <c r="C5620" s="1" t="s">
        <v>28991</v>
      </c>
      <c r="D5620">
        <v>35116973</v>
      </c>
      <c r="E5620">
        <v>2</v>
      </c>
      <c r="F5620">
        <v>5</v>
      </c>
      <c r="H5620" t="s">
        <v>28992</v>
      </c>
      <c r="J5620" t="s">
        <v>28993</v>
      </c>
      <c r="K5620" t="s">
        <v>28994</v>
      </c>
      <c r="M5620">
        <v>821260</v>
      </c>
      <c r="O5620">
        <v>821260</v>
      </c>
      <c r="P5620">
        <v>1</v>
      </c>
      <c r="Q5620">
        <v>0</v>
      </c>
      <c r="R5620" t="s">
        <v>28995</v>
      </c>
      <c r="S5620">
        <v>139</v>
      </c>
    </row>
    <row r="5621" spans="1:19" x14ac:dyDescent="0.25">
      <c r="A5621">
        <v>50285369</v>
      </c>
      <c r="B5621" t="s">
        <v>28996</v>
      </c>
      <c r="C5621" s="1" t="s">
        <v>28997</v>
      </c>
      <c r="E5621">
        <v>0</v>
      </c>
      <c r="F5621">
        <v>1</v>
      </c>
      <c r="H5621" t="s">
        <v>28998</v>
      </c>
      <c r="J5621" t="s">
        <v>28998</v>
      </c>
      <c r="O5621">
        <v>599456</v>
      </c>
      <c r="P5621">
        <v>1</v>
      </c>
      <c r="Q5621">
        <v>0</v>
      </c>
      <c r="R5621" t="s">
        <v>28999</v>
      </c>
      <c r="S5621">
        <v>92</v>
      </c>
    </row>
    <row r="5622" spans="1:19" x14ac:dyDescent="0.25">
      <c r="A5622">
        <v>26568608</v>
      </c>
      <c r="B5622" t="s">
        <v>29000</v>
      </c>
      <c r="C5622" s="1" t="s">
        <v>29001</v>
      </c>
      <c r="D5622">
        <v>26568657</v>
      </c>
      <c r="E5622">
        <v>2</v>
      </c>
      <c r="F5622">
        <v>4</v>
      </c>
      <c r="H5622" t="s">
        <v>29002</v>
      </c>
      <c r="J5622" t="s">
        <v>29003</v>
      </c>
      <c r="O5622">
        <v>409945</v>
      </c>
      <c r="P5622">
        <v>1</v>
      </c>
      <c r="Q5622">
        <v>3</v>
      </c>
      <c r="R5622" t="s">
        <v>29004</v>
      </c>
      <c r="S5622">
        <v>1132</v>
      </c>
    </row>
    <row r="5623" spans="1:19" x14ac:dyDescent="0.25">
      <c r="A5623">
        <v>10605193</v>
      </c>
      <c r="B5623" t="s">
        <v>29005</v>
      </c>
      <c r="C5623" s="1" t="s">
        <v>29006</v>
      </c>
      <c r="E5623">
        <v>0</v>
      </c>
      <c r="F5623">
        <v>12</v>
      </c>
      <c r="H5623" t="s">
        <v>29007</v>
      </c>
      <c r="J5623" t="s">
        <v>29008</v>
      </c>
      <c r="K5623" t="s">
        <v>29008</v>
      </c>
      <c r="M5623">
        <v>170765</v>
      </c>
      <c r="O5623">
        <v>783690</v>
      </c>
      <c r="P5623">
        <v>1</v>
      </c>
      <c r="Q5623">
        <v>1</v>
      </c>
      <c r="R5623" t="s">
        <v>29009</v>
      </c>
      <c r="S5623">
        <v>642</v>
      </c>
    </row>
    <row r="5624" spans="1:19" x14ac:dyDescent="0.25">
      <c r="A5624">
        <v>12238228</v>
      </c>
      <c r="B5624" t="s">
        <v>29010</v>
      </c>
      <c r="C5624" s="1" t="s">
        <v>29011</v>
      </c>
      <c r="D5624">
        <v>12238288</v>
      </c>
      <c r="E5624">
        <v>3</v>
      </c>
      <c r="F5624">
        <v>9</v>
      </c>
      <c r="H5624" t="s">
        <v>29012</v>
      </c>
      <c r="J5624" t="s">
        <v>29013</v>
      </c>
      <c r="K5624" t="s">
        <v>29014</v>
      </c>
      <c r="M5624">
        <v>990271</v>
      </c>
      <c r="O5624">
        <v>990271</v>
      </c>
      <c r="P5624">
        <v>1</v>
      </c>
      <c r="Q5624">
        <v>4</v>
      </c>
      <c r="R5624" t="s">
        <v>29015</v>
      </c>
      <c r="S5624">
        <v>939</v>
      </c>
    </row>
    <row r="5625" spans="1:19" x14ac:dyDescent="0.25">
      <c r="A5625">
        <v>42142703</v>
      </c>
      <c r="B5625" t="s">
        <v>29016</v>
      </c>
      <c r="C5625" s="1" t="s">
        <v>29017</v>
      </c>
      <c r="E5625">
        <v>0</v>
      </c>
      <c r="F5625">
        <v>3</v>
      </c>
      <c r="H5625" t="s">
        <v>29018</v>
      </c>
      <c r="J5625" t="s">
        <v>29018</v>
      </c>
      <c r="O5625">
        <v>486499</v>
      </c>
      <c r="P5625">
        <v>1</v>
      </c>
      <c r="Q5625">
        <v>1</v>
      </c>
      <c r="R5625" t="s">
        <v>29019</v>
      </c>
      <c r="S5625">
        <v>343</v>
      </c>
    </row>
    <row r="5626" spans="1:19" x14ac:dyDescent="0.25">
      <c r="A5626">
        <v>6738762</v>
      </c>
      <c r="B5626" t="s">
        <v>29020</v>
      </c>
      <c r="C5626" t="s">
        <v>29021</v>
      </c>
      <c r="D5626">
        <v>6740466</v>
      </c>
      <c r="E5626">
        <v>2</v>
      </c>
      <c r="F5626">
        <v>1</v>
      </c>
      <c r="H5626" t="s">
        <v>29022</v>
      </c>
      <c r="I5626">
        <v>3</v>
      </c>
      <c r="J5626" t="s">
        <v>29023</v>
      </c>
      <c r="K5626" t="s">
        <v>29024</v>
      </c>
      <c r="M5626">
        <v>15168</v>
      </c>
      <c r="O5626">
        <v>702813</v>
      </c>
      <c r="P5626">
        <v>1</v>
      </c>
      <c r="Q5626">
        <v>5</v>
      </c>
      <c r="R5626" t="s">
        <v>29025</v>
      </c>
      <c r="S5626">
        <v>8215</v>
      </c>
    </row>
    <row r="5627" spans="1:19" x14ac:dyDescent="0.25">
      <c r="A5627">
        <v>26749921</v>
      </c>
      <c r="B5627" t="s">
        <v>29026</v>
      </c>
      <c r="C5627" s="1" t="s">
        <v>29027</v>
      </c>
      <c r="E5627">
        <v>1</v>
      </c>
      <c r="F5627">
        <v>3</v>
      </c>
      <c r="H5627" t="s">
        <v>29028</v>
      </c>
      <c r="I5627">
        <v>1</v>
      </c>
      <c r="J5627" t="s">
        <v>29029</v>
      </c>
      <c r="K5627" t="s">
        <v>29029</v>
      </c>
      <c r="M5627">
        <v>460472</v>
      </c>
      <c r="O5627">
        <v>460472</v>
      </c>
      <c r="P5627">
        <v>1</v>
      </c>
      <c r="Q5627">
        <v>0</v>
      </c>
      <c r="R5627" t="s">
        <v>29030</v>
      </c>
      <c r="S5627">
        <v>310</v>
      </c>
    </row>
    <row r="5628" spans="1:19" x14ac:dyDescent="0.25">
      <c r="A5628">
        <v>39303359</v>
      </c>
      <c r="B5628" t="s">
        <v>29031</v>
      </c>
      <c r="C5628" s="1" t="s">
        <v>29032</v>
      </c>
      <c r="D5628">
        <v>39304453</v>
      </c>
      <c r="E5628">
        <v>1</v>
      </c>
      <c r="F5628">
        <v>1</v>
      </c>
      <c r="H5628" t="s">
        <v>29033</v>
      </c>
      <c r="J5628" t="s">
        <v>29034</v>
      </c>
      <c r="K5628" t="s">
        <v>29035</v>
      </c>
      <c r="M5628">
        <v>209103</v>
      </c>
      <c r="O5628">
        <v>6686284</v>
      </c>
      <c r="P5628">
        <v>1</v>
      </c>
      <c r="Q5628">
        <v>0</v>
      </c>
      <c r="R5628" t="s">
        <v>29036</v>
      </c>
      <c r="S5628">
        <v>96</v>
      </c>
    </row>
    <row r="5629" spans="1:19" x14ac:dyDescent="0.25">
      <c r="A5629">
        <v>34341522</v>
      </c>
      <c r="B5629" t="s">
        <v>29037</v>
      </c>
      <c r="C5629" s="1" t="s">
        <v>29038</v>
      </c>
      <c r="E5629">
        <v>2</v>
      </c>
      <c r="F5629">
        <v>1</v>
      </c>
      <c r="H5629" t="s">
        <v>29039</v>
      </c>
      <c r="J5629" t="s">
        <v>29040</v>
      </c>
      <c r="K5629" t="s">
        <v>29040</v>
      </c>
      <c r="M5629">
        <v>5108001</v>
      </c>
      <c r="O5629">
        <v>5108001</v>
      </c>
      <c r="P5629">
        <v>1</v>
      </c>
      <c r="Q5629">
        <v>-1</v>
      </c>
      <c r="R5629" t="s">
        <v>29041</v>
      </c>
      <c r="S5629">
        <v>121</v>
      </c>
    </row>
    <row r="5630" spans="1:19" x14ac:dyDescent="0.25">
      <c r="A5630">
        <v>2929624</v>
      </c>
      <c r="B5630" t="s">
        <v>29042</v>
      </c>
      <c r="C5630" s="1" t="s">
        <v>29043</v>
      </c>
      <c r="E5630">
        <v>3</v>
      </c>
      <c r="F5630">
        <v>0</v>
      </c>
      <c r="H5630" t="s">
        <v>29044</v>
      </c>
      <c r="I5630">
        <v>2</v>
      </c>
      <c r="J5630" t="s">
        <v>29045</v>
      </c>
      <c r="O5630">
        <v>16487</v>
      </c>
      <c r="P5630">
        <v>1</v>
      </c>
      <c r="Q5630">
        <v>4</v>
      </c>
      <c r="R5630" t="s">
        <v>29046</v>
      </c>
      <c r="S5630">
        <v>1721</v>
      </c>
    </row>
    <row r="5631" spans="1:19" x14ac:dyDescent="0.25">
      <c r="A5631">
        <v>25433298</v>
      </c>
      <c r="B5631" t="s">
        <v>29047</v>
      </c>
      <c r="C5631" s="1" t="s">
        <v>29048</v>
      </c>
      <c r="E5631">
        <v>2</v>
      </c>
      <c r="F5631">
        <v>5</v>
      </c>
      <c r="H5631" t="s">
        <v>29049</v>
      </c>
      <c r="I5631">
        <v>2</v>
      </c>
      <c r="J5631" t="s">
        <v>29050</v>
      </c>
      <c r="K5631" t="s">
        <v>29051</v>
      </c>
      <c r="M5631">
        <v>2227868</v>
      </c>
      <c r="O5631">
        <v>2227868</v>
      </c>
      <c r="P5631">
        <v>1</v>
      </c>
      <c r="Q5631">
        <v>9</v>
      </c>
      <c r="R5631" t="s">
        <v>18058</v>
      </c>
      <c r="S5631">
        <v>6912</v>
      </c>
    </row>
    <row r="5632" spans="1:19" x14ac:dyDescent="0.25">
      <c r="A5632">
        <v>50226824</v>
      </c>
      <c r="B5632" t="s">
        <v>29052</v>
      </c>
      <c r="C5632" s="1" t="s">
        <v>29053</v>
      </c>
      <c r="E5632">
        <v>1</v>
      </c>
      <c r="F5632">
        <v>0</v>
      </c>
      <c r="H5632" t="s">
        <v>29054</v>
      </c>
      <c r="J5632" t="s">
        <v>29055</v>
      </c>
      <c r="K5632" t="s">
        <v>29055</v>
      </c>
      <c r="M5632">
        <v>2122457</v>
      </c>
      <c r="O5632">
        <v>9711408</v>
      </c>
      <c r="P5632">
        <v>1</v>
      </c>
      <c r="Q5632">
        <v>0</v>
      </c>
      <c r="R5632" t="s">
        <v>29056</v>
      </c>
      <c r="S5632">
        <v>51</v>
      </c>
    </row>
    <row r="5633" spans="1:19" x14ac:dyDescent="0.25">
      <c r="A5633">
        <v>23588991</v>
      </c>
      <c r="B5633" t="s">
        <v>29057</v>
      </c>
      <c r="C5633" s="1" t="s">
        <v>29058</v>
      </c>
      <c r="D5633">
        <v>23589120</v>
      </c>
      <c r="E5633">
        <v>3</v>
      </c>
      <c r="F5633">
        <v>2</v>
      </c>
      <c r="H5633" t="s">
        <v>29059</v>
      </c>
      <c r="J5633" t="s">
        <v>29060</v>
      </c>
      <c r="K5633" t="s">
        <v>29061</v>
      </c>
      <c r="M5633">
        <v>117259</v>
      </c>
      <c r="O5633">
        <v>2607047</v>
      </c>
      <c r="P5633">
        <v>1</v>
      </c>
      <c r="Q5633">
        <v>2</v>
      </c>
      <c r="R5633" t="s">
        <v>1359</v>
      </c>
      <c r="S5633">
        <v>176</v>
      </c>
    </row>
    <row r="5634" spans="1:19" x14ac:dyDescent="0.25">
      <c r="A5634">
        <v>38761858</v>
      </c>
      <c r="B5634" t="s">
        <v>29062</v>
      </c>
      <c r="C5634" s="1" t="s">
        <v>29063</v>
      </c>
      <c r="D5634">
        <v>38891815</v>
      </c>
      <c r="E5634">
        <v>1</v>
      </c>
      <c r="F5634">
        <v>12</v>
      </c>
      <c r="H5634" t="s">
        <v>29064</v>
      </c>
      <c r="J5634" t="s">
        <v>29065</v>
      </c>
      <c r="O5634">
        <v>1404658</v>
      </c>
      <c r="P5634">
        <v>1</v>
      </c>
      <c r="Q5634">
        <v>1</v>
      </c>
      <c r="R5634" t="s">
        <v>17736</v>
      </c>
      <c r="S5634">
        <v>92</v>
      </c>
    </row>
    <row r="5635" spans="1:19" x14ac:dyDescent="0.25">
      <c r="A5635">
        <v>44673841</v>
      </c>
      <c r="B5635" t="s">
        <v>29066</v>
      </c>
      <c r="C5635" s="1" t="s">
        <v>29067</v>
      </c>
      <c r="E5635">
        <v>0</v>
      </c>
      <c r="F5635">
        <v>2</v>
      </c>
      <c r="H5635" t="s">
        <v>29068</v>
      </c>
      <c r="J5635" t="s">
        <v>29068</v>
      </c>
      <c r="O5635">
        <v>8051772</v>
      </c>
      <c r="P5635">
        <v>1</v>
      </c>
      <c r="Q5635">
        <v>0</v>
      </c>
      <c r="R5635" t="s">
        <v>29069</v>
      </c>
      <c r="S5635">
        <v>73</v>
      </c>
    </row>
    <row r="5636" spans="1:19" x14ac:dyDescent="0.25">
      <c r="A5636">
        <v>27410056</v>
      </c>
      <c r="B5636" t="s">
        <v>29070</v>
      </c>
      <c r="C5636" s="1" t="s">
        <v>29071</v>
      </c>
      <c r="E5636">
        <v>1</v>
      </c>
      <c r="F5636">
        <v>9</v>
      </c>
      <c r="H5636" t="s">
        <v>29072</v>
      </c>
      <c r="J5636" t="s">
        <v>29073</v>
      </c>
      <c r="K5636" t="s">
        <v>29073</v>
      </c>
      <c r="M5636">
        <v>1016435</v>
      </c>
      <c r="O5636">
        <v>4347372</v>
      </c>
      <c r="P5636">
        <v>1</v>
      </c>
      <c r="Q5636">
        <v>1</v>
      </c>
      <c r="R5636" t="s">
        <v>29074</v>
      </c>
      <c r="S5636">
        <v>573</v>
      </c>
    </row>
    <row r="5637" spans="1:19" x14ac:dyDescent="0.25">
      <c r="A5637">
        <v>15436105</v>
      </c>
      <c r="B5637" t="s">
        <v>29075</v>
      </c>
      <c r="C5637" s="1" t="s">
        <v>29076</v>
      </c>
      <c r="D5637">
        <v>15436430</v>
      </c>
      <c r="E5637">
        <v>2</v>
      </c>
      <c r="F5637">
        <v>1</v>
      </c>
      <c r="H5637" t="s">
        <v>29077</v>
      </c>
      <c r="J5637" t="s">
        <v>29078</v>
      </c>
      <c r="O5637">
        <v>1176783</v>
      </c>
      <c r="P5637">
        <v>1</v>
      </c>
      <c r="Q5637">
        <v>0</v>
      </c>
      <c r="R5637" t="s">
        <v>3339</v>
      </c>
      <c r="S5637">
        <v>342</v>
      </c>
    </row>
    <row r="5638" spans="1:19" x14ac:dyDescent="0.25">
      <c r="A5638">
        <v>18329704</v>
      </c>
      <c r="B5638" t="s">
        <v>29079</v>
      </c>
      <c r="C5638" s="1" t="s">
        <v>29080</v>
      </c>
      <c r="E5638">
        <v>2</v>
      </c>
      <c r="F5638">
        <v>1</v>
      </c>
      <c r="H5638" t="s">
        <v>29081</v>
      </c>
      <c r="J5638" t="s">
        <v>29082</v>
      </c>
      <c r="O5638">
        <v>1230768</v>
      </c>
      <c r="P5638">
        <v>1</v>
      </c>
      <c r="Q5638">
        <v>2</v>
      </c>
      <c r="R5638" t="s">
        <v>24757</v>
      </c>
      <c r="S5638">
        <v>819</v>
      </c>
    </row>
    <row r="5639" spans="1:19" x14ac:dyDescent="0.25">
      <c r="A5639">
        <v>21730678</v>
      </c>
      <c r="B5639" t="s">
        <v>29083</v>
      </c>
      <c r="C5639" s="1" t="s">
        <v>29084</v>
      </c>
      <c r="D5639">
        <v>21731933</v>
      </c>
      <c r="E5639">
        <v>1</v>
      </c>
      <c r="F5639">
        <v>6</v>
      </c>
      <c r="H5639" t="s">
        <v>29085</v>
      </c>
      <c r="J5639" t="s">
        <v>29086</v>
      </c>
      <c r="K5639" t="s">
        <v>29087</v>
      </c>
      <c r="M5639">
        <v>895174</v>
      </c>
      <c r="O5639">
        <v>895174</v>
      </c>
      <c r="P5639">
        <v>1</v>
      </c>
      <c r="Q5639">
        <v>2</v>
      </c>
      <c r="R5639" t="s">
        <v>29088</v>
      </c>
      <c r="S5639">
        <v>1993</v>
      </c>
    </row>
    <row r="5640" spans="1:19" x14ac:dyDescent="0.25">
      <c r="A5640">
        <v>4073660</v>
      </c>
      <c r="B5640" t="s">
        <v>29089</v>
      </c>
      <c r="C5640" s="1" t="s">
        <v>29090</v>
      </c>
      <c r="D5640">
        <v>4077424</v>
      </c>
      <c r="E5640">
        <v>1</v>
      </c>
      <c r="F5640">
        <v>1</v>
      </c>
      <c r="H5640" t="s">
        <v>29091</v>
      </c>
      <c r="I5640">
        <v>11</v>
      </c>
      <c r="J5640" t="s">
        <v>29092</v>
      </c>
      <c r="O5640">
        <v>246047</v>
      </c>
      <c r="P5640">
        <v>1</v>
      </c>
      <c r="Q5640">
        <v>18</v>
      </c>
      <c r="R5640" t="s">
        <v>29093</v>
      </c>
      <c r="S5640">
        <v>23804</v>
      </c>
    </row>
    <row r="5641" spans="1:19" x14ac:dyDescent="0.25">
      <c r="A5641">
        <v>26235015</v>
      </c>
      <c r="B5641" t="s">
        <v>29094</v>
      </c>
      <c r="C5641" t="s">
        <v>29095</v>
      </c>
      <c r="E5641">
        <v>0</v>
      </c>
      <c r="F5641">
        <v>0</v>
      </c>
      <c r="H5641" t="s">
        <v>29096</v>
      </c>
      <c r="J5641" t="s">
        <v>29096</v>
      </c>
      <c r="O5641">
        <v>1756181</v>
      </c>
      <c r="P5641">
        <v>1</v>
      </c>
      <c r="Q5641">
        <v>2</v>
      </c>
      <c r="R5641" t="s">
        <v>29097</v>
      </c>
      <c r="S5641">
        <v>57</v>
      </c>
    </row>
    <row r="5642" spans="1:19" x14ac:dyDescent="0.25">
      <c r="A5642">
        <v>17050302</v>
      </c>
      <c r="B5642" t="s">
        <v>29098</v>
      </c>
      <c r="C5642" s="1" t="s">
        <v>29099</v>
      </c>
      <c r="D5642">
        <v>17050811</v>
      </c>
      <c r="E5642">
        <v>1</v>
      </c>
      <c r="F5642">
        <v>4</v>
      </c>
      <c r="H5642" t="s">
        <v>29100</v>
      </c>
      <c r="J5642" t="s">
        <v>29101</v>
      </c>
      <c r="K5642" t="s">
        <v>29102</v>
      </c>
      <c r="M5642">
        <v>1628832</v>
      </c>
      <c r="O5642">
        <v>2473637</v>
      </c>
      <c r="P5642">
        <v>1</v>
      </c>
      <c r="Q5642">
        <v>1</v>
      </c>
      <c r="R5642" t="s">
        <v>29103</v>
      </c>
      <c r="S5642">
        <v>303</v>
      </c>
    </row>
    <row r="5643" spans="1:19" x14ac:dyDescent="0.25">
      <c r="A5643">
        <v>51896429</v>
      </c>
      <c r="B5643" t="s">
        <v>29104</v>
      </c>
      <c r="C5643" s="1" t="s">
        <v>29105</v>
      </c>
      <c r="E5643">
        <v>1</v>
      </c>
      <c r="F5643">
        <v>7</v>
      </c>
      <c r="H5643" t="s">
        <v>29106</v>
      </c>
      <c r="I5643">
        <v>1</v>
      </c>
      <c r="J5643" t="s">
        <v>29107</v>
      </c>
      <c r="K5643" t="s">
        <v>29107</v>
      </c>
      <c r="M5643">
        <v>6476201</v>
      </c>
      <c r="O5643">
        <v>6476201</v>
      </c>
      <c r="P5643">
        <v>1</v>
      </c>
      <c r="Q5643">
        <v>0</v>
      </c>
      <c r="R5643" t="s">
        <v>29108</v>
      </c>
      <c r="S5643">
        <v>124</v>
      </c>
    </row>
    <row r="5644" spans="1:19" x14ac:dyDescent="0.25">
      <c r="A5644">
        <v>47948868</v>
      </c>
      <c r="B5644" t="s">
        <v>29109</v>
      </c>
      <c r="C5644" s="1" t="s">
        <v>29110</v>
      </c>
      <c r="D5644">
        <v>47948883</v>
      </c>
      <c r="E5644">
        <v>2</v>
      </c>
      <c r="F5644">
        <v>1</v>
      </c>
      <c r="H5644" t="s">
        <v>29111</v>
      </c>
      <c r="J5644" t="s">
        <v>29112</v>
      </c>
      <c r="K5644" t="s">
        <v>29113</v>
      </c>
      <c r="M5644">
        <v>1137729</v>
      </c>
      <c r="O5644">
        <v>9132714</v>
      </c>
      <c r="P5644">
        <v>1</v>
      </c>
      <c r="Q5644">
        <v>-6</v>
      </c>
      <c r="R5644" t="s">
        <v>29114</v>
      </c>
      <c r="S5644">
        <v>32</v>
      </c>
    </row>
    <row r="5645" spans="1:19" x14ac:dyDescent="0.25">
      <c r="A5645">
        <v>4057082</v>
      </c>
      <c r="B5645" t="s">
        <v>29115</v>
      </c>
      <c r="C5645" s="1" t="s">
        <v>29116</v>
      </c>
      <c r="D5645">
        <v>4057118</v>
      </c>
      <c r="E5645">
        <v>4</v>
      </c>
      <c r="F5645">
        <v>3</v>
      </c>
      <c r="H5645" t="s">
        <v>29117</v>
      </c>
      <c r="I5645">
        <v>5</v>
      </c>
      <c r="J5645" t="s">
        <v>29118</v>
      </c>
      <c r="O5645">
        <v>179736</v>
      </c>
      <c r="P5645">
        <v>1</v>
      </c>
      <c r="Q5645">
        <v>12</v>
      </c>
      <c r="R5645" t="s">
        <v>29119</v>
      </c>
      <c r="S5645">
        <v>4843</v>
      </c>
    </row>
    <row r="5646" spans="1:19" x14ac:dyDescent="0.25">
      <c r="A5646">
        <v>44500858</v>
      </c>
      <c r="B5646" t="s">
        <v>29120</v>
      </c>
      <c r="C5646" s="1" t="s">
        <v>29121</v>
      </c>
      <c r="D5646">
        <v>48790289</v>
      </c>
      <c r="E5646">
        <v>1</v>
      </c>
      <c r="F5646">
        <v>0</v>
      </c>
      <c r="H5646" t="s">
        <v>29122</v>
      </c>
      <c r="I5646">
        <v>0</v>
      </c>
      <c r="J5646" t="s">
        <v>29123</v>
      </c>
      <c r="O5646">
        <v>3212967</v>
      </c>
      <c r="P5646">
        <v>1</v>
      </c>
      <c r="Q5646">
        <v>1</v>
      </c>
      <c r="R5646" t="s">
        <v>29124</v>
      </c>
      <c r="S5646">
        <v>81</v>
      </c>
    </row>
    <row r="5647" spans="1:19" x14ac:dyDescent="0.25">
      <c r="A5647">
        <v>38185270</v>
      </c>
      <c r="B5647" t="s">
        <v>29125</v>
      </c>
      <c r="C5647" s="1" t="s">
        <v>29126</v>
      </c>
      <c r="E5647">
        <v>1</v>
      </c>
      <c r="F5647">
        <v>0</v>
      </c>
      <c r="H5647" t="s">
        <v>29127</v>
      </c>
      <c r="J5647" t="s">
        <v>29128</v>
      </c>
      <c r="K5647" t="s">
        <v>29128</v>
      </c>
      <c r="M5647">
        <v>472495</v>
      </c>
      <c r="O5647">
        <v>6439149</v>
      </c>
      <c r="P5647">
        <v>1</v>
      </c>
      <c r="Q5647">
        <v>1</v>
      </c>
      <c r="R5647" t="s">
        <v>29129</v>
      </c>
      <c r="S5647">
        <v>166</v>
      </c>
    </row>
    <row r="5648" spans="1:19" x14ac:dyDescent="0.25">
      <c r="A5648">
        <v>42419572</v>
      </c>
      <c r="B5648" t="s">
        <v>29130</v>
      </c>
      <c r="C5648" s="1" t="s">
        <v>29131</v>
      </c>
      <c r="E5648">
        <v>0</v>
      </c>
      <c r="F5648">
        <v>7</v>
      </c>
      <c r="H5648" t="s">
        <v>29132</v>
      </c>
      <c r="J5648" t="s">
        <v>29132</v>
      </c>
      <c r="O5648">
        <v>7344903</v>
      </c>
      <c r="P5648">
        <v>1</v>
      </c>
      <c r="Q5648">
        <v>0</v>
      </c>
      <c r="R5648" t="s">
        <v>29133</v>
      </c>
      <c r="S5648">
        <v>67</v>
      </c>
    </row>
    <row r="5649" spans="1:19" x14ac:dyDescent="0.25">
      <c r="A5649">
        <v>19739443</v>
      </c>
      <c r="B5649" t="s">
        <v>29134</v>
      </c>
      <c r="C5649" t="s">
        <v>29135</v>
      </c>
      <c r="E5649">
        <v>1</v>
      </c>
      <c r="F5649">
        <v>0</v>
      </c>
      <c r="H5649" t="s">
        <v>29136</v>
      </c>
      <c r="I5649">
        <v>1</v>
      </c>
      <c r="J5649" t="s">
        <v>29137</v>
      </c>
      <c r="O5649">
        <v>1114498</v>
      </c>
      <c r="P5649">
        <v>1</v>
      </c>
      <c r="Q5649">
        <v>0</v>
      </c>
      <c r="R5649" t="s">
        <v>29138</v>
      </c>
      <c r="S5649">
        <v>1089</v>
      </c>
    </row>
    <row r="5650" spans="1:19" x14ac:dyDescent="0.25">
      <c r="A5650">
        <v>18501552</v>
      </c>
      <c r="B5650" t="s">
        <v>29139</v>
      </c>
      <c r="C5650" s="1" t="s">
        <v>29140</v>
      </c>
      <c r="D5650">
        <v>18506484</v>
      </c>
      <c r="E5650">
        <v>1</v>
      </c>
      <c r="F5650">
        <v>3</v>
      </c>
      <c r="H5650" t="s">
        <v>29141</v>
      </c>
      <c r="J5650" t="s">
        <v>29142</v>
      </c>
      <c r="K5650" t="s">
        <v>29143</v>
      </c>
      <c r="M5650">
        <v>2209007</v>
      </c>
      <c r="O5650">
        <v>1261440</v>
      </c>
      <c r="P5650">
        <v>1</v>
      </c>
      <c r="Q5650">
        <v>-1</v>
      </c>
      <c r="R5650" t="s">
        <v>29144</v>
      </c>
      <c r="S5650">
        <v>109</v>
      </c>
    </row>
    <row r="5651" spans="1:19" x14ac:dyDescent="0.25">
      <c r="A5651">
        <v>23409434</v>
      </c>
      <c r="B5651" t="s">
        <v>29145</v>
      </c>
      <c r="C5651" s="1" t="s">
        <v>29146</v>
      </c>
      <c r="D5651">
        <v>23409514</v>
      </c>
      <c r="E5651">
        <v>1</v>
      </c>
      <c r="F5651">
        <v>1</v>
      </c>
      <c r="H5651" t="s">
        <v>29147</v>
      </c>
      <c r="J5651" t="s">
        <v>29148</v>
      </c>
      <c r="K5651" t="s">
        <v>29149</v>
      </c>
      <c r="M5651">
        <v>1978142</v>
      </c>
      <c r="O5651">
        <v>3392688</v>
      </c>
      <c r="P5651">
        <v>1</v>
      </c>
      <c r="Q5651">
        <v>-2</v>
      </c>
      <c r="R5651" t="s">
        <v>29150</v>
      </c>
      <c r="S5651">
        <v>33</v>
      </c>
    </row>
    <row r="5652" spans="1:19" x14ac:dyDescent="0.25">
      <c r="A5652">
        <v>43366177</v>
      </c>
      <c r="B5652" t="s">
        <v>29151</v>
      </c>
      <c r="C5652" s="1" t="s">
        <v>29152</v>
      </c>
      <c r="E5652">
        <v>0</v>
      </c>
      <c r="F5652">
        <v>5</v>
      </c>
      <c r="H5652" t="s">
        <v>29153</v>
      </c>
      <c r="J5652" t="s">
        <v>29153</v>
      </c>
      <c r="O5652">
        <v>7855698</v>
      </c>
      <c r="P5652">
        <v>1</v>
      </c>
      <c r="Q5652">
        <v>0</v>
      </c>
      <c r="R5652" t="s">
        <v>6766</v>
      </c>
      <c r="S5652">
        <v>312</v>
      </c>
    </row>
    <row r="5653" spans="1:19" x14ac:dyDescent="0.25">
      <c r="A5653">
        <v>52950813</v>
      </c>
      <c r="B5653" t="s">
        <v>29154</v>
      </c>
      <c r="C5653" s="1" t="s">
        <v>29155</v>
      </c>
      <c r="D5653">
        <v>52950906</v>
      </c>
      <c r="E5653">
        <v>2</v>
      </c>
      <c r="F5653">
        <v>8</v>
      </c>
      <c r="H5653" t="s">
        <v>29156</v>
      </c>
      <c r="J5653" t="s">
        <v>29157</v>
      </c>
      <c r="K5653" t="s">
        <v>29157</v>
      </c>
      <c r="M5653">
        <v>2408342</v>
      </c>
      <c r="O5653">
        <v>2408342</v>
      </c>
      <c r="P5653">
        <v>1</v>
      </c>
      <c r="Q5653">
        <v>2</v>
      </c>
      <c r="R5653" t="s">
        <v>29158</v>
      </c>
      <c r="S5653">
        <v>61</v>
      </c>
    </row>
    <row r="5654" spans="1:19" x14ac:dyDescent="0.25">
      <c r="A5654">
        <v>49726970</v>
      </c>
      <c r="B5654" t="s">
        <v>29159</v>
      </c>
      <c r="C5654" s="1" t="s">
        <v>29160</v>
      </c>
      <c r="E5654">
        <v>2</v>
      </c>
      <c r="F5654">
        <v>1</v>
      </c>
      <c r="H5654" t="s">
        <v>29161</v>
      </c>
      <c r="J5654" t="s">
        <v>29162</v>
      </c>
      <c r="K5654" t="s">
        <v>29163</v>
      </c>
      <c r="M5654">
        <v>9475906</v>
      </c>
      <c r="O5654">
        <v>9475906</v>
      </c>
      <c r="P5654">
        <v>1</v>
      </c>
      <c r="Q5654">
        <v>0</v>
      </c>
      <c r="R5654" t="s">
        <v>8078</v>
      </c>
      <c r="S5654">
        <v>208</v>
      </c>
    </row>
    <row r="5655" spans="1:19" x14ac:dyDescent="0.25">
      <c r="A5655">
        <v>34619113</v>
      </c>
      <c r="B5655" t="s">
        <v>29164</v>
      </c>
      <c r="C5655" s="1" t="s">
        <v>29165</v>
      </c>
      <c r="D5655">
        <v>34624568</v>
      </c>
      <c r="E5655">
        <v>1</v>
      </c>
      <c r="F5655">
        <v>1</v>
      </c>
      <c r="H5655" t="s">
        <v>29166</v>
      </c>
      <c r="J5655" t="s">
        <v>29167</v>
      </c>
      <c r="K5655" t="s">
        <v>29168</v>
      </c>
      <c r="M5655">
        <v>-1</v>
      </c>
      <c r="O5655">
        <v>1870799</v>
      </c>
      <c r="P5655">
        <v>1</v>
      </c>
      <c r="Q5655">
        <v>0</v>
      </c>
      <c r="R5655" t="s">
        <v>29169</v>
      </c>
      <c r="S5655">
        <v>208</v>
      </c>
    </row>
    <row r="5656" spans="1:19" x14ac:dyDescent="0.25">
      <c r="A5656">
        <v>7000108</v>
      </c>
      <c r="B5656" t="s">
        <v>29170</v>
      </c>
      <c r="C5656" s="1" t="s">
        <v>29171</v>
      </c>
      <c r="D5656">
        <v>15603353</v>
      </c>
      <c r="E5656">
        <v>2</v>
      </c>
      <c r="F5656">
        <v>2</v>
      </c>
      <c r="H5656" t="s">
        <v>29172</v>
      </c>
      <c r="I5656">
        <v>1</v>
      </c>
      <c r="J5656" t="s">
        <v>29173</v>
      </c>
      <c r="O5656">
        <v>396304</v>
      </c>
      <c r="P5656">
        <v>1</v>
      </c>
      <c r="Q5656">
        <v>6</v>
      </c>
      <c r="R5656" t="s">
        <v>29174</v>
      </c>
      <c r="S5656">
        <v>4419</v>
      </c>
    </row>
    <row r="5657" spans="1:19" x14ac:dyDescent="0.25">
      <c r="A5657">
        <v>50557979</v>
      </c>
      <c r="B5657" t="s">
        <v>29175</v>
      </c>
      <c r="C5657" s="1" t="s">
        <v>29176</v>
      </c>
      <c r="D5657">
        <v>50591811</v>
      </c>
      <c r="E5657">
        <v>2</v>
      </c>
      <c r="F5657">
        <v>3</v>
      </c>
      <c r="H5657" t="s">
        <v>29177</v>
      </c>
      <c r="J5657" t="s">
        <v>29178</v>
      </c>
      <c r="K5657" t="s">
        <v>29179</v>
      </c>
      <c r="M5657">
        <v>7232508</v>
      </c>
      <c r="O5657">
        <v>9844239</v>
      </c>
      <c r="P5657">
        <v>1</v>
      </c>
      <c r="Q5657">
        <v>0</v>
      </c>
      <c r="R5657" t="s">
        <v>29180</v>
      </c>
      <c r="S5657">
        <v>108</v>
      </c>
    </row>
    <row r="5658" spans="1:19" x14ac:dyDescent="0.25">
      <c r="A5658">
        <v>4751564</v>
      </c>
      <c r="B5658" t="s">
        <v>29181</v>
      </c>
      <c r="C5658" s="1" t="s">
        <v>29182</v>
      </c>
      <c r="E5658">
        <v>2</v>
      </c>
      <c r="F5658">
        <v>0</v>
      </c>
      <c r="H5658" t="s">
        <v>29183</v>
      </c>
      <c r="I5658">
        <v>1</v>
      </c>
      <c r="J5658" t="s">
        <v>29184</v>
      </c>
      <c r="O5658">
        <v>121646</v>
      </c>
      <c r="P5658">
        <v>1</v>
      </c>
      <c r="Q5658">
        <v>3</v>
      </c>
      <c r="R5658" t="s">
        <v>29185</v>
      </c>
      <c r="S5658">
        <v>6562</v>
      </c>
    </row>
    <row r="5659" spans="1:19" x14ac:dyDescent="0.25">
      <c r="A5659">
        <v>52812374</v>
      </c>
      <c r="B5659" t="s">
        <v>29186</v>
      </c>
      <c r="C5659" s="1" t="s">
        <v>29187</v>
      </c>
      <c r="D5659">
        <v>52816260</v>
      </c>
      <c r="E5659">
        <v>2</v>
      </c>
      <c r="F5659">
        <v>0</v>
      </c>
      <c r="H5659" t="s">
        <v>29188</v>
      </c>
      <c r="J5659" t="s">
        <v>29189</v>
      </c>
      <c r="O5659">
        <v>6687273</v>
      </c>
      <c r="P5659">
        <v>1</v>
      </c>
      <c r="Q5659">
        <v>1</v>
      </c>
      <c r="R5659" t="s">
        <v>29190</v>
      </c>
      <c r="S5659">
        <v>30</v>
      </c>
    </row>
    <row r="5660" spans="1:19" x14ac:dyDescent="0.25">
      <c r="A5660">
        <v>14928840</v>
      </c>
      <c r="B5660" t="s">
        <v>29191</v>
      </c>
      <c r="C5660" s="1" t="s">
        <v>29192</v>
      </c>
      <c r="D5660">
        <v>14928875</v>
      </c>
      <c r="E5660">
        <v>1</v>
      </c>
      <c r="F5660">
        <v>0</v>
      </c>
      <c r="H5660" t="s">
        <v>29193</v>
      </c>
      <c r="J5660" t="s">
        <v>29194</v>
      </c>
      <c r="K5660" t="s">
        <v>29194</v>
      </c>
      <c r="M5660">
        <v>656600</v>
      </c>
      <c r="O5660">
        <v>1571640</v>
      </c>
      <c r="P5660">
        <v>1</v>
      </c>
      <c r="Q5660">
        <v>2</v>
      </c>
      <c r="R5660" t="s">
        <v>29195</v>
      </c>
      <c r="S5660">
        <v>92</v>
      </c>
    </row>
    <row r="5661" spans="1:19" x14ac:dyDescent="0.25">
      <c r="A5661">
        <v>51567019</v>
      </c>
      <c r="B5661" t="s">
        <v>29196</v>
      </c>
      <c r="C5661" s="1" t="s">
        <v>29197</v>
      </c>
      <c r="D5661">
        <v>51599883</v>
      </c>
      <c r="E5661">
        <v>1</v>
      </c>
      <c r="F5661">
        <v>0</v>
      </c>
      <c r="H5661" t="s">
        <v>29198</v>
      </c>
      <c r="J5661" t="s">
        <v>29199</v>
      </c>
      <c r="O5661">
        <v>2154453</v>
      </c>
      <c r="P5661">
        <v>1</v>
      </c>
      <c r="Q5661">
        <v>0</v>
      </c>
      <c r="R5661" t="s">
        <v>29200</v>
      </c>
      <c r="S5661">
        <v>200</v>
      </c>
    </row>
    <row r="5662" spans="1:19" x14ac:dyDescent="0.25">
      <c r="A5662">
        <v>7972566</v>
      </c>
      <c r="B5662" t="s">
        <v>29201</v>
      </c>
      <c r="C5662" s="1" t="s">
        <v>29202</v>
      </c>
      <c r="D5662">
        <v>7972604</v>
      </c>
      <c r="E5662">
        <v>1</v>
      </c>
      <c r="F5662">
        <v>1</v>
      </c>
      <c r="H5662" t="s">
        <v>29203</v>
      </c>
      <c r="I5662">
        <v>1</v>
      </c>
      <c r="J5662" t="s">
        <v>29204</v>
      </c>
      <c r="O5662">
        <v>513302</v>
      </c>
      <c r="P5662">
        <v>1</v>
      </c>
      <c r="Q5662">
        <v>0</v>
      </c>
      <c r="R5662" t="s">
        <v>29205</v>
      </c>
      <c r="S5662">
        <v>140</v>
      </c>
    </row>
    <row r="5663" spans="1:19" x14ac:dyDescent="0.25">
      <c r="A5663">
        <v>17690384</v>
      </c>
      <c r="B5663" t="s">
        <v>29206</v>
      </c>
      <c r="C5663" s="1" t="s">
        <v>29207</v>
      </c>
      <c r="D5663">
        <v>17691944</v>
      </c>
      <c r="E5663">
        <v>1</v>
      </c>
      <c r="F5663">
        <v>10</v>
      </c>
      <c r="H5663" t="s">
        <v>29208</v>
      </c>
      <c r="I5663">
        <v>0</v>
      </c>
      <c r="J5663" t="s">
        <v>29209</v>
      </c>
      <c r="K5663" t="s">
        <v>29210</v>
      </c>
      <c r="M5663">
        <v>897733</v>
      </c>
      <c r="O5663">
        <v>897733</v>
      </c>
      <c r="P5663">
        <v>1</v>
      </c>
      <c r="Q5663">
        <v>0</v>
      </c>
      <c r="R5663" t="s">
        <v>29211</v>
      </c>
      <c r="S5663">
        <v>2546</v>
      </c>
    </row>
    <row r="5664" spans="1:19" x14ac:dyDescent="0.25">
      <c r="A5664">
        <v>40827769</v>
      </c>
      <c r="B5664" t="s">
        <v>29212</v>
      </c>
      <c r="C5664" s="1" t="s">
        <v>29213</v>
      </c>
      <c r="D5664">
        <v>40828460</v>
      </c>
      <c r="E5664">
        <v>3</v>
      </c>
      <c r="F5664">
        <v>0</v>
      </c>
      <c r="H5664" t="s">
        <v>29214</v>
      </c>
      <c r="I5664">
        <v>0</v>
      </c>
      <c r="J5664" t="s">
        <v>29215</v>
      </c>
      <c r="O5664">
        <v>4982218</v>
      </c>
      <c r="P5664">
        <v>1</v>
      </c>
      <c r="Q5664">
        <v>2</v>
      </c>
      <c r="R5664" t="s">
        <v>29216</v>
      </c>
      <c r="S5664">
        <v>89</v>
      </c>
    </row>
    <row r="5665" spans="1:19" x14ac:dyDescent="0.25">
      <c r="A5665">
        <v>41330460</v>
      </c>
      <c r="B5665" t="s">
        <v>29217</v>
      </c>
      <c r="C5665" s="1" t="s">
        <v>29218</v>
      </c>
      <c r="E5665">
        <v>1</v>
      </c>
      <c r="F5665">
        <v>0</v>
      </c>
      <c r="H5665" t="s">
        <v>29219</v>
      </c>
      <c r="J5665" t="s">
        <v>29220</v>
      </c>
      <c r="K5665" t="s">
        <v>29220</v>
      </c>
      <c r="M5665">
        <v>6561814</v>
      </c>
      <c r="O5665">
        <v>6561814</v>
      </c>
      <c r="P5665">
        <v>1</v>
      </c>
      <c r="Q5665">
        <v>0</v>
      </c>
      <c r="R5665" t="s">
        <v>29221</v>
      </c>
      <c r="S5665">
        <v>33</v>
      </c>
    </row>
    <row r="5666" spans="1:19" x14ac:dyDescent="0.25">
      <c r="A5666">
        <v>33898677</v>
      </c>
      <c r="B5666" t="s">
        <v>29222</v>
      </c>
      <c r="C5666" t="s">
        <v>29223</v>
      </c>
      <c r="E5666">
        <v>0</v>
      </c>
      <c r="F5666">
        <v>2</v>
      </c>
      <c r="H5666" t="s">
        <v>29224</v>
      </c>
      <c r="I5666">
        <v>1</v>
      </c>
      <c r="J5666" t="s">
        <v>29224</v>
      </c>
      <c r="O5666">
        <v>5585147</v>
      </c>
      <c r="P5666">
        <v>1</v>
      </c>
      <c r="Q5666">
        <v>0</v>
      </c>
      <c r="R5666" t="s">
        <v>29225</v>
      </c>
      <c r="S5666">
        <v>155</v>
      </c>
    </row>
    <row r="5667" spans="1:19" x14ac:dyDescent="0.25">
      <c r="A5667">
        <v>30802555</v>
      </c>
      <c r="B5667" t="s">
        <v>29226</v>
      </c>
      <c r="C5667" s="1" t="s">
        <v>29227</v>
      </c>
      <c r="D5667">
        <v>30802964</v>
      </c>
      <c r="E5667">
        <v>3</v>
      </c>
      <c r="F5667">
        <v>0</v>
      </c>
      <c r="H5667" t="s">
        <v>29228</v>
      </c>
      <c r="I5667">
        <v>3</v>
      </c>
      <c r="J5667" t="s">
        <v>29229</v>
      </c>
      <c r="O5667">
        <v>3886922</v>
      </c>
      <c r="P5667">
        <v>1</v>
      </c>
      <c r="Q5667">
        <v>3</v>
      </c>
      <c r="R5667" t="s">
        <v>29230</v>
      </c>
      <c r="S5667">
        <v>4088</v>
      </c>
    </row>
    <row r="5668" spans="1:19" x14ac:dyDescent="0.25">
      <c r="A5668">
        <v>24431988</v>
      </c>
      <c r="B5668" t="s">
        <v>29231</v>
      </c>
      <c r="C5668" s="1" t="s">
        <v>29232</v>
      </c>
      <c r="D5668">
        <v>24432316</v>
      </c>
      <c r="E5668">
        <v>1</v>
      </c>
      <c r="F5668">
        <v>11</v>
      </c>
      <c r="H5668" t="s">
        <v>29233</v>
      </c>
      <c r="J5668" t="s">
        <v>29234</v>
      </c>
      <c r="O5668">
        <v>3722029</v>
      </c>
      <c r="P5668">
        <v>1</v>
      </c>
      <c r="Q5668">
        <v>0</v>
      </c>
      <c r="R5668" t="s">
        <v>29235</v>
      </c>
      <c r="S5668">
        <v>194</v>
      </c>
    </row>
    <row r="5669" spans="1:19" x14ac:dyDescent="0.25">
      <c r="A5669">
        <v>28925496</v>
      </c>
      <c r="B5669" t="s">
        <v>29236</v>
      </c>
      <c r="C5669" s="1" t="s">
        <v>29237</v>
      </c>
      <c r="E5669">
        <v>1</v>
      </c>
      <c r="F5669">
        <v>0</v>
      </c>
      <c r="H5669" t="s">
        <v>29238</v>
      </c>
      <c r="I5669">
        <v>1</v>
      </c>
      <c r="J5669" t="s">
        <v>29239</v>
      </c>
      <c r="K5669" t="s">
        <v>29240</v>
      </c>
      <c r="M5669">
        <v>850848</v>
      </c>
      <c r="O5669">
        <v>2424684</v>
      </c>
      <c r="P5669">
        <v>1</v>
      </c>
      <c r="Q5669">
        <v>1</v>
      </c>
      <c r="R5669" t="s">
        <v>29241</v>
      </c>
      <c r="S5669">
        <v>1202</v>
      </c>
    </row>
    <row r="5670" spans="1:19" x14ac:dyDescent="0.25">
      <c r="A5670">
        <v>32073383</v>
      </c>
      <c r="B5670" t="s">
        <v>29242</v>
      </c>
      <c r="C5670" s="1" t="s">
        <v>29243</v>
      </c>
      <c r="E5670">
        <v>2</v>
      </c>
      <c r="F5670">
        <v>1</v>
      </c>
      <c r="H5670" t="s">
        <v>29244</v>
      </c>
      <c r="J5670" t="s">
        <v>29245</v>
      </c>
      <c r="O5670">
        <v>2916610</v>
      </c>
      <c r="P5670">
        <v>1</v>
      </c>
      <c r="Q5670">
        <v>-3</v>
      </c>
      <c r="R5670" t="s">
        <v>29246</v>
      </c>
      <c r="S5670">
        <v>217</v>
      </c>
    </row>
    <row r="5671" spans="1:19" x14ac:dyDescent="0.25">
      <c r="A5671">
        <v>33309431</v>
      </c>
      <c r="B5671" t="s">
        <v>29247</v>
      </c>
      <c r="C5671" s="1" t="s">
        <v>29248</v>
      </c>
      <c r="E5671">
        <v>2</v>
      </c>
      <c r="F5671">
        <v>0</v>
      </c>
      <c r="H5671" t="s">
        <v>29249</v>
      </c>
      <c r="J5671" t="s">
        <v>29250</v>
      </c>
      <c r="O5671">
        <v>1732998</v>
      </c>
      <c r="P5671">
        <v>1</v>
      </c>
      <c r="Q5671">
        <v>1</v>
      </c>
      <c r="R5671" t="s">
        <v>29251</v>
      </c>
      <c r="S5671">
        <v>642</v>
      </c>
    </row>
    <row r="5672" spans="1:19" x14ac:dyDescent="0.25">
      <c r="A5672">
        <v>10195408</v>
      </c>
      <c r="B5672" t="s">
        <v>29252</v>
      </c>
      <c r="C5672" s="1" t="s">
        <v>29253</v>
      </c>
      <c r="D5672">
        <v>10195442</v>
      </c>
      <c r="E5672">
        <v>1</v>
      </c>
      <c r="F5672">
        <v>4</v>
      </c>
      <c r="H5672" t="s">
        <v>29254</v>
      </c>
      <c r="J5672" t="s">
        <v>29255</v>
      </c>
      <c r="O5672">
        <v>1206087</v>
      </c>
      <c r="P5672">
        <v>1</v>
      </c>
      <c r="Q5672">
        <v>0</v>
      </c>
      <c r="R5672" t="s">
        <v>2122</v>
      </c>
      <c r="S5672">
        <v>71</v>
      </c>
    </row>
    <row r="5673" spans="1:19" x14ac:dyDescent="0.25">
      <c r="A5673">
        <v>17192740</v>
      </c>
      <c r="B5673" t="s">
        <v>29256</v>
      </c>
      <c r="C5673" s="1" t="s">
        <v>29257</v>
      </c>
      <c r="E5673">
        <v>1</v>
      </c>
      <c r="F5673">
        <v>0</v>
      </c>
      <c r="H5673" t="s">
        <v>29258</v>
      </c>
      <c r="J5673" t="s">
        <v>29259</v>
      </c>
      <c r="O5673">
        <v>2440924</v>
      </c>
      <c r="P5673">
        <v>1</v>
      </c>
      <c r="Q5673">
        <v>0</v>
      </c>
      <c r="R5673" t="s">
        <v>29260</v>
      </c>
      <c r="S5673">
        <v>473</v>
      </c>
    </row>
    <row r="5674" spans="1:19" x14ac:dyDescent="0.25">
      <c r="A5674">
        <v>40126039</v>
      </c>
      <c r="B5674" t="s">
        <v>29261</v>
      </c>
      <c r="C5674" s="1" t="s">
        <v>29262</v>
      </c>
      <c r="E5674">
        <v>0</v>
      </c>
      <c r="F5674">
        <v>0</v>
      </c>
      <c r="H5674" t="s">
        <v>29263</v>
      </c>
      <c r="J5674" t="s">
        <v>29264</v>
      </c>
      <c r="K5674" t="s">
        <v>29264</v>
      </c>
      <c r="M5674">
        <v>3816640</v>
      </c>
      <c r="O5674">
        <v>7040423</v>
      </c>
      <c r="P5674">
        <v>1</v>
      </c>
      <c r="Q5674">
        <v>1</v>
      </c>
      <c r="R5674" t="s">
        <v>29265</v>
      </c>
      <c r="S5674">
        <v>222</v>
      </c>
    </row>
    <row r="5675" spans="1:19" x14ac:dyDescent="0.25">
      <c r="A5675">
        <v>33719887</v>
      </c>
      <c r="B5675" t="s">
        <v>29266</v>
      </c>
      <c r="C5675" s="1" t="s">
        <v>29267</v>
      </c>
      <c r="D5675">
        <v>33720048</v>
      </c>
      <c r="E5675">
        <v>1</v>
      </c>
      <c r="F5675">
        <v>0</v>
      </c>
      <c r="H5675" t="s">
        <v>29268</v>
      </c>
      <c r="J5675" t="s">
        <v>29269</v>
      </c>
      <c r="O5675">
        <v>1711384</v>
      </c>
      <c r="P5675">
        <v>1</v>
      </c>
      <c r="Q5675">
        <v>0</v>
      </c>
      <c r="R5675" t="s">
        <v>29270</v>
      </c>
      <c r="S5675">
        <v>2906</v>
      </c>
    </row>
    <row r="5676" spans="1:19" x14ac:dyDescent="0.25">
      <c r="A5676">
        <v>1804863</v>
      </c>
      <c r="B5676" t="s">
        <v>29271</v>
      </c>
      <c r="C5676" s="1" t="s">
        <v>29272</v>
      </c>
      <c r="D5676">
        <v>1806180</v>
      </c>
      <c r="E5676">
        <v>2</v>
      </c>
      <c r="F5676">
        <v>0</v>
      </c>
      <c r="H5676" t="s">
        <v>29273</v>
      </c>
      <c r="J5676" t="s">
        <v>29274</v>
      </c>
      <c r="O5676">
        <v>212050</v>
      </c>
      <c r="P5676">
        <v>1</v>
      </c>
      <c r="Q5676">
        <v>2</v>
      </c>
      <c r="R5676" t="s">
        <v>29275</v>
      </c>
      <c r="S5676">
        <v>2590</v>
      </c>
    </row>
    <row r="5677" spans="1:19" x14ac:dyDescent="0.25">
      <c r="A5677">
        <v>23108743</v>
      </c>
      <c r="B5677" t="s">
        <v>29276</v>
      </c>
      <c r="C5677" s="1" t="s">
        <v>29277</v>
      </c>
      <c r="E5677">
        <v>1</v>
      </c>
      <c r="F5677">
        <v>0</v>
      </c>
      <c r="H5677" t="s">
        <v>29278</v>
      </c>
      <c r="J5677" t="s">
        <v>29279</v>
      </c>
      <c r="K5677" t="s">
        <v>29279</v>
      </c>
      <c r="M5677">
        <v>2885059</v>
      </c>
      <c r="O5677">
        <v>2885059</v>
      </c>
      <c r="P5677">
        <v>1</v>
      </c>
      <c r="Q5677">
        <v>0</v>
      </c>
      <c r="R5677" t="s">
        <v>29280</v>
      </c>
      <c r="S5677">
        <v>674</v>
      </c>
    </row>
    <row r="5678" spans="1:19" x14ac:dyDescent="0.25">
      <c r="A5678">
        <v>18764083</v>
      </c>
      <c r="B5678" t="s">
        <v>29281</v>
      </c>
      <c r="C5678" s="1" t="s">
        <v>29282</v>
      </c>
      <c r="D5678">
        <v>18764572</v>
      </c>
      <c r="E5678">
        <v>1</v>
      </c>
      <c r="F5678">
        <v>3</v>
      </c>
      <c r="H5678" t="s">
        <v>29283</v>
      </c>
      <c r="J5678" t="s">
        <v>29284</v>
      </c>
      <c r="K5678" t="s">
        <v>29285</v>
      </c>
      <c r="M5678">
        <v>13302</v>
      </c>
      <c r="O5678">
        <v>96854</v>
      </c>
      <c r="P5678">
        <v>1</v>
      </c>
      <c r="Q5678">
        <v>0</v>
      </c>
      <c r="R5678" t="s">
        <v>29286</v>
      </c>
      <c r="S5678">
        <v>426</v>
      </c>
    </row>
    <row r="5679" spans="1:19" x14ac:dyDescent="0.25">
      <c r="A5679">
        <v>44067129</v>
      </c>
      <c r="B5679" t="s">
        <v>29287</v>
      </c>
      <c r="C5679" s="1" t="s">
        <v>29288</v>
      </c>
      <c r="E5679">
        <v>2</v>
      </c>
      <c r="F5679">
        <v>1</v>
      </c>
      <c r="H5679" t="s">
        <v>29289</v>
      </c>
      <c r="J5679" t="s">
        <v>29290</v>
      </c>
      <c r="O5679">
        <v>7324618</v>
      </c>
      <c r="P5679">
        <v>1</v>
      </c>
      <c r="Q5679">
        <v>0</v>
      </c>
      <c r="R5679" t="s">
        <v>29291</v>
      </c>
      <c r="S5679">
        <v>254</v>
      </c>
    </row>
    <row r="5680" spans="1:19" x14ac:dyDescent="0.25">
      <c r="A5680">
        <v>45098637</v>
      </c>
      <c r="B5680" t="s">
        <v>29292</v>
      </c>
      <c r="C5680" s="1" t="s">
        <v>29293</v>
      </c>
      <c r="E5680">
        <v>0</v>
      </c>
      <c r="F5680">
        <v>4</v>
      </c>
      <c r="H5680" t="s">
        <v>29294</v>
      </c>
      <c r="J5680" t="s">
        <v>29294</v>
      </c>
      <c r="O5680">
        <v>3857731</v>
      </c>
      <c r="P5680">
        <v>1</v>
      </c>
      <c r="Q5680">
        <v>0</v>
      </c>
      <c r="R5680" t="s">
        <v>29295</v>
      </c>
      <c r="S5680">
        <v>41</v>
      </c>
    </row>
    <row r="5681" spans="1:19" x14ac:dyDescent="0.25">
      <c r="A5681">
        <v>48689492</v>
      </c>
      <c r="B5681" t="s">
        <v>29296</v>
      </c>
      <c r="C5681" s="1" t="s">
        <v>29297</v>
      </c>
      <c r="E5681">
        <v>2</v>
      </c>
      <c r="F5681">
        <v>3</v>
      </c>
      <c r="H5681" t="s">
        <v>29298</v>
      </c>
      <c r="J5681" t="s">
        <v>29299</v>
      </c>
      <c r="K5681" t="s">
        <v>29299</v>
      </c>
      <c r="M5681">
        <v>6199492</v>
      </c>
      <c r="O5681">
        <v>6199492</v>
      </c>
      <c r="P5681">
        <v>1</v>
      </c>
      <c r="Q5681">
        <v>-1</v>
      </c>
      <c r="R5681" t="s">
        <v>29300</v>
      </c>
      <c r="S5681">
        <v>21</v>
      </c>
    </row>
    <row r="5682" spans="1:19" x14ac:dyDescent="0.25">
      <c r="A5682">
        <v>45045195</v>
      </c>
      <c r="B5682" t="s">
        <v>29301</v>
      </c>
      <c r="C5682" s="1" t="s">
        <v>29302</v>
      </c>
      <c r="E5682">
        <v>2</v>
      </c>
      <c r="F5682">
        <v>0</v>
      </c>
      <c r="H5682" t="s">
        <v>29303</v>
      </c>
      <c r="J5682" t="s">
        <v>29304</v>
      </c>
      <c r="O5682">
        <v>1555250</v>
      </c>
      <c r="P5682">
        <v>1</v>
      </c>
      <c r="Q5682">
        <v>0</v>
      </c>
      <c r="R5682" t="s">
        <v>29305</v>
      </c>
      <c r="S5682">
        <v>24</v>
      </c>
    </row>
    <row r="5683" spans="1:19" x14ac:dyDescent="0.25">
      <c r="A5683">
        <v>45589607</v>
      </c>
      <c r="B5683" t="s">
        <v>29306</v>
      </c>
      <c r="C5683" s="1" t="s">
        <v>29307</v>
      </c>
      <c r="D5683">
        <v>45591710</v>
      </c>
      <c r="E5683">
        <v>2</v>
      </c>
      <c r="F5683">
        <v>0</v>
      </c>
      <c r="H5683" t="s">
        <v>29308</v>
      </c>
      <c r="J5683" t="s">
        <v>29309</v>
      </c>
      <c r="K5683" t="s">
        <v>29310</v>
      </c>
      <c r="M5683">
        <v>5251830</v>
      </c>
      <c r="O5683">
        <v>5251830</v>
      </c>
      <c r="P5683">
        <v>1</v>
      </c>
      <c r="Q5683">
        <v>0</v>
      </c>
      <c r="R5683" t="s">
        <v>29311</v>
      </c>
      <c r="S5683">
        <v>234</v>
      </c>
    </row>
    <row r="5684" spans="1:19" x14ac:dyDescent="0.25">
      <c r="A5684">
        <v>51388221</v>
      </c>
      <c r="B5684" t="s">
        <v>29312</v>
      </c>
      <c r="C5684" s="1" t="s">
        <v>29313</v>
      </c>
      <c r="D5684">
        <v>51389357</v>
      </c>
      <c r="E5684">
        <v>3</v>
      </c>
      <c r="F5684">
        <v>0</v>
      </c>
      <c r="H5684" t="s">
        <v>29314</v>
      </c>
      <c r="I5684">
        <v>1</v>
      </c>
      <c r="J5684" t="s">
        <v>29315</v>
      </c>
      <c r="O5684">
        <v>9189799</v>
      </c>
      <c r="P5684">
        <v>1</v>
      </c>
      <c r="Q5684">
        <v>2</v>
      </c>
      <c r="R5684" t="s">
        <v>29316</v>
      </c>
      <c r="S5684">
        <v>41</v>
      </c>
    </row>
    <row r="5685" spans="1:19" x14ac:dyDescent="0.25">
      <c r="A5685">
        <v>813587</v>
      </c>
      <c r="B5685" t="s">
        <v>29317</v>
      </c>
      <c r="C5685" s="1" t="s">
        <v>29318</v>
      </c>
      <c r="D5685">
        <v>813627</v>
      </c>
      <c r="E5685">
        <v>2</v>
      </c>
      <c r="F5685">
        <v>0</v>
      </c>
      <c r="H5685" t="s">
        <v>29319</v>
      </c>
      <c r="I5685">
        <v>1</v>
      </c>
      <c r="J5685" t="s">
        <v>29320</v>
      </c>
      <c r="K5685" t="s">
        <v>29320</v>
      </c>
      <c r="M5685">
        <v>128595</v>
      </c>
      <c r="O5685">
        <v>10888</v>
      </c>
      <c r="P5685">
        <v>1</v>
      </c>
      <c r="Q5685">
        <v>8</v>
      </c>
      <c r="R5685" t="s">
        <v>19385</v>
      </c>
      <c r="S5685">
        <v>6852</v>
      </c>
    </row>
    <row r="5686" spans="1:19" x14ac:dyDescent="0.25">
      <c r="A5686">
        <v>20602007</v>
      </c>
      <c r="B5686" t="s">
        <v>29321</v>
      </c>
      <c r="C5686" s="1" t="s">
        <v>29322</v>
      </c>
      <c r="D5686">
        <v>20602034</v>
      </c>
      <c r="E5686">
        <v>1</v>
      </c>
      <c r="F5686">
        <v>1</v>
      </c>
      <c r="H5686" t="s">
        <v>29323</v>
      </c>
      <c r="J5686" t="s">
        <v>29324</v>
      </c>
      <c r="K5686" t="s">
        <v>29324</v>
      </c>
      <c r="M5686">
        <v>3885376</v>
      </c>
      <c r="O5686">
        <v>1610950</v>
      </c>
      <c r="P5686">
        <v>1</v>
      </c>
      <c r="Q5686">
        <v>0</v>
      </c>
      <c r="R5686" t="s">
        <v>6912</v>
      </c>
      <c r="S5686">
        <v>52</v>
      </c>
    </row>
    <row r="5687" spans="1:19" x14ac:dyDescent="0.25">
      <c r="A5687">
        <v>14262461</v>
      </c>
      <c r="B5687" t="s">
        <v>29325</v>
      </c>
      <c r="C5687" s="1" t="s">
        <v>29326</v>
      </c>
      <c r="E5687">
        <v>1</v>
      </c>
      <c r="F5687">
        <v>5</v>
      </c>
      <c r="H5687" t="s">
        <v>29327</v>
      </c>
      <c r="J5687" t="s">
        <v>29328</v>
      </c>
      <c r="K5687" t="s">
        <v>29329</v>
      </c>
      <c r="M5687">
        <v>960857</v>
      </c>
      <c r="O5687">
        <v>960857</v>
      </c>
      <c r="P5687">
        <v>1</v>
      </c>
      <c r="Q5687">
        <v>0</v>
      </c>
      <c r="R5687" t="s">
        <v>29330</v>
      </c>
      <c r="S5687">
        <v>559</v>
      </c>
    </row>
    <row r="5688" spans="1:19" x14ac:dyDescent="0.25">
      <c r="A5688">
        <v>45658021</v>
      </c>
      <c r="B5688" t="s">
        <v>29331</v>
      </c>
      <c r="C5688" s="1" t="s">
        <v>29332</v>
      </c>
      <c r="E5688">
        <v>2</v>
      </c>
      <c r="F5688">
        <v>6</v>
      </c>
      <c r="H5688" t="s">
        <v>29333</v>
      </c>
      <c r="J5688" t="s">
        <v>29334</v>
      </c>
      <c r="K5688" t="s">
        <v>29335</v>
      </c>
      <c r="M5688">
        <v>3925143</v>
      </c>
      <c r="O5688">
        <v>3925143</v>
      </c>
      <c r="P5688">
        <v>1</v>
      </c>
      <c r="Q5688">
        <v>0</v>
      </c>
      <c r="R5688" t="s">
        <v>29336</v>
      </c>
      <c r="S5688">
        <v>331</v>
      </c>
    </row>
    <row r="5689" spans="1:19" x14ac:dyDescent="0.25">
      <c r="A5689">
        <v>37672657</v>
      </c>
      <c r="B5689" t="s">
        <v>29337</v>
      </c>
      <c r="C5689" s="1" t="s">
        <v>29338</v>
      </c>
      <c r="E5689">
        <v>1</v>
      </c>
      <c r="F5689">
        <v>0</v>
      </c>
      <c r="H5689" t="s">
        <v>29339</v>
      </c>
      <c r="J5689" t="s">
        <v>29340</v>
      </c>
      <c r="O5689">
        <v>399883</v>
      </c>
      <c r="P5689">
        <v>1</v>
      </c>
      <c r="Q5689">
        <v>0</v>
      </c>
      <c r="R5689" t="s">
        <v>29341</v>
      </c>
      <c r="S5689">
        <v>177</v>
      </c>
    </row>
    <row r="5690" spans="1:19" x14ac:dyDescent="0.25">
      <c r="A5690">
        <v>43315908</v>
      </c>
      <c r="B5690" t="s">
        <v>29342</v>
      </c>
      <c r="C5690" s="1" t="s">
        <v>29343</v>
      </c>
      <c r="D5690">
        <v>43316094</v>
      </c>
      <c r="E5690">
        <v>3</v>
      </c>
      <c r="F5690">
        <v>4</v>
      </c>
      <c r="H5690" t="s">
        <v>29344</v>
      </c>
      <c r="J5690" t="s">
        <v>29345</v>
      </c>
      <c r="O5690">
        <v>5443928</v>
      </c>
      <c r="P5690">
        <v>1</v>
      </c>
      <c r="Q5690">
        <v>0</v>
      </c>
      <c r="R5690" t="s">
        <v>413</v>
      </c>
      <c r="S5690">
        <v>73</v>
      </c>
    </row>
    <row r="5691" spans="1:19" x14ac:dyDescent="0.25">
      <c r="A5691">
        <v>51759701</v>
      </c>
      <c r="B5691" t="s">
        <v>29346</v>
      </c>
      <c r="C5691" s="1" t="s">
        <v>29347</v>
      </c>
      <c r="E5691">
        <v>1</v>
      </c>
      <c r="F5691">
        <v>0</v>
      </c>
      <c r="H5691" t="s">
        <v>29348</v>
      </c>
      <c r="J5691" t="s">
        <v>29349</v>
      </c>
      <c r="K5691" t="s">
        <v>29349</v>
      </c>
      <c r="M5691">
        <v>965290</v>
      </c>
      <c r="O5691">
        <v>7607661</v>
      </c>
      <c r="P5691">
        <v>1</v>
      </c>
      <c r="Q5691">
        <v>1</v>
      </c>
      <c r="R5691" t="s">
        <v>8006</v>
      </c>
      <c r="S5691">
        <v>120</v>
      </c>
    </row>
    <row r="5692" spans="1:19" x14ac:dyDescent="0.25">
      <c r="A5692">
        <v>39381161</v>
      </c>
      <c r="B5692" t="s">
        <v>29350</v>
      </c>
      <c r="C5692" s="1" t="s">
        <v>29351</v>
      </c>
      <c r="D5692">
        <v>39404426</v>
      </c>
      <c r="E5692">
        <v>1</v>
      </c>
      <c r="F5692">
        <v>0</v>
      </c>
      <c r="H5692" t="s">
        <v>29352</v>
      </c>
      <c r="I5692">
        <v>0</v>
      </c>
      <c r="J5692" t="s">
        <v>29353</v>
      </c>
      <c r="K5692" t="s">
        <v>29354</v>
      </c>
      <c r="M5692">
        <v>3768871</v>
      </c>
      <c r="O5692">
        <v>5175678</v>
      </c>
      <c r="P5692">
        <v>1</v>
      </c>
      <c r="Q5692">
        <v>2</v>
      </c>
      <c r="R5692" t="s">
        <v>29355</v>
      </c>
      <c r="S5692">
        <v>1149</v>
      </c>
    </row>
    <row r="5693" spans="1:19" x14ac:dyDescent="0.25">
      <c r="A5693">
        <v>13273130</v>
      </c>
      <c r="B5693" t="s">
        <v>29356</v>
      </c>
      <c r="C5693" s="1" t="s">
        <v>29357</v>
      </c>
      <c r="D5693">
        <v>13273257</v>
      </c>
      <c r="E5693">
        <v>1</v>
      </c>
      <c r="F5693">
        <v>1</v>
      </c>
      <c r="H5693" t="s">
        <v>29358</v>
      </c>
      <c r="I5693">
        <v>1</v>
      </c>
      <c r="J5693" t="s">
        <v>29359</v>
      </c>
      <c r="O5693">
        <v>320299</v>
      </c>
      <c r="P5693">
        <v>1</v>
      </c>
      <c r="Q5693">
        <v>5</v>
      </c>
      <c r="R5693" t="s">
        <v>29360</v>
      </c>
      <c r="S5693">
        <v>2116</v>
      </c>
    </row>
    <row r="5694" spans="1:19" x14ac:dyDescent="0.25">
      <c r="A5694">
        <v>5589652</v>
      </c>
      <c r="B5694" t="s">
        <v>29361</v>
      </c>
      <c r="C5694" s="1" t="s">
        <v>29362</v>
      </c>
      <c r="E5694">
        <v>1</v>
      </c>
      <c r="F5694">
        <v>0</v>
      </c>
      <c r="H5694" t="s">
        <v>29363</v>
      </c>
      <c r="I5694">
        <v>1</v>
      </c>
      <c r="J5694" t="s">
        <v>29364</v>
      </c>
      <c r="K5694" t="s">
        <v>29364</v>
      </c>
      <c r="M5694">
        <v>591644</v>
      </c>
      <c r="O5694">
        <v>693956</v>
      </c>
      <c r="P5694">
        <v>1</v>
      </c>
      <c r="Q5694">
        <v>7</v>
      </c>
      <c r="R5694" t="s">
        <v>29365</v>
      </c>
      <c r="S5694">
        <v>2959</v>
      </c>
    </row>
    <row r="5695" spans="1:19" x14ac:dyDescent="0.25">
      <c r="A5695">
        <v>22772790</v>
      </c>
      <c r="B5695" t="s">
        <v>29366</v>
      </c>
      <c r="C5695" s="1" t="s">
        <v>29367</v>
      </c>
      <c r="D5695">
        <v>22773095</v>
      </c>
      <c r="E5695">
        <v>1</v>
      </c>
      <c r="F5695">
        <v>0</v>
      </c>
      <c r="H5695" t="s">
        <v>29368</v>
      </c>
      <c r="I5695">
        <v>1</v>
      </c>
      <c r="J5695" t="s">
        <v>29369</v>
      </c>
      <c r="O5695">
        <v>518012</v>
      </c>
      <c r="P5695">
        <v>1</v>
      </c>
      <c r="Q5695">
        <v>0</v>
      </c>
      <c r="R5695" t="s">
        <v>29370</v>
      </c>
      <c r="S5695">
        <v>2449</v>
      </c>
    </row>
    <row r="5696" spans="1:19" x14ac:dyDescent="0.25">
      <c r="A5696">
        <v>20778726</v>
      </c>
      <c r="B5696" t="s">
        <v>29371</v>
      </c>
      <c r="C5696" s="1" t="s">
        <v>29372</v>
      </c>
      <c r="E5696">
        <v>1</v>
      </c>
      <c r="F5696">
        <v>0</v>
      </c>
      <c r="H5696" t="s">
        <v>29373</v>
      </c>
      <c r="J5696" t="s">
        <v>29374</v>
      </c>
      <c r="O5696">
        <v>1197979</v>
      </c>
      <c r="P5696">
        <v>1</v>
      </c>
      <c r="Q5696">
        <v>0</v>
      </c>
      <c r="R5696" t="s">
        <v>29375</v>
      </c>
      <c r="S5696">
        <v>215</v>
      </c>
    </row>
    <row r="5697" spans="1:19" x14ac:dyDescent="0.25">
      <c r="A5697">
        <v>40162690</v>
      </c>
      <c r="B5697" t="s">
        <v>29376</v>
      </c>
      <c r="C5697" s="1" t="s">
        <v>29377</v>
      </c>
      <c r="E5697">
        <v>1</v>
      </c>
      <c r="F5697">
        <v>3</v>
      </c>
      <c r="H5697" t="s">
        <v>29378</v>
      </c>
      <c r="J5697" t="s">
        <v>29379</v>
      </c>
      <c r="O5697">
        <v>1839005</v>
      </c>
      <c r="P5697">
        <v>1</v>
      </c>
      <c r="Q5697">
        <v>1</v>
      </c>
      <c r="R5697" t="s">
        <v>29380</v>
      </c>
      <c r="S5697">
        <v>126</v>
      </c>
    </row>
    <row r="5698" spans="1:19" x14ac:dyDescent="0.25">
      <c r="A5698">
        <v>26984940</v>
      </c>
      <c r="B5698" t="s">
        <v>29381</v>
      </c>
      <c r="C5698" s="1" t="s">
        <v>29382</v>
      </c>
      <c r="D5698">
        <v>26985610</v>
      </c>
      <c r="E5698">
        <v>2</v>
      </c>
      <c r="F5698">
        <v>6</v>
      </c>
      <c r="H5698" t="s">
        <v>29383</v>
      </c>
      <c r="I5698">
        <v>1</v>
      </c>
      <c r="J5698" t="s">
        <v>29384</v>
      </c>
      <c r="K5698" t="s">
        <v>29385</v>
      </c>
      <c r="M5698">
        <v>4263439</v>
      </c>
      <c r="O5698">
        <v>4263439</v>
      </c>
      <c r="P5698">
        <v>1</v>
      </c>
      <c r="Q5698">
        <v>2</v>
      </c>
      <c r="R5698" t="s">
        <v>29386</v>
      </c>
      <c r="S5698">
        <v>1497</v>
      </c>
    </row>
    <row r="5699" spans="1:19" x14ac:dyDescent="0.25">
      <c r="A5699">
        <v>735005</v>
      </c>
      <c r="B5699" t="s">
        <v>29387</v>
      </c>
      <c r="C5699" s="1" t="s">
        <v>29388</v>
      </c>
      <c r="E5699">
        <v>2</v>
      </c>
      <c r="F5699">
        <v>1</v>
      </c>
      <c r="H5699" t="s">
        <v>29389</v>
      </c>
      <c r="J5699" t="s">
        <v>29390</v>
      </c>
      <c r="O5699">
        <v>82475</v>
      </c>
      <c r="P5699">
        <v>1</v>
      </c>
      <c r="Q5699">
        <v>0</v>
      </c>
      <c r="R5699" t="s">
        <v>29391</v>
      </c>
      <c r="S5699">
        <v>575</v>
      </c>
    </row>
    <row r="5700" spans="1:19" x14ac:dyDescent="0.25">
      <c r="A5700">
        <v>50758150</v>
      </c>
      <c r="B5700" t="s">
        <v>29392</v>
      </c>
      <c r="C5700" s="1" t="s">
        <v>29393</v>
      </c>
      <c r="E5700">
        <v>0</v>
      </c>
      <c r="F5700">
        <v>6</v>
      </c>
      <c r="H5700" t="s">
        <v>29394</v>
      </c>
      <c r="J5700" t="s">
        <v>29394</v>
      </c>
      <c r="O5700">
        <v>6796561</v>
      </c>
      <c r="P5700">
        <v>1</v>
      </c>
      <c r="Q5700">
        <v>2</v>
      </c>
      <c r="R5700" t="s">
        <v>29395</v>
      </c>
      <c r="S5700">
        <v>79</v>
      </c>
    </row>
    <row r="5701" spans="1:19" x14ac:dyDescent="0.25">
      <c r="A5701">
        <v>31271687</v>
      </c>
      <c r="B5701" t="s">
        <v>29396</v>
      </c>
      <c r="C5701" s="1" t="s">
        <v>29397</v>
      </c>
      <c r="D5701">
        <v>31271878</v>
      </c>
      <c r="E5701">
        <v>1</v>
      </c>
      <c r="F5701">
        <v>3</v>
      </c>
      <c r="H5701" t="s">
        <v>29398</v>
      </c>
      <c r="J5701" t="s">
        <v>29399</v>
      </c>
      <c r="K5701" t="s">
        <v>29400</v>
      </c>
      <c r="M5701">
        <v>4333555</v>
      </c>
      <c r="O5701">
        <v>1043706</v>
      </c>
      <c r="P5701">
        <v>1</v>
      </c>
      <c r="Q5701">
        <v>4</v>
      </c>
      <c r="R5701" t="s">
        <v>16423</v>
      </c>
      <c r="S5701">
        <v>752</v>
      </c>
    </row>
    <row r="5702" spans="1:19" x14ac:dyDescent="0.25">
      <c r="A5702">
        <v>20517409</v>
      </c>
      <c r="B5702" t="s">
        <v>29401</v>
      </c>
      <c r="C5702" s="1" t="s">
        <v>29402</v>
      </c>
      <c r="E5702">
        <v>0</v>
      </c>
      <c r="F5702">
        <v>3</v>
      </c>
      <c r="H5702" t="s">
        <v>29403</v>
      </c>
      <c r="J5702" t="s">
        <v>29403</v>
      </c>
      <c r="O5702">
        <v>393406</v>
      </c>
      <c r="P5702">
        <v>1</v>
      </c>
      <c r="Q5702">
        <v>0</v>
      </c>
      <c r="R5702" t="s">
        <v>29404</v>
      </c>
      <c r="S5702">
        <v>64</v>
      </c>
    </row>
    <row r="5703" spans="1:19" x14ac:dyDescent="0.25">
      <c r="A5703">
        <v>22599540</v>
      </c>
      <c r="B5703" t="s">
        <v>29405</v>
      </c>
      <c r="C5703" s="1" t="s">
        <v>29406</v>
      </c>
      <c r="D5703">
        <v>22599574</v>
      </c>
      <c r="E5703">
        <v>4</v>
      </c>
      <c r="F5703">
        <v>3</v>
      </c>
      <c r="H5703" t="s">
        <v>29407</v>
      </c>
      <c r="J5703" t="s">
        <v>29408</v>
      </c>
      <c r="K5703" t="s">
        <v>29409</v>
      </c>
      <c r="M5703">
        <v>11265</v>
      </c>
      <c r="O5703">
        <v>3449025</v>
      </c>
      <c r="P5703">
        <v>1</v>
      </c>
      <c r="Q5703">
        <v>0</v>
      </c>
      <c r="R5703" t="s">
        <v>29410</v>
      </c>
      <c r="S5703">
        <v>314</v>
      </c>
    </row>
    <row r="5704" spans="1:19" x14ac:dyDescent="0.25">
      <c r="A5704">
        <v>18099913</v>
      </c>
      <c r="B5704" t="s">
        <v>29411</v>
      </c>
      <c r="C5704" s="1" t="s">
        <v>29412</v>
      </c>
      <c r="D5704">
        <v>18112601</v>
      </c>
      <c r="E5704">
        <v>1</v>
      </c>
      <c r="F5704">
        <v>0</v>
      </c>
      <c r="H5704" t="s">
        <v>29413</v>
      </c>
      <c r="J5704" t="s">
        <v>29414</v>
      </c>
      <c r="O5704">
        <v>327004</v>
      </c>
      <c r="P5704">
        <v>1</v>
      </c>
      <c r="Q5704">
        <v>0</v>
      </c>
      <c r="R5704" t="s">
        <v>29415</v>
      </c>
      <c r="S5704">
        <v>50</v>
      </c>
    </row>
    <row r="5705" spans="1:19" x14ac:dyDescent="0.25">
      <c r="A5705">
        <v>51223286</v>
      </c>
      <c r="B5705" t="s">
        <v>29416</v>
      </c>
      <c r="C5705" s="1" t="s">
        <v>29417</v>
      </c>
      <c r="D5705">
        <v>51223405</v>
      </c>
      <c r="E5705">
        <v>4</v>
      </c>
      <c r="F5705">
        <v>0</v>
      </c>
      <c r="H5705" t="s">
        <v>29418</v>
      </c>
      <c r="J5705" t="s">
        <v>29419</v>
      </c>
      <c r="K5705" t="s">
        <v>29419</v>
      </c>
      <c r="M5705">
        <v>7472549</v>
      </c>
      <c r="O5705">
        <v>2101333</v>
      </c>
      <c r="P5705">
        <v>1</v>
      </c>
      <c r="Q5705">
        <v>0</v>
      </c>
      <c r="R5705" t="s">
        <v>29420</v>
      </c>
      <c r="S5705">
        <v>39</v>
      </c>
    </row>
    <row r="5706" spans="1:19" x14ac:dyDescent="0.25">
      <c r="A5706">
        <v>38205551</v>
      </c>
      <c r="B5706" t="s">
        <v>29421</v>
      </c>
      <c r="C5706" t="s">
        <v>29422</v>
      </c>
      <c r="E5706">
        <v>1</v>
      </c>
      <c r="F5706">
        <v>0</v>
      </c>
      <c r="H5706" t="s">
        <v>29423</v>
      </c>
      <c r="J5706" t="s">
        <v>29424</v>
      </c>
      <c r="O5706">
        <v>4294995</v>
      </c>
      <c r="P5706">
        <v>1</v>
      </c>
      <c r="Q5706">
        <v>0</v>
      </c>
      <c r="R5706" t="s">
        <v>29425</v>
      </c>
      <c r="S5706">
        <v>88</v>
      </c>
    </row>
    <row r="5707" spans="1:19" x14ac:dyDescent="0.25">
      <c r="A5707">
        <v>50508945</v>
      </c>
      <c r="B5707" t="s">
        <v>29426</v>
      </c>
      <c r="C5707" s="1" t="s">
        <v>29427</v>
      </c>
      <c r="D5707">
        <v>50533405</v>
      </c>
      <c r="E5707">
        <v>1</v>
      </c>
      <c r="F5707">
        <v>0</v>
      </c>
      <c r="H5707" t="s">
        <v>29428</v>
      </c>
      <c r="J5707" t="s">
        <v>29429</v>
      </c>
      <c r="O5707">
        <v>4662777</v>
      </c>
      <c r="P5707">
        <v>1</v>
      </c>
      <c r="Q5707">
        <v>1</v>
      </c>
      <c r="R5707" t="s">
        <v>29430</v>
      </c>
      <c r="S5707">
        <v>604</v>
      </c>
    </row>
    <row r="5708" spans="1:19" x14ac:dyDescent="0.25">
      <c r="A5708">
        <v>50372456</v>
      </c>
      <c r="B5708" t="s">
        <v>29431</v>
      </c>
      <c r="C5708" t="s">
        <v>29432</v>
      </c>
      <c r="E5708">
        <v>1</v>
      </c>
      <c r="F5708">
        <v>0</v>
      </c>
      <c r="H5708" t="s">
        <v>29433</v>
      </c>
      <c r="J5708" t="s">
        <v>29434</v>
      </c>
      <c r="K5708" t="s">
        <v>29434</v>
      </c>
      <c r="M5708">
        <v>5841406</v>
      </c>
      <c r="O5708">
        <v>5092702</v>
      </c>
      <c r="P5708">
        <v>1</v>
      </c>
      <c r="Q5708">
        <v>1</v>
      </c>
      <c r="R5708" t="s">
        <v>29435</v>
      </c>
      <c r="S5708">
        <v>55</v>
      </c>
    </row>
    <row r="5709" spans="1:19" x14ac:dyDescent="0.25">
      <c r="A5709">
        <v>42473084</v>
      </c>
      <c r="B5709" t="s">
        <v>29436</v>
      </c>
      <c r="C5709" s="1" t="s">
        <v>29437</v>
      </c>
      <c r="E5709">
        <v>0</v>
      </c>
      <c r="F5709">
        <v>2</v>
      </c>
      <c r="H5709" t="s">
        <v>29438</v>
      </c>
      <c r="I5709">
        <v>1</v>
      </c>
      <c r="J5709" t="s">
        <v>29438</v>
      </c>
      <c r="O5709">
        <v>6179704</v>
      </c>
      <c r="P5709">
        <v>1</v>
      </c>
      <c r="Q5709">
        <v>0</v>
      </c>
      <c r="R5709" t="s">
        <v>29439</v>
      </c>
      <c r="S5709">
        <v>142</v>
      </c>
    </row>
    <row r="5710" spans="1:19" x14ac:dyDescent="0.25">
      <c r="A5710">
        <v>2876207</v>
      </c>
      <c r="B5710" t="s">
        <v>29440</v>
      </c>
      <c r="C5710" s="1" t="s">
        <v>29441</v>
      </c>
      <c r="E5710">
        <v>1</v>
      </c>
      <c r="F5710">
        <v>5</v>
      </c>
      <c r="H5710" t="s">
        <v>29442</v>
      </c>
      <c r="J5710" t="s">
        <v>29443</v>
      </c>
      <c r="K5710" t="s">
        <v>29444</v>
      </c>
      <c r="M5710">
        <v>221149</v>
      </c>
      <c r="O5710">
        <v>221149</v>
      </c>
      <c r="P5710">
        <v>1</v>
      </c>
      <c r="Q5710">
        <v>1</v>
      </c>
      <c r="R5710" t="s">
        <v>9673</v>
      </c>
      <c r="S5710">
        <v>215</v>
      </c>
    </row>
    <row r="5711" spans="1:19" x14ac:dyDescent="0.25">
      <c r="A5711">
        <v>8905753</v>
      </c>
      <c r="B5711" t="s">
        <v>29445</v>
      </c>
      <c r="C5711" s="1" t="s">
        <v>29446</v>
      </c>
      <c r="D5711">
        <v>8906012</v>
      </c>
      <c r="E5711">
        <v>3</v>
      </c>
      <c r="F5711">
        <v>0</v>
      </c>
      <c r="H5711" t="s">
        <v>29447</v>
      </c>
      <c r="J5711" t="s">
        <v>29448</v>
      </c>
      <c r="K5711" t="s">
        <v>29449</v>
      </c>
      <c r="M5711">
        <v>243694</v>
      </c>
      <c r="O5711">
        <v>164002</v>
      </c>
      <c r="P5711">
        <v>1</v>
      </c>
      <c r="Q5711">
        <v>0</v>
      </c>
      <c r="R5711" t="s">
        <v>29450</v>
      </c>
      <c r="S5711">
        <v>491</v>
      </c>
    </row>
    <row r="5712" spans="1:19" x14ac:dyDescent="0.25">
      <c r="A5712">
        <v>44127951</v>
      </c>
      <c r="B5712" t="s">
        <v>29451</v>
      </c>
      <c r="C5712" s="1" t="s">
        <v>29452</v>
      </c>
      <c r="D5712">
        <v>44128132</v>
      </c>
      <c r="E5712">
        <v>1</v>
      </c>
      <c r="F5712">
        <v>0</v>
      </c>
      <c r="H5712" t="s">
        <v>29453</v>
      </c>
      <c r="J5712" t="s">
        <v>29454</v>
      </c>
      <c r="K5712" t="s">
        <v>29454</v>
      </c>
      <c r="M5712">
        <v>4758444</v>
      </c>
      <c r="O5712">
        <v>4758444</v>
      </c>
      <c r="P5712">
        <v>1</v>
      </c>
      <c r="Q5712">
        <v>0</v>
      </c>
      <c r="R5712" t="s">
        <v>29455</v>
      </c>
      <c r="S5712">
        <v>97</v>
      </c>
    </row>
    <row r="5713" spans="1:19" x14ac:dyDescent="0.25">
      <c r="A5713">
        <v>22923497</v>
      </c>
      <c r="B5713" t="s">
        <v>29456</v>
      </c>
      <c r="C5713" s="1" t="s">
        <v>29457</v>
      </c>
      <c r="E5713">
        <v>0</v>
      </c>
      <c r="F5713">
        <v>5</v>
      </c>
      <c r="H5713" t="s">
        <v>29458</v>
      </c>
      <c r="I5713">
        <v>0</v>
      </c>
      <c r="J5713" t="s">
        <v>29459</v>
      </c>
      <c r="K5713" t="s">
        <v>29459</v>
      </c>
      <c r="M5713">
        <v>351311</v>
      </c>
      <c r="O5713">
        <v>351311</v>
      </c>
      <c r="P5713">
        <v>1</v>
      </c>
      <c r="Q5713">
        <v>0</v>
      </c>
      <c r="R5713" t="s">
        <v>29460</v>
      </c>
      <c r="S5713">
        <v>144</v>
      </c>
    </row>
    <row r="5714" spans="1:19" x14ac:dyDescent="0.25">
      <c r="A5714">
        <v>41143965</v>
      </c>
      <c r="B5714" t="s">
        <v>29461</v>
      </c>
      <c r="C5714" t="s">
        <v>29462</v>
      </c>
      <c r="D5714">
        <v>41143976</v>
      </c>
      <c r="E5714">
        <v>3</v>
      </c>
      <c r="F5714">
        <v>2</v>
      </c>
      <c r="H5714" t="s">
        <v>29463</v>
      </c>
      <c r="J5714" t="s">
        <v>29464</v>
      </c>
      <c r="O5714">
        <v>3959525</v>
      </c>
      <c r="P5714">
        <v>1</v>
      </c>
      <c r="Q5714">
        <v>2</v>
      </c>
      <c r="R5714" t="s">
        <v>855</v>
      </c>
      <c r="S5714">
        <v>39</v>
      </c>
    </row>
    <row r="5715" spans="1:19" x14ac:dyDescent="0.25">
      <c r="A5715">
        <v>43338011</v>
      </c>
      <c r="B5715" t="s">
        <v>29465</v>
      </c>
      <c r="C5715" s="1" t="s">
        <v>29466</v>
      </c>
      <c r="D5715">
        <v>43338215</v>
      </c>
      <c r="E5715">
        <v>1</v>
      </c>
      <c r="F5715">
        <v>1</v>
      </c>
      <c r="H5715" t="s">
        <v>29467</v>
      </c>
      <c r="J5715" t="s">
        <v>29468</v>
      </c>
      <c r="O5715">
        <v>2117774</v>
      </c>
      <c r="P5715">
        <v>1</v>
      </c>
      <c r="Q5715">
        <v>0</v>
      </c>
      <c r="R5715" t="s">
        <v>29469</v>
      </c>
      <c r="S5715">
        <v>49</v>
      </c>
    </row>
    <row r="5716" spans="1:19" x14ac:dyDescent="0.25">
      <c r="A5716">
        <v>38480001</v>
      </c>
      <c r="B5716" t="s">
        <v>29470</v>
      </c>
      <c r="C5716" s="1" t="s">
        <v>29471</v>
      </c>
      <c r="E5716">
        <v>1</v>
      </c>
      <c r="F5716">
        <v>0</v>
      </c>
      <c r="H5716" t="s">
        <v>29472</v>
      </c>
      <c r="J5716" t="s">
        <v>29473</v>
      </c>
      <c r="K5716" t="s">
        <v>29474</v>
      </c>
      <c r="M5716">
        <v>1505504</v>
      </c>
      <c r="O5716">
        <v>6594604</v>
      </c>
      <c r="P5716">
        <v>1</v>
      </c>
      <c r="Q5716">
        <v>0</v>
      </c>
      <c r="R5716" t="s">
        <v>29475</v>
      </c>
      <c r="S5716">
        <v>58</v>
      </c>
    </row>
    <row r="5717" spans="1:19" x14ac:dyDescent="0.25">
      <c r="A5717">
        <v>20665970</v>
      </c>
      <c r="B5717" t="s">
        <v>29476</v>
      </c>
      <c r="C5717" s="1" t="s">
        <v>29477</v>
      </c>
      <c r="D5717">
        <v>20666009</v>
      </c>
      <c r="E5717">
        <v>1</v>
      </c>
      <c r="F5717">
        <v>7</v>
      </c>
      <c r="H5717" t="s">
        <v>29478</v>
      </c>
      <c r="J5717" t="s">
        <v>29479</v>
      </c>
      <c r="O5717">
        <v>1492604</v>
      </c>
      <c r="P5717">
        <v>1</v>
      </c>
      <c r="Q5717">
        <v>-6</v>
      </c>
      <c r="R5717" t="s">
        <v>2494</v>
      </c>
      <c r="S5717">
        <v>48</v>
      </c>
    </row>
    <row r="5718" spans="1:19" x14ac:dyDescent="0.25">
      <c r="A5718">
        <v>4028480</v>
      </c>
      <c r="B5718" t="s">
        <v>29480</v>
      </c>
      <c r="C5718" s="1" t="s">
        <v>29481</v>
      </c>
      <c r="D5718">
        <v>4028725</v>
      </c>
      <c r="E5718">
        <v>5</v>
      </c>
      <c r="F5718">
        <v>2</v>
      </c>
      <c r="H5718" t="s">
        <v>29482</v>
      </c>
      <c r="J5718" t="s">
        <v>29483</v>
      </c>
      <c r="O5718">
        <v>95472</v>
      </c>
      <c r="P5718">
        <v>1</v>
      </c>
      <c r="Q5718">
        <v>1</v>
      </c>
      <c r="R5718" t="s">
        <v>13018</v>
      </c>
      <c r="S5718">
        <v>2043</v>
      </c>
    </row>
    <row r="5719" spans="1:19" x14ac:dyDescent="0.25">
      <c r="A5719">
        <v>26546280</v>
      </c>
      <c r="B5719" t="s">
        <v>29484</v>
      </c>
      <c r="C5719" s="1" t="s">
        <v>29485</v>
      </c>
      <c r="D5719">
        <v>26546354</v>
      </c>
      <c r="E5719">
        <v>1</v>
      </c>
      <c r="F5719">
        <v>0</v>
      </c>
      <c r="H5719" t="s">
        <v>29486</v>
      </c>
      <c r="J5719" t="s">
        <v>29487</v>
      </c>
      <c r="K5719" t="s">
        <v>29487</v>
      </c>
      <c r="M5719">
        <v>13302</v>
      </c>
      <c r="O5719">
        <v>1259536</v>
      </c>
      <c r="P5719">
        <v>1</v>
      </c>
      <c r="Q5719">
        <v>0</v>
      </c>
      <c r="R5719" t="s">
        <v>18058</v>
      </c>
      <c r="S5719">
        <v>1494</v>
      </c>
    </row>
    <row r="5720" spans="1:19" x14ac:dyDescent="0.25">
      <c r="A5720">
        <v>46781430</v>
      </c>
      <c r="B5720" t="s">
        <v>29488</v>
      </c>
      <c r="C5720" s="1" t="s">
        <v>29489</v>
      </c>
      <c r="E5720">
        <v>1</v>
      </c>
      <c r="F5720">
        <v>1</v>
      </c>
      <c r="H5720" t="s">
        <v>29490</v>
      </c>
      <c r="J5720" t="s">
        <v>29491</v>
      </c>
      <c r="K5720" t="s">
        <v>29491</v>
      </c>
      <c r="M5720">
        <v>4425782</v>
      </c>
      <c r="O5720">
        <v>8787451</v>
      </c>
      <c r="P5720">
        <v>1</v>
      </c>
      <c r="Q5720">
        <v>0</v>
      </c>
      <c r="R5720" t="s">
        <v>1754</v>
      </c>
      <c r="S5720">
        <v>65</v>
      </c>
    </row>
    <row r="5721" spans="1:19" x14ac:dyDescent="0.25">
      <c r="A5721">
        <v>6602990</v>
      </c>
      <c r="B5721" t="s">
        <v>29492</v>
      </c>
      <c r="C5721" s="1" t="s">
        <v>29493</v>
      </c>
      <c r="D5721">
        <v>6603025</v>
      </c>
      <c r="E5721">
        <v>2</v>
      </c>
      <c r="F5721">
        <v>0</v>
      </c>
      <c r="H5721" t="s">
        <v>29494</v>
      </c>
      <c r="I5721">
        <v>1</v>
      </c>
      <c r="J5721" t="s">
        <v>29495</v>
      </c>
      <c r="K5721" t="s">
        <v>29496</v>
      </c>
      <c r="L5721" t="s">
        <v>29497</v>
      </c>
      <c r="O5721">
        <v>396265</v>
      </c>
      <c r="P5721">
        <v>1</v>
      </c>
      <c r="Q5721">
        <v>2</v>
      </c>
      <c r="R5721" t="s">
        <v>29498</v>
      </c>
      <c r="S5721">
        <v>1064</v>
      </c>
    </row>
    <row r="5722" spans="1:19" x14ac:dyDescent="0.25">
      <c r="A5722">
        <v>23685112</v>
      </c>
      <c r="B5722" t="s">
        <v>29499</v>
      </c>
      <c r="C5722" s="1" t="s">
        <v>29500</v>
      </c>
      <c r="D5722">
        <v>23997199</v>
      </c>
      <c r="E5722">
        <v>2</v>
      </c>
      <c r="F5722">
        <v>0</v>
      </c>
      <c r="H5722" t="s">
        <v>29501</v>
      </c>
      <c r="J5722" t="s">
        <v>29502</v>
      </c>
      <c r="K5722" t="s">
        <v>29503</v>
      </c>
      <c r="M5722">
        <v>1760329</v>
      </c>
      <c r="O5722">
        <v>1760329</v>
      </c>
      <c r="P5722">
        <v>1</v>
      </c>
      <c r="Q5722">
        <v>5</v>
      </c>
      <c r="R5722" t="s">
        <v>29504</v>
      </c>
      <c r="S5722">
        <v>2064</v>
      </c>
    </row>
    <row r="5723" spans="1:19" x14ac:dyDescent="0.25">
      <c r="A5723">
        <v>3362448</v>
      </c>
      <c r="B5723" t="s">
        <v>29505</v>
      </c>
      <c r="C5723" s="1" t="s">
        <v>29506</v>
      </c>
      <c r="E5723">
        <v>1</v>
      </c>
      <c r="F5723">
        <v>0</v>
      </c>
      <c r="H5723" t="s">
        <v>29507</v>
      </c>
      <c r="J5723" t="s">
        <v>29508</v>
      </c>
      <c r="K5723" t="s">
        <v>29508</v>
      </c>
      <c r="M5723">
        <v>258127</v>
      </c>
      <c r="O5723">
        <v>405665</v>
      </c>
      <c r="P5723">
        <v>1</v>
      </c>
      <c r="Q5723">
        <v>0</v>
      </c>
      <c r="R5723" t="s">
        <v>29509</v>
      </c>
      <c r="S5723">
        <v>700</v>
      </c>
    </row>
    <row r="5724" spans="1:19" x14ac:dyDescent="0.25">
      <c r="A5724">
        <v>29391205</v>
      </c>
      <c r="B5724" t="s">
        <v>29510</v>
      </c>
      <c r="C5724" s="1" t="s">
        <v>29511</v>
      </c>
      <c r="E5724">
        <v>0</v>
      </c>
      <c r="F5724">
        <v>3</v>
      </c>
      <c r="H5724" t="s">
        <v>29512</v>
      </c>
      <c r="J5724" t="s">
        <v>29512</v>
      </c>
      <c r="O5724">
        <v>4733000</v>
      </c>
      <c r="P5724">
        <v>1</v>
      </c>
      <c r="Q5724">
        <v>1</v>
      </c>
      <c r="R5724" t="s">
        <v>29513</v>
      </c>
      <c r="S5724">
        <v>49</v>
      </c>
    </row>
    <row r="5725" spans="1:19" x14ac:dyDescent="0.25">
      <c r="A5725">
        <v>52724480</v>
      </c>
      <c r="B5725" t="s">
        <v>29514</v>
      </c>
      <c r="C5725" s="1" t="s">
        <v>29515</v>
      </c>
      <c r="D5725">
        <v>52785153</v>
      </c>
      <c r="E5725">
        <v>2</v>
      </c>
      <c r="F5725">
        <v>13</v>
      </c>
      <c r="H5725" t="s">
        <v>29516</v>
      </c>
      <c r="I5725">
        <v>1</v>
      </c>
      <c r="J5725" t="s">
        <v>29517</v>
      </c>
      <c r="K5725" t="s">
        <v>29518</v>
      </c>
      <c r="M5725">
        <v>503402</v>
      </c>
      <c r="O5725">
        <v>503402</v>
      </c>
      <c r="P5725">
        <v>1</v>
      </c>
      <c r="Q5725">
        <v>4</v>
      </c>
      <c r="R5725" t="s">
        <v>29519</v>
      </c>
      <c r="S5725">
        <v>292</v>
      </c>
    </row>
    <row r="5726" spans="1:19" x14ac:dyDescent="0.25">
      <c r="A5726">
        <v>6719002</v>
      </c>
      <c r="B5726" t="s">
        <v>29520</v>
      </c>
      <c r="C5726" s="1" t="s">
        <v>29521</v>
      </c>
      <c r="D5726">
        <v>6720287</v>
      </c>
      <c r="E5726">
        <v>1</v>
      </c>
      <c r="F5726">
        <v>0</v>
      </c>
      <c r="H5726" t="s">
        <v>29522</v>
      </c>
      <c r="J5726" t="s">
        <v>29523</v>
      </c>
      <c r="K5726" t="s">
        <v>29523</v>
      </c>
      <c r="M5726">
        <v>6309</v>
      </c>
      <c r="O5726">
        <v>538847</v>
      </c>
      <c r="P5726">
        <v>1</v>
      </c>
      <c r="Q5726">
        <v>2</v>
      </c>
      <c r="R5726" t="s">
        <v>29524</v>
      </c>
      <c r="S5726">
        <v>556</v>
      </c>
    </row>
    <row r="5727" spans="1:19" x14ac:dyDescent="0.25">
      <c r="A5727">
        <v>40238422</v>
      </c>
      <c r="B5727" t="s">
        <v>29525</v>
      </c>
      <c r="C5727" s="1" t="s">
        <v>29526</v>
      </c>
      <c r="D5727">
        <v>40252831</v>
      </c>
      <c r="E5727">
        <v>1</v>
      </c>
      <c r="F5727">
        <v>0</v>
      </c>
      <c r="H5727" t="s">
        <v>29527</v>
      </c>
      <c r="J5727" t="s">
        <v>29528</v>
      </c>
      <c r="O5727">
        <v>3719903</v>
      </c>
      <c r="P5727">
        <v>1</v>
      </c>
      <c r="Q5727">
        <v>0</v>
      </c>
      <c r="R5727" t="s">
        <v>29529</v>
      </c>
      <c r="S5727">
        <v>65</v>
      </c>
    </row>
    <row r="5728" spans="1:19" x14ac:dyDescent="0.25">
      <c r="A5728">
        <v>461901</v>
      </c>
      <c r="B5728" t="s">
        <v>29530</v>
      </c>
      <c r="C5728" s="1" t="s">
        <v>29531</v>
      </c>
      <c r="D5728">
        <v>462013</v>
      </c>
      <c r="E5728">
        <v>5</v>
      </c>
      <c r="F5728">
        <v>1</v>
      </c>
      <c r="H5728" t="s">
        <v>29532</v>
      </c>
      <c r="I5728">
        <v>30</v>
      </c>
      <c r="J5728" t="s">
        <v>29533</v>
      </c>
      <c r="K5728" t="s">
        <v>29534</v>
      </c>
      <c r="L5728" t="s">
        <v>29535</v>
      </c>
      <c r="M5728">
        <v>18893</v>
      </c>
      <c r="N5728" t="s">
        <v>29535</v>
      </c>
      <c r="O5728">
        <v>18893</v>
      </c>
      <c r="P5728">
        <v>1</v>
      </c>
      <c r="Q5728">
        <v>57</v>
      </c>
      <c r="R5728" t="s">
        <v>29536</v>
      </c>
      <c r="S5728">
        <v>55108</v>
      </c>
    </row>
    <row r="5729" spans="1:19" x14ac:dyDescent="0.25">
      <c r="A5729">
        <v>9618027</v>
      </c>
      <c r="B5729" t="s">
        <v>29537</v>
      </c>
      <c r="C5729" t="s">
        <v>29538</v>
      </c>
      <c r="D5729">
        <v>9618129</v>
      </c>
      <c r="E5729">
        <v>4</v>
      </c>
      <c r="F5729">
        <v>2</v>
      </c>
      <c r="H5729" t="s">
        <v>29539</v>
      </c>
      <c r="J5729" t="s">
        <v>29540</v>
      </c>
      <c r="O5729">
        <v>440621</v>
      </c>
      <c r="P5729">
        <v>1</v>
      </c>
      <c r="Q5729">
        <v>3</v>
      </c>
      <c r="R5729" t="s">
        <v>14413</v>
      </c>
      <c r="S5729">
        <v>1382</v>
      </c>
    </row>
    <row r="5730" spans="1:19" x14ac:dyDescent="0.25">
      <c r="A5730">
        <v>11682423</v>
      </c>
      <c r="B5730" t="s">
        <v>29541</v>
      </c>
      <c r="C5730" s="1" t="s">
        <v>29542</v>
      </c>
      <c r="E5730">
        <v>0</v>
      </c>
      <c r="F5730">
        <v>6</v>
      </c>
      <c r="H5730" t="s">
        <v>29543</v>
      </c>
      <c r="J5730" t="s">
        <v>29544</v>
      </c>
      <c r="K5730" t="s">
        <v>29545</v>
      </c>
      <c r="M5730">
        <v>-1</v>
      </c>
      <c r="O5730">
        <v>1212802</v>
      </c>
      <c r="P5730">
        <v>1</v>
      </c>
      <c r="Q5730">
        <v>1</v>
      </c>
      <c r="R5730" t="s">
        <v>29546</v>
      </c>
      <c r="S5730">
        <v>3531</v>
      </c>
    </row>
    <row r="5731" spans="1:19" x14ac:dyDescent="0.25">
      <c r="A5731">
        <v>52845934</v>
      </c>
      <c r="B5731" t="s">
        <v>29547</v>
      </c>
      <c r="C5731" s="1" t="s">
        <v>29548</v>
      </c>
      <c r="E5731">
        <v>2</v>
      </c>
      <c r="F5731">
        <v>2</v>
      </c>
      <c r="H5731" t="s">
        <v>29549</v>
      </c>
      <c r="J5731" t="s">
        <v>29550</v>
      </c>
      <c r="K5731" t="s">
        <v>29551</v>
      </c>
      <c r="M5731">
        <v>2071697</v>
      </c>
      <c r="O5731">
        <v>7532779</v>
      </c>
      <c r="P5731">
        <v>1</v>
      </c>
      <c r="Q5731">
        <v>0</v>
      </c>
      <c r="R5731" t="s">
        <v>29552</v>
      </c>
      <c r="S5731">
        <v>65</v>
      </c>
    </row>
    <row r="5732" spans="1:19" x14ac:dyDescent="0.25">
      <c r="A5732">
        <v>24552595</v>
      </c>
      <c r="B5732" t="s">
        <v>29553</v>
      </c>
      <c r="C5732" s="1" t="s">
        <v>29554</v>
      </c>
      <c r="D5732">
        <v>24567868</v>
      </c>
      <c r="E5732">
        <v>1</v>
      </c>
      <c r="F5732">
        <v>1</v>
      </c>
      <c r="H5732" t="s">
        <v>29555</v>
      </c>
      <c r="J5732" t="s">
        <v>29556</v>
      </c>
      <c r="O5732">
        <v>1931097</v>
      </c>
      <c r="P5732">
        <v>1</v>
      </c>
      <c r="Q5732">
        <v>0</v>
      </c>
      <c r="R5732" t="s">
        <v>29557</v>
      </c>
      <c r="S5732">
        <v>1335</v>
      </c>
    </row>
    <row r="5733" spans="1:19" x14ac:dyDescent="0.25">
      <c r="A5733">
        <v>36345039</v>
      </c>
      <c r="B5733" t="s">
        <v>29558</v>
      </c>
      <c r="C5733" s="1" t="s">
        <v>29559</v>
      </c>
      <c r="D5733">
        <v>36345286</v>
      </c>
      <c r="E5733">
        <v>1</v>
      </c>
      <c r="F5733">
        <v>0</v>
      </c>
      <c r="H5733" t="s">
        <v>29560</v>
      </c>
      <c r="J5733" t="s">
        <v>29561</v>
      </c>
      <c r="O5733">
        <v>1196856</v>
      </c>
      <c r="P5733">
        <v>1</v>
      </c>
      <c r="Q5733">
        <v>0</v>
      </c>
      <c r="R5733" t="s">
        <v>29562</v>
      </c>
      <c r="S5733">
        <v>62</v>
      </c>
    </row>
    <row r="5734" spans="1:19" x14ac:dyDescent="0.25">
      <c r="A5734">
        <v>35742132</v>
      </c>
      <c r="B5734" t="s">
        <v>29563</v>
      </c>
      <c r="C5734" s="1" t="s">
        <v>29564</v>
      </c>
      <c r="D5734">
        <v>35744072</v>
      </c>
      <c r="E5734">
        <v>2</v>
      </c>
      <c r="F5734">
        <v>0</v>
      </c>
      <c r="H5734" t="s">
        <v>29565</v>
      </c>
      <c r="J5734" t="s">
        <v>29566</v>
      </c>
      <c r="N5734" t="s">
        <v>29567</v>
      </c>
      <c r="P5734">
        <v>1</v>
      </c>
      <c r="Q5734">
        <v>2</v>
      </c>
      <c r="R5734" t="s">
        <v>29568</v>
      </c>
      <c r="S5734">
        <v>576</v>
      </c>
    </row>
    <row r="5735" spans="1:19" x14ac:dyDescent="0.25">
      <c r="A5735">
        <v>30039582</v>
      </c>
      <c r="B5735" t="s">
        <v>29569</v>
      </c>
      <c r="C5735" s="1" t="s">
        <v>29570</v>
      </c>
      <c r="E5735">
        <v>0</v>
      </c>
      <c r="F5735">
        <v>2</v>
      </c>
      <c r="H5735" t="s">
        <v>29571</v>
      </c>
      <c r="J5735" t="s">
        <v>29572</v>
      </c>
      <c r="K5735" t="s">
        <v>29572</v>
      </c>
      <c r="M5735">
        <v>1628375</v>
      </c>
      <c r="O5735">
        <v>4851290</v>
      </c>
      <c r="P5735">
        <v>1</v>
      </c>
      <c r="Q5735">
        <v>1</v>
      </c>
      <c r="R5735" t="s">
        <v>29573</v>
      </c>
      <c r="S5735">
        <v>304</v>
      </c>
    </row>
    <row r="5736" spans="1:19" x14ac:dyDescent="0.25">
      <c r="A5736">
        <v>20639712</v>
      </c>
      <c r="B5736" t="s">
        <v>29574</v>
      </c>
      <c r="C5736" s="1" t="s">
        <v>29575</v>
      </c>
      <c r="E5736">
        <v>0</v>
      </c>
      <c r="F5736">
        <v>2</v>
      </c>
      <c r="H5736" t="s">
        <v>29576</v>
      </c>
      <c r="J5736" t="s">
        <v>29576</v>
      </c>
      <c r="O5736">
        <v>72437</v>
      </c>
      <c r="P5736">
        <v>1</v>
      </c>
      <c r="Q5736">
        <v>0</v>
      </c>
      <c r="R5736" t="s">
        <v>2771</v>
      </c>
      <c r="S5736">
        <v>262</v>
      </c>
    </row>
    <row r="5737" spans="1:19" x14ac:dyDescent="0.25">
      <c r="A5737">
        <v>49792017</v>
      </c>
      <c r="B5737" t="s">
        <v>29577</v>
      </c>
      <c r="C5737" s="1" t="s">
        <v>29578</v>
      </c>
      <c r="D5737">
        <v>49792362</v>
      </c>
      <c r="E5737">
        <v>3</v>
      </c>
      <c r="F5737">
        <v>4</v>
      </c>
      <c r="H5737" t="s">
        <v>29579</v>
      </c>
      <c r="J5737" t="s">
        <v>29580</v>
      </c>
      <c r="K5737" t="s">
        <v>29580</v>
      </c>
      <c r="M5737">
        <v>1225882</v>
      </c>
      <c r="O5737">
        <v>5088504</v>
      </c>
      <c r="P5737">
        <v>1</v>
      </c>
      <c r="Q5737">
        <v>1</v>
      </c>
      <c r="R5737" t="s">
        <v>29581</v>
      </c>
      <c r="S5737">
        <v>40</v>
      </c>
    </row>
    <row r="5738" spans="1:19" x14ac:dyDescent="0.25">
      <c r="A5738">
        <v>31197573</v>
      </c>
      <c r="B5738" t="s">
        <v>29582</v>
      </c>
      <c r="C5738" s="1" t="s">
        <v>29583</v>
      </c>
      <c r="D5738">
        <v>31197818</v>
      </c>
      <c r="E5738">
        <v>4</v>
      </c>
      <c r="F5738">
        <v>0</v>
      </c>
      <c r="H5738" t="s">
        <v>29584</v>
      </c>
      <c r="J5738" t="s">
        <v>29585</v>
      </c>
      <c r="K5738" t="s">
        <v>29586</v>
      </c>
      <c r="M5738">
        <v>700467</v>
      </c>
      <c r="O5738">
        <v>700467</v>
      </c>
      <c r="P5738">
        <v>1</v>
      </c>
      <c r="Q5738">
        <v>0</v>
      </c>
      <c r="R5738" t="s">
        <v>11227</v>
      </c>
      <c r="S5738">
        <v>64</v>
      </c>
    </row>
    <row r="5739" spans="1:19" x14ac:dyDescent="0.25">
      <c r="A5739">
        <v>46387227</v>
      </c>
      <c r="B5739" t="s">
        <v>29587</v>
      </c>
      <c r="C5739" s="1" t="s">
        <v>29588</v>
      </c>
      <c r="D5739">
        <v>46387707</v>
      </c>
      <c r="E5739">
        <v>1</v>
      </c>
      <c r="F5739">
        <v>10</v>
      </c>
      <c r="H5739" t="s">
        <v>29589</v>
      </c>
      <c r="J5739" t="s">
        <v>29590</v>
      </c>
      <c r="K5739" t="s">
        <v>29591</v>
      </c>
      <c r="M5739">
        <v>8537327</v>
      </c>
      <c r="O5739">
        <v>8537327</v>
      </c>
      <c r="P5739">
        <v>1</v>
      </c>
      <c r="Q5739">
        <v>0</v>
      </c>
      <c r="R5739" t="s">
        <v>29592</v>
      </c>
      <c r="S5739">
        <v>26</v>
      </c>
    </row>
    <row r="5740" spans="1:19" x14ac:dyDescent="0.25">
      <c r="A5740">
        <v>45683366</v>
      </c>
      <c r="B5740" t="s">
        <v>29593</v>
      </c>
      <c r="C5740" s="1" t="s">
        <v>29594</v>
      </c>
      <c r="D5740">
        <v>45684551</v>
      </c>
      <c r="E5740">
        <v>2</v>
      </c>
      <c r="F5740">
        <v>1</v>
      </c>
      <c r="H5740" t="s">
        <v>29595</v>
      </c>
      <c r="J5740" t="s">
        <v>29596</v>
      </c>
      <c r="O5740">
        <v>4687085</v>
      </c>
      <c r="P5740">
        <v>1</v>
      </c>
      <c r="Q5740">
        <v>1</v>
      </c>
      <c r="R5740" t="s">
        <v>29597</v>
      </c>
      <c r="S5740">
        <v>442</v>
      </c>
    </row>
    <row r="5741" spans="1:19" x14ac:dyDescent="0.25">
      <c r="A5741">
        <v>35603183</v>
      </c>
      <c r="B5741" t="s">
        <v>29598</v>
      </c>
      <c r="C5741" s="1" t="s">
        <v>29599</v>
      </c>
      <c r="D5741">
        <v>35604413</v>
      </c>
      <c r="E5741">
        <v>1</v>
      </c>
      <c r="F5741">
        <v>0</v>
      </c>
      <c r="H5741" t="s">
        <v>29600</v>
      </c>
      <c r="J5741" t="s">
        <v>29601</v>
      </c>
      <c r="O5741">
        <v>2277139</v>
      </c>
      <c r="P5741">
        <v>1</v>
      </c>
      <c r="Q5741">
        <v>0</v>
      </c>
      <c r="R5741" t="s">
        <v>29602</v>
      </c>
      <c r="S5741">
        <v>1438</v>
      </c>
    </row>
    <row r="5742" spans="1:19" x14ac:dyDescent="0.25">
      <c r="A5742">
        <v>44536552</v>
      </c>
      <c r="B5742" t="s">
        <v>29603</v>
      </c>
      <c r="C5742" s="1" t="s">
        <v>29604</v>
      </c>
      <c r="E5742">
        <v>1</v>
      </c>
      <c r="F5742">
        <v>4</v>
      </c>
      <c r="H5742" t="s">
        <v>29605</v>
      </c>
      <c r="J5742" t="s">
        <v>29606</v>
      </c>
      <c r="K5742" t="s">
        <v>29607</v>
      </c>
      <c r="M5742">
        <v>13302</v>
      </c>
      <c r="O5742">
        <v>8056967</v>
      </c>
      <c r="P5742">
        <v>1</v>
      </c>
      <c r="Q5742">
        <v>1</v>
      </c>
      <c r="R5742" t="s">
        <v>29608</v>
      </c>
      <c r="S5742">
        <v>83</v>
      </c>
    </row>
    <row r="5743" spans="1:19" x14ac:dyDescent="0.25">
      <c r="A5743">
        <v>43895687</v>
      </c>
      <c r="B5743" t="s">
        <v>29609</v>
      </c>
      <c r="C5743" s="1" t="s">
        <v>29610</v>
      </c>
      <c r="E5743">
        <v>3</v>
      </c>
      <c r="F5743">
        <v>0</v>
      </c>
      <c r="H5743" t="s">
        <v>29611</v>
      </c>
      <c r="J5743" t="s">
        <v>29612</v>
      </c>
      <c r="O5743">
        <v>5906190</v>
      </c>
      <c r="P5743">
        <v>1</v>
      </c>
      <c r="Q5743">
        <v>0</v>
      </c>
      <c r="R5743" t="s">
        <v>29613</v>
      </c>
      <c r="S5743">
        <v>29</v>
      </c>
    </row>
    <row r="5744" spans="1:19" x14ac:dyDescent="0.25">
      <c r="A5744">
        <v>18759376</v>
      </c>
      <c r="B5744" t="s">
        <v>29614</v>
      </c>
      <c r="C5744" s="1" t="s">
        <v>29615</v>
      </c>
      <c r="E5744">
        <v>2</v>
      </c>
      <c r="F5744">
        <v>0</v>
      </c>
      <c r="H5744" t="s">
        <v>29616</v>
      </c>
      <c r="I5744">
        <v>1</v>
      </c>
      <c r="J5744" t="s">
        <v>29617</v>
      </c>
      <c r="O5744">
        <v>432166</v>
      </c>
      <c r="P5744">
        <v>1</v>
      </c>
      <c r="Q5744">
        <v>2</v>
      </c>
      <c r="R5744" t="s">
        <v>29618</v>
      </c>
      <c r="S5744">
        <v>1649</v>
      </c>
    </row>
    <row r="5745" spans="1:19" x14ac:dyDescent="0.25">
      <c r="A5745">
        <v>53016923</v>
      </c>
      <c r="B5745" t="s">
        <v>29619</v>
      </c>
      <c r="C5745" s="1" t="s">
        <v>29620</v>
      </c>
      <c r="E5745">
        <v>0</v>
      </c>
      <c r="F5745">
        <v>1</v>
      </c>
      <c r="H5745" t="s">
        <v>29621</v>
      </c>
      <c r="J5745" t="s">
        <v>29622</v>
      </c>
      <c r="K5745" t="s">
        <v>29623</v>
      </c>
      <c r="M5745">
        <v>6445864</v>
      </c>
      <c r="O5745">
        <v>6445864</v>
      </c>
      <c r="P5745">
        <v>1</v>
      </c>
      <c r="Q5745">
        <v>1</v>
      </c>
      <c r="R5745" t="s">
        <v>29624</v>
      </c>
      <c r="S5745">
        <v>50</v>
      </c>
    </row>
    <row r="5746" spans="1:19" x14ac:dyDescent="0.25">
      <c r="A5746">
        <v>41145474</v>
      </c>
      <c r="B5746" t="s">
        <v>29625</v>
      </c>
      <c r="C5746" s="1" t="s">
        <v>29626</v>
      </c>
      <c r="D5746">
        <v>41156690</v>
      </c>
      <c r="E5746">
        <v>1</v>
      </c>
      <c r="F5746">
        <v>0</v>
      </c>
      <c r="H5746" t="s">
        <v>29627</v>
      </c>
      <c r="I5746">
        <v>2</v>
      </c>
      <c r="J5746" t="s">
        <v>29628</v>
      </c>
      <c r="O5746">
        <v>1592380</v>
      </c>
      <c r="P5746">
        <v>1</v>
      </c>
      <c r="Q5746">
        <v>1</v>
      </c>
      <c r="R5746" t="s">
        <v>29629</v>
      </c>
      <c r="S5746">
        <v>260</v>
      </c>
    </row>
    <row r="5747" spans="1:19" x14ac:dyDescent="0.25">
      <c r="A5747">
        <v>9529422</v>
      </c>
      <c r="B5747" t="s">
        <v>29630</v>
      </c>
      <c r="C5747" s="1" t="s">
        <v>29631</v>
      </c>
      <c r="D5747">
        <v>9529473</v>
      </c>
      <c r="E5747">
        <v>3</v>
      </c>
      <c r="F5747">
        <v>1</v>
      </c>
      <c r="H5747" t="s">
        <v>29632</v>
      </c>
      <c r="I5747">
        <v>2</v>
      </c>
      <c r="J5747" t="s">
        <v>29633</v>
      </c>
      <c r="K5747" t="s">
        <v>29634</v>
      </c>
      <c r="M5747">
        <v>69809</v>
      </c>
      <c r="O5747">
        <v>1020779</v>
      </c>
      <c r="P5747">
        <v>1</v>
      </c>
      <c r="Q5747">
        <v>17</v>
      </c>
      <c r="R5747" t="s">
        <v>29635</v>
      </c>
      <c r="S5747">
        <v>11799</v>
      </c>
    </row>
    <row r="5748" spans="1:19" x14ac:dyDescent="0.25">
      <c r="A5748">
        <v>35499125</v>
      </c>
      <c r="B5748" t="s">
        <v>29636</v>
      </c>
      <c r="C5748" s="1" t="s">
        <v>29637</v>
      </c>
      <c r="E5748">
        <v>1</v>
      </c>
      <c r="F5748">
        <v>1</v>
      </c>
      <c r="H5748" t="s">
        <v>29638</v>
      </c>
      <c r="J5748" t="s">
        <v>29639</v>
      </c>
      <c r="K5748" t="s">
        <v>29639</v>
      </c>
      <c r="M5748">
        <v>2635612</v>
      </c>
      <c r="O5748">
        <v>2635612</v>
      </c>
      <c r="P5748">
        <v>1</v>
      </c>
      <c r="Q5748">
        <v>0</v>
      </c>
      <c r="R5748" t="s">
        <v>29640</v>
      </c>
      <c r="S5748">
        <v>319</v>
      </c>
    </row>
    <row r="5749" spans="1:19" x14ac:dyDescent="0.25">
      <c r="A5749">
        <v>45528559</v>
      </c>
      <c r="B5749" t="s">
        <v>29641</v>
      </c>
      <c r="C5749" s="1" t="s">
        <v>29642</v>
      </c>
      <c r="D5749">
        <v>45528577</v>
      </c>
      <c r="E5749">
        <v>2</v>
      </c>
      <c r="F5749">
        <v>0</v>
      </c>
      <c r="H5749" t="s">
        <v>29643</v>
      </c>
      <c r="J5749" t="s">
        <v>29644</v>
      </c>
      <c r="K5749" t="s">
        <v>29644</v>
      </c>
      <c r="M5749">
        <v>7301792</v>
      </c>
      <c r="O5749">
        <v>7301792</v>
      </c>
      <c r="P5749">
        <v>1</v>
      </c>
      <c r="Q5749">
        <v>0</v>
      </c>
      <c r="R5749" t="s">
        <v>29645</v>
      </c>
      <c r="S5749">
        <v>944</v>
      </c>
    </row>
    <row r="5750" spans="1:19" x14ac:dyDescent="0.25">
      <c r="A5750">
        <v>24430899</v>
      </c>
      <c r="B5750" t="s">
        <v>29646</v>
      </c>
      <c r="C5750" s="1" t="s">
        <v>29647</v>
      </c>
      <c r="D5750">
        <v>24537521</v>
      </c>
      <c r="E5750">
        <v>2</v>
      </c>
      <c r="F5750">
        <v>0</v>
      </c>
      <c r="H5750" t="s">
        <v>29648</v>
      </c>
      <c r="I5750">
        <v>1</v>
      </c>
      <c r="J5750" t="s">
        <v>29649</v>
      </c>
      <c r="O5750">
        <v>3778893</v>
      </c>
      <c r="P5750">
        <v>1</v>
      </c>
      <c r="Q5750">
        <v>3</v>
      </c>
      <c r="R5750" t="s">
        <v>29650</v>
      </c>
      <c r="S5750">
        <v>161</v>
      </c>
    </row>
    <row r="5751" spans="1:19" x14ac:dyDescent="0.25">
      <c r="A5751">
        <v>7488183</v>
      </c>
      <c r="B5751" t="s">
        <v>29651</v>
      </c>
      <c r="C5751" s="1" t="s">
        <v>29652</v>
      </c>
      <c r="D5751">
        <v>7488696</v>
      </c>
      <c r="E5751">
        <v>1</v>
      </c>
      <c r="F5751">
        <v>0</v>
      </c>
      <c r="H5751" t="s">
        <v>29653</v>
      </c>
      <c r="I5751">
        <v>1</v>
      </c>
      <c r="J5751" t="s">
        <v>29654</v>
      </c>
      <c r="O5751">
        <v>560287</v>
      </c>
      <c r="P5751">
        <v>1</v>
      </c>
      <c r="Q5751">
        <v>1</v>
      </c>
      <c r="R5751" t="s">
        <v>989</v>
      </c>
      <c r="S5751">
        <v>273</v>
      </c>
    </row>
    <row r="5752" spans="1:19" x14ac:dyDescent="0.25">
      <c r="A5752">
        <v>24617607</v>
      </c>
      <c r="B5752" t="s">
        <v>29655</v>
      </c>
      <c r="C5752" s="1" t="s">
        <v>29656</v>
      </c>
      <c r="E5752">
        <v>0</v>
      </c>
      <c r="F5752">
        <v>12</v>
      </c>
      <c r="H5752" t="s">
        <v>29657</v>
      </c>
      <c r="I5752">
        <v>1</v>
      </c>
      <c r="J5752" t="s">
        <v>29657</v>
      </c>
      <c r="O5752">
        <v>1394981</v>
      </c>
      <c r="P5752">
        <v>1</v>
      </c>
      <c r="Q5752">
        <v>0</v>
      </c>
      <c r="R5752" t="s">
        <v>29658</v>
      </c>
      <c r="S5752">
        <v>41</v>
      </c>
    </row>
    <row r="5753" spans="1:19" x14ac:dyDescent="0.25">
      <c r="A5753">
        <v>48586872</v>
      </c>
      <c r="B5753" t="s">
        <v>29659</v>
      </c>
      <c r="C5753" s="1" t="s">
        <v>29660</v>
      </c>
      <c r="D5753">
        <v>48586994</v>
      </c>
      <c r="E5753">
        <v>2</v>
      </c>
      <c r="F5753">
        <v>0</v>
      </c>
      <c r="H5753" t="s">
        <v>29661</v>
      </c>
      <c r="J5753" t="s">
        <v>29662</v>
      </c>
      <c r="K5753" t="s">
        <v>29662</v>
      </c>
      <c r="M5753">
        <v>2649012</v>
      </c>
      <c r="O5753">
        <v>1965914</v>
      </c>
      <c r="P5753">
        <v>1</v>
      </c>
      <c r="Q5753">
        <v>0</v>
      </c>
      <c r="R5753" t="s">
        <v>2754</v>
      </c>
      <c r="S5753">
        <v>40</v>
      </c>
    </row>
    <row r="5754" spans="1:19" x14ac:dyDescent="0.25">
      <c r="A5754">
        <v>43677020</v>
      </c>
      <c r="B5754" t="s">
        <v>29663</v>
      </c>
      <c r="C5754" s="1" t="s">
        <v>29664</v>
      </c>
      <c r="E5754">
        <v>2</v>
      </c>
      <c r="F5754">
        <v>0</v>
      </c>
      <c r="H5754" t="s">
        <v>29665</v>
      </c>
      <c r="J5754" t="s">
        <v>29666</v>
      </c>
      <c r="K5754" t="s">
        <v>29667</v>
      </c>
      <c r="M5754">
        <v>236247</v>
      </c>
      <c r="O5754">
        <v>7825295</v>
      </c>
      <c r="P5754">
        <v>1</v>
      </c>
      <c r="Q5754">
        <v>1</v>
      </c>
      <c r="R5754" t="s">
        <v>29668</v>
      </c>
      <c r="S5754">
        <v>420</v>
      </c>
    </row>
    <row r="5755" spans="1:19" x14ac:dyDescent="0.25">
      <c r="A5755">
        <v>44291321</v>
      </c>
      <c r="B5755" t="s">
        <v>29669</v>
      </c>
      <c r="C5755" s="1" t="s">
        <v>29670</v>
      </c>
      <c r="E5755">
        <v>1</v>
      </c>
      <c r="F5755">
        <v>0</v>
      </c>
      <c r="H5755" t="s">
        <v>29671</v>
      </c>
      <c r="J5755" t="s">
        <v>29672</v>
      </c>
      <c r="O5755">
        <v>1919599</v>
      </c>
      <c r="P5755">
        <v>1</v>
      </c>
      <c r="Q5755">
        <v>1</v>
      </c>
      <c r="R5755" t="s">
        <v>29673</v>
      </c>
      <c r="S5755">
        <v>83</v>
      </c>
    </row>
    <row r="5756" spans="1:19" x14ac:dyDescent="0.25">
      <c r="A5756">
        <v>33014804</v>
      </c>
      <c r="B5756" t="s">
        <v>29674</v>
      </c>
      <c r="C5756" s="1" t="s">
        <v>29675</v>
      </c>
      <c r="E5756">
        <v>2</v>
      </c>
      <c r="F5756">
        <v>3</v>
      </c>
      <c r="H5756" t="s">
        <v>29676</v>
      </c>
      <c r="J5756" t="s">
        <v>29677</v>
      </c>
      <c r="K5756" t="s">
        <v>29677</v>
      </c>
      <c r="M5756">
        <v>877031</v>
      </c>
      <c r="O5756">
        <v>3867625</v>
      </c>
      <c r="P5756">
        <v>1</v>
      </c>
      <c r="Q5756">
        <v>1</v>
      </c>
      <c r="R5756" t="s">
        <v>17799</v>
      </c>
      <c r="S5756">
        <v>63</v>
      </c>
    </row>
    <row r="5757" spans="1:19" x14ac:dyDescent="0.25">
      <c r="A5757">
        <v>9461634</v>
      </c>
      <c r="B5757" t="s">
        <v>29678</v>
      </c>
      <c r="C5757" s="1" t="s">
        <v>29679</v>
      </c>
      <c r="E5757">
        <v>1</v>
      </c>
      <c r="F5757">
        <v>0</v>
      </c>
      <c r="H5757" t="s">
        <v>29680</v>
      </c>
      <c r="J5757" t="s">
        <v>29681</v>
      </c>
      <c r="O5757">
        <v>1235071</v>
      </c>
      <c r="P5757">
        <v>1</v>
      </c>
      <c r="Q5757">
        <v>0</v>
      </c>
      <c r="R5757" t="s">
        <v>1374</v>
      </c>
      <c r="S5757">
        <v>168</v>
      </c>
    </row>
    <row r="5758" spans="1:19" x14ac:dyDescent="0.25">
      <c r="A5758">
        <v>39170313</v>
      </c>
      <c r="B5758" t="s">
        <v>29682</v>
      </c>
      <c r="C5758" s="1" t="s">
        <v>29683</v>
      </c>
      <c r="E5758">
        <v>2</v>
      </c>
      <c r="F5758">
        <v>0</v>
      </c>
      <c r="H5758" t="s">
        <v>29684</v>
      </c>
      <c r="J5758" t="s">
        <v>29685</v>
      </c>
      <c r="O5758">
        <v>5398644</v>
      </c>
      <c r="P5758">
        <v>1</v>
      </c>
      <c r="Q5758">
        <v>1</v>
      </c>
      <c r="R5758" t="s">
        <v>29686</v>
      </c>
      <c r="S5758">
        <v>1571</v>
      </c>
    </row>
    <row r="5759" spans="1:19" x14ac:dyDescent="0.25">
      <c r="A5759">
        <v>41224730</v>
      </c>
      <c r="B5759" t="s">
        <v>29687</v>
      </c>
      <c r="C5759" s="1" t="s">
        <v>29688</v>
      </c>
      <c r="E5759">
        <v>1</v>
      </c>
      <c r="F5759">
        <v>0</v>
      </c>
      <c r="H5759" t="s">
        <v>29689</v>
      </c>
      <c r="J5759" t="s">
        <v>29690</v>
      </c>
      <c r="O5759">
        <v>4540618</v>
      </c>
      <c r="P5759">
        <v>1</v>
      </c>
      <c r="Q5759">
        <v>0</v>
      </c>
      <c r="R5759" t="s">
        <v>29691</v>
      </c>
      <c r="S5759">
        <v>65</v>
      </c>
    </row>
    <row r="5760" spans="1:19" x14ac:dyDescent="0.25">
      <c r="A5760">
        <v>46585062</v>
      </c>
      <c r="B5760" t="s">
        <v>29692</v>
      </c>
      <c r="C5760" s="1" t="s">
        <v>29693</v>
      </c>
      <c r="D5760">
        <v>46600495</v>
      </c>
      <c r="E5760">
        <v>2</v>
      </c>
      <c r="F5760">
        <v>2</v>
      </c>
      <c r="H5760" t="s">
        <v>29694</v>
      </c>
      <c r="J5760" t="s">
        <v>29695</v>
      </c>
      <c r="K5760" t="s">
        <v>29696</v>
      </c>
      <c r="L5760" t="s">
        <v>29697</v>
      </c>
      <c r="N5760" t="s">
        <v>29697</v>
      </c>
      <c r="P5760">
        <v>1</v>
      </c>
      <c r="Q5760">
        <v>0</v>
      </c>
      <c r="R5760" t="s">
        <v>29698</v>
      </c>
      <c r="S5760">
        <v>86</v>
      </c>
    </row>
    <row r="5761" spans="1:19" x14ac:dyDescent="0.25">
      <c r="A5761">
        <v>53509675</v>
      </c>
      <c r="B5761" t="s">
        <v>29699</v>
      </c>
      <c r="C5761" t="s">
        <v>29700</v>
      </c>
      <c r="E5761">
        <v>2</v>
      </c>
      <c r="F5761">
        <v>0</v>
      </c>
      <c r="H5761" t="s">
        <v>29701</v>
      </c>
      <c r="J5761" t="s">
        <v>29702</v>
      </c>
      <c r="O5761">
        <v>5825028</v>
      </c>
      <c r="P5761">
        <v>1</v>
      </c>
      <c r="Q5761">
        <v>0</v>
      </c>
      <c r="R5761" t="s">
        <v>1239</v>
      </c>
      <c r="S5761">
        <v>16</v>
      </c>
    </row>
    <row r="5762" spans="1:19" x14ac:dyDescent="0.25">
      <c r="A5762">
        <v>28931333</v>
      </c>
      <c r="B5762" t="s">
        <v>29703</v>
      </c>
      <c r="C5762" s="1" t="s">
        <v>29704</v>
      </c>
      <c r="E5762">
        <v>1</v>
      </c>
      <c r="F5762">
        <v>2</v>
      </c>
      <c r="H5762" t="s">
        <v>29705</v>
      </c>
      <c r="J5762" t="s">
        <v>29706</v>
      </c>
      <c r="O5762">
        <v>8678</v>
      </c>
      <c r="P5762">
        <v>1</v>
      </c>
      <c r="Q5762">
        <v>-1</v>
      </c>
      <c r="R5762" t="s">
        <v>29707</v>
      </c>
      <c r="S5762">
        <v>63</v>
      </c>
    </row>
    <row r="5763" spans="1:19" x14ac:dyDescent="0.25">
      <c r="A5763">
        <v>7043521</v>
      </c>
      <c r="B5763" t="s">
        <v>29708</v>
      </c>
      <c r="C5763" s="1" t="s">
        <v>29709</v>
      </c>
      <c r="E5763">
        <v>2</v>
      </c>
      <c r="F5763">
        <v>0</v>
      </c>
      <c r="H5763" t="s">
        <v>29710</v>
      </c>
      <c r="J5763" t="s">
        <v>29711</v>
      </c>
      <c r="K5763" t="s">
        <v>29712</v>
      </c>
      <c r="M5763">
        <v>385917</v>
      </c>
      <c r="O5763">
        <v>385917</v>
      </c>
      <c r="P5763">
        <v>1</v>
      </c>
      <c r="Q5763">
        <v>-1</v>
      </c>
      <c r="R5763" t="s">
        <v>4923</v>
      </c>
      <c r="S5763">
        <v>50</v>
      </c>
    </row>
    <row r="5764" spans="1:19" x14ac:dyDescent="0.25">
      <c r="A5764">
        <v>4677083</v>
      </c>
      <c r="B5764" t="s">
        <v>29713</v>
      </c>
      <c r="C5764" s="1" t="s">
        <v>29714</v>
      </c>
      <c r="D5764">
        <v>4688503</v>
      </c>
      <c r="E5764">
        <v>1</v>
      </c>
      <c r="F5764">
        <v>3</v>
      </c>
      <c r="H5764" t="s">
        <v>29715</v>
      </c>
      <c r="I5764">
        <v>5</v>
      </c>
      <c r="J5764" t="s">
        <v>29716</v>
      </c>
      <c r="K5764" t="s">
        <v>29717</v>
      </c>
      <c r="M5764">
        <v>21234</v>
      </c>
      <c r="O5764">
        <v>23667</v>
      </c>
      <c r="P5764">
        <v>1</v>
      </c>
      <c r="Q5764">
        <v>7</v>
      </c>
      <c r="R5764" t="s">
        <v>29718</v>
      </c>
      <c r="S5764">
        <v>10946</v>
      </c>
    </row>
    <row r="5765" spans="1:19" x14ac:dyDescent="0.25">
      <c r="A5765">
        <v>47695230</v>
      </c>
      <c r="B5765" t="s">
        <v>29719</v>
      </c>
      <c r="C5765" s="1" t="s">
        <v>29720</v>
      </c>
      <c r="E5765">
        <v>1</v>
      </c>
      <c r="F5765">
        <v>0</v>
      </c>
      <c r="H5765" t="s">
        <v>29721</v>
      </c>
      <c r="J5765" t="s">
        <v>29722</v>
      </c>
      <c r="O5765">
        <v>7692842</v>
      </c>
      <c r="P5765">
        <v>1</v>
      </c>
      <c r="Q5765">
        <v>0</v>
      </c>
      <c r="R5765" t="s">
        <v>29723</v>
      </c>
      <c r="S5765">
        <v>97</v>
      </c>
    </row>
    <row r="5766" spans="1:19" x14ac:dyDescent="0.25">
      <c r="A5766">
        <v>25921199</v>
      </c>
      <c r="B5766" t="s">
        <v>29724</v>
      </c>
      <c r="C5766" s="1" t="s">
        <v>29725</v>
      </c>
      <c r="E5766">
        <v>2</v>
      </c>
      <c r="F5766">
        <v>5</v>
      </c>
      <c r="H5766" t="s">
        <v>29726</v>
      </c>
      <c r="J5766" t="s">
        <v>29727</v>
      </c>
      <c r="K5766" t="s">
        <v>29728</v>
      </c>
      <c r="M5766">
        <v>608639</v>
      </c>
      <c r="O5766">
        <v>3350710</v>
      </c>
      <c r="P5766">
        <v>1</v>
      </c>
      <c r="Q5766">
        <v>0</v>
      </c>
      <c r="R5766" t="s">
        <v>29729</v>
      </c>
      <c r="S5766">
        <v>583</v>
      </c>
    </row>
    <row r="5767" spans="1:19" x14ac:dyDescent="0.25">
      <c r="A5767">
        <v>38459802</v>
      </c>
      <c r="B5767" t="s">
        <v>29730</v>
      </c>
      <c r="C5767" s="1" t="s">
        <v>29731</v>
      </c>
      <c r="E5767">
        <v>0</v>
      </c>
      <c r="F5767">
        <v>2</v>
      </c>
      <c r="H5767" t="s">
        <v>29732</v>
      </c>
      <c r="J5767" t="s">
        <v>29732</v>
      </c>
      <c r="K5767" t="s">
        <v>29733</v>
      </c>
      <c r="M5767">
        <v>-1</v>
      </c>
      <c r="O5767">
        <v>3663882</v>
      </c>
      <c r="P5767">
        <v>1</v>
      </c>
      <c r="Q5767">
        <v>0</v>
      </c>
      <c r="R5767" t="s">
        <v>29734</v>
      </c>
      <c r="S5767">
        <v>26</v>
      </c>
    </row>
    <row r="5768" spans="1:19" x14ac:dyDescent="0.25">
      <c r="A5768">
        <v>31016308</v>
      </c>
      <c r="B5768" t="s">
        <v>29735</v>
      </c>
      <c r="C5768" s="1" t="s">
        <v>29736</v>
      </c>
      <c r="E5768">
        <v>1</v>
      </c>
      <c r="F5768">
        <v>1</v>
      </c>
      <c r="H5768" t="s">
        <v>29737</v>
      </c>
      <c r="J5768" t="s">
        <v>29738</v>
      </c>
      <c r="O5768">
        <v>113584</v>
      </c>
      <c r="P5768">
        <v>1</v>
      </c>
      <c r="Q5768">
        <v>1</v>
      </c>
      <c r="R5768" t="s">
        <v>29739</v>
      </c>
      <c r="S5768">
        <v>1838</v>
      </c>
    </row>
    <row r="5769" spans="1:19" x14ac:dyDescent="0.25">
      <c r="A5769">
        <v>26872280</v>
      </c>
      <c r="B5769" t="s">
        <v>29740</v>
      </c>
      <c r="C5769" s="1" t="s">
        <v>29741</v>
      </c>
      <c r="E5769">
        <v>0</v>
      </c>
      <c r="F5769">
        <v>9</v>
      </c>
      <c r="H5769" t="s">
        <v>29742</v>
      </c>
      <c r="J5769" t="s">
        <v>29743</v>
      </c>
      <c r="K5769" t="s">
        <v>29743</v>
      </c>
      <c r="M5769">
        <v>1399246</v>
      </c>
      <c r="O5769">
        <v>1399246</v>
      </c>
      <c r="P5769">
        <v>1</v>
      </c>
      <c r="Q5769">
        <v>1</v>
      </c>
      <c r="R5769" t="s">
        <v>29744</v>
      </c>
      <c r="S5769">
        <v>103</v>
      </c>
    </row>
    <row r="5770" spans="1:19" x14ac:dyDescent="0.25">
      <c r="A5770">
        <v>45093316</v>
      </c>
      <c r="B5770" t="s">
        <v>29745</v>
      </c>
      <c r="C5770" s="1" t="s">
        <v>29746</v>
      </c>
      <c r="D5770">
        <v>45093364</v>
      </c>
      <c r="E5770">
        <v>3</v>
      </c>
      <c r="F5770">
        <v>1</v>
      </c>
      <c r="H5770" t="s">
        <v>29747</v>
      </c>
      <c r="I5770">
        <v>0</v>
      </c>
      <c r="J5770" t="s">
        <v>29748</v>
      </c>
      <c r="O5770">
        <v>1066660</v>
      </c>
      <c r="P5770">
        <v>1</v>
      </c>
      <c r="Q5770">
        <v>0</v>
      </c>
      <c r="R5770" t="s">
        <v>29749</v>
      </c>
      <c r="S5770">
        <v>59</v>
      </c>
    </row>
    <row r="5771" spans="1:19" x14ac:dyDescent="0.25">
      <c r="A5771">
        <v>50143545</v>
      </c>
      <c r="B5771" t="s">
        <v>29750</v>
      </c>
      <c r="C5771" s="1" t="s">
        <v>29751</v>
      </c>
      <c r="E5771">
        <v>2</v>
      </c>
      <c r="F5771">
        <v>2</v>
      </c>
      <c r="H5771" t="s">
        <v>29752</v>
      </c>
      <c r="J5771" t="s">
        <v>29753</v>
      </c>
      <c r="O5771">
        <v>7308262</v>
      </c>
      <c r="P5771">
        <v>1</v>
      </c>
      <c r="Q5771">
        <v>0</v>
      </c>
      <c r="R5771" t="s">
        <v>29754</v>
      </c>
      <c r="S5771">
        <v>253</v>
      </c>
    </row>
    <row r="5772" spans="1:19" x14ac:dyDescent="0.25">
      <c r="A5772">
        <v>29020215</v>
      </c>
      <c r="B5772" t="s">
        <v>29755</v>
      </c>
      <c r="C5772" s="1" t="s">
        <v>29756</v>
      </c>
      <c r="D5772">
        <v>29020543</v>
      </c>
      <c r="E5772">
        <v>1</v>
      </c>
      <c r="F5772">
        <v>1</v>
      </c>
      <c r="H5772" t="s">
        <v>29757</v>
      </c>
      <c r="J5772" t="s">
        <v>29758</v>
      </c>
      <c r="O5772">
        <v>587415</v>
      </c>
      <c r="P5772">
        <v>1</v>
      </c>
      <c r="Q5772">
        <v>1</v>
      </c>
      <c r="R5772" t="s">
        <v>29759</v>
      </c>
      <c r="S5772">
        <v>1467</v>
      </c>
    </row>
    <row r="5773" spans="1:19" x14ac:dyDescent="0.25">
      <c r="A5773">
        <v>3692518</v>
      </c>
      <c r="B5773" t="s">
        <v>29760</v>
      </c>
      <c r="C5773" t="s">
        <v>29761</v>
      </c>
      <c r="D5773">
        <v>3692529</v>
      </c>
      <c r="E5773">
        <v>2</v>
      </c>
      <c r="F5773">
        <v>0</v>
      </c>
      <c r="H5773" t="s">
        <v>29762</v>
      </c>
      <c r="J5773" t="s">
        <v>29763</v>
      </c>
      <c r="O5773">
        <v>429664</v>
      </c>
      <c r="P5773">
        <v>1</v>
      </c>
      <c r="Q5773">
        <v>1</v>
      </c>
      <c r="R5773" t="s">
        <v>4205</v>
      </c>
      <c r="S5773">
        <v>196</v>
      </c>
    </row>
    <row r="5774" spans="1:19" x14ac:dyDescent="0.25">
      <c r="A5774">
        <v>53511959</v>
      </c>
      <c r="B5774" t="s">
        <v>29764</v>
      </c>
      <c r="C5774" s="1" t="s">
        <v>29765</v>
      </c>
      <c r="E5774">
        <v>1</v>
      </c>
      <c r="F5774">
        <v>0</v>
      </c>
      <c r="H5774" t="s">
        <v>29766</v>
      </c>
      <c r="J5774" t="s">
        <v>29767</v>
      </c>
      <c r="K5774" t="s">
        <v>29767</v>
      </c>
      <c r="M5774">
        <v>7109869</v>
      </c>
      <c r="O5774">
        <v>3840213</v>
      </c>
      <c r="P5774">
        <v>1</v>
      </c>
      <c r="Q5774">
        <v>0</v>
      </c>
      <c r="R5774" t="s">
        <v>29768</v>
      </c>
      <c r="S5774">
        <v>28</v>
      </c>
    </row>
    <row r="5775" spans="1:19" x14ac:dyDescent="0.25">
      <c r="A5775">
        <v>44265975</v>
      </c>
      <c r="B5775" t="s">
        <v>29769</v>
      </c>
      <c r="C5775" s="1" t="s">
        <v>29770</v>
      </c>
      <c r="D5775">
        <v>44266096</v>
      </c>
      <c r="E5775">
        <v>2</v>
      </c>
      <c r="F5775">
        <v>0</v>
      </c>
      <c r="H5775" t="s">
        <v>29771</v>
      </c>
      <c r="J5775" t="s">
        <v>29772</v>
      </c>
      <c r="K5775" t="s">
        <v>29772</v>
      </c>
      <c r="M5775">
        <v>7051394</v>
      </c>
      <c r="O5775">
        <v>7513134</v>
      </c>
      <c r="P5775">
        <v>1</v>
      </c>
      <c r="Q5775">
        <v>3</v>
      </c>
      <c r="R5775" t="s">
        <v>213</v>
      </c>
      <c r="S5775">
        <v>3711</v>
      </c>
    </row>
    <row r="5776" spans="1:19" x14ac:dyDescent="0.25">
      <c r="A5776">
        <v>9559400</v>
      </c>
      <c r="B5776" t="s">
        <v>29773</v>
      </c>
      <c r="C5776" s="1" t="s">
        <v>29774</v>
      </c>
      <c r="D5776">
        <v>9560278</v>
      </c>
      <c r="E5776">
        <v>1</v>
      </c>
      <c r="F5776">
        <v>6</v>
      </c>
      <c r="H5776" t="s">
        <v>29775</v>
      </c>
      <c r="I5776">
        <v>1</v>
      </c>
      <c r="J5776" t="s">
        <v>29776</v>
      </c>
      <c r="K5776" t="s">
        <v>29777</v>
      </c>
      <c r="M5776">
        <v>42690</v>
      </c>
      <c r="O5776">
        <v>298699</v>
      </c>
      <c r="P5776">
        <v>1</v>
      </c>
      <c r="Q5776">
        <v>6</v>
      </c>
      <c r="R5776" t="s">
        <v>29778</v>
      </c>
      <c r="S5776">
        <v>1964</v>
      </c>
    </row>
    <row r="5777" spans="1:19" x14ac:dyDescent="0.25">
      <c r="A5777">
        <v>29157610</v>
      </c>
      <c r="B5777" t="s">
        <v>29779</v>
      </c>
      <c r="C5777" s="1" t="s">
        <v>29780</v>
      </c>
      <c r="E5777">
        <v>2</v>
      </c>
      <c r="F5777">
        <v>1</v>
      </c>
      <c r="H5777" t="s">
        <v>29781</v>
      </c>
      <c r="J5777" t="s">
        <v>29782</v>
      </c>
      <c r="O5777">
        <v>3322273</v>
      </c>
      <c r="P5777">
        <v>1</v>
      </c>
      <c r="Q5777">
        <v>0</v>
      </c>
      <c r="R5777" t="s">
        <v>29783</v>
      </c>
      <c r="S5777">
        <v>2431</v>
      </c>
    </row>
    <row r="5778" spans="1:19" x14ac:dyDescent="0.25">
      <c r="A5778">
        <v>12708960</v>
      </c>
      <c r="B5778" t="s">
        <v>29784</v>
      </c>
      <c r="C5778" s="1" t="s">
        <v>29785</v>
      </c>
      <c r="D5778">
        <v>14120801</v>
      </c>
      <c r="E5778">
        <v>3</v>
      </c>
      <c r="F5778">
        <v>6</v>
      </c>
      <c r="H5778" t="s">
        <v>29786</v>
      </c>
      <c r="I5778">
        <v>2</v>
      </c>
      <c r="J5778" t="s">
        <v>29787</v>
      </c>
      <c r="K5778" t="s">
        <v>29788</v>
      </c>
      <c r="M5778">
        <v>2548</v>
      </c>
      <c r="O5778">
        <v>1666044</v>
      </c>
      <c r="P5778">
        <v>1</v>
      </c>
      <c r="Q5778">
        <v>3</v>
      </c>
      <c r="R5778" t="s">
        <v>29789</v>
      </c>
      <c r="S5778">
        <v>13080</v>
      </c>
    </row>
    <row r="5779" spans="1:19" x14ac:dyDescent="0.25">
      <c r="A5779">
        <v>13156248</v>
      </c>
      <c r="B5779" t="s">
        <v>29790</v>
      </c>
      <c r="C5779" s="1" t="s">
        <v>29791</v>
      </c>
      <c r="E5779">
        <v>0</v>
      </c>
      <c r="F5779">
        <v>0</v>
      </c>
      <c r="H5779" t="s">
        <v>29792</v>
      </c>
      <c r="J5779" t="s">
        <v>29793</v>
      </c>
      <c r="K5779" t="s">
        <v>29793</v>
      </c>
      <c r="M5779">
        <v>1765298</v>
      </c>
      <c r="O5779">
        <v>1765298</v>
      </c>
      <c r="P5779">
        <v>1</v>
      </c>
      <c r="Q5779">
        <v>1</v>
      </c>
      <c r="R5779" t="s">
        <v>29794</v>
      </c>
      <c r="S5779">
        <v>305</v>
      </c>
    </row>
    <row r="5780" spans="1:19" x14ac:dyDescent="0.25">
      <c r="A5780">
        <v>32550570</v>
      </c>
      <c r="B5780" t="s">
        <v>29795</v>
      </c>
      <c r="C5780" s="1" t="s">
        <v>29796</v>
      </c>
      <c r="E5780">
        <v>0</v>
      </c>
      <c r="F5780">
        <v>0</v>
      </c>
      <c r="H5780" t="s">
        <v>29797</v>
      </c>
      <c r="J5780" t="s">
        <v>29797</v>
      </c>
      <c r="O5780">
        <v>1824064</v>
      </c>
      <c r="P5780">
        <v>1</v>
      </c>
      <c r="Q5780">
        <v>1</v>
      </c>
      <c r="R5780" t="s">
        <v>29798</v>
      </c>
      <c r="S5780">
        <v>115</v>
      </c>
    </row>
    <row r="5781" spans="1:19" x14ac:dyDescent="0.25">
      <c r="A5781">
        <v>50883247</v>
      </c>
      <c r="B5781" t="s">
        <v>29799</v>
      </c>
      <c r="C5781" s="1" t="s">
        <v>29800</v>
      </c>
      <c r="E5781">
        <v>1</v>
      </c>
      <c r="F5781">
        <v>4</v>
      </c>
      <c r="H5781" t="s">
        <v>29801</v>
      </c>
      <c r="I5781">
        <v>1</v>
      </c>
      <c r="J5781" t="s">
        <v>29802</v>
      </c>
      <c r="K5781" t="s">
        <v>29803</v>
      </c>
      <c r="M5781">
        <v>2262354</v>
      </c>
      <c r="O5781">
        <v>2262354</v>
      </c>
      <c r="P5781">
        <v>1</v>
      </c>
      <c r="Q5781">
        <v>0</v>
      </c>
      <c r="R5781" t="s">
        <v>29804</v>
      </c>
      <c r="S5781">
        <v>36</v>
      </c>
    </row>
    <row r="5782" spans="1:19" x14ac:dyDescent="0.25">
      <c r="A5782">
        <v>48869795</v>
      </c>
      <c r="B5782" t="s">
        <v>29805</v>
      </c>
      <c r="C5782" s="1" t="s">
        <v>29806</v>
      </c>
      <c r="E5782">
        <v>2</v>
      </c>
      <c r="F5782">
        <v>0</v>
      </c>
      <c r="H5782" t="s">
        <v>29807</v>
      </c>
      <c r="I5782">
        <v>1</v>
      </c>
      <c r="J5782" t="s">
        <v>29808</v>
      </c>
      <c r="K5782" t="s">
        <v>29809</v>
      </c>
      <c r="M5782">
        <v>4086321</v>
      </c>
      <c r="O5782">
        <v>8634685</v>
      </c>
      <c r="P5782">
        <v>1</v>
      </c>
      <c r="Q5782">
        <v>1</v>
      </c>
      <c r="R5782" t="s">
        <v>29810</v>
      </c>
      <c r="S5782">
        <v>614</v>
      </c>
    </row>
    <row r="5783" spans="1:19" x14ac:dyDescent="0.25">
      <c r="A5783">
        <v>45601121</v>
      </c>
      <c r="B5783" t="s">
        <v>29811</v>
      </c>
      <c r="C5783" s="1" t="s">
        <v>29812</v>
      </c>
      <c r="E5783">
        <v>2</v>
      </c>
      <c r="F5783">
        <v>0</v>
      </c>
      <c r="H5783" t="s">
        <v>29813</v>
      </c>
      <c r="J5783" t="s">
        <v>29814</v>
      </c>
      <c r="O5783">
        <v>6570443</v>
      </c>
      <c r="P5783">
        <v>1</v>
      </c>
      <c r="Q5783">
        <v>1</v>
      </c>
      <c r="R5783" t="s">
        <v>29815</v>
      </c>
      <c r="S5783">
        <v>572</v>
      </c>
    </row>
    <row r="5784" spans="1:19" x14ac:dyDescent="0.25">
      <c r="A5784">
        <v>42757279</v>
      </c>
      <c r="B5784" t="s">
        <v>29816</v>
      </c>
      <c r="C5784" s="1" t="s">
        <v>29817</v>
      </c>
      <c r="D5784">
        <v>42758026</v>
      </c>
      <c r="E5784">
        <v>3</v>
      </c>
      <c r="F5784">
        <v>2</v>
      </c>
      <c r="H5784" t="s">
        <v>29818</v>
      </c>
      <c r="J5784" t="s">
        <v>29819</v>
      </c>
      <c r="K5784" t="s">
        <v>29820</v>
      </c>
      <c r="M5784">
        <v>6633264</v>
      </c>
      <c r="O5784">
        <v>6633264</v>
      </c>
      <c r="P5784">
        <v>1</v>
      </c>
      <c r="Q5784">
        <v>-1</v>
      </c>
      <c r="R5784" t="s">
        <v>29821</v>
      </c>
      <c r="S5784">
        <v>1591</v>
      </c>
    </row>
    <row r="5785" spans="1:19" x14ac:dyDescent="0.25">
      <c r="A5785">
        <v>47485981</v>
      </c>
      <c r="B5785" t="s">
        <v>29822</v>
      </c>
      <c r="C5785" s="1" t="s">
        <v>29823</v>
      </c>
      <c r="E5785">
        <v>1</v>
      </c>
      <c r="F5785">
        <v>0</v>
      </c>
      <c r="H5785" t="s">
        <v>29824</v>
      </c>
      <c r="J5785" t="s">
        <v>29825</v>
      </c>
      <c r="O5785">
        <v>6827269</v>
      </c>
      <c r="P5785">
        <v>1</v>
      </c>
      <c r="Q5785">
        <v>0</v>
      </c>
      <c r="R5785" t="s">
        <v>29826</v>
      </c>
      <c r="S5785">
        <v>127</v>
      </c>
    </row>
    <row r="5786" spans="1:19" x14ac:dyDescent="0.25">
      <c r="A5786">
        <v>31637307</v>
      </c>
      <c r="B5786" t="s">
        <v>29827</v>
      </c>
      <c r="C5786" s="1" t="s">
        <v>29828</v>
      </c>
      <c r="D5786">
        <v>31638251</v>
      </c>
      <c r="E5786">
        <v>2</v>
      </c>
      <c r="F5786">
        <v>1</v>
      </c>
      <c r="H5786" t="s">
        <v>29829</v>
      </c>
      <c r="J5786" t="s">
        <v>29830</v>
      </c>
      <c r="K5786" t="s">
        <v>29831</v>
      </c>
      <c r="M5786">
        <v>1032492</v>
      </c>
      <c r="O5786">
        <v>4416270</v>
      </c>
      <c r="P5786">
        <v>1</v>
      </c>
      <c r="Q5786">
        <v>0</v>
      </c>
      <c r="R5786" t="s">
        <v>11298</v>
      </c>
      <c r="S5786">
        <v>45</v>
      </c>
    </row>
    <row r="5787" spans="1:19" x14ac:dyDescent="0.25">
      <c r="A5787">
        <v>1947156</v>
      </c>
      <c r="B5787" t="s">
        <v>29832</v>
      </c>
      <c r="C5787" s="1" t="s">
        <v>29833</v>
      </c>
      <c r="E5787">
        <v>1</v>
      </c>
      <c r="F5787">
        <v>1</v>
      </c>
      <c r="H5787" t="s">
        <v>29834</v>
      </c>
      <c r="J5787" t="s">
        <v>29835</v>
      </c>
      <c r="O5787">
        <v>212462</v>
      </c>
      <c r="P5787">
        <v>1</v>
      </c>
      <c r="Q5787">
        <v>-1</v>
      </c>
      <c r="R5787" t="s">
        <v>29836</v>
      </c>
      <c r="S5787">
        <v>342</v>
      </c>
    </row>
    <row r="5788" spans="1:19" x14ac:dyDescent="0.25">
      <c r="A5788">
        <v>3781613</v>
      </c>
      <c r="B5788" t="s">
        <v>29837</v>
      </c>
      <c r="C5788" s="1" t="s">
        <v>29838</v>
      </c>
      <c r="E5788">
        <v>1</v>
      </c>
      <c r="F5788">
        <v>4</v>
      </c>
      <c r="H5788" t="s">
        <v>29839</v>
      </c>
      <c r="J5788" t="s">
        <v>29840</v>
      </c>
      <c r="K5788" t="s">
        <v>29841</v>
      </c>
      <c r="M5788">
        <v>54157</v>
      </c>
      <c r="O5788">
        <v>23630</v>
      </c>
      <c r="P5788">
        <v>1</v>
      </c>
      <c r="Q5788">
        <v>5</v>
      </c>
      <c r="R5788" t="s">
        <v>29842</v>
      </c>
      <c r="S5788">
        <v>434</v>
      </c>
    </row>
    <row r="5789" spans="1:19" x14ac:dyDescent="0.25">
      <c r="A5789">
        <v>5914998</v>
      </c>
      <c r="B5789" t="s">
        <v>29843</v>
      </c>
      <c r="C5789" s="1" t="s">
        <v>29844</v>
      </c>
      <c r="D5789">
        <v>5915040</v>
      </c>
      <c r="E5789">
        <v>3</v>
      </c>
      <c r="F5789">
        <v>1</v>
      </c>
      <c r="H5789" t="s">
        <v>29845</v>
      </c>
      <c r="J5789" t="s">
        <v>29846</v>
      </c>
      <c r="K5789" t="s">
        <v>29847</v>
      </c>
      <c r="M5789">
        <v>82682</v>
      </c>
      <c r="O5789">
        <v>281781</v>
      </c>
      <c r="P5789">
        <v>1</v>
      </c>
      <c r="Q5789">
        <v>2</v>
      </c>
      <c r="R5789" t="s">
        <v>29848</v>
      </c>
      <c r="S5789">
        <v>4150</v>
      </c>
    </row>
    <row r="5790" spans="1:19" x14ac:dyDescent="0.25">
      <c r="A5790">
        <v>46061415</v>
      </c>
      <c r="B5790" t="s">
        <v>29849</v>
      </c>
      <c r="C5790" s="1" t="s">
        <v>29850</v>
      </c>
      <c r="E5790">
        <v>2</v>
      </c>
      <c r="F5790">
        <v>18</v>
      </c>
      <c r="H5790" t="s">
        <v>29851</v>
      </c>
      <c r="J5790" t="s">
        <v>29852</v>
      </c>
      <c r="K5790" t="s">
        <v>29853</v>
      </c>
      <c r="M5790">
        <v>5288560</v>
      </c>
      <c r="O5790">
        <v>5288560</v>
      </c>
      <c r="P5790">
        <v>1</v>
      </c>
      <c r="Q5790">
        <v>-1</v>
      </c>
      <c r="R5790" t="s">
        <v>20962</v>
      </c>
      <c r="S5790">
        <v>47</v>
      </c>
    </row>
    <row r="5791" spans="1:19" x14ac:dyDescent="0.25">
      <c r="A5791">
        <v>16474299</v>
      </c>
      <c r="B5791" t="s">
        <v>29854</v>
      </c>
      <c r="C5791" s="1" t="s">
        <v>29855</v>
      </c>
      <c r="E5791">
        <v>2</v>
      </c>
      <c r="F5791">
        <v>0</v>
      </c>
      <c r="H5791" t="s">
        <v>29856</v>
      </c>
      <c r="I5791">
        <v>2</v>
      </c>
      <c r="J5791" t="s">
        <v>29857</v>
      </c>
      <c r="K5791" t="s">
        <v>29858</v>
      </c>
      <c r="M5791">
        <v>2555451</v>
      </c>
      <c r="O5791">
        <v>1725592</v>
      </c>
      <c r="P5791">
        <v>1</v>
      </c>
      <c r="Q5791">
        <v>1</v>
      </c>
      <c r="R5791" t="s">
        <v>408</v>
      </c>
      <c r="S5791">
        <v>1714</v>
      </c>
    </row>
    <row r="5792" spans="1:19" x14ac:dyDescent="0.25">
      <c r="A5792">
        <v>44221682</v>
      </c>
      <c r="B5792" t="s">
        <v>29859</v>
      </c>
      <c r="C5792" s="1" t="s">
        <v>29860</v>
      </c>
      <c r="D5792">
        <v>44221714</v>
      </c>
      <c r="E5792">
        <v>1</v>
      </c>
      <c r="F5792">
        <v>2</v>
      </c>
      <c r="H5792" t="s">
        <v>29861</v>
      </c>
      <c r="J5792" t="s">
        <v>29862</v>
      </c>
      <c r="O5792">
        <v>2192600</v>
      </c>
      <c r="P5792">
        <v>1</v>
      </c>
      <c r="Q5792">
        <v>0</v>
      </c>
      <c r="R5792" t="s">
        <v>748</v>
      </c>
      <c r="S5792">
        <v>108</v>
      </c>
    </row>
    <row r="5793" spans="1:19" x14ac:dyDescent="0.25">
      <c r="A5793">
        <v>39131741</v>
      </c>
      <c r="B5793" t="s">
        <v>29863</v>
      </c>
      <c r="C5793" s="1" t="s">
        <v>29864</v>
      </c>
      <c r="D5793">
        <v>39132744</v>
      </c>
      <c r="E5793">
        <v>1</v>
      </c>
      <c r="F5793">
        <v>1</v>
      </c>
      <c r="H5793" t="s">
        <v>29865</v>
      </c>
      <c r="J5793" t="s">
        <v>29866</v>
      </c>
      <c r="K5793" t="s">
        <v>29866</v>
      </c>
      <c r="M5793">
        <v>6748961</v>
      </c>
      <c r="O5793">
        <v>6748961</v>
      </c>
      <c r="P5793">
        <v>1</v>
      </c>
      <c r="Q5793">
        <v>0</v>
      </c>
      <c r="R5793" t="s">
        <v>29867</v>
      </c>
      <c r="S5793">
        <v>168</v>
      </c>
    </row>
    <row r="5794" spans="1:19" x14ac:dyDescent="0.25">
      <c r="A5794">
        <v>1854827</v>
      </c>
      <c r="B5794" t="s">
        <v>29868</v>
      </c>
      <c r="C5794" s="1" t="s">
        <v>29869</v>
      </c>
      <c r="D5794">
        <v>1854831</v>
      </c>
      <c r="E5794">
        <v>9</v>
      </c>
      <c r="F5794">
        <v>2</v>
      </c>
      <c r="H5794" t="s">
        <v>29870</v>
      </c>
      <c r="J5794" t="s">
        <v>29871</v>
      </c>
      <c r="K5794" t="s">
        <v>29871</v>
      </c>
      <c r="M5794">
        <v>3770004</v>
      </c>
      <c r="O5794">
        <v>225705</v>
      </c>
      <c r="P5794">
        <v>1</v>
      </c>
      <c r="Q5794">
        <v>2</v>
      </c>
      <c r="R5794" t="s">
        <v>29872</v>
      </c>
      <c r="S5794">
        <v>1051</v>
      </c>
    </row>
    <row r="5795" spans="1:19" x14ac:dyDescent="0.25">
      <c r="A5795">
        <v>20740674</v>
      </c>
      <c r="B5795" t="s">
        <v>29873</v>
      </c>
      <c r="C5795" t="s">
        <v>29874</v>
      </c>
      <c r="D5795">
        <v>20741063</v>
      </c>
      <c r="E5795">
        <v>1</v>
      </c>
      <c r="F5795">
        <v>1</v>
      </c>
      <c r="H5795" t="s">
        <v>29875</v>
      </c>
      <c r="J5795" t="s">
        <v>29876</v>
      </c>
      <c r="O5795">
        <v>2392843</v>
      </c>
      <c r="P5795">
        <v>1</v>
      </c>
      <c r="Q5795">
        <v>-2</v>
      </c>
      <c r="R5795" t="s">
        <v>2771</v>
      </c>
      <c r="S5795">
        <v>36</v>
      </c>
    </row>
    <row r="5796" spans="1:19" x14ac:dyDescent="0.25">
      <c r="A5796">
        <v>27628083</v>
      </c>
      <c r="B5796" t="s">
        <v>29877</v>
      </c>
      <c r="C5796" s="1" t="s">
        <v>29878</v>
      </c>
      <c r="D5796">
        <v>27706720</v>
      </c>
      <c r="E5796">
        <v>1</v>
      </c>
      <c r="F5796">
        <v>0</v>
      </c>
      <c r="H5796" t="s">
        <v>29879</v>
      </c>
      <c r="I5796">
        <v>1</v>
      </c>
      <c r="J5796" t="s">
        <v>29880</v>
      </c>
      <c r="K5796" t="s">
        <v>29880</v>
      </c>
      <c r="M5796">
        <v>1149761</v>
      </c>
      <c r="O5796">
        <v>127434</v>
      </c>
      <c r="P5796">
        <v>1</v>
      </c>
      <c r="Q5796">
        <v>1</v>
      </c>
      <c r="R5796" t="s">
        <v>29881</v>
      </c>
      <c r="S5796">
        <v>1483</v>
      </c>
    </row>
    <row r="5797" spans="1:19" x14ac:dyDescent="0.25">
      <c r="A5797">
        <v>45995661</v>
      </c>
      <c r="B5797" t="s">
        <v>29882</v>
      </c>
      <c r="C5797" s="1" t="s">
        <v>29883</v>
      </c>
      <c r="E5797">
        <v>1</v>
      </c>
      <c r="F5797">
        <v>0</v>
      </c>
      <c r="H5797" t="s">
        <v>29884</v>
      </c>
      <c r="J5797" t="s">
        <v>29885</v>
      </c>
      <c r="O5797">
        <v>5702166</v>
      </c>
      <c r="P5797">
        <v>1</v>
      </c>
      <c r="Q5797">
        <v>0</v>
      </c>
      <c r="R5797" t="s">
        <v>29886</v>
      </c>
      <c r="S5797">
        <v>121</v>
      </c>
    </row>
    <row r="5798" spans="1:19" x14ac:dyDescent="0.25">
      <c r="A5798">
        <v>27723821</v>
      </c>
      <c r="B5798" t="s">
        <v>29887</v>
      </c>
      <c r="C5798" s="1" t="s">
        <v>29888</v>
      </c>
      <c r="D5798">
        <v>27724626</v>
      </c>
      <c r="E5798">
        <v>2</v>
      </c>
      <c r="F5798">
        <v>5</v>
      </c>
      <c r="H5798" t="s">
        <v>29889</v>
      </c>
      <c r="I5798">
        <v>1</v>
      </c>
      <c r="J5798" t="s">
        <v>29890</v>
      </c>
      <c r="K5798" t="s">
        <v>29891</v>
      </c>
      <c r="M5798">
        <v>781366</v>
      </c>
      <c r="O5798">
        <v>3178616</v>
      </c>
      <c r="P5798">
        <v>1</v>
      </c>
      <c r="Q5798">
        <v>1</v>
      </c>
      <c r="R5798" t="s">
        <v>29892</v>
      </c>
      <c r="S5798">
        <v>997</v>
      </c>
    </row>
    <row r="5799" spans="1:19" x14ac:dyDescent="0.25">
      <c r="A5799">
        <v>30382516</v>
      </c>
      <c r="B5799" t="s">
        <v>29893</v>
      </c>
      <c r="C5799" s="1" t="s">
        <v>29894</v>
      </c>
      <c r="E5799">
        <v>1</v>
      </c>
      <c r="F5799">
        <v>2</v>
      </c>
      <c r="H5799" t="s">
        <v>29895</v>
      </c>
      <c r="J5799" t="s">
        <v>29896</v>
      </c>
      <c r="K5799" t="s">
        <v>29897</v>
      </c>
      <c r="M5799">
        <v>2217225</v>
      </c>
      <c r="O5799">
        <v>2217225</v>
      </c>
      <c r="P5799">
        <v>1</v>
      </c>
      <c r="Q5799">
        <v>-1</v>
      </c>
      <c r="R5799" t="s">
        <v>29898</v>
      </c>
      <c r="S5799">
        <v>20</v>
      </c>
    </row>
    <row r="5800" spans="1:19" x14ac:dyDescent="0.25">
      <c r="A5800">
        <v>10779940</v>
      </c>
      <c r="B5800" t="s">
        <v>29899</v>
      </c>
      <c r="C5800" s="1" t="s">
        <v>29900</v>
      </c>
      <c r="D5800">
        <v>10780980</v>
      </c>
      <c r="E5800">
        <v>1</v>
      </c>
      <c r="F5800">
        <v>0</v>
      </c>
      <c r="H5800" t="s">
        <v>29901</v>
      </c>
      <c r="I5800">
        <v>1</v>
      </c>
      <c r="J5800" t="s">
        <v>29902</v>
      </c>
      <c r="K5800" t="s">
        <v>29902</v>
      </c>
      <c r="M5800">
        <v>369792</v>
      </c>
      <c r="O5800">
        <v>280602</v>
      </c>
      <c r="P5800">
        <v>1</v>
      </c>
      <c r="Q5800">
        <v>0</v>
      </c>
      <c r="R5800" t="s">
        <v>29903</v>
      </c>
      <c r="S5800">
        <v>839</v>
      </c>
    </row>
    <row r="5801" spans="1:19" x14ac:dyDescent="0.25">
      <c r="A5801">
        <v>42120671</v>
      </c>
      <c r="B5801" t="s">
        <v>29904</v>
      </c>
      <c r="C5801" s="1" t="s">
        <v>29905</v>
      </c>
      <c r="E5801">
        <v>1</v>
      </c>
      <c r="F5801">
        <v>1</v>
      </c>
      <c r="H5801" t="s">
        <v>29906</v>
      </c>
      <c r="J5801" t="s">
        <v>29907</v>
      </c>
      <c r="K5801" t="s">
        <v>29908</v>
      </c>
      <c r="M5801">
        <v>6348498</v>
      </c>
      <c r="O5801">
        <v>7223950</v>
      </c>
      <c r="P5801">
        <v>1</v>
      </c>
      <c r="Q5801">
        <v>0</v>
      </c>
      <c r="R5801" t="s">
        <v>29909</v>
      </c>
      <c r="S5801">
        <v>175</v>
      </c>
    </row>
    <row r="5802" spans="1:19" x14ac:dyDescent="0.25">
      <c r="A5802">
        <v>30522602</v>
      </c>
      <c r="B5802" t="s">
        <v>29910</v>
      </c>
      <c r="C5802" s="1" t="s">
        <v>29911</v>
      </c>
      <c r="D5802">
        <v>30524132</v>
      </c>
      <c r="E5802">
        <v>2</v>
      </c>
      <c r="F5802">
        <v>1</v>
      </c>
      <c r="H5802" t="s">
        <v>29912</v>
      </c>
      <c r="I5802">
        <v>1</v>
      </c>
      <c r="J5802" t="s">
        <v>29913</v>
      </c>
      <c r="K5802" t="s">
        <v>29914</v>
      </c>
      <c r="M5802">
        <v>4490873</v>
      </c>
      <c r="O5802">
        <v>4939357</v>
      </c>
      <c r="P5802">
        <v>1</v>
      </c>
      <c r="Q5802">
        <v>1</v>
      </c>
      <c r="R5802" t="s">
        <v>29915</v>
      </c>
      <c r="S5802">
        <v>116</v>
      </c>
    </row>
    <row r="5803" spans="1:19" x14ac:dyDescent="0.25">
      <c r="A5803">
        <v>45345145</v>
      </c>
      <c r="B5803" t="s">
        <v>29916</v>
      </c>
      <c r="C5803" s="1" t="s">
        <v>29917</v>
      </c>
      <c r="D5803">
        <v>45345239</v>
      </c>
      <c r="E5803">
        <v>2</v>
      </c>
      <c r="F5803">
        <v>0</v>
      </c>
      <c r="H5803" t="s">
        <v>29918</v>
      </c>
      <c r="J5803" t="s">
        <v>29919</v>
      </c>
      <c r="O5803">
        <v>6291713</v>
      </c>
      <c r="P5803">
        <v>1</v>
      </c>
      <c r="Q5803">
        <v>-3</v>
      </c>
      <c r="R5803" t="s">
        <v>29920</v>
      </c>
      <c r="S5803">
        <v>180</v>
      </c>
    </row>
    <row r="5804" spans="1:19" x14ac:dyDescent="0.25">
      <c r="A5804">
        <v>52521762</v>
      </c>
      <c r="B5804" t="s">
        <v>29921</v>
      </c>
      <c r="C5804" s="1" t="s">
        <v>29922</v>
      </c>
      <c r="D5804">
        <v>52525037</v>
      </c>
      <c r="E5804">
        <v>1</v>
      </c>
      <c r="F5804">
        <v>0</v>
      </c>
      <c r="H5804" t="s">
        <v>29923</v>
      </c>
      <c r="J5804" t="s">
        <v>29924</v>
      </c>
      <c r="O5804">
        <v>9167794</v>
      </c>
      <c r="P5804">
        <v>1</v>
      </c>
      <c r="Q5804">
        <v>1</v>
      </c>
      <c r="R5804" t="s">
        <v>29925</v>
      </c>
      <c r="S5804">
        <v>24</v>
      </c>
    </row>
    <row r="5805" spans="1:19" x14ac:dyDescent="0.25">
      <c r="A5805">
        <v>13247231</v>
      </c>
      <c r="B5805" t="s">
        <v>29926</v>
      </c>
      <c r="C5805" s="1" t="s">
        <v>29927</v>
      </c>
      <c r="D5805">
        <v>13247265</v>
      </c>
      <c r="E5805">
        <v>2</v>
      </c>
      <c r="F5805">
        <v>0</v>
      </c>
      <c r="H5805" t="s">
        <v>29928</v>
      </c>
      <c r="I5805">
        <v>1</v>
      </c>
      <c r="J5805" t="s">
        <v>29929</v>
      </c>
      <c r="K5805" t="s">
        <v>29930</v>
      </c>
      <c r="M5805">
        <v>298455</v>
      </c>
      <c r="O5805">
        <v>753521</v>
      </c>
      <c r="P5805">
        <v>1</v>
      </c>
      <c r="Q5805">
        <v>1</v>
      </c>
      <c r="R5805" t="s">
        <v>21986</v>
      </c>
      <c r="S5805">
        <v>189</v>
      </c>
    </row>
    <row r="5806" spans="1:19" x14ac:dyDescent="0.25">
      <c r="A5806">
        <v>34355694</v>
      </c>
      <c r="B5806" t="s">
        <v>29931</v>
      </c>
      <c r="C5806" t="s">
        <v>29932</v>
      </c>
      <c r="E5806">
        <v>3</v>
      </c>
      <c r="F5806">
        <v>0</v>
      </c>
      <c r="H5806" t="s">
        <v>29933</v>
      </c>
      <c r="J5806" t="s">
        <v>29934</v>
      </c>
      <c r="K5806" t="s">
        <v>29935</v>
      </c>
      <c r="M5806">
        <v>3071928</v>
      </c>
      <c r="O5806">
        <v>5053008</v>
      </c>
      <c r="P5806">
        <v>1</v>
      </c>
      <c r="Q5806">
        <v>-1</v>
      </c>
      <c r="R5806" t="s">
        <v>29936</v>
      </c>
      <c r="S5806">
        <v>622</v>
      </c>
    </row>
    <row r="5807" spans="1:19" x14ac:dyDescent="0.25">
      <c r="A5807">
        <v>10170473</v>
      </c>
      <c r="B5807" t="s">
        <v>29937</v>
      </c>
      <c r="C5807" s="1" t="s">
        <v>29938</v>
      </c>
      <c r="E5807">
        <v>1</v>
      </c>
      <c r="F5807">
        <v>0</v>
      </c>
      <c r="H5807" t="s">
        <v>29939</v>
      </c>
      <c r="J5807" t="s">
        <v>29940</v>
      </c>
      <c r="O5807">
        <v>1278358</v>
      </c>
      <c r="P5807">
        <v>1</v>
      </c>
      <c r="Q5807">
        <v>0</v>
      </c>
      <c r="R5807" t="s">
        <v>29941</v>
      </c>
      <c r="S5807">
        <v>115</v>
      </c>
    </row>
    <row r="5808" spans="1:19" x14ac:dyDescent="0.25">
      <c r="A5808">
        <v>41790296</v>
      </c>
      <c r="B5808" t="s">
        <v>29942</v>
      </c>
      <c r="C5808" s="1" t="s">
        <v>29943</v>
      </c>
      <c r="E5808">
        <v>3</v>
      </c>
      <c r="F5808">
        <v>7</v>
      </c>
      <c r="H5808" t="s">
        <v>29944</v>
      </c>
      <c r="J5808" t="s">
        <v>29945</v>
      </c>
      <c r="K5808" t="s">
        <v>29946</v>
      </c>
      <c r="M5808">
        <v>16007</v>
      </c>
      <c r="O5808">
        <v>5921452</v>
      </c>
      <c r="P5808">
        <v>1</v>
      </c>
      <c r="Q5808">
        <v>1</v>
      </c>
      <c r="R5808" t="s">
        <v>29947</v>
      </c>
      <c r="S5808">
        <v>382</v>
      </c>
    </row>
    <row r="5809" spans="1:19" x14ac:dyDescent="0.25">
      <c r="A5809">
        <v>51207569</v>
      </c>
      <c r="B5809" t="s">
        <v>29948</v>
      </c>
      <c r="C5809" s="1" t="s">
        <v>29949</v>
      </c>
      <c r="E5809">
        <v>1</v>
      </c>
      <c r="F5809">
        <v>4</v>
      </c>
      <c r="H5809" t="s">
        <v>29950</v>
      </c>
      <c r="J5809" t="s">
        <v>29951</v>
      </c>
      <c r="K5809" t="s">
        <v>29951</v>
      </c>
      <c r="M5809">
        <v>7349393</v>
      </c>
      <c r="O5809">
        <v>7349393</v>
      </c>
      <c r="P5809">
        <v>1</v>
      </c>
      <c r="Q5809">
        <v>-1</v>
      </c>
      <c r="R5809" t="s">
        <v>29952</v>
      </c>
      <c r="S5809">
        <v>26</v>
      </c>
    </row>
    <row r="5810" spans="1:19" x14ac:dyDescent="0.25">
      <c r="A5810">
        <v>10481103</v>
      </c>
      <c r="B5810" t="s">
        <v>29953</v>
      </c>
      <c r="C5810" s="1" t="s">
        <v>29954</v>
      </c>
      <c r="D5810">
        <v>10481127</v>
      </c>
      <c r="E5810">
        <v>1</v>
      </c>
      <c r="F5810">
        <v>0</v>
      </c>
      <c r="H5810" t="s">
        <v>29955</v>
      </c>
      <c r="J5810" t="s">
        <v>29956</v>
      </c>
      <c r="O5810">
        <v>170085</v>
      </c>
      <c r="P5810">
        <v>1</v>
      </c>
      <c r="Q5810">
        <v>1</v>
      </c>
      <c r="R5810" t="s">
        <v>29957</v>
      </c>
      <c r="S5810">
        <v>88</v>
      </c>
    </row>
    <row r="5811" spans="1:19" x14ac:dyDescent="0.25">
      <c r="A5811">
        <v>22418877</v>
      </c>
      <c r="B5811" t="s">
        <v>29958</v>
      </c>
      <c r="C5811" s="1" t="s">
        <v>29959</v>
      </c>
      <c r="E5811">
        <v>1</v>
      </c>
      <c r="F5811">
        <v>0</v>
      </c>
      <c r="H5811" t="s">
        <v>29960</v>
      </c>
      <c r="J5811" t="s">
        <v>29961</v>
      </c>
      <c r="O5811">
        <v>3422128</v>
      </c>
      <c r="P5811">
        <v>1</v>
      </c>
      <c r="Q5811">
        <v>0</v>
      </c>
      <c r="R5811" t="s">
        <v>29962</v>
      </c>
      <c r="S5811">
        <v>113</v>
      </c>
    </row>
    <row r="5812" spans="1:19" x14ac:dyDescent="0.25">
      <c r="A5812">
        <v>6854320</v>
      </c>
      <c r="B5812" t="s">
        <v>29963</v>
      </c>
      <c r="C5812" t="s">
        <v>29964</v>
      </c>
      <c r="D5812">
        <v>6854341</v>
      </c>
      <c r="E5812">
        <v>1</v>
      </c>
      <c r="F5812">
        <v>0</v>
      </c>
      <c r="H5812" t="s">
        <v>29965</v>
      </c>
      <c r="J5812" t="s">
        <v>29966</v>
      </c>
      <c r="O5812">
        <v>623906</v>
      </c>
      <c r="P5812">
        <v>1</v>
      </c>
      <c r="Q5812">
        <v>0</v>
      </c>
      <c r="R5812" t="s">
        <v>29967</v>
      </c>
      <c r="S5812">
        <v>278</v>
      </c>
    </row>
    <row r="5813" spans="1:19" x14ac:dyDescent="0.25">
      <c r="A5813">
        <v>7535243</v>
      </c>
      <c r="B5813" t="s">
        <v>29968</v>
      </c>
      <c r="C5813" t="s">
        <v>29969</v>
      </c>
      <c r="E5813">
        <v>3</v>
      </c>
      <c r="F5813">
        <v>2</v>
      </c>
      <c r="H5813" t="s">
        <v>29970</v>
      </c>
      <c r="I5813">
        <v>1</v>
      </c>
      <c r="J5813" t="s">
        <v>29971</v>
      </c>
      <c r="K5813" t="s">
        <v>29972</v>
      </c>
      <c r="M5813">
        <v>268273</v>
      </c>
      <c r="O5813">
        <v>845614</v>
      </c>
      <c r="P5813">
        <v>1</v>
      </c>
      <c r="Q5813">
        <v>2</v>
      </c>
      <c r="R5813" t="s">
        <v>29973</v>
      </c>
      <c r="S5813">
        <v>3174</v>
      </c>
    </row>
    <row r="5814" spans="1:19" x14ac:dyDescent="0.25">
      <c r="A5814">
        <v>13881578</v>
      </c>
      <c r="B5814" t="s">
        <v>29974</v>
      </c>
      <c r="C5814" s="1" t="s">
        <v>29975</v>
      </c>
      <c r="D5814">
        <v>13881702</v>
      </c>
      <c r="E5814">
        <v>3</v>
      </c>
      <c r="F5814">
        <v>2</v>
      </c>
      <c r="H5814" t="s">
        <v>29976</v>
      </c>
      <c r="J5814" t="s">
        <v>29977</v>
      </c>
      <c r="K5814" t="s">
        <v>29978</v>
      </c>
      <c r="M5814">
        <v>1180720</v>
      </c>
      <c r="O5814">
        <v>1863555</v>
      </c>
      <c r="P5814">
        <v>1</v>
      </c>
      <c r="Q5814">
        <v>0</v>
      </c>
      <c r="R5814" t="s">
        <v>13018</v>
      </c>
      <c r="S5814">
        <v>206</v>
      </c>
    </row>
    <row r="5815" spans="1:19" x14ac:dyDescent="0.25">
      <c r="A5815">
        <v>29824159</v>
      </c>
      <c r="B5815" t="s">
        <v>29979</v>
      </c>
      <c r="C5815" s="1" t="s">
        <v>29980</v>
      </c>
      <c r="D5815">
        <v>29827038</v>
      </c>
      <c r="E5815">
        <v>2</v>
      </c>
      <c r="F5815">
        <v>6</v>
      </c>
      <c r="H5815" t="s">
        <v>29981</v>
      </c>
      <c r="J5815" t="s">
        <v>29982</v>
      </c>
      <c r="K5815" t="s">
        <v>29983</v>
      </c>
      <c r="M5815">
        <v>-1</v>
      </c>
      <c r="O5815">
        <v>742084</v>
      </c>
      <c r="P5815">
        <v>1</v>
      </c>
      <c r="Q5815">
        <v>0</v>
      </c>
      <c r="R5815" t="s">
        <v>29984</v>
      </c>
      <c r="S5815">
        <v>679</v>
      </c>
    </row>
    <row r="5816" spans="1:19" x14ac:dyDescent="0.25">
      <c r="A5816">
        <v>39487910</v>
      </c>
      <c r="B5816" t="s">
        <v>29985</v>
      </c>
      <c r="C5816" s="1" t="s">
        <v>29986</v>
      </c>
      <c r="E5816">
        <v>1</v>
      </c>
      <c r="F5816">
        <v>0</v>
      </c>
      <c r="H5816" t="s">
        <v>29987</v>
      </c>
      <c r="J5816" t="s">
        <v>29988</v>
      </c>
      <c r="O5816">
        <v>6407438</v>
      </c>
      <c r="P5816">
        <v>1</v>
      </c>
      <c r="Q5816">
        <v>0</v>
      </c>
      <c r="R5816" t="s">
        <v>29989</v>
      </c>
      <c r="S5816">
        <v>218</v>
      </c>
    </row>
    <row r="5817" spans="1:19" x14ac:dyDescent="0.25">
      <c r="A5817">
        <v>22786838</v>
      </c>
      <c r="B5817" t="s">
        <v>29990</v>
      </c>
      <c r="C5817" t="s">
        <v>29991</v>
      </c>
      <c r="D5817">
        <v>22787624</v>
      </c>
      <c r="E5817">
        <v>3</v>
      </c>
      <c r="F5817">
        <v>7</v>
      </c>
      <c r="H5817" t="s">
        <v>29992</v>
      </c>
      <c r="J5817" t="s">
        <v>29993</v>
      </c>
      <c r="O5817">
        <v>2515601</v>
      </c>
      <c r="P5817">
        <v>1</v>
      </c>
      <c r="Q5817">
        <v>0</v>
      </c>
      <c r="R5817" t="s">
        <v>989</v>
      </c>
      <c r="S5817">
        <v>129</v>
      </c>
    </row>
    <row r="5818" spans="1:19" x14ac:dyDescent="0.25">
      <c r="A5818">
        <v>18720491</v>
      </c>
      <c r="B5818" t="s">
        <v>29994</v>
      </c>
      <c r="C5818" s="1" t="s">
        <v>29995</v>
      </c>
      <c r="E5818">
        <v>1</v>
      </c>
      <c r="F5818">
        <v>0</v>
      </c>
      <c r="H5818" t="s">
        <v>29996</v>
      </c>
      <c r="I5818">
        <v>2</v>
      </c>
      <c r="J5818" t="s">
        <v>29997</v>
      </c>
      <c r="O5818">
        <v>501827</v>
      </c>
      <c r="P5818">
        <v>1</v>
      </c>
      <c r="Q5818">
        <v>1</v>
      </c>
      <c r="R5818" t="s">
        <v>29998</v>
      </c>
      <c r="S5818">
        <v>2402</v>
      </c>
    </row>
    <row r="5819" spans="1:19" x14ac:dyDescent="0.25">
      <c r="A5819">
        <v>30505803</v>
      </c>
      <c r="B5819" t="s">
        <v>29999</v>
      </c>
      <c r="C5819" s="1" t="s">
        <v>30000</v>
      </c>
      <c r="D5819">
        <v>30507420</v>
      </c>
      <c r="E5819">
        <v>1</v>
      </c>
      <c r="F5819">
        <v>7</v>
      </c>
      <c r="H5819" t="s">
        <v>30001</v>
      </c>
      <c r="I5819">
        <v>1</v>
      </c>
      <c r="J5819" t="s">
        <v>30002</v>
      </c>
      <c r="K5819" t="s">
        <v>30003</v>
      </c>
      <c r="M5819">
        <v>1639625</v>
      </c>
      <c r="O5819">
        <v>3273016</v>
      </c>
      <c r="P5819">
        <v>1</v>
      </c>
      <c r="Q5819">
        <v>2</v>
      </c>
      <c r="R5819" t="s">
        <v>6817</v>
      </c>
      <c r="S5819">
        <v>56</v>
      </c>
    </row>
    <row r="5820" spans="1:19" x14ac:dyDescent="0.25">
      <c r="A5820">
        <v>53010122</v>
      </c>
      <c r="B5820" t="s">
        <v>30004</v>
      </c>
      <c r="C5820" s="1" t="s">
        <v>30005</v>
      </c>
      <c r="E5820">
        <v>1</v>
      </c>
      <c r="F5820">
        <v>0</v>
      </c>
      <c r="H5820" t="s">
        <v>30006</v>
      </c>
      <c r="J5820" t="s">
        <v>30007</v>
      </c>
      <c r="O5820">
        <v>1420288</v>
      </c>
      <c r="P5820">
        <v>1</v>
      </c>
      <c r="Q5820">
        <v>1</v>
      </c>
      <c r="R5820" t="s">
        <v>30008</v>
      </c>
      <c r="S5820">
        <v>21</v>
      </c>
    </row>
    <row r="5821" spans="1:19" x14ac:dyDescent="0.25">
      <c r="A5821">
        <v>34862658</v>
      </c>
      <c r="B5821" t="s">
        <v>30009</v>
      </c>
      <c r="C5821" s="1" t="s">
        <v>30010</v>
      </c>
      <c r="D5821">
        <v>34862755</v>
      </c>
      <c r="E5821">
        <v>2</v>
      </c>
      <c r="F5821">
        <v>3</v>
      </c>
      <c r="H5821" t="s">
        <v>30011</v>
      </c>
      <c r="J5821" t="s">
        <v>30012</v>
      </c>
      <c r="O5821">
        <v>5665487</v>
      </c>
      <c r="P5821">
        <v>1</v>
      </c>
      <c r="Q5821">
        <v>0</v>
      </c>
      <c r="R5821" t="s">
        <v>30013</v>
      </c>
      <c r="S5821">
        <v>39</v>
      </c>
    </row>
    <row r="5822" spans="1:19" x14ac:dyDescent="0.25">
      <c r="A5822">
        <v>20036255</v>
      </c>
      <c r="B5822" t="s">
        <v>30014</v>
      </c>
      <c r="C5822" s="1" t="s">
        <v>30015</v>
      </c>
      <c r="D5822">
        <v>20036268</v>
      </c>
      <c r="E5822">
        <v>1</v>
      </c>
      <c r="F5822">
        <v>0</v>
      </c>
      <c r="H5822" t="s">
        <v>30016</v>
      </c>
      <c r="I5822">
        <v>3</v>
      </c>
      <c r="J5822" t="s">
        <v>30017</v>
      </c>
      <c r="K5822" t="s">
        <v>30017</v>
      </c>
      <c r="M5822">
        <v>680068</v>
      </c>
      <c r="O5822">
        <v>2191236</v>
      </c>
      <c r="P5822">
        <v>1</v>
      </c>
      <c r="Q5822">
        <v>8</v>
      </c>
      <c r="R5822" t="s">
        <v>30018</v>
      </c>
      <c r="S5822">
        <v>1052</v>
      </c>
    </row>
    <row r="5823" spans="1:19" x14ac:dyDescent="0.25">
      <c r="A5823">
        <v>21260732</v>
      </c>
      <c r="B5823" t="s">
        <v>30019</v>
      </c>
      <c r="C5823" s="1" t="s">
        <v>30020</v>
      </c>
      <c r="D5823">
        <v>21276527</v>
      </c>
      <c r="E5823">
        <v>1</v>
      </c>
      <c r="F5823">
        <v>0</v>
      </c>
      <c r="H5823" t="s">
        <v>30021</v>
      </c>
      <c r="J5823" t="s">
        <v>30022</v>
      </c>
      <c r="O5823">
        <v>3070853</v>
      </c>
      <c r="P5823">
        <v>1</v>
      </c>
      <c r="Q5823">
        <v>0</v>
      </c>
      <c r="R5823" t="s">
        <v>30023</v>
      </c>
      <c r="S5823">
        <v>1352</v>
      </c>
    </row>
    <row r="5824" spans="1:19" x14ac:dyDescent="0.25">
      <c r="A5824">
        <v>29625753</v>
      </c>
      <c r="B5824" t="s">
        <v>30024</v>
      </c>
      <c r="C5824" s="1" t="s">
        <v>30025</v>
      </c>
      <c r="D5824">
        <v>29625786</v>
      </c>
      <c r="E5824">
        <v>3</v>
      </c>
      <c r="F5824">
        <v>2</v>
      </c>
      <c r="H5824" t="s">
        <v>30026</v>
      </c>
      <c r="J5824" t="s">
        <v>30027</v>
      </c>
      <c r="O5824">
        <v>1239834</v>
      </c>
      <c r="P5824">
        <v>1</v>
      </c>
      <c r="Q5824">
        <v>2</v>
      </c>
      <c r="R5824" t="s">
        <v>855</v>
      </c>
      <c r="S5824">
        <v>185</v>
      </c>
    </row>
    <row r="5825" spans="1:19" x14ac:dyDescent="0.25">
      <c r="A5825">
        <v>46628158</v>
      </c>
      <c r="B5825" t="s">
        <v>30028</v>
      </c>
      <c r="C5825" s="1" t="s">
        <v>30029</v>
      </c>
      <c r="E5825">
        <v>0</v>
      </c>
      <c r="F5825">
        <v>4</v>
      </c>
      <c r="H5825" t="s">
        <v>30030</v>
      </c>
      <c r="J5825" t="s">
        <v>30031</v>
      </c>
      <c r="K5825" t="s">
        <v>30031</v>
      </c>
      <c r="M5825">
        <v>2649012</v>
      </c>
      <c r="O5825">
        <v>5222859</v>
      </c>
      <c r="P5825">
        <v>1</v>
      </c>
      <c r="Q5825">
        <v>0</v>
      </c>
      <c r="R5825" t="s">
        <v>30032</v>
      </c>
      <c r="S5825">
        <v>223</v>
      </c>
    </row>
    <row r="5826" spans="1:19" x14ac:dyDescent="0.25">
      <c r="A5826">
        <v>42870367</v>
      </c>
      <c r="B5826" t="s">
        <v>30033</v>
      </c>
      <c r="C5826" s="1" t="s">
        <v>30034</v>
      </c>
      <c r="E5826">
        <v>0</v>
      </c>
      <c r="F5826">
        <v>3</v>
      </c>
      <c r="H5826" t="s">
        <v>30035</v>
      </c>
      <c r="J5826" t="s">
        <v>30035</v>
      </c>
      <c r="O5826">
        <v>3909535</v>
      </c>
      <c r="P5826">
        <v>1</v>
      </c>
      <c r="Q5826">
        <v>0</v>
      </c>
      <c r="R5826" t="s">
        <v>30036</v>
      </c>
      <c r="S5826">
        <v>268</v>
      </c>
    </row>
    <row r="5827" spans="1:19" x14ac:dyDescent="0.25">
      <c r="A5827">
        <v>20634469</v>
      </c>
      <c r="B5827" t="s">
        <v>30037</v>
      </c>
      <c r="C5827" s="1" t="s">
        <v>30038</v>
      </c>
      <c r="E5827">
        <v>0</v>
      </c>
      <c r="F5827">
        <v>2</v>
      </c>
      <c r="H5827" t="s">
        <v>30039</v>
      </c>
      <c r="I5827">
        <v>0</v>
      </c>
      <c r="J5827" t="s">
        <v>30039</v>
      </c>
      <c r="O5827">
        <v>3065506</v>
      </c>
      <c r="P5827">
        <v>1</v>
      </c>
      <c r="Q5827">
        <v>0</v>
      </c>
      <c r="R5827" t="s">
        <v>30040</v>
      </c>
      <c r="S5827">
        <v>168</v>
      </c>
    </row>
    <row r="5828" spans="1:19" x14ac:dyDescent="0.25">
      <c r="A5828">
        <v>36302367</v>
      </c>
      <c r="B5828" t="s">
        <v>30041</v>
      </c>
      <c r="C5828" s="1" t="s">
        <v>30042</v>
      </c>
      <c r="D5828">
        <v>36302897</v>
      </c>
      <c r="E5828">
        <v>2</v>
      </c>
      <c r="F5828">
        <v>2</v>
      </c>
      <c r="H5828" t="s">
        <v>30043</v>
      </c>
      <c r="J5828" t="s">
        <v>30044</v>
      </c>
      <c r="K5828" t="s">
        <v>30044</v>
      </c>
      <c r="M5828">
        <v>468724</v>
      </c>
      <c r="O5828">
        <v>6112570</v>
      </c>
      <c r="P5828">
        <v>1</v>
      </c>
      <c r="Q5828">
        <v>0</v>
      </c>
      <c r="R5828" t="s">
        <v>30045</v>
      </c>
      <c r="S5828">
        <v>1474</v>
      </c>
    </row>
    <row r="5829" spans="1:19" x14ac:dyDescent="0.25">
      <c r="A5829">
        <v>24722634</v>
      </c>
      <c r="B5829" t="s">
        <v>30046</v>
      </c>
      <c r="C5829" s="1" t="s">
        <v>30047</v>
      </c>
      <c r="D5829">
        <v>24723237</v>
      </c>
      <c r="E5829">
        <v>1</v>
      </c>
      <c r="F5829">
        <v>0</v>
      </c>
      <c r="H5829" t="s">
        <v>30048</v>
      </c>
      <c r="J5829" t="s">
        <v>30049</v>
      </c>
      <c r="K5829" t="s">
        <v>30050</v>
      </c>
      <c r="M5829">
        <v>1472812</v>
      </c>
      <c r="O5829">
        <v>1472812</v>
      </c>
      <c r="P5829">
        <v>1</v>
      </c>
      <c r="Q5829">
        <v>0</v>
      </c>
      <c r="R5829" t="s">
        <v>30051</v>
      </c>
      <c r="S5829">
        <v>1187</v>
      </c>
    </row>
    <row r="5830" spans="1:19" x14ac:dyDescent="0.25">
      <c r="A5830">
        <v>21940623</v>
      </c>
      <c r="B5830" t="s">
        <v>30052</v>
      </c>
      <c r="C5830" s="1" t="s">
        <v>30053</v>
      </c>
      <c r="D5830">
        <v>21940767</v>
      </c>
      <c r="E5830">
        <v>1</v>
      </c>
      <c r="F5830">
        <v>1</v>
      </c>
      <c r="H5830" t="s">
        <v>30054</v>
      </c>
      <c r="J5830" t="s">
        <v>30055</v>
      </c>
      <c r="K5830" t="s">
        <v>30055</v>
      </c>
      <c r="M5830">
        <v>3338192</v>
      </c>
      <c r="O5830">
        <v>3338192</v>
      </c>
      <c r="P5830">
        <v>1</v>
      </c>
      <c r="Q5830">
        <v>1</v>
      </c>
      <c r="R5830" t="s">
        <v>30056</v>
      </c>
      <c r="S5830">
        <v>420</v>
      </c>
    </row>
    <row r="5831" spans="1:19" x14ac:dyDescent="0.25">
      <c r="A5831">
        <v>40925402</v>
      </c>
      <c r="B5831" t="s">
        <v>30057</v>
      </c>
      <c r="C5831" s="1" t="s">
        <v>30058</v>
      </c>
      <c r="D5831">
        <v>40925871</v>
      </c>
      <c r="E5831">
        <v>1</v>
      </c>
      <c r="F5831">
        <v>0</v>
      </c>
      <c r="H5831" t="s">
        <v>30059</v>
      </c>
      <c r="J5831" t="s">
        <v>30060</v>
      </c>
      <c r="O5831">
        <v>5412073</v>
      </c>
      <c r="P5831">
        <v>1</v>
      </c>
      <c r="Q5831">
        <v>0</v>
      </c>
      <c r="R5831" t="s">
        <v>30061</v>
      </c>
      <c r="S5831">
        <v>256</v>
      </c>
    </row>
    <row r="5832" spans="1:19" x14ac:dyDescent="0.25">
      <c r="A5832">
        <v>37694852</v>
      </c>
      <c r="B5832" t="s">
        <v>30062</v>
      </c>
      <c r="C5832" s="1" t="s">
        <v>30063</v>
      </c>
      <c r="E5832">
        <v>4</v>
      </c>
      <c r="F5832">
        <v>0</v>
      </c>
      <c r="H5832" t="s">
        <v>30064</v>
      </c>
      <c r="J5832" t="s">
        <v>30065</v>
      </c>
      <c r="K5832" t="s">
        <v>30066</v>
      </c>
      <c r="M5832">
        <v>4419834</v>
      </c>
      <c r="O5832">
        <v>6396723</v>
      </c>
      <c r="P5832">
        <v>1</v>
      </c>
      <c r="Q5832">
        <v>0</v>
      </c>
      <c r="R5832" t="s">
        <v>819</v>
      </c>
      <c r="S5832">
        <v>41</v>
      </c>
    </row>
    <row r="5833" spans="1:19" x14ac:dyDescent="0.25">
      <c r="A5833">
        <v>48916928</v>
      </c>
      <c r="B5833" t="s">
        <v>30067</v>
      </c>
      <c r="C5833" s="1" t="s">
        <v>30068</v>
      </c>
      <c r="D5833">
        <v>52171336</v>
      </c>
      <c r="E5833">
        <v>1</v>
      </c>
      <c r="F5833">
        <v>2</v>
      </c>
      <c r="H5833" t="s">
        <v>30069</v>
      </c>
      <c r="J5833" t="s">
        <v>30070</v>
      </c>
      <c r="O5833">
        <v>683340</v>
      </c>
      <c r="P5833">
        <v>1</v>
      </c>
      <c r="Q5833">
        <v>1</v>
      </c>
      <c r="R5833" t="s">
        <v>30071</v>
      </c>
      <c r="S5833">
        <v>413</v>
      </c>
    </row>
    <row r="5834" spans="1:19" x14ac:dyDescent="0.25">
      <c r="A5834">
        <v>42643701</v>
      </c>
      <c r="B5834" t="s">
        <v>30072</v>
      </c>
      <c r="C5834" s="1" t="s">
        <v>30073</v>
      </c>
      <c r="D5834">
        <v>42644095</v>
      </c>
      <c r="E5834">
        <v>1</v>
      </c>
      <c r="F5834">
        <v>13</v>
      </c>
      <c r="H5834" t="s">
        <v>30074</v>
      </c>
      <c r="J5834" t="s">
        <v>30075</v>
      </c>
      <c r="K5834" t="s">
        <v>30076</v>
      </c>
      <c r="M5834">
        <v>4628637</v>
      </c>
      <c r="O5834">
        <v>7671117</v>
      </c>
      <c r="P5834">
        <v>1</v>
      </c>
      <c r="Q5834">
        <v>0</v>
      </c>
      <c r="R5834" t="s">
        <v>1466</v>
      </c>
      <c r="S5834">
        <v>67</v>
      </c>
    </row>
    <row r="5835" spans="1:19" x14ac:dyDescent="0.25">
      <c r="A5835">
        <v>5414496</v>
      </c>
      <c r="B5835" t="s">
        <v>30077</v>
      </c>
      <c r="C5835" s="1" t="s">
        <v>30078</v>
      </c>
      <c r="D5835">
        <v>5419887</v>
      </c>
      <c r="E5835">
        <v>3</v>
      </c>
      <c r="F5835">
        <v>1</v>
      </c>
      <c r="H5835" t="s">
        <v>30079</v>
      </c>
      <c r="I5835">
        <v>21</v>
      </c>
      <c r="J5835" t="s">
        <v>30080</v>
      </c>
      <c r="K5835" t="s">
        <v>30080</v>
      </c>
      <c r="M5835">
        <v>-1</v>
      </c>
      <c r="O5835">
        <v>674253</v>
      </c>
      <c r="P5835">
        <v>1</v>
      </c>
      <c r="Q5835">
        <v>27</v>
      </c>
      <c r="R5835" t="s">
        <v>30081</v>
      </c>
      <c r="S5835">
        <v>6278</v>
      </c>
    </row>
    <row r="5836" spans="1:19" x14ac:dyDescent="0.25">
      <c r="A5836">
        <v>45205529</v>
      </c>
      <c r="B5836" t="s">
        <v>30082</v>
      </c>
      <c r="C5836" s="1" t="s">
        <v>30083</v>
      </c>
      <c r="D5836">
        <v>45206463</v>
      </c>
      <c r="E5836">
        <v>1</v>
      </c>
      <c r="F5836">
        <v>7</v>
      </c>
      <c r="H5836" t="s">
        <v>30084</v>
      </c>
      <c r="J5836" t="s">
        <v>30085</v>
      </c>
      <c r="K5836" t="s">
        <v>30086</v>
      </c>
      <c r="M5836">
        <v>572670</v>
      </c>
      <c r="O5836">
        <v>7512565</v>
      </c>
      <c r="P5836">
        <v>1</v>
      </c>
      <c r="Q5836">
        <v>0</v>
      </c>
      <c r="R5836" t="s">
        <v>30087</v>
      </c>
      <c r="S5836">
        <v>727</v>
      </c>
    </row>
    <row r="5837" spans="1:19" x14ac:dyDescent="0.25">
      <c r="A5837">
        <v>35729386</v>
      </c>
      <c r="B5837" t="s">
        <v>30088</v>
      </c>
      <c r="C5837" s="1" t="s">
        <v>30089</v>
      </c>
      <c r="E5837">
        <v>1</v>
      </c>
      <c r="F5837">
        <v>0</v>
      </c>
      <c r="H5837" t="s">
        <v>30090</v>
      </c>
      <c r="J5837" t="s">
        <v>30091</v>
      </c>
      <c r="O5837">
        <v>308413</v>
      </c>
      <c r="P5837">
        <v>1</v>
      </c>
      <c r="Q5837">
        <v>0</v>
      </c>
      <c r="R5837" t="s">
        <v>30092</v>
      </c>
      <c r="S5837">
        <v>84</v>
      </c>
    </row>
    <row r="5838" spans="1:19" x14ac:dyDescent="0.25">
      <c r="A5838">
        <v>6016569</v>
      </c>
      <c r="B5838" t="s">
        <v>30093</v>
      </c>
      <c r="C5838" s="1" t="s">
        <v>30094</v>
      </c>
      <c r="D5838">
        <v>6026312</v>
      </c>
      <c r="E5838">
        <v>5</v>
      </c>
      <c r="F5838">
        <v>2</v>
      </c>
      <c r="H5838" t="s">
        <v>30095</v>
      </c>
      <c r="J5838" t="s">
        <v>30096</v>
      </c>
      <c r="K5838" t="s">
        <v>30097</v>
      </c>
      <c r="M5838">
        <v>410487</v>
      </c>
      <c r="O5838">
        <v>410487</v>
      </c>
      <c r="P5838">
        <v>1</v>
      </c>
      <c r="Q5838">
        <v>5</v>
      </c>
      <c r="R5838" t="s">
        <v>30098</v>
      </c>
      <c r="S5838">
        <v>14695</v>
      </c>
    </row>
    <row r="5839" spans="1:19" x14ac:dyDescent="0.25">
      <c r="A5839">
        <v>21890235</v>
      </c>
      <c r="B5839" t="s">
        <v>30099</v>
      </c>
      <c r="C5839" s="1" t="s">
        <v>30100</v>
      </c>
      <c r="D5839">
        <v>21891340</v>
      </c>
      <c r="E5839">
        <v>1</v>
      </c>
      <c r="F5839">
        <v>7</v>
      </c>
      <c r="H5839" t="s">
        <v>30101</v>
      </c>
      <c r="J5839" t="s">
        <v>30102</v>
      </c>
      <c r="K5839" t="s">
        <v>30103</v>
      </c>
      <c r="M5839">
        <v>2765936</v>
      </c>
      <c r="O5839">
        <v>2765936</v>
      </c>
      <c r="P5839">
        <v>1</v>
      </c>
      <c r="Q5839">
        <v>2</v>
      </c>
      <c r="R5839" t="s">
        <v>30104</v>
      </c>
      <c r="S5839">
        <v>6789</v>
      </c>
    </row>
    <row r="5840" spans="1:19" x14ac:dyDescent="0.25">
      <c r="A5840">
        <v>45781634</v>
      </c>
      <c r="B5840" t="s">
        <v>30105</v>
      </c>
      <c r="C5840" s="1" t="s">
        <v>30106</v>
      </c>
      <c r="E5840">
        <v>1</v>
      </c>
      <c r="F5840">
        <v>2</v>
      </c>
      <c r="H5840" t="s">
        <v>30107</v>
      </c>
      <c r="J5840" t="s">
        <v>30108</v>
      </c>
      <c r="K5840" t="s">
        <v>30109</v>
      </c>
      <c r="M5840">
        <v>2187548</v>
      </c>
      <c r="O5840">
        <v>2187548</v>
      </c>
      <c r="P5840">
        <v>1</v>
      </c>
      <c r="Q5840">
        <v>1</v>
      </c>
      <c r="R5840" t="s">
        <v>30110</v>
      </c>
      <c r="S5840">
        <v>41</v>
      </c>
    </row>
    <row r="5841" spans="1:19" x14ac:dyDescent="0.25">
      <c r="A5841">
        <v>16614949</v>
      </c>
      <c r="B5841" t="s">
        <v>30111</v>
      </c>
      <c r="C5841" s="1" t="s">
        <v>30112</v>
      </c>
      <c r="D5841">
        <v>16614966</v>
      </c>
      <c r="E5841">
        <v>1</v>
      </c>
      <c r="F5841">
        <v>6</v>
      </c>
      <c r="H5841" t="s">
        <v>30113</v>
      </c>
      <c r="J5841" t="s">
        <v>30114</v>
      </c>
      <c r="O5841">
        <v>1841396</v>
      </c>
      <c r="P5841">
        <v>1</v>
      </c>
      <c r="Q5841">
        <v>0</v>
      </c>
      <c r="R5841" t="s">
        <v>30115</v>
      </c>
      <c r="S5841">
        <v>145</v>
      </c>
    </row>
    <row r="5842" spans="1:19" x14ac:dyDescent="0.25">
      <c r="A5842">
        <v>32711702</v>
      </c>
      <c r="B5842" t="s">
        <v>30116</v>
      </c>
      <c r="C5842" s="1" t="s">
        <v>30117</v>
      </c>
      <c r="E5842">
        <v>1</v>
      </c>
      <c r="F5842">
        <v>0</v>
      </c>
      <c r="H5842" t="s">
        <v>30118</v>
      </c>
      <c r="J5842" t="s">
        <v>30119</v>
      </c>
      <c r="K5842" t="s">
        <v>30119</v>
      </c>
      <c r="M5842">
        <v>5041999</v>
      </c>
      <c r="O5842">
        <v>5041999</v>
      </c>
      <c r="P5842">
        <v>1</v>
      </c>
      <c r="Q5842">
        <v>0</v>
      </c>
      <c r="R5842" t="s">
        <v>30120</v>
      </c>
      <c r="S5842">
        <v>233</v>
      </c>
    </row>
    <row r="5843" spans="1:19" x14ac:dyDescent="0.25">
      <c r="A5843">
        <v>4000252</v>
      </c>
      <c r="B5843" t="s">
        <v>30121</v>
      </c>
      <c r="C5843" s="1" t="s">
        <v>30122</v>
      </c>
      <c r="D5843">
        <v>4000300</v>
      </c>
      <c r="E5843">
        <v>2</v>
      </c>
      <c r="F5843">
        <v>1</v>
      </c>
      <c r="H5843" t="s">
        <v>30123</v>
      </c>
      <c r="J5843" t="s">
        <v>30124</v>
      </c>
      <c r="O5843">
        <v>428137</v>
      </c>
      <c r="P5843">
        <v>1</v>
      </c>
      <c r="Q5843">
        <v>0</v>
      </c>
      <c r="R5843" t="s">
        <v>30125</v>
      </c>
      <c r="S5843">
        <v>139</v>
      </c>
    </row>
    <row r="5844" spans="1:19" x14ac:dyDescent="0.25">
      <c r="A5844">
        <v>8413340</v>
      </c>
      <c r="B5844" t="s">
        <v>30126</v>
      </c>
      <c r="C5844" s="1" t="s">
        <v>30127</v>
      </c>
      <c r="D5844">
        <v>8413391</v>
      </c>
      <c r="E5844">
        <v>3</v>
      </c>
      <c r="F5844">
        <v>2</v>
      </c>
      <c r="H5844" t="s">
        <v>30128</v>
      </c>
      <c r="I5844">
        <v>0</v>
      </c>
      <c r="J5844" t="s">
        <v>30129</v>
      </c>
      <c r="O5844">
        <v>1051849</v>
      </c>
      <c r="P5844">
        <v>1</v>
      </c>
      <c r="Q5844">
        <v>3</v>
      </c>
      <c r="R5844" t="s">
        <v>989</v>
      </c>
      <c r="S5844">
        <v>299</v>
      </c>
    </row>
    <row r="5845" spans="1:19" x14ac:dyDescent="0.25">
      <c r="A5845">
        <v>26169433</v>
      </c>
      <c r="B5845" t="s">
        <v>30130</v>
      </c>
      <c r="C5845" s="1" t="s">
        <v>30131</v>
      </c>
      <c r="D5845">
        <v>26170502</v>
      </c>
      <c r="E5845">
        <v>2</v>
      </c>
      <c r="F5845">
        <v>5</v>
      </c>
      <c r="H5845" t="s">
        <v>30132</v>
      </c>
      <c r="J5845" t="s">
        <v>30133</v>
      </c>
      <c r="K5845" t="s">
        <v>30134</v>
      </c>
      <c r="M5845">
        <v>128421</v>
      </c>
      <c r="O5845">
        <v>3927287</v>
      </c>
      <c r="P5845">
        <v>1</v>
      </c>
      <c r="Q5845">
        <v>1</v>
      </c>
      <c r="R5845" t="s">
        <v>30135</v>
      </c>
      <c r="S5845">
        <v>220</v>
      </c>
    </row>
    <row r="5846" spans="1:19" x14ac:dyDescent="0.25">
      <c r="A5846">
        <v>22151205</v>
      </c>
      <c r="B5846" t="s">
        <v>30136</v>
      </c>
      <c r="C5846" s="1" t="s">
        <v>30137</v>
      </c>
      <c r="E5846">
        <v>1</v>
      </c>
      <c r="F5846">
        <v>0</v>
      </c>
      <c r="H5846" t="s">
        <v>30138</v>
      </c>
      <c r="J5846" t="s">
        <v>30139</v>
      </c>
      <c r="K5846" t="s">
        <v>30140</v>
      </c>
      <c r="M5846">
        <v>1825052</v>
      </c>
      <c r="O5846">
        <v>3375572</v>
      </c>
      <c r="P5846">
        <v>1</v>
      </c>
      <c r="Q5846">
        <v>-1</v>
      </c>
      <c r="R5846" t="s">
        <v>30141</v>
      </c>
      <c r="S5846">
        <v>1251</v>
      </c>
    </row>
    <row r="5847" spans="1:19" x14ac:dyDescent="0.25">
      <c r="A5847">
        <v>10221354</v>
      </c>
      <c r="B5847" t="s">
        <v>30142</v>
      </c>
      <c r="C5847" s="1" t="s">
        <v>30143</v>
      </c>
      <c r="D5847">
        <v>10221374</v>
      </c>
      <c r="E5847">
        <v>1</v>
      </c>
      <c r="F5847">
        <v>0</v>
      </c>
      <c r="H5847" t="s">
        <v>30144</v>
      </c>
      <c r="J5847" t="s">
        <v>30145</v>
      </c>
      <c r="K5847" t="s">
        <v>30145</v>
      </c>
      <c r="M5847">
        <v>1270384</v>
      </c>
      <c r="O5847">
        <v>1072142</v>
      </c>
      <c r="P5847">
        <v>1</v>
      </c>
      <c r="Q5847">
        <v>3</v>
      </c>
      <c r="R5847" t="s">
        <v>30146</v>
      </c>
      <c r="S5847">
        <v>1083</v>
      </c>
    </row>
    <row r="5848" spans="1:19" x14ac:dyDescent="0.25">
      <c r="A5848">
        <v>17176419</v>
      </c>
      <c r="B5848" t="s">
        <v>30147</v>
      </c>
      <c r="C5848" t="s">
        <v>30148</v>
      </c>
      <c r="E5848">
        <v>2</v>
      </c>
      <c r="F5848">
        <v>0</v>
      </c>
      <c r="H5848" t="s">
        <v>30149</v>
      </c>
      <c r="J5848" t="s">
        <v>30150</v>
      </c>
      <c r="O5848">
        <v>2290665</v>
      </c>
      <c r="P5848">
        <v>1</v>
      </c>
      <c r="Q5848">
        <v>0</v>
      </c>
      <c r="R5848" t="s">
        <v>30151</v>
      </c>
      <c r="S5848">
        <v>292</v>
      </c>
    </row>
    <row r="5849" spans="1:19" x14ac:dyDescent="0.25">
      <c r="A5849">
        <v>47780423</v>
      </c>
      <c r="B5849" t="s">
        <v>30152</v>
      </c>
      <c r="C5849" s="1" t="s">
        <v>30153</v>
      </c>
      <c r="D5849">
        <v>47782627</v>
      </c>
      <c r="E5849">
        <v>1</v>
      </c>
      <c r="F5849">
        <v>9</v>
      </c>
      <c r="H5849" t="s">
        <v>30154</v>
      </c>
      <c r="J5849" t="s">
        <v>30155</v>
      </c>
      <c r="K5849" t="s">
        <v>30155</v>
      </c>
      <c r="M5849">
        <v>1033581</v>
      </c>
      <c r="O5849">
        <v>9011643</v>
      </c>
      <c r="P5849">
        <v>1</v>
      </c>
      <c r="Q5849">
        <v>1</v>
      </c>
      <c r="R5849" t="s">
        <v>30156</v>
      </c>
      <c r="S5849">
        <v>115</v>
      </c>
    </row>
    <row r="5850" spans="1:19" x14ac:dyDescent="0.25">
      <c r="A5850">
        <v>4924080</v>
      </c>
      <c r="B5850" t="s">
        <v>30157</v>
      </c>
      <c r="C5850" s="1" t="s">
        <v>30158</v>
      </c>
      <c r="D5850">
        <v>4924269</v>
      </c>
      <c r="E5850">
        <v>3</v>
      </c>
      <c r="F5850">
        <v>2</v>
      </c>
      <c r="H5850" t="s">
        <v>30159</v>
      </c>
      <c r="J5850" t="s">
        <v>30160</v>
      </c>
      <c r="K5850" t="s">
        <v>30160</v>
      </c>
      <c r="M5850">
        <v>558251</v>
      </c>
      <c r="O5850">
        <v>558251</v>
      </c>
      <c r="P5850">
        <v>1</v>
      </c>
      <c r="Q5850">
        <v>0</v>
      </c>
      <c r="R5850" t="s">
        <v>649</v>
      </c>
      <c r="S5850">
        <v>68</v>
      </c>
    </row>
    <row r="5851" spans="1:19" x14ac:dyDescent="0.25">
      <c r="A5851">
        <v>35408490</v>
      </c>
      <c r="B5851" t="s">
        <v>30161</v>
      </c>
      <c r="C5851" s="1" t="s">
        <v>30162</v>
      </c>
      <c r="E5851">
        <v>1</v>
      </c>
      <c r="F5851">
        <v>1</v>
      </c>
      <c r="H5851" t="s">
        <v>30163</v>
      </c>
      <c r="J5851" t="s">
        <v>30164</v>
      </c>
      <c r="O5851">
        <v>4671952</v>
      </c>
      <c r="P5851">
        <v>1</v>
      </c>
      <c r="Q5851">
        <v>0</v>
      </c>
      <c r="R5851" t="s">
        <v>30165</v>
      </c>
      <c r="S5851">
        <v>38</v>
      </c>
    </row>
    <row r="5852" spans="1:19" x14ac:dyDescent="0.25">
      <c r="A5852">
        <v>12528858</v>
      </c>
      <c r="B5852" t="s">
        <v>30166</v>
      </c>
      <c r="C5852" s="1" t="s">
        <v>30167</v>
      </c>
      <c r="E5852">
        <v>1</v>
      </c>
      <c r="F5852">
        <v>2</v>
      </c>
      <c r="H5852" t="s">
        <v>30168</v>
      </c>
      <c r="J5852" t="s">
        <v>30169</v>
      </c>
      <c r="O5852">
        <v>1667633</v>
      </c>
      <c r="P5852">
        <v>1</v>
      </c>
      <c r="Q5852">
        <v>-2</v>
      </c>
      <c r="R5852" t="s">
        <v>413</v>
      </c>
      <c r="S5852">
        <v>584</v>
      </c>
    </row>
    <row r="5853" spans="1:19" x14ac:dyDescent="0.25">
      <c r="A5853">
        <v>30564028</v>
      </c>
      <c r="B5853" t="s">
        <v>30170</v>
      </c>
      <c r="C5853" s="1" t="s">
        <v>30171</v>
      </c>
      <c r="D5853">
        <v>30564237</v>
      </c>
      <c r="E5853">
        <v>2</v>
      </c>
      <c r="F5853">
        <v>2</v>
      </c>
      <c r="H5853" t="s">
        <v>30172</v>
      </c>
      <c r="J5853" t="s">
        <v>30173</v>
      </c>
      <c r="K5853" t="s">
        <v>30174</v>
      </c>
      <c r="M5853">
        <v>-1</v>
      </c>
      <c r="O5853">
        <v>2757620</v>
      </c>
      <c r="P5853">
        <v>1</v>
      </c>
      <c r="Q5853">
        <v>0</v>
      </c>
      <c r="R5853" t="s">
        <v>30175</v>
      </c>
      <c r="S5853">
        <v>1851</v>
      </c>
    </row>
    <row r="5854" spans="1:19" x14ac:dyDescent="0.25">
      <c r="A5854">
        <v>23324507</v>
      </c>
      <c r="B5854" t="s">
        <v>30176</v>
      </c>
      <c r="C5854" s="1" t="s">
        <v>30177</v>
      </c>
      <c r="E5854">
        <v>2</v>
      </c>
      <c r="F5854">
        <v>0</v>
      </c>
      <c r="H5854" t="s">
        <v>30178</v>
      </c>
      <c r="J5854" t="s">
        <v>30179</v>
      </c>
      <c r="K5854" t="s">
        <v>30180</v>
      </c>
      <c r="M5854">
        <v>63550</v>
      </c>
      <c r="O5854">
        <v>3368238</v>
      </c>
      <c r="P5854">
        <v>1</v>
      </c>
      <c r="Q5854">
        <v>1</v>
      </c>
      <c r="R5854" t="s">
        <v>30181</v>
      </c>
      <c r="S5854">
        <v>6192</v>
      </c>
    </row>
    <row r="5855" spans="1:19" x14ac:dyDescent="0.25">
      <c r="A5855">
        <v>50273994</v>
      </c>
      <c r="B5855" t="s">
        <v>30182</v>
      </c>
      <c r="C5855" s="1" t="s">
        <v>30183</v>
      </c>
      <c r="D5855">
        <v>50274263</v>
      </c>
      <c r="E5855">
        <v>2</v>
      </c>
      <c r="F5855">
        <v>3</v>
      </c>
      <c r="H5855" t="s">
        <v>30184</v>
      </c>
      <c r="J5855" t="s">
        <v>30185</v>
      </c>
      <c r="K5855" t="s">
        <v>30186</v>
      </c>
      <c r="M5855">
        <v>3094533</v>
      </c>
      <c r="O5855">
        <v>9740723</v>
      </c>
      <c r="P5855">
        <v>1</v>
      </c>
      <c r="Q5855">
        <v>0</v>
      </c>
      <c r="R5855" t="s">
        <v>30187</v>
      </c>
      <c r="S5855">
        <v>31</v>
      </c>
    </row>
    <row r="5856" spans="1:19" x14ac:dyDescent="0.25">
      <c r="A5856">
        <v>225965</v>
      </c>
      <c r="B5856" t="s">
        <v>30188</v>
      </c>
      <c r="C5856" t="s">
        <v>30189</v>
      </c>
      <c r="D5856">
        <v>225986</v>
      </c>
      <c r="E5856">
        <v>3</v>
      </c>
      <c r="F5856">
        <v>1</v>
      </c>
      <c r="H5856" t="s">
        <v>30190</v>
      </c>
      <c r="I5856">
        <v>2</v>
      </c>
      <c r="J5856" t="s">
        <v>30191</v>
      </c>
      <c r="N5856" t="s">
        <v>30192</v>
      </c>
      <c r="P5856">
        <v>1</v>
      </c>
      <c r="Q5856">
        <v>1</v>
      </c>
      <c r="R5856" t="s">
        <v>413</v>
      </c>
      <c r="S5856">
        <v>1613</v>
      </c>
    </row>
    <row r="5857" spans="1:19" x14ac:dyDescent="0.25">
      <c r="A5857">
        <v>41170482</v>
      </c>
      <c r="B5857" t="s">
        <v>30193</v>
      </c>
      <c r="C5857" s="1" t="s">
        <v>30194</v>
      </c>
      <c r="E5857">
        <v>0</v>
      </c>
      <c r="F5857">
        <v>4</v>
      </c>
      <c r="H5857" t="s">
        <v>30195</v>
      </c>
      <c r="J5857" t="s">
        <v>30196</v>
      </c>
      <c r="K5857" t="s">
        <v>30196</v>
      </c>
      <c r="M5857">
        <v>3935156</v>
      </c>
      <c r="O5857">
        <v>3935156</v>
      </c>
      <c r="P5857">
        <v>1</v>
      </c>
      <c r="Q5857">
        <v>0</v>
      </c>
      <c r="R5857" t="s">
        <v>30197</v>
      </c>
      <c r="S5857">
        <v>47</v>
      </c>
    </row>
    <row r="5858" spans="1:19" x14ac:dyDescent="0.25">
      <c r="A5858">
        <v>44485201</v>
      </c>
      <c r="B5858" t="s">
        <v>30198</v>
      </c>
      <c r="C5858" t="s">
        <v>30199</v>
      </c>
      <c r="E5858">
        <v>0</v>
      </c>
      <c r="F5858">
        <v>4</v>
      </c>
      <c r="H5858" t="s">
        <v>30200</v>
      </c>
      <c r="J5858" t="s">
        <v>30200</v>
      </c>
      <c r="O5858">
        <v>7514889</v>
      </c>
      <c r="P5858">
        <v>1</v>
      </c>
      <c r="Q5858">
        <v>0</v>
      </c>
      <c r="R5858" t="s">
        <v>30201</v>
      </c>
      <c r="S5858">
        <v>67</v>
      </c>
    </row>
    <row r="5859" spans="1:19" x14ac:dyDescent="0.25">
      <c r="A5859">
        <v>40281361</v>
      </c>
      <c r="B5859" t="s">
        <v>30202</v>
      </c>
      <c r="C5859" s="1" t="s">
        <v>30203</v>
      </c>
      <c r="E5859">
        <v>1</v>
      </c>
      <c r="F5859">
        <v>4</v>
      </c>
      <c r="H5859" t="s">
        <v>30204</v>
      </c>
      <c r="J5859" t="s">
        <v>30205</v>
      </c>
      <c r="K5859" t="s">
        <v>30206</v>
      </c>
      <c r="M5859">
        <v>3611669</v>
      </c>
      <c r="O5859">
        <v>2254632</v>
      </c>
      <c r="P5859">
        <v>1</v>
      </c>
      <c r="Q5859">
        <v>0</v>
      </c>
      <c r="R5859" t="s">
        <v>30207</v>
      </c>
      <c r="S5859">
        <v>20</v>
      </c>
    </row>
    <row r="5860" spans="1:19" x14ac:dyDescent="0.25">
      <c r="A5860">
        <v>39586449</v>
      </c>
      <c r="B5860" t="s">
        <v>30208</v>
      </c>
      <c r="C5860" s="1" t="s">
        <v>30209</v>
      </c>
      <c r="E5860">
        <v>0</v>
      </c>
      <c r="F5860">
        <v>9</v>
      </c>
      <c r="H5860" t="s">
        <v>30210</v>
      </c>
      <c r="J5860" t="s">
        <v>30211</v>
      </c>
      <c r="K5860" t="s">
        <v>30211</v>
      </c>
      <c r="M5860">
        <v>3458919</v>
      </c>
      <c r="O5860">
        <v>6851717</v>
      </c>
      <c r="P5860">
        <v>1</v>
      </c>
      <c r="Q5860">
        <v>0</v>
      </c>
      <c r="R5860" t="s">
        <v>23637</v>
      </c>
      <c r="S5860">
        <v>31</v>
      </c>
    </row>
    <row r="5861" spans="1:19" x14ac:dyDescent="0.25">
      <c r="A5861">
        <v>22972556</v>
      </c>
      <c r="B5861" t="s">
        <v>30212</v>
      </c>
      <c r="C5861" s="1" t="s">
        <v>30213</v>
      </c>
      <c r="E5861">
        <v>1</v>
      </c>
      <c r="F5861">
        <v>0</v>
      </c>
      <c r="H5861" t="s">
        <v>30214</v>
      </c>
      <c r="J5861" t="s">
        <v>30215</v>
      </c>
      <c r="O5861">
        <v>768732</v>
      </c>
      <c r="P5861">
        <v>1</v>
      </c>
      <c r="Q5861">
        <v>1</v>
      </c>
      <c r="R5861" t="s">
        <v>30216</v>
      </c>
      <c r="S5861">
        <v>712</v>
      </c>
    </row>
    <row r="5862" spans="1:19" x14ac:dyDescent="0.25">
      <c r="A5862">
        <v>23277902</v>
      </c>
      <c r="B5862" t="s">
        <v>30217</v>
      </c>
      <c r="C5862" s="1" t="s">
        <v>30218</v>
      </c>
      <c r="D5862">
        <v>23568724</v>
      </c>
      <c r="E5862">
        <v>1</v>
      </c>
      <c r="F5862">
        <v>0</v>
      </c>
      <c r="H5862" t="s">
        <v>30219</v>
      </c>
      <c r="J5862" t="s">
        <v>30220</v>
      </c>
      <c r="O5862">
        <v>65387</v>
      </c>
      <c r="P5862">
        <v>1</v>
      </c>
      <c r="Q5862">
        <v>0</v>
      </c>
      <c r="R5862" t="s">
        <v>30221</v>
      </c>
      <c r="S5862">
        <v>597</v>
      </c>
    </row>
    <row r="5863" spans="1:19" x14ac:dyDescent="0.25">
      <c r="A5863">
        <v>50978653</v>
      </c>
      <c r="B5863" t="s">
        <v>30222</v>
      </c>
      <c r="C5863" s="1" t="s">
        <v>30223</v>
      </c>
      <c r="D5863">
        <v>50978914</v>
      </c>
      <c r="E5863">
        <v>1</v>
      </c>
      <c r="F5863">
        <v>0</v>
      </c>
      <c r="H5863" t="s">
        <v>30224</v>
      </c>
      <c r="I5863">
        <v>0</v>
      </c>
      <c r="J5863" t="s">
        <v>30225</v>
      </c>
      <c r="O5863">
        <v>9703655</v>
      </c>
      <c r="P5863">
        <v>1</v>
      </c>
      <c r="Q5863">
        <v>0</v>
      </c>
      <c r="R5863" t="s">
        <v>30226</v>
      </c>
      <c r="S5863">
        <v>49</v>
      </c>
    </row>
    <row r="5864" spans="1:19" x14ac:dyDescent="0.25">
      <c r="A5864">
        <v>35757320</v>
      </c>
      <c r="B5864" t="s">
        <v>30227</v>
      </c>
      <c r="C5864" s="1" t="s">
        <v>30228</v>
      </c>
      <c r="E5864">
        <v>1</v>
      </c>
      <c r="F5864">
        <v>3</v>
      </c>
      <c r="H5864" t="s">
        <v>30229</v>
      </c>
      <c r="J5864" t="s">
        <v>30230</v>
      </c>
      <c r="O5864">
        <v>4396743</v>
      </c>
      <c r="P5864">
        <v>1</v>
      </c>
      <c r="Q5864">
        <v>0</v>
      </c>
      <c r="R5864" t="s">
        <v>30231</v>
      </c>
      <c r="S5864">
        <v>67</v>
      </c>
    </row>
    <row r="5865" spans="1:19" x14ac:dyDescent="0.25">
      <c r="A5865">
        <v>33383394</v>
      </c>
      <c r="B5865" t="s">
        <v>30232</v>
      </c>
      <c r="C5865" s="1" t="s">
        <v>30233</v>
      </c>
      <c r="E5865">
        <v>2</v>
      </c>
      <c r="F5865">
        <v>3</v>
      </c>
      <c r="H5865" t="s">
        <v>30234</v>
      </c>
      <c r="J5865" t="s">
        <v>30235</v>
      </c>
      <c r="K5865" t="s">
        <v>30235</v>
      </c>
      <c r="M5865">
        <v>1033581</v>
      </c>
      <c r="O5865">
        <v>3578377</v>
      </c>
      <c r="P5865">
        <v>1</v>
      </c>
      <c r="Q5865">
        <v>1</v>
      </c>
      <c r="R5865" t="s">
        <v>2771</v>
      </c>
      <c r="S5865">
        <v>53</v>
      </c>
    </row>
    <row r="5866" spans="1:19" x14ac:dyDescent="0.25">
      <c r="A5866">
        <v>42361320</v>
      </c>
      <c r="B5866" t="s">
        <v>30236</v>
      </c>
      <c r="C5866" s="1" t="s">
        <v>30237</v>
      </c>
      <c r="E5866">
        <v>2</v>
      </c>
      <c r="F5866">
        <v>2</v>
      </c>
      <c r="H5866" t="s">
        <v>30238</v>
      </c>
      <c r="J5866" t="s">
        <v>30239</v>
      </c>
      <c r="K5866" t="s">
        <v>30240</v>
      </c>
      <c r="M5866">
        <v>15168</v>
      </c>
      <c r="O5866">
        <v>2559674</v>
      </c>
      <c r="P5866">
        <v>1</v>
      </c>
      <c r="Q5866">
        <v>-5</v>
      </c>
      <c r="R5866" t="s">
        <v>30241</v>
      </c>
      <c r="S5866">
        <v>103</v>
      </c>
    </row>
    <row r="5867" spans="1:19" x14ac:dyDescent="0.25">
      <c r="A5867">
        <v>11318674</v>
      </c>
      <c r="B5867" t="s">
        <v>30242</v>
      </c>
      <c r="C5867" s="1" t="s">
        <v>30243</v>
      </c>
      <c r="E5867">
        <v>1</v>
      </c>
      <c r="F5867">
        <v>4</v>
      </c>
      <c r="H5867" t="s">
        <v>30244</v>
      </c>
      <c r="J5867" t="s">
        <v>30245</v>
      </c>
      <c r="K5867" t="s">
        <v>30246</v>
      </c>
      <c r="M5867">
        <v>1236517</v>
      </c>
      <c r="O5867">
        <v>1287359</v>
      </c>
      <c r="P5867">
        <v>1</v>
      </c>
      <c r="Q5867">
        <v>0</v>
      </c>
      <c r="R5867" t="s">
        <v>30247</v>
      </c>
      <c r="S5867">
        <v>370</v>
      </c>
    </row>
    <row r="5868" spans="1:19" x14ac:dyDescent="0.25">
      <c r="A5868">
        <v>36308973</v>
      </c>
      <c r="B5868" t="s">
        <v>30248</v>
      </c>
      <c r="C5868" s="1" t="s">
        <v>30249</v>
      </c>
      <c r="D5868">
        <v>36390771</v>
      </c>
      <c r="E5868">
        <v>1</v>
      </c>
      <c r="F5868">
        <v>2</v>
      </c>
      <c r="H5868" t="s">
        <v>30250</v>
      </c>
      <c r="J5868" t="s">
        <v>30251</v>
      </c>
      <c r="K5868" t="s">
        <v>30252</v>
      </c>
      <c r="M5868">
        <v>-1</v>
      </c>
      <c r="O5868">
        <v>3817025</v>
      </c>
      <c r="P5868">
        <v>1</v>
      </c>
      <c r="Q5868">
        <v>1</v>
      </c>
      <c r="R5868" t="s">
        <v>24742</v>
      </c>
      <c r="S5868">
        <v>2077</v>
      </c>
    </row>
    <row r="5869" spans="1:19" x14ac:dyDescent="0.25">
      <c r="A5869">
        <v>34899568</v>
      </c>
      <c r="B5869" t="s">
        <v>30253</v>
      </c>
      <c r="C5869" s="1" t="s">
        <v>30254</v>
      </c>
      <c r="D5869">
        <v>34904138</v>
      </c>
      <c r="E5869">
        <v>1</v>
      </c>
      <c r="F5869">
        <v>0</v>
      </c>
      <c r="H5869" t="s">
        <v>30255</v>
      </c>
      <c r="J5869" t="s">
        <v>30256</v>
      </c>
      <c r="N5869" t="s">
        <v>30257</v>
      </c>
      <c r="P5869">
        <v>1</v>
      </c>
      <c r="Q5869">
        <v>0</v>
      </c>
      <c r="R5869" t="s">
        <v>30258</v>
      </c>
      <c r="S5869">
        <v>30</v>
      </c>
    </row>
    <row r="5870" spans="1:19" x14ac:dyDescent="0.25">
      <c r="A5870">
        <v>32131876</v>
      </c>
      <c r="B5870" t="s">
        <v>30259</v>
      </c>
      <c r="C5870" s="1" t="s">
        <v>30260</v>
      </c>
      <c r="D5870">
        <v>32134052</v>
      </c>
      <c r="E5870">
        <v>1</v>
      </c>
      <c r="F5870">
        <v>2</v>
      </c>
      <c r="H5870" t="s">
        <v>30261</v>
      </c>
      <c r="J5870" t="s">
        <v>30262</v>
      </c>
      <c r="K5870" t="s">
        <v>30262</v>
      </c>
      <c r="M5870">
        <v>21755</v>
      </c>
      <c r="O5870">
        <v>2066049</v>
      </c>
      <c r="P5870">
        <v>1</v>
      </c>
      <c r="Q5870">
        <v>1</v>
      </c>
      <c r="R5870" t="s">
        <v>9028</v>
      </c>
      <c r="S5870">
        <v>34</v>
      </c>
    </row>
    <row r="5871" spans="1:19" x14ac:dyDescent="0.25">
      <c r="A5871">
        <v>20852326</v>
      </c>
      <c r="B5871" t="s">
        <v>30263</v>
      </c>
      <c r="C5871" s="1" t="s">
        <v>30264</v>
      </c>
      <c r="E5871">
        <v>2</v>
      </c>
      <c r="F5871">
        <v>5</v>
      </c>
      <c r="H5871" t="s">
        <v>30265</v>
      </c>
      <c r="J5871" t="s">
        <v>30266</v>
      </c>
      <c r="K5871" t="s">
        <v>30267</v>
      </c>
      <c r="M5871">
        <v>2636887</v>
      </c>
      <c r="O5871">
        <v>3032822</v>
      </c>
      <c r="P5871">
        <v>1</v>
      </c>
      <c r="Q5871">
        <v>0</v>
      </c>
      <c r="R5871" t="s">
        <v>30268</v>
      </c>
      <c r="S5871">
        <v>2919</v>
      </c>
    </row>
    <row r="5872" spans="1:19" x14ac:dyDescent="0.25">
      <c r="A5872">
        <v>23890133</v>
      </c>
      <c r="B5872" t="s">
        <v>30269</v>
      </c>
      <c r="C5872" t="s">
        <v>30270</v>
      </c>
      <c r="D5872">
        <v>26192875</v>
      </c>
      <c r="E5872">
        <v>1</v>
      </c>
      <c r="F5872">
        <v>0</v>
      </c>
      <c r="H5872" t="s">
        <v>30271</v>
      </c>
      <c r="I5872">
        <v>2</v>
      </c>
      <c r="J5872" t="s">
        <v>30272</v>
      </c>
      <c r="K5872" t="s">
        <v>30272</v>
      </c>
      <c r="M5872">
        <v>1670830</v>
      </c>
      <c r="O5872">
        <v>1670830</v>
      </c>
      <c r="P5872">
        <v>1</v>
      </c>
      <c r="Q5872">
        <v>1</v>
      </c>
      <c r="R5872" t="s">
        <v>30273</v>
      </c>
      <c r="S5872">
        <v>896</v>
      </c>
    </row>
    <row r="5873" spans="1:19" x14ac:dyDescent="0.25">
      <c r="A5873">
        <v>22479953</v>
      </c>
      <c r="B5873" t="s">
        <v>30274</v>
      </c>
      <c r="C5873" s="1" t="s">
        <v>30275</v>
      </c>
      <c r="D5873">
        <v>22481255</v>
      </c>
      <c r="E5873">
        <v>2</v>
      </c>
      <c r="F5873">
        <v>15</v>
      </c>
      <c r="H5873" t="s">
        <v>30276</v>
      </c>
      <c r="J5873" t="s">
        <v>30277</v>
      </c>
      <c r="K5873" t="s">
        <v>30278</v>
      </c>
      <c r="M5873">
        <v>2182928</v>
      </c>
      <c r="O5873">
        <v>3433116</v>
      </c>
      <c r="P5873">
        <v>1</v>
      </c>
      <c r="Q5873">
        <v>1</v>
      </c>
      <c r="R5873" t="s">
        <v>30279</v>
      </c>
      <c r="S5873">
        <v>702</v>
      </c>
    </row>
    <row r="5874" spans="1:19" x14ac:dyDescent="0.25">
      <c r="A5874">
        <v>7581752</v>
      </c>
      <c r="B5874" t="s">
        <v>30280</v>
      </c>
      <c r="C5874" s="1" t="s">
        <v>30281</v>
      </c>
      <c r="D5874">
        <v>7582134</v>
      </c>
      <c r="E5874">
        <v>1</v>
      </c>
      <c r="F5874">
        <v>0</v>
      </c>
      <c r="H5874" t="s">
        <v>30282</v>
      </c>
      <c r="I5874">
        <v>1</v>
      </c>
      <c r="J5874" t="s">
        <v>30283</v>
      </c>
      <c r="K5874" t="s">
        <v>30284</v>
      </c>
      <c r="M5874">
        <v>846396</v>
      </c>
      <c r="O5874">
        <v>846396</v>
      </c>
      <c r="P5874">
        <v>1</v>
      </c>
      <c r="Q5874">
        <v>3</v>
      </c>
      <c r="R5874" t="s">
        <v>30285</v>
      </c>
      <c r="S5874">
        <v>1205</v>
      </c>
    </row>
    <row r="5875" spans="1:19" x14ac:dyDescent="0.25">
      <c r="A5875">
        <v>24353445</v>
      </c>
      <c r="B5875" t="s">
        <v>30286</v>
      </c>
      <c r="C5875" t="s">
        <v>30287</v>
      </c>
      <c r="E5875">
        <v>1</v>
      </c>
      <c r="F5875">
        <v>0</v>
      </c>
      <c r="H5875" t="s">
        <v>30288</v>
      </c>
      <c r="J5875" t="s">
        <v>30289</v>
      </c>
      <c r="K5875" t="s">
        <v>30289</v>
      </c>
      <c r="M5875">
        <v>41942</v>
      </c>
      <c r="O5875">
        <v>3671493</v>
      </c>
      <c r="P5875">
        <v>1</v>
      </c>
      <c r="Q5875">
        <v>0</v>
      </c>
      <c r="R5875" t="s">
        <v>30290</v>
      </c>
      <c r="S5875">
        <v>146</v>
      </c>
    </row>
    <row r="5876" spans="1:19" x14ac:dyDescent="0.25">
      <c r="A5876">
        <v>4825509</v>
      </c>
      <c r="B5876" t="s">
        <v>30291</v>
      </c>
      <c r="C5876" s="1" t="s">
        <v>30292</v>
      </c>
      <c r="D5876">
        <v>4826560</v>
      </c>
      <c r="E5876">
        <v>2</v>
      </c>
      <c r="F5876">
        <v>2</v>
      </c>
      <c r="H5876" t="s">
        <v>30293</v>
      </c>
      <c r="J5876" t="s">
        <v>30294</v>
      </c>
      <c r="O5876">
        <v>345645</v>
      </c>
      <c r="P5876">
        <v>1</v>
      </c>
      <c r="Q5876">
        <v>0</v>
      </c>
      <c r="R5876" t="s">
        <v>30295</v>
      </c>
      <c r="S5876">
        <v>723</v>
      </c>
    </row>
    <row r="5877" spans="1:19" x14ac:dyDescent="0.25">
      <c r="A5877">
        <v>7826209</v>
      </c>
      <c r="B5877" t="s">
        <v>30296</v>
      </c>
      <c r="C5877" s="1" t="s">
        <v>30297</v>
      </c>
      <c r="D5877">
        <v>7826343</v>
      </c>
      <c r="E5877">
        <v>4</v>
      </c>
      <c r="F5877">
        <v>2</v>
      </c>
      <c r="H5877" t="s">
        <v>30298</v>
      </c>
      <c r="I5877">
        <v>3</v>
      </c>
      <c r="J5877" t="s">
        <v>30299</v>
      </c>
      <c r="K5877" t="s">
        <v>30300</v>
      </c>
      <c r="M5877">
        <v>206403</v>
      </c>
      <c r="O5877">
        <v>967857</v>
      </c>
      <c r="P5877">
        <v>1</v>
      </c>
      <c r="Q5877">
        <v>1</v>
      </c>
      <c r="R5877" t="s">
        <v>30301</v>
      </c>
      <c r="S5877">
        <v>16918</v>
      </c>
    </row>
    <row r="5878" spans="1:19" x14ac:dyDescent="0.25">
      <c r="A5878">
        <v>16042435</v>
      </c>
      <c r="B5878" t="s">
        <v>30302</v>
      </c>
      <c r="C5878" s="1" t="s">
        <v>30303</v>
      </c>
      <c r="D5878">
        <v>16042615</v>
      </c>
      <c r="E5878">
        <v>1</v>
      </c>
      <c r="F5878">
        <v>9</v>
      </c>
      <c r="H5878" t="s">
        <v>30304</v>
      </c>
      <c r="J5878" t="s">
        <v>30305</v>
      </c>
      <c r="O5878">
        <v>983969</v>
      </c>
      <c r="P5878">
        <v>1</v>
      </c>
      <c r="Q5878">
        <v>-4</v>
      </c>
      <c r="R5878" t="s">
        <v>24070</v>
      </c>
      <c r="S5878">
        <v>317</v>
      </c>
    </row>
    <row r="5879" spans="1:19" x14ac:dyDescent="0.25">
      <c r="A5879">
        <v>13047489</v>
      </c>
      <c r="B5879" t="s">
        <v>30306</v>
      </c>
      <c r="C5879" s="1" t="s">
        <v>30307</v>
      </c>
      <c r="E5879">
        <v>0</v>
      </c>
      <c r="F5879">
        <v>8</v>
      </c>
      <c r="H5879" t="s">
        <v>30308</v>
      </c>
      <c r="J5879" t="s">
        <v>30308</v>
      </c>
      <c r="O5879">
        <v>1770769</v>
      </c>
      <c r="P5879">
        <v>1</v>
      </c>
      <c r="Q5879">
        <v>0</v>
      </c>
      <c r="R5879" t="s">
        <v>30309</v>
      </c>
      <c r="S5879">
        <v>233</v>
      </c>
    </row>
    <row r="5880" spans="1:19" x14ac:dyDescent="0.25">
      <c r="A5880">
        <v>12094136</v>
      </c>
      <c r="B5880" t="s">
        <v>30310</v>
      </c>
      <c r="C5880" s="1" t="s">
        <v>30311</v>
      </c>
      <c r="E5880">
        <v>2</v>
      </c>
      <c r="F5880">
        <v>2</v>
      </c>
      <c r="H5880" t="s">
        <v>30312</v>
      </c>
      <c r="I5880">
        <v>3</v>
      </c>
      <c r="J5880" t="s">
        <v>30313</v>
      </c>
      <c r="K5880" t="s">
        <v>30314</v>
      </c>
      <c r="M5880">
        <v>383124</v>
      </c>
      <c r="O5880">
        <v>793752</v>
      </c>
      <c r="P5880">
        <v>1</v>
      </c>
      <c r="Q5880">
        <v>4</v>
      </c>
      <c r="R5880" t="s">
        <v>30315</v>
      </c>
      <c r="S5880">
        <v>1378</v>
      </c>
    </row>
    <row r="5881" spans="1:19" x14ac:dyDescent="0.25">
      <c r="A5881">
        <v>45922497</v>
      </c>
      <c r="B5881" t="s">
        <v>30316</v>
      </c>
      <c r="C5881" s="1" t="s">
        <v>30317</v>
      </c>
      <c r="E5881">
        <v>1</v>
      </c>
      <c r="F5881">
        <v>3</v>
      </c>
      <c r="H5881" t="s">
        <v>30318</v>
      </c>
      <c r="J5881" t="s">
        <v>30319</v>
      </c>
      <c r="K5881" t="s">
        <v>30320</v>
      </c>
      <c r="M5881">
        <v>8528165</v>
      </c>
      <c r="O5881">
        <v>8528165</v>
      </c>
      <c r="P5881">
        <v>1</v>
      </c>
      <c r="Q5881">
        <v>0</v>
      </c>
      <c r="R5881" t="s">
        <v>125</v>
      </c>
      <c r="S5881">
        <v>205</v>
      </c>
    </row>
    <row r="5882" spans="1:19" x14ac:dyDescent="0.25">
      <c r="A5882">
        <v>46307860</v>
      </c>
      <c r="B5882" t="s">
        <v>30321</v>
      </c>
      <c r="C5882" s="1" t="s">
        <v>30322</v>
      </c>
      <c r="E5882">
        <v>1</v>
      </c>
      <c r="F5882">
        <v>6</v>
      </c>
      <c r="H5882" t="s">
        <v>30323</v>
      </c>
      <c r="J5882" t="s">
        <v>30324</v>
      </c>
      <c r="K5882" t="s">
        <v>30324</v>
      </c>
      <c r="M5882">
        <v>8636150</v>
      </c>
      <c r="O5882">
        <v>8636150</v>
      </c>
      <c r="P5882">
        <v>1</v>
      </c>
      <c r="Q5882">
        <v>0</v>
      </c>
      <c r="R5882" t="s">
        <v>30325</v>
      </c>
      <c r="S5882">
        <v>22</v>
      </c>
    </row>
    <row r="5883" spans="1:19" x14ac:dyDescent="0.25">
      <c r="A5883">
        <v>51191502</v>
      </c>
      <c r="B5883" t="s">
        <v>30326</v>
      </c>
      <c r="C5883" s="1" t="s">
        <v>30327</v>
      </c>
      <c r="D5883">
        <v>51194867</v>
      </c>
      <c r="E5883">
        <v>1</v>
      </c>
      <c r="F5883">
        <v>7</v>
      </c>
      <c r="H5883" t="s">
        <v>30328</v>
      </c>
      <c r="I5883">
        <v>0</v>
      </c>
      <c r="J5883" t="s">
        <v>30329</v>
      </c>
      <c r="K5883" t="s">
        <v>30330</v>
      </c>
      <c r="M5883">
        <v>6589409</v>
      </c>
      <c r="O5883">
        <v>6589409</v>
      </c>
      <c r="P5883">
        <v>1</v>
      </c>
      <c r="Q5883">
        <v>1</v>
      </c>
      <c r="R5883" t="s">
        <v>30331</v>
      </c>
      <c r="S5883">
        <v>55</v>
      </c>
    </row>
    <row r="5884" spans="1:19" x14ac:dyDescent="0.25">
      <c r="A5884">
        <v>46982311</v>
      </c>
      <c r="B5884" t="s">
        <v>30332</v>
      </c>
      <c r="C5884" s="1" t="s">
        <v>30333</v>
      </c>
      <c r="E5884">
        <v>1</v>
      </c>
      <c r="F5884">
        <v>3</v>
      </c>
      <c r="H5884" t="s">
        <v>30334</v>
      </c>
      <c r="J5884" t="s">
        <v>30335</v>
      </c>
      <c r="K5884" t="s">
        <v>30336</v>
      </c>
      <c r="M5884">
        <v>8194837</v>
      </c>
      <c r="O5884">
        <v>6910700</v>
      </c>
      <c r="P5884">
        <v>1</v>
      </c>
      <c r="Q5884">
        <v>1</v>
      </c>
      <c r="R5884" t="s">
        <v>30337</v>
      </c>
      <c r="S5884">
        <v>354</v>
      </c>
    </row>
    <row r="5885" spans="1:19" x14ac:dyDescent="0.25">
      <c r="A5885">
        <v>43078030</v>
      </c>
      <c r="B5885" t="s">
        <v>30338</v>
      </c>
      <c r="C5885" s="1" t="s">
        <v>30339</v>
      </c>
      <c r="D5885">
        <v>43078210</v>
      </c>
      <c r="E5885">
        <v>2</v>
      </c>
      <c r="F5885">
        <v>0</v>
      </c>
      <c r="H5885" t="s">
        <v>30340</v>
      </c>
      <c r="J5885" t="s">
        <v>30341</v>
      </c>
      <c r="O5885">
        <v>4616787</v>
      </c>
      <c r="P5885">
        <v>1</v>
      </c>
      <c r="Q5885">
        <v>0</v>
      </c>
      <c r="R5885" t="s">
        <v>30342</v>
      </c>
      <c r="S5885">
        <v>50</v>
      </c>
    </row>
    <row r="5886" spans="1:19" x14ac:dyDescent="0.25">
      <c r="A5886">
        <v>44850373</v>
      </c>
      <c r="B5886" t="s">
        <v>30343</v>
      </c>
      <c r="C5886" s="1" t="s">
        <v>30344</v>
      </c>
      <c r="D5886">
        <v>44851482</v>
      </c>
      <c r="E5886">
        <v>1</v>
      </c>
      <c r="F5886">
        <v>0</v>
      </c>
      <c r="H5886" t="s">
        <v>30345</v>
      </c>
      <c r="J5886" t="s">
        <v>30346</v>
      </c>
      <c r="K5886" t="s">
        <v>30347</v>
      </c>
      <c r="M5886">
        <v>515377</v>
      </c>
      <c r="O5886">
        <v>515377</v>
      </c>
      <c r="P5886">
        <v>1</v>
      </c>
      <c r="Q5886">
        <v>1</v>
      </c>
      <c r="R5886" t="s">
        <v>30348</v>
      </c>
      <c r="S5886">
        <v>348</v>
      </c>
    </row>
    <row r="5887" spans="1:19" x14ac:dyDescent="0.25">
      <c r="A5887">
        <v>26145380</v>
      </c>
      <c r="B5887" t="s">
        <v>30349</v>
      </c>
      <c r="C5887" s="1" t="s">
        <v>30350</v>
      </c>
      <c r="E5887">
        <v>0</v>
      </c>
      <c r="F5887">
        <v>3</v>
      </c>
      <c r="H5887" t="s">
        <v>30351</v>
      </c>
      <c r="J5887" t="s">
        <v>30351</v>
      </c>
      <c r="O5887">
        <v>3744364</v>
      </c>
      <c r="P5887">
        <v>1</v>
      </c>
      <c r="Q5887">
        <v>1</v>
      </c>
      <c r="R5887" t="s">
        <v>30352</v>
      </c>
      <c r="S5887">
        <v>44</v>
      </c>
    </row>
    <row r="5888" spans="1:19" x14ac:dyDescent="0.25">
      <c r="A5888">
        <v>33517521</v>
      </c>
      <c r="B5888" t="s">
        <v>30353</v>
      </c>
      <c r="C5888" s="1" t="s">
        <v>30354</v>
      </c>
      <c r="D5888">
        <v>33517982</v>
      </c>
      <c r="E5888">
        <v>1</v>
      </c>
      <c r="F5888">
        <v>4</v>
      </c>
      <c r="H5888" t="s">
        <v>30355</v>
      </c>
      <c r="I5888">
        <v>1</v>
      </c>
      <c r="J5888" t="s">
        <v>30356</v>
      </c>
      <c r="K5888" t="s">
        <v>1083</v>
      </c>
      <c r="M5888">
        <v>-1</v>
      </c>
      <c r="O5888">
        <v>2377949</v>
      </c>
      <c r="P5888">
        <v>1</v>
      </c>
      <c r="Q5888">
        <v>1</v>
      </c>
      <c r="R5888" t="s">
        <v>30357</v>
      </c>
      <c r="S5888">
        <v>55</v>
      </c>
    </row>
    <row r="5889" spans="1:19" x14ac:dyDescent="0.25">
      <c r="A5889">
        <v>19698384</v>
      </c>
      <c r="B5889" t="s">
        <v>30358</v>
      </c>
      <c r="C5889" s="1" t="s">
        <v>30359</v>
      </c>
      <c r="D5889">
        <v>19698465</v>
      </c>
      <c r="E5889">
        <v>3</v>
      </c>
      <c r="F5889">
        <v>2</v>
      </c>
      <c r="H5889" t="s">
        <v>30360</v>
      </c>
      <c r="J5889" t="s">
        <v>30361</v>
      </c>
      <c r="O5889">
        <v>2939993</v>
      </c>
      <c r="P5889">
        <v>1</v>
      </c>
      <c r="Q5889">
        <v>1</v>
      </c>
      <c r="R5889" t="s">
        <v>30362</v>
      </c>
      <c r="S5889">
        <v>177</v>
      </c>
    </row>
    <row r="5890" spans="1:19" x14ac:dyDescent="0.25">
      <c r="A5890">
        <v>23678701</v>
      </c>
      <c r="B5890" t="s">
        <v>30363</v>
      </c>
      <c r="C5890" s="1" t="s">
        <v>30364</v>
      </c>
      <c r="D5890">
        <v>23687111</v>
      </c>
      <c r="E5890">
        <v>1</v>
      </c>
      <c r="F5890">
        <v>0</v>
      </c>
      <c r="H5890" t="s">
        <v>30365</v>
      </c>
      <c r="I5890">
        <v>2</v>
      </c>
      <c r="J5890" t="s">
        <v>30366</v>
      </c>
      <c r="O5890">
        <v>3629083</v>
      </c>
      <c r="P5890">
        <v>1</v>
      </c>
      <c r="Q5890">
        <v>3</v>
      </c>
      <c r="R5890" t="s">
        <v>30367</v>
      </c>
      <c r="S5890">
        <v>3675</v>
      </c>
    </row>
    <row r="5891" spans="1:19" x14ac:dyDescent="0.25">
      <c r="A5891">
        <v>35953241</v>
      </c>
      <c r="B5891" t="s">
        <v>30368</v>
      </c>
      <c r="C5891" s="1" t="s">
        <v>30369</v>
      </c>
      <c r="E5891">
        <v>3</v>
      </c>
      <c r="F5891">
        <v>0</v>
      </c>
      <c r="H5891" t="s">
        <v>30370</v>
      </c>
      <c r="J5891" t="s">
        <v>30371</v>
      </c>
      <c r="K5891" t="s">
        <v>30372</v>
      </c>
      <c r="M5891">
        <v>1163723</v>
      </c>
      <c r="O5891">
        <v>1163723</v>
      </c>
      <c r="P5891">
        <v>1</v>
      </c>
      <c r="Q5891">
        <v>2</v>
      </c>
      <c r="R5891" t="s">
        <v>30373</v>
      </c>
      <c r="S5891">
        <v>314</v>
      </c>
    </row>
    <row r="5892" spans="1:19" x14ac:dyDescent="0.25">
      <c r="A5892">
        <v>45836387</v>
      </c>
      <c r="B5892" t="s">
        <v>30374</v>
      </c>
      <c r="C5892" s="1" t="s">
        <v>30375</v>
      </c>
      <c r="E5892">
        <v>0</v>
      </c>
      <c r="F5892">
        <v>0</v>
      </c>
      <c r="H5892" t="s">
        <v>30376</v>
      </c>
      <c r="I5892">
        <v>1</v>
      </c>
      <c r="J5892" t="s">
        <v>30377</v>
      </c>
      <c r="K5892" t="s">
        <v>30377</v>
      </c>
      <c r="M5892">
        <v>1948252</v>
      </c>
      <c r="O5892">
        <v>1948252</v>
      </c>
      <c r="P5892">
        <v>1</v>
      </c>
      <c r="Q5892">
        <v>1</v>
      </c>
      <c r="R5892" t="s">
        <v>30378</v>
      </c>
      <c r="S5892">
        <v>1693</v>
      </c>
    </row>
    <row r="5893" spans="1:19" x14ac:dyDescent="0.25">
      <c r="A5893">
        <v>35412989</v>
      </c>
      <c r="B5893" t="s">
        <v>30379</v>
      </c>
      <c r="C5893" s="1" t="s">
        <v>30380</v>
      </c>
      <c r="E5893">
        <v>0</v>
      </c>
      <c r="F5893">
        <v>2</v>
      </c>
      <c r="H5893" t="s">
        <v>30381</v>
      </c>
      <c r="J5893" t="s">
        <v>30381</v>
      </c>
      <c r="O5893">
        <v>5930538</v>
      </c>
      <c r="P5893">
        <v>1</v>
      </c>
      <c r="Q5893">
        <v>1</v>
      </c>
      <c r="R5893" t="s">
        <v>30382</v>
      </c>
      <c r="S5893">
        <v>290</v>
      </c>
    </row>
    <row r="5894" spans="1:19" x14ac:dyDescent="0.25">
      <c r="A5894">
        <v>52872256</v>
      </c>
      <c r="B5894" t="s">
        <v>30383</v>
      </c>
      <c r="C5894" s="1" t="s">
        <v>30384</v>
      </c>
      <c r="E5894">
        <v>1</v>
      </c>
      <c r="F5894">
        <v>4</v>
      </c>
      <c r="H5894" t="s">
        <v>30385</v>
      </c>
      <c r="J5894" t="s">
        <v>30386</v>
      </c>
      <c r="K5894" t="s">
        <v>30386</v>
      </c>
      <c r="M5894">
        <v>8516503</v>
      </c>
      <c r="O5894">
        <v>8516503</v>
      </c>
      <c r="P5894">
        <v>1</v>
      </c>
      <c r="Q5894">
        <v>0</v>
      </c>
      <c r="R5894" t="s">
        <v>4586</v>
      </c>
      <c r="S5894">
        <v>32</v>
      </c>
    </row>
    <row r="5895" spans="1:19" x14ac:dyDescent="0.25">
      <c r="A5895">
        <v>43579248</v>
      </c>
      <c r="B5895" t="s">
        <v>30387</v>
      </c>
      <c r="C5895" s="1" t="s">
        <v>30388</v>
      </c>
      <c r="E5895">
        <v>1</v>
      </c>
      <c r="F5895">
        <v>3</v>
      </c>
      <c r="H5895" t="s">
        <v>30389</v>
      </c>
      <c r="I5895">
        <v>0</v>
      </c>
      <c r="J5895" t="s">
        <v>30390</v>
      </c>
      <c r="K5895" t="s">
        <v>30390</v>
      </c>
      <c r="M5895">
        <v>1000551</v>
      </c>
      <c r="O5895">
        <v>7688352</v>
      </c>
      <c r="P5895">
        <v>1</v>
      </c>
      <c r="Q5895">
        <v>0</v>
      </c>
      <c r="R5895" t="s">
        <v>30391</v>
      </c>
      <c r="S5895">
        <v>49</v>
      </c>
    </row>
    <row r="5896" spans="1:19" x14ac:dyDescent="0.25">
      <c r="A5896">
        <v>40987457</v>
      </c>
      <c r="B5896" t="s">
        <v>30392</v>
      </c>
      <c r="C5896" s="1" t="s">
        <v>30393</v>
      </c>
      <c r="E5896">
        <v>0</v>
      </c>
      <c r="F5896">
        <v>2</v>
      </c>
      <c r="H5896" t="s">
        <v>30394</v>
      </c>
      <c r="J5896" t="s">
        <v>30395</v>
      </c>
      <c r="N5896" t="s">
        <v>30396</v>
      </c>
      <c r="O5896">
        <v>945871</v>
      </c>
      <c r="P5896">
        <v>1</v>
      </c>
      <c r="Q5896">
        <v>0</v>
      </c>
      <c r="R5896" t="s">
        <v>30397</v>
      </c>
      <c r="S5896">
        <v>54</v>
      </c>
    </row>
    <row r="5897" spans="1:19" x14ac:dyDescent="0.25">
      <c r="A5897">
        <v>47403336</v>
      </c>
      <c r="B5897" t="s">
        <v>30398</v>
      </c>
      <c r="C5897" s="1" t="s">
        <v>30399</v>
      </c>
      <c r="E5897">
        <v>1</v>
      </c>
      <c r="F5897">
        <v>0</v>
      </c>
      <c r="H5897" t="s">
        <v>30400</v>
      </c>
      <c r="J5897" t="s">
        <v>30401</v>
      </c>
      <c r="K5897" t="s">
        <v>30402</v>
      </c>
      <c r="M5897">
        <v>8975164</v>
      </c>
      <c r="O5897">
        <v>8975164</v>
      </c>
      <c r="P5897">
        <v>1</v>
      </c>
      <c r="Q5897">
        <v>0</v>
      </c>
      <c r="R5897" t="s">
        <v>30403</v>
      </c>
      <c r="S5897">
        <v>382</v>
      </c>
    </row>
    <row r="5898" spans="1:19" x14ac:dyDescent="0.25">
      <c r="A5898">
        <v>36243097</v>
      </c>
      <c r="B5898" t="s">
        <v>30404</v>
      </c>
      <c r="C5898" s="1" t="s">
        <v>30405</v>
      </c>
      <c r="E5898">
        <v>0</v>
      </c>
      <c r="F5898">
        <v>3</v>
      </c>
      <c r="H5898" t="s">
        <v>30406</v>
      </c>
      <c r="J5898" t="s">
        <v>30407</v>
      </c>
      <c r="K5898" t="s">
        <v>30407</v>
      </c>
      <c r="M5898">
        <v>2366975</v>
      </c>
      <c r="O5898">
        <v>2366975</v>
      </c>
      <c r="P5898">
        <v>1</v>
      </c>
      <c r="Q5898">
        <v>0</v>
      </c>
      <c r="R5898" t="s">
        <v>30408</v>
      </c>
      <c r="S5898">
        <v>69</v>
      </c>
    </row>
    <row r="5899" spans="1:19" x14ac:dyDescent="0.25">
      <c r="A5899">
        <v>48743180</v>
      </c>
      <c r="B5899" t="s">
        <v>30409</v>
      </c>
      <c r="C5899" s="1" t="s">
        <v>30410</v>
      </c>
      <c r="D5899">
        <v>48761199</v>
      </c>
      <c r="E5899">
        <v>1</v>
      </c>
      <c r="F5899">
        <v>0</v>
      </c>
      <c r="H5899" t="s">
        <v>30411</v>
      </c>
      <c r="I5899">
        <v>0</v>
      </c>
      <c r="J5899" t="s">
        <v>30412</v>
      </c>
      <c r="K5899" t="s">
        <v>30413</v>
      </c>
      <c r="M5899">
        <v>880619</v>
      </c>
      <c r="O5899">
        <v>2965839</v>
      </c>
      <c r="P5899">
        <v>1</v>
      </c>
      <c r="Q5899">
        <v>0</v>
      </c>
      <c r="R5899" t="s">
        <v>30414</v>
      </c>
      <c r="S5899">
        <v>307</v>
      </c>
    </row>
    <row r="5900" spans="1:19" x14ac:dyDescent="0.25">
      <c r="A5900">
        <v>17454804</v>
      </c>
      <c r="B5900" t="s">
        <v>30415</v>
      </c>
      <c r="C5900" s="1" t="s">
        <v>30416</v>
      </c>
      <c r="D5900">
        <v>26113725</v>
      </c>
      <c r="E5900">
        <v>1</v>
      </c>
      <c r="F5900">
        <v>4</v>
      </c>
      <c r="H5900" t="s">
        <v>30417</v>
      </c>
      <c r="J5900" t="s">
        <v>30418</v>
      </c>
      <c r="K5900" t="s">
        <v>30419</v>
      </c>
      <c r="M5900">
        <v>528014</v>
      </c>
      <c r="O5900">
        <v>528014</v>
      </c>
      <c r="P5900">
        <v>1</v>
      </c>
      <c r="Q5900">
        <v>0</v>
      </c>
      <c r="R5900" t="s">
        <v>30420</v>
      </c>
      <c r="S5900">
        <v>164</v>
      </c>
    </row>
    <row r="5901" spans="1:19" x14ac:dyDescent="0.25">
      <c r="A5901">
        <v>13466556</v>
      </c>
      <c r="B5901" t="s">
        <v>30421</v>
      </c>
      <c r="C5901" s="1" t="s">
        <v>30422</v>
      </c>
      <c r="D5901">
        <v>14557329</v>
      </c>
      <c r="E5901">
        <v>1</v>
      </c>
      <c r="F5901">
        <v>3</v>
      </c>
      <c r="H5901" t="s">
        <v>30423</v>
      </c>
      <c r="I5901">
        <v>11</v>
      </c>
      <c r="J5901" t="s">
        <v>30424</v>
      </c>
      <c r="K5901" t="s">
        <v>30425</v>
      </c>
      <c r="M5901">
        <v>3614835</v>
      </c>
      <c r="O5901">
        <v>75002</v>
      </c>
      <c r="P5901">
        <v>1</v>
      </c>
      <c r="Q5901">
        <v>28</v>
      </c>
      <c r="R5901" t="s">
        <v>30426</v>
      </c>
      <c r="S5901">
        <v>1383</v>
      </c>
    </row>
    <row r="5902" spans="1:19" x14ac:dyDescent="0.25">
      <c r="A5902">
        <v>25551374</v>
      </c>
      <c r="B5902" t="s">
        <v>30427</v>
      </c>
      <c r="C5902" s="1" t="s">
        <v>30428</v>
      </c>
      <c r="D5902">
        <v>25551952</v>
      </c>
      <c r="E5902">
        <v>1</v>
      </c>
      <c r="F5902">
        <v>4</v>
      </c>
      <c r="H5902" t="s">
        <v>30429</v>
      </c>
      <c r="J5902" t="s">
        <v>30430</v>
      </c>
      <c r="K5902" t="s">
        <v>30431</v>
      </c>
      <c r="M5902">
        <v>2065720</v>
      </c>
      <c r="O5902">
        <v>2065720</v>
      </c>
      <c r="P5902">
        <v>1</v>
      </c>
      <c r="Q5902">
        <v>1</v>
      </c>
      <c r="R5902" t="s">
        <v>30432</v>
      </c>
      <c r="S5902">
        <v>2186</v>
      </c>
    </row>
    <row r="5903" spans="1:19" x14ac:dyDescent="0.25">
      <c r="A5903">
        <v>48916395</v>
      </c>
      <c r="B5903" t="s">
        <v>30433</v>
      </c>
      <c r="C5903" s="1" t="s">
        <v>30434</v>
      </c>
      <c r="E5903">
        <v>1</v>
      </c>
      <c r="F5903">
        <v>1</v>
      </c>
      <c r="H5903" t="s">
        <v>30435</v>
      </c>
      <c r="J5903" t="s">
        <v>30436</v>
      </c>
      <c r="K5903" t="s">
        <v>30437</v>
      </c>
      <c r="M5903">
        <v>9388391</v>
      </c>
      <c r="O5903">
        <v>9388391</v>
      </c>
      <c r="P5903">
        <v>1</v>
      </c>
      <c r="Q5903">
        <v>0</v>
      </c>
      <c r="R5903" t="s">
        <v>30438</v>
      </c>
      <c r="S5903">
        <v>22</v>
      </c>
    </row>
    <row r="5904" spans="1:19" x14ac:dyDescent="0.25">
      <c r="A5904">
        <v>31638229</v>
      </c>
      <c r="B5904" t="s">
        <v>30439</v>
      </c>
      <c r="C5904" s="1" t="s">
        <v>30440</v>
      </c>
      <c r="D5904">
        <v>31638255</v>
      </c>
      <c r="E5904">
        <v>2</v>
      </c>
      <c r="F5904">
        <v>1</v>
      </c>
      <c r="H5904" t="s">
        <v>30441</v>
      </c>
      <c r="J5904" t="s">
        <v>30442</v>
      </c>
      <c r="K5904" t="s">
        <v>30442</v>
      </c>
      <c r="M5904">
        <v>3563993</v>
      </c>
      <c r="O5904">
        <v>1517966</v>
      </c>
      <c r="P5904">
        <v>1</v>
      </c>
      <c r="Q5904">
        <v>-2</v>
      </c>
      <c r="R5904" t="s">
        <v>6962</v>
      </c>
      <c r="S5904">
        <v>790</v>
      </c>
    </row>
    <row r="5905" spans="1:19" x14ac:dyDescent="0.25">
      <c r="A5905">
        <v>9955236</v>
      </c>
      <c r="B5905" t="s">
        <v>30443</v>
      </c>
      <c r="C5905" s="1" t="s">
        <v>30444</v>
      </c>
      <c r="D5905">
        <v>9955541</v>
      </c>
      <c r="E5905">
        <v>4</v>
      </c>
      <c r="F5905">
        <v>1</v>
      </c>
      <c r="H5905" t="s">
        <v>30445</v>
      </c>
      <c r="I5905">
        <v>3</v>
      </c>
      <c r="J5905" t="s">
        <v>30446</v>
      </c>
      <c r="K5905" t="s">
        <v>30447</v>
      </c>
      <c r="M5905">
        <v>129570</v>
      </c>
      <c r="O5905">
        <v>881637</v>
      </c>
      <c r="P5905">
        <v>1</v>
      </c>
      <c r="Q5905">
        <v>4</v>
      </c>
      <c r="R5905" t="s">
        <v>30448</v>
      </c>
      <c r="S5905">
        <v>72927</v>
      </c>
    </row>
    <row r="5906" spans="1:19" x14ac:dyDescent="0.25">
      <c r="A5906">
        <v>446026</v>
      </c>
      <c r="B5906" t="s">
        <v>30449</v>
      </c>
      <c r="C5906" s="1" t="s">
        <v>30450</v>
      </c>
      <c r="D5906">
        <v>447991</v>
      </c>
      <c r="E5906">
        <v>7</v>
      </c>
      <c r="F5906">
        <v>4</v>
      </c>
      <c r="H5906" t="s">
        <v>30451</v>
      </c>
      <c r="I5906">
        <v>32</v>
      </c>
      <c r="J5906" t="s">
        <v>30452</v>
      </c>
      <c r="K5906" t="s">
        <v>30453</v>
      </c>
      <c r="L5906" t="s">
        <v>7450</v>
      </c>
      <c r="M5906">
        <v>10583</v>
      </c>
      <c r="N5906" t="s">
        <v>30454</v>
      </c>
      <c r="O5906">
        <v>10583</v>
      </c>
      <c r="P5906">
        <v>1</v>
      </c>
      <c r="Q5906">
        <v>42</v>
      </c>
      <c r="R5906" t="s">
        <v>30455</v>
      </c>
      <c r="S5906">
        <v>43021</v>
      </c>
    </row>
    <row r="5907" spans="1:19" x14ac:dyDescent="0.25">
      <c r="A5907">
        <v>21009583</v>
      </c>
      <c r="B5907" t="s">
        <v>30456</v>
      </c>
      <c r="C5907" t="s">
        <v>30457</v>
      </c>
      <c r="D5907">
        <v>21010731</v>
      </c>
      <c r="E5907">
        <v>4</v>
      </c>
      <c r="F5907">
        <v>0</v>
      </c>
      <c r="H5907" t="s">
        <v>30458</v>
      </c>
      <c r="I5907">
        <v>2</v>
      </c>
      <c r="J5907" t="s">
        <v>30459</v>
      </c>
      <c r="K5907" t="s">
        <v>30460</v>
      </c>
      <c r="M5907">
        <v>2294683</v>
      </c>
      <c r="O5907">
        <v>2294683</v>
      </c>
      <c r="P5907">
        <v>1</v>
      </c>
      <c r="Q5907">
        <v>10</v>
      </c>
      <c r="R5907" t="s">
        <v>30461</v>
      </c>
      <c r="S5907">
        <v>4887</v>
      </c>
    </row>
    <row r="5908" spans="1:19" x14ac:dyDescent="0.25">
      <c r="A5908">
        <v>35455120</v>
      </c>
      <c r="B5908" t="s">
        <v>30462</v>
      </c>
      <c r="C5908" s="1" t="s">
        <v>30463</v>
      </c>
      <c r="E5908">
        <v>1</v>
      </c>
      <c r="F5908">
        <v>3</v>
      </c>
      <c r="H5908" t="s">
        <v>30464</v>
      </c>
      <c r="J5908" t="s">
        <v>30465</v>
      </c>
      <c r="K5908" t="s">
        <v>30466</v>
      </c>
      <c r="M5908">
        <v>631652</v>
      </c>
      <c r="O5908">
        <v>631652</v>
      </c>
      <c r="P5908">
        <v>1</v>
      </c>
      <c r="Q5908">
        <v>0</v>
      </c>
      <c r="R5908" t="s">
        <v>30467</v>
      </c>
      <c r="S5908">
        <v>155</v>
      </c>
    </row>
    <row r="5909" spans="1:19" x14ac:dyDescent="0.25">
      <c r="A5909">
        <v>47866961</v>
      </c>
      <c r="B5909" t="s">
        <v>30468</v>
      </c>
      <c r="C5909" s="1" t="s">
        <v>30469</v>
      </c>
      <c r="E5909">
        <v>2</v>
      </c>
      <c r="F5909">
        <v>4</v>
      </c>
      <c r="H5909" t="s">
        <v>30470</v>
      </c>
      <c r="I5909">
        <v>2</v>
      </c>
      <c r="J5909" t="s">
        <v>30471</v>
      </c>
      <c r="K5909" t="s">
        <v>30471</v>
      </c>
      <c r="M5909">
        <v>7441189</v>
      </c>
      <c r="O5909">
        <v>7441189</v>
      </c>
      <c r="P5909">
        <v>1</v>
      </c>
      <c r="Q5909">
        <v>1</v>
      </c>
      <c r="R5909" t="s">
        <v>30472</v>
      </c>
      <c r="S5909">
        <v>780</v>
      </c>
    </row>
    <row r="5910" spans="1:19" x14ac:dyDescent="0.25">
      <c r="A5910">
        <v>50846559</v>
      </c>
      <c r="B5910" t="s">
        <v>30473</v>
      </c>
      <c r="C5910" s="1" t="s">
        <v>30474</v>
      </c>
      <c r="E5910">
        <v>1</v>
      </c>
      <c r="F5910">
        <v>1</v>
      </c>
      <c r="H5910" t="s">
        <v>30475</v>
      </c>
      <c r="J5910" t="s">
        <v>30476</v>
      </c>
      <c r="O5910">
        <v>2486827</v>
      </c>
      <c r="P5910">
        <v>1</v>
      </c>
      <c r="Q5910">
        <v>0</v>
      </c>
      <c r="R5910" t="s">
        <v>30477</v>
      </c>
      <c r="S5910">
        <v>29</v>
      </c>
    </row>
    <row r="5911" spans="1:19" x14ac:dyDescent="0.25">
      <c r="A5911">
        <v>6885551</v>
      </c>
      <c r="B5911" t="s">
        <v>30478</v>
      </c>
      <c r="C5911" s="1" t="s">
        <v>30479</v>
      </c>
      <c r="D5911">
        <v>6886230</v>
      </c>
      <c r="E5911">
        <v>1</v>
      </c>
      <c r="F5911">
        <v>8</v>
      </c>
      <c r="H5911" t="s">
        <v>30480</v>
      </c>
      <c r="I5911">
        <v>0</v>
      </c>
      <c r="J5911" t="s">
        <v>30481</v>
      </c>
      <c r="K5911" t="s">
        <v>30481</v>
      </c>
      <c r="M5911">
        <v>1033581</v>
      </c>
      <c r="O5911">
        <v>616225</v>
      </c>
      <c r="P5911">
        <v>1</v>
      </c>
      <c r="Q5911">
        <v>5</v>
      </c>
      <c r="R5911" t="s">
        <v>30482</v>
      </c>
      <c r="S5911">
        <v>1662</v>
      </c>
    </row>
    <row r="5912" spans="1:19" x14ac:dyDescent="0.25">
      <c r="A5912">
        <v>45660888</v>
      </c>
      <c r="B5912" t="s">
        <v>30483</v>
      </c>
      <c r="C5912" s="1" t="s">
        <v>30484</v>
      </c>
      <c r="D5912">
        <v>45675784</v>
      </c>
      <c r="E5912">
        <v>2</v>
      </c>
      <c r="F5912">
        <v>0</v>
      </c>
      <c r="H5912" t="s">
        <v>30485</v>
      </c>
      <c r="J5912" t="s">
        <v>30486</v>
      </c>
      <c r="K5912" t="s">
        <v>30486</v>
      </c>
      <c r="M5912">
        <v>1220269</v>
      </c>
      <c r="O5912">
        <v>8326714</v>
      </c>
      <c r="P5912">
        <v>1</v>
      </c>
      <c r="Q5912">
        <v>4</v>
      </c>
      <c r="R5912" t="s">
        <v>30487</v>
      </c>
      <c r="S5912">
        <v>141</v>
      </c>
    </row>
    <row r="5913" spans="1:19" x14ac:dyDescent="0.25">
      <c r="A5913">
        <v>3944592</v>
      </c>
      <c r="B5913" t="s">
        <v>30488</v>
      </c>
      <c r="C5913" s="1" t="s">
        <v>30489</v>
      </c>
      <c r="E5913">
        <v>0</v>
      </c>
      <c r="F5913">
        <v>0</v>
      </c>
      <c r="H5913" t="s">
        <v>30490</v>
      </c>
      <c r="J5913" t="s">
        <v>30491</v>
      </c>
      <c r="K5913" t="s">
        <v>30491</v>
      </c>
      <c r="M5913">
        <v>2051454</v>
      </c>
      <c r="O5913">
        <v>466997</v>
      </c>
      <c r="P5913">
        <v>1</v>
      </c>
      <c r="Q5913">
        <v>1</v>
      </c>
      <c r="R5913" t="s">
        <v>30492</v>
      </c>
      <c r="S5913">
        <v>756</v>
      </c>
    </row>
    <row r="5914" spans="1:19" x14ac:dyDescent="0.25">
      <c r="A5914">
        <v>45576404</v>
      </c>
      <c r="B5914" t="s">
        <v>30493</v>
      </c>
      <c r="C5914" s="1" t="s">
        <v>30494</v>
      </c>
      <c r="E5914">
        <v>2</v>
      </c>
      <c r="F5914">
        <v>6</v>
      </c>
      <c r="H5914" t="s">
        <v>30495</v>
      </c>
      <c r="J5914" t="s">
        <v>30496</v>
      </c>
      <c r="O5914">
        <v>6777162</v>
      </c>
      <c r="P5914">
        <v>1</v>
      </c>
      <c r="Q5914">
        <v>1</v>
      </c>
      <c r="R5914" t="s">
        <v>30497</v>
      </c>
      <c r="S5914">
        <v>434</v>
      </c>
    </row>
    <row r="5915" spans="1:19" x14ac:dyDescent="0.25">
      <c r="A5915">
        <v>35123847</v>
      </c>
      <c r="B5915" t="s">
        <v>30498</v>
      </c>
      <c r="C5915" s="1" t="s">
        <v>30499</v>
      </c>
      <c r="E5915">
        <v>1</v>
      </c>
      <c r="F5915">
        <v>2</v>
      </c>
      <c r="H5915" t="s">
        <v>30500</v>
      </c>
      <c r="J5915" t="s">
        <v>30501</v>
      </c>
      <c r="K5915" t="s">
        <v>30501</v>
      </c>
      <c r="M5915">
        <v>2173917</v>
      </c>
      <c r="O5915">
        <v>5866243</v>
      </c>
      <c r="P5915">
        <v>1</v>
      </c>
      <c r="Q5915">
        <v>3</v>
      </c>
      <c r="R5915" t="s">
        <v>30502</v>
      </c>
      <c r="S5915">
        <v>43</v>
      </c>
    </row>
    <row r="5916" spans="1:19" x14ac:dyDescent="0.25">
      <c r="A5916">
        <v>37845082</v>
      </c>
      <c r="B5916" t="s">
        <v>30503</v>
      </c>
      <c r="C5916" s="1" t="s">
        <v>30504</v>
      </c>
      <c r="E5916">
        <v>0</v>
      </c>
      <c r="F5916">
        <v>2</v>
      </c>
      <c r="H5916" t="s">
        <v>30505</v>
      </c>
      <c r="J5916" t="s">
        <v>30505</v>
      </c>
      <c r="O5916">
        <v>6471524</v>
      </c>
      <c r="P5916">
        <v>1</v>
      </c>
      <c r="Q5916">
        <v>0</v>
      </c>
      <c r="R5916" t="s">
        <v>5021</v>
      </c>
      <c r="S5916">
        <v>463</v>
      </c>
    </row>
    <row r="5917" spans="1:19" x14ac:dyDescent="0.25">
      <c r="A5917">
        <v>13776790</v>
      </c>
      <c r="B5917" t="s">
        <v>30506</v>
      </c>
      <c r="C5917" t="s">
        <v>30507</v>
      </c>
      <c r="E5917">
        <v>0</v>
      </c>
      <c r="F5917">
        <v>0</v>
      </c>
      <c r="H5917" t="s">
        <v>30508</v>
      </c>
      <c r="J5917" t="s">
        <v>30509</v>
      </c>
      <c r="K5917" t="s">
        <v>30509</v>
      </c>
      <c r="M5917">
        <v>569101</v>
      </c>
      <c r="O5917">
        <v>1887524</v>
      </c>
      <c r="P5917">
        <v>1</v>
      </c>
      <c r="Q5917">
        <v>1</v>
      </c>
      <c r="R5917" t="s">
        <v>30510</v>
      </c>
      <c r="S5917">
        <v>91</v>
      </c>
    </row>
    <row r="5918" spans="1:19" x14ac:dyDescent="0.25">
      <c r="A5918">
        <v>10464721</v>
      </c>
      <c r="B5918" t="s">
        <v>30511</v>
      </c>
      <c r="C5918" s="1" t="s">
        <v>30512</v>
      </c>
      <c r="D5918">
        <v>10464960</v>
      </c>
      <c r="E5918">
        <v>1</v>
      </c>
      <c r="F5918">
        <v>0</v>
      </c>
      <c r="H5918" t="s">
        <v>30513</v>
      </c>
      <c r="J5918" t="s">
        <v>30514</v>
      </c>
      <c r="O5918">
        <v>872344</v>
      </c>
      <c r="P5918">
        <v>1</v>
      </c>
      <c r="Q5918">
        <v>2</v>
      </c>
      <c r="R5918" t="s">
        <v>30515</v>
      </c>
      <c r="S5918">
        <v>555</v>
      </c>
    </row>
    <row r="5919" spans="1:19" x14ac:dyDescent="0.25">
      <c r="A5919">
        <v>23565206</v>
      </c>
      <c r="B5919" t="s">
        <v>30516</v>
      </c>
      <c r="C5919" t="s">
        <v>30517</v>
      </c>
      <c r="E5919">
        <v>1</v>
      </c>
      <c r="F5919">
        <v>1</v>
      </c>
      <c r="H5919" t="s">
        <v>30518</v>
      </c>
      <c r="J5919" t="s">
        <v>30519</v>
      </c>
      <c r="O5919">
        <v>759919</v>
      </c>
      <c r="P5919">
        <v>1</v>
      </c>
      <c r="Q5919">
        <v>0</v>
      </c>
      <c r="R5919" t="s">
        <v>30520</v>
      </c>
      <c r="S5919">
        <v>261</v>
      </c>
    </row>
    <row r="5920" spans="1:19" x14ac:dyDescent="0.25">
      <c r="A5920">
        <v>53536650</v>
      </c>
      <c r="B5920" t="s">
        <v>30521</v>
      </c>
      <c r="C5920" s="1" t="s">
        <v>30522</v>
      </c>
      <c r="E5920">
        <v>0</v>
      </c>
      <c r="F5920">
        <v>2</v>
      </c>
      <c r="H5920" t="s">
        <v>30523</v>
      </c>
      <c r="J5920" t="s">
        <v>30524</v>
      </c>
      <c r="K5920" t="s">
        <v>30524</v>
      </c>
      <c r="M5920">
        <v>2308683</v>
      </c>
      <c r="O5920">
        <v>9741036</v>
      </c>
      <c r="P5920">
        <v>1</v>
      </c>
      <c r="Q5920">
        <v>0</v>
      </c>
      <c r="R5920" t="s">
        <v>26807</v>
      </c>
      <c r="S5920">
        <v>13</v>
      </c>
    </row>
    <row r="5921" spans="1:19" x14ac:dyDescent="0.25">
      <c r="A5921">
        <v>40734882</v>
      </c>
      <c r="B5921" t="s">
        <v>30525</v>
      </c>
      <c r="C5921" s="1" t="s">
        <v>30526</v>
      </c>
      <c r="E5921">
        <v>1</v>
      </c>
      <c r="F5921">
        <v>2</v>
      </c>
      <c r="H5921" t="s">
        <v>30527</v>
      </c>
      <c r="J5921" t="s">
        <v>30528</v>
      </c>
      <c r="O5921">
        <v>1805575</v>
      </c>
      <c r="P5921">
        <v>1</v>
      </c>
      <c r="Q5921">
        <v>2</v>
      </c>
      <c r="R5921" t="s">
        <v>30529</v>
      </c>
      <c r="S5921">
        <v>198</v>
      </c>
    </row>
    <row r="5922" spans="1:19" x14ac:dyDescent="0.25">
      <c r="A5922">
        <v>25204283</v>
      </c>
      <c r="B5922" t="s">
        <v>30530</v>
      </c>
      <c r="C5922" s="1" t="s">
        <v>30531</v>
      </c>
      <c r="E5922">
        <v>0</v>
      </c>
      <c r="F5922">
        <v>0</v>
      </c>
      <c r="H5922" t="s">
        <v>30532</v>
      </c>
      <c r="J5922" t="s">
        <v>30532</v>
      </c>
      <c r="O5922">
        <v>3824893</v>
      </c>
      <c r="P5922">
        <v>1</v>
      </c>
      <c r="Q5922">
        <v>2</v>
      </c>
      <c r="R5922" t="s">
        <v>30533</v>
      </c>
      <c r="S5922">
        <v>420</v>
      </c>
    </row>
    <row r="5923" spans="1:19" x14ac:dyDescent="0.25">
      <c r="A5923">
        <v>50747192</v>
      </c>
      <c r="B5923" t="s">
        <v>30534</v>
      </c>
      <c r="C5923" s="1" t="s">
        <v>30535</v>
      </c>
      <c r="E5923">
        <v>0</v>
      </c>
      <c r="F5923">
        <v>0</v>
      </c>
      <c r="H5923" t="s">
        <v>30536</v>
      </c>
      <c r="I5923">
        <v>1</v>
      </c>
      <c r="J5923" t="s">
        <v>30537</v>
      </c>
      <c r="K5923" t="s">
        <v>30537</v>
      </c>
      <c r="M5923">
        <v>6525260</v>
      </c>
      <c r="O5923">
        <v>4957062</v>
      </c>
      <c r="P5923">
        <v>1</v>
      </c>
      <c r="Q5923">
        <v>0</v>
      </c>
      <c r="R5923" t="s">
        <v>30538</v>
      </c>
      <c r="S5923">
        <v>243</v>
      </c>
    </row>
    <row r="5924" spans="1:19" x14ac:dyDescent="0.25">
      <c r="A5924">
        <v>53495540</v>
      </c>
      <c r="B5924" t="s">
        <v>30539</v>
      </c>
      <c r="C5924" s="1" t="s">
        <v>30540</v>
      </c>
      <c r="E5924">
        <v>0</v>
      </c>
      <c r="F5924">
        <v>0</v>
      </c>
      <c r="H5924" t="s">
        <v>30541</v>
      </c>
      <c r="J5924" t="s">
        <v>30541</v>
      </c>
      <c r="O5924">
        <v>10710339</v>
      </c>
      <c r="P5924">
        <v>1</v>
      </c>
      <c r="Q5924">
        <v>0</v>
      </c>
      <c r="R5924" t="s">
        <v>30542</v>
      </c>
      <c r="S5924">
        <v>16</v>
      </c>
    </row>
    <row r="5925" spans="1:19" x14ac:dyDescent="0.25">
      <c r="A5925">
        <v>16273788</v>
      </c>
      <c r="B5925" t="s">
        <v>30543</v>
      </c>
      <c r="C5925" s="1" t="s">
        <v>30544</v>
      </c>
      <c r="D5925">
        <v>16273947</v>
      </c>
      <c r="E5925">
        <v>2</v>
      </c>
      <c r="F5925">
        <v>2</v>
      </c>
      <c r="H5925" t="s">
        <v>30545</v>
      </c>
      <c r="J5925" t="s">
        <v>30546</v>
      </c>
      <c r="K5925" t="s">
        <v>30547</v>
      </c>
      <c r="M5925">
        <v>674613</v>
      </c>
      <c r="O5925">
        <v>674613</v>
      </c>
      <c r="P5925">
        <v>1</v>
      </c>
      <c r="Q5925">
        <v>1</v>
      </c>
      <c r="R5925" t="s">
        <v>2494</v>
      </c>
      <c r="S5925">
        <v>6309</v>
      </c>
    </row>
    <row r="5926" spans="1:19" x14ac:dyDescent="0.25">
      <c r="A5926">
        <v>7049645</v>
      </c>
      <c r="B5926" t="s">
        <v>30548</v>
      </c>
      <c r="C5926" s="1" t="s">
        <v>30549</v>
      </c>
      <c r="D5926">
        <v>7049694</v>
      </c>
      <c r="E5926">
        <v>2</v>
      </c>
      <c r="F5926">
        <v>0</v>
      </c>
      <c r="H5926" t="s">
        <v>30550</v>
      </c>
      <c r="J5926" t="s">
        <v>30551</v>
      </c>
      <c r="O5926">
        <v>133584</v>
      </c>
      <c r="P5926">
        <v>1</v>
      </c>
      <c r="Q5926">
        <v>0</v>
      </c>
      <c r="R5926" t="s">
        <v>30552</v>
      </c>
      <c r="S5926">
        <v>704</v>
      </c>
    </row>
    <row r="5927" spans="1:19" x14ac:dyDescent="0.25">
      <c r="A5927">
        <v>38589424</v>
      </c>
      <c r="B5927" t="s">
        <v>30553</v>
      </c>
      <c r="C5927" s="1" t="s">
        <v>30554</v>
      </c>
      <c r="D5927">
        <v>38589462</v>
      </c>
      <c r="E5927">
        <v>5</v>
      </c>
      <c r="F5927">
        <v>3</v>
      </c>
      <c r="H5927" t="s">
        <v>30555</v>
      </c>
      <c r="I5927">
        <v>0</v>
      </c>
      <c r="J5927" t="s">
        <v>30556</v>
      </c>
      <c r="K5927" t="s">
        <v>30557</v>
      </c>
      <c r="M5927">
        <v>5366075</v>
      </c>
      <c r="O5927">
        <v>5366075</v>
      </c>
      <c r="P5927">
        <v>1</v>
      </c>
      <c r="Q5927">
        <v>0</v>
      </c>
      <c r="R5927" t="s">
        <v>3266</v>
      </c>
      <c r="S5927">
        <v>40</v>
      </c>
    </row>
    <row r="5928" spans="1:19" x14ac:dyDescent="0.25">
      <c r="A5928">
        <v>7551214</v>
      </c>
      <c r="B5928" t="s">
        <v>30558</v>
      </c>
      <c r="C5928" t="s">
        <v>30559</v>
      </c>
      <c r="D5928">
        <v>7551263</v>
      </c>
      <c r="E5928">
        <v>7</v>
      </c>
      <c r="F5928">
        <v>0</v>
      </c>
      <c r="H5928" t="s">
        <v>30560</v>
      </c>
      <c r="I5928">
        <v>2</v>
      </c>
      <c r="J5928" t="s">
        <v>30561</v>
      </c>
      <c r="K5928" t="s">
        <v>30562</v>
      </c>
      <c r="M5928">
        <v>168175</v>
      </c>
      <c r="O5928">
        <v>790581</v>
      </c>
      <c r="P5928">
        <v>1</v>
      </c>
      <c r="Q5928">
        <v>4</v>
      </c>
      <c r="R5928" t="s">
        <v>2771</v>
      </c>
      <c r="S5928">
        <v>34223</v>
      </c>
    </row>
    <row r="5929" spans="1:19" x14ac:dyDescent="0.25">
      <c r="A5929">
        <v>19733015</v>
      </c>
      <c r="B5929" t="s">
        <v>30563</v>
      </c>
      <c r="C5929" s="1" t="s">
        <v>30564</v>
      </c>
      <c r="E5929">
        <v>0</v>
      </c>
      <c r="F5929">
        <v>11</v>
      </c>
      <c r="H5929" t="s">
        <v>30565</v>
      </c>
      <c r="I5929">
        <v>1</v>
      </c>
      <c r="J5929" t="s">
        <v>30565</v>
      </c>
      <c r="O5929">
        <v>2821251</v>
      </c>
      <c r="P5929">
        <v>1</v>
      </c>
      <c r="Q5929">
        <v>0</v>
      </c>
      <c r="R5929" t="s">
        <v>30566</v>
      </c>
      <c r="S5929">
        <v>87</v>
      </c>
    </row>
    <row r="5930" spans="1:19" x14ac:dyDescent="0.25">
      <c r="A5930">
        <v>28968176</v>
      </c>
      <c r="B5930" t="s">
        <v>30567</v>
      </c>
      <c r="C5930" s="1" t="s">
        <v>30568</v>
      </c>
      <c r="D5930">
        <v>28968204</v>
      </c>
      <c r="E5930">
        <v>2</v>
      </c>
      <c r="F5930">
        <v>0</v>
      </c>
      <c r="H5930" t="s">
        <v>30569</v>
      </c>
      <c r="J5930" t="s">
        <v>30570</v>
      </c>
      <c r="O5930">
        <v>4165083</v>
      </c>
      <c r="P5930">
        <v>1</v>
      </c>
      <c r="Q5930">
        <v>0</v>
      </c>
      <c r="R5930" t="s">
        <v>30571</v>
      </c>
      <c r="S5930">
        <v>147</v>
      </c>
    </row>
    <row r="5931" spans="1:19" x14ac:dyDescent="0.25">
      <c r="A5931">
        <v>2986109</v>
      </c>
      <c r="B5931" t="s">
        <v>30572</v>
      </c>
      <c r="C5931" s="1" t="s">
        <v>30573</v>
      </c>
      <c r="E5931">
        <v>1</v>
      </c>
      <c r="F5931">
        <v>0</v>
      </c>
      <c r="H5931" t="s">
        <v>30574</v>
      </c>
      <c r="J5931" t="s">
        <v>30575</v>
      </c>
      <c r="O5931">
        <v>356133</v>
      </c>
      <c r="P5931">
        <v>1</v>
      </c>
      <c r="Q5931">
        <v>1</v>
      </c>
      <c r="R5931" t="s">
        <v>30576</v>
      </c>
      <c r="S5931">
        <v>341</v>
      </c>
    </row>
    <row r="5932" spans="1:19" x14ac:dyDescent="0.25">
      <c r="A5932">
        <v>44241019</v>
      </c>
      <c r="B5932" t="s">
        <v>30577</v>
      </c>
      <c r="C5932" s="1" t="s">
        <v>30578</v>
      </c>
      <c r="E5932">
        <v>0</v>
      </c>
      <c r="F5932">
        <v>4</v>
      </c>
      <c r="H5932" t="s">
        <v>30579</v>
      </c>
      <c r="J5932" t="s">
        <v>30579</v>
      </c>
      <c r="O5932">
        <v>4681749</v>
      </c>
      <c r="P5932">
        <v>1</v>
      </c>
      <c r="Q5932">
        <v>0</v>
      </c>
      <c r="R5932" t="s">
        <v>30580</v>
      </c>
      <c r="S5932">
        <v>188</v>
      </c>
    </row>
    <row r="5933" spans="1:19" x14ac:dyDescent="0.25">
      <c r="A5933">
        <v>36596909</v>
      </c>
      <c r="B5933" t="s">
        <v>30581</v>
      </c>
      <c r="C5933" s="1" t="s">
        <v>30582</v>
      </c>
      <c r="E5933">
        <v>1</v>
      </c>
      <c r="F5933">
        <v>0</v>
      </c>
      <c r="H5933" t="s">
        <v>30583</v>
      </c>
      <c r="J5933" t="s">
        <v>30584</v>
      </c>
      <c r="O5933">
        <v>5542292</v>
      </c>
      <c r="P5933">
        <v>1</v>
      </c>
      <c r="Q5933">
        <v>-1</v>
      </c>
      <c r="R5933" t="s">
        <v>30585</v>
      </c>
      <c r="S5933">
        <v>32</v>
      </c>
    </row>
    <row r="5934" spans="1:19" x14ac:dyDescent="0.25">
      <c r="A5934">
        <v>5879809</v>
      </c>
      <c r="B5934" t="s">
        <v>30586</v>
      </c>
      <c r="C5934" s="1" t="s">
        <v>30587</v>
      </c>
      <c r="E5934">
        <v>1</v>
      </c>
      <c r="F5934">
        <v>0</v>
      </c>
      <c r="H5934" t="s">
        <v>30588</v>
      </c>
      <c r="I5934">
        <v>1</v>
      </c>
      <c r="J5934" t="s">
        <v>30589</v>
      </c>
      <c r="O5934">
        <v>737424</v>
      </c>
      <c r="P5934">
        <v>1</v>
      </c>
      <c r="Q5934">
        <v>0</v>
      </c>
      <c r="R5934" t="s">
        <v>30590</v>
      </c>
      <c r="S5934">
        <v>321</v>
      </c>
    </row>
    <row r="5935" spans="1:19" x14ac:dyDescent="0.25">
      <c r="A5935">
        <v>22541364</v>
      </c>
      <c r="B5935" t="s">
        <v>30591</v>
      </c>
      <c r="C5935" s="1" t="s">
        <v>30592</v>
      </c>
      <c r="D5935">
        <v>22541783</v>
      </c>
      <c r="E5935">
        <v>5</v>
      </c>
      <c r="F5935">
        <v>1</v>
      </c>
      <c r="H5935" t="s">
        <v>30593</v>
      </c>
      <c r="I5935">
        <v>1</v>
      </c>
      <c r="J5935" t="s">
        <v>30594</v>
      </c>
      <c r="O5935">
        <v>3408490</v>
      </c>
      <c r="P5935">
        <v>1</v>
      </c>
      <c r="Q5935">
        <v>3</v>
      </c>
      <c r="R5935" t="s">
        <v>30595</v>
      </c>
      <c r="S5935">
        <v>18202</v>
      </c>
    </row>
    <row r="5936" spans="1:19" x14ac:dyDescent="0.25">
      <c r="A5936">
        <v>52017064</v>
      </c>
      <c r="B5936" t="s">
        <v>30596</v>
      </c>
      <c r="C5936" s="1" t="s">
        <v>30597</v>
      </c>
      <c r="E5936">
        <v>0</v>
      </c>
      <c r="F5936">
        <v>8</v>
      </c>
      <c r="H5936" t="s">
        <v>30598</v>
      </c>
      <c r="J5936" t="s">
        <v>30599</v>
      </c>
      <c r="K5936" t="s">
        <v>30599</v>
      </c>
      <c r="M5936">
        <v>10176340</v>
      </c>
      <c r="O5936">
        <v>10176340</v>
      </c>
      <c r="P5936">
        <v>1</v>
      </c>
      <c r="Q5936">
        <v>0</v>
      </c>
      <c r="R5936" t="s">
        <v>30600</v>
      </c>
      <c r="S5936">
        <v>47</v>
      </c>
    </row>
    <row r="5937" spans="1:19" x14ac:dyDescent="0.25">
      <c r="A5937">
        <v>52929192</v>
      </c>
      <c r="B5937" t="s">
        <v>30601</v>
      </c>
      <c r="C5937" s="1" t="s">
        <v>30602</v>
      </c>
      <c r="E5937">
        <v>1</v>
      </c>
      <c r="F5937">
        <v>1</v>
      </c>
      <c r="H5937" t="s">
        <v>30603</v>
      </c>
      <c r="J5937" t="s">
        <v>30604</v>
      </c>
      <c r="O5937">
        <v>9880276</v>
      </c>
      <c r="P5937">
        <v>1</v>
      </c>
      <c r="Q5937">
        <v>0</v>
      </c>
      <c r="R5937" t="s">
        <v>30605</v>
      </c>
      <c r="S5937">
        <v>38</v>
      </c>
    </row>
    <row r="5938" spans="1:19" x14ac:dyDescent="0.25">
      <c r="A5938">
        <v>45870896</v>
      </c>
      <c r="B5938" t="s">
        <v>30606</v>
      </c>
      <c r="C5938" t="s">
        <v>30607</v>
      </c>
      <c r="E5938">
        <v>1</v>
      </c>
      <c r="F5938">
        <v>5</v>
      </c>
      <c r="H5938" t="s">
        <v>30608</v>
      </c>
      <c r="J5938" t="s">
        <v>30609</v>
      </c>
      <c r="O5938">
        <v>1106593</v>
      </c>
      <c r="P5938">
        <v>1</v>
      </c>
      <c r="Q5938">
        <v>1</v>
      </c>
      <c r="R5938" t="s">
        <v>30610</v>
      </c>
      <c r="S5938">
        <v>438</v>
      </c>
    </row>
    <row r="5939" spans="1:19" x14ac:dyDescent="0.25">
      <c r="A5939">
        <v>47852981</v>
      </c>
      <c r="B5939" t="s">
        <v>30611</v>
      </c>
      <c r="C5939" s="1" t="s">
        <v>30612</v>
      </c>
      <c r="D5939">
        <v>47853082</v>
      </c>
      <c r="E5939">
        <v>2</v>
      </c>
      <c r="F5939">
        <v>1</v>
      </c>
      <c r="H5939" t="s">
        <v>30613</v>
      </c>
      <c r="J5939" t="s">
        <v>30614</v>
      </c>
      <c r="K5939" t="s">
        <v>30615</v>
      </c>
      <c r="M5939">
        <v>7942969</v>
      </c>
      <c r="O5939">
        <v>7942969</v>
      </c>
      <c r="P5939">
        <v>1</v>
      </c>
      <c r="Q5939">
        <v>1</v>
      </c>
      <c r="R5939" t="s">
        <v>30616</v>
      </c>
      <c r="S5939">
        <v>60</v>
      </c>
    </row>
    <row r="5940" spans="1:19" x14ac:dyDescent="0.25">
      <c r="A5940">
        <v>41292779</v>
      </c>
      <c r="B5940" t="s">
        <v>30617</v>
      </c>
      <c r="C5940" s="1" t="s">
        <v>30618</v>
      </c>
      <c r="D5940">
        <v>41293000</v>
      </c>
      <c r="E5940">
        <v>1</v>
      </c>
      <c r="F5940">
        <v>0</v>
      </c>
      <c r="H5940" t="s">
        <v>30619</v>
      </c>
      <c r="I5940">
        <v>1</v>
      </c>
      <c r="J5940" t="s">
        <v>30620</v>
      </c>
      <c r="O5940">
        <v>5614386</v>
      </c>
      <c r="P5940">
        <v>1</v>
      </c>
      <c r="Q5940">
        <v>1</v>
      </c>
      <c r="R5940" t="s">
        <v>30621</v>
      </c>
      <c r="S5940">
        <v>957</v>
      </c>
    </row>
    <row r="5941" spans="1:19" x14ac:dyDescent="0.25">
      <c r="A5941">
        <v>24605399</v>
      </c>
      <c r="B5941" t="s">
        <v>30622</v>
      </c>
      <c r="C5941" s="1" t="s">
        <v>30623</v>
      </c>
      <c r="E5941">
        <v>1</v>
      </c>
      <c r="F5941">
        <v>9</v>
      </c>
      <c r="H5941" t="s">
        <v>30624</v>
      </c>
      <c r="J5941" t="s">
        <v>30625</v>
      </c>
      <c r="K5941" t="s">
        <v>30625</v>
      </c>
      <c r="M5941">
        <v>1428606</v>
      </c>
      <c r="O5941">
        <v>3427340</v>
      </c>
      <c r="P5941">
        <v>1</v>
      </c>
      <c r="Q5941">
        <v>0</v>
      </c>
      <c r="R5941" t="s">
        <v>30626</v>
      </c>
      <c r="S5941">
        <v>148</v>
      </c>
    </row>
    <row r="5942" spans="1:19" x14ac:dyDescent="0.25">
      <c r="A5942">
        <v>33974319</v>
      </c>
      <c r="B5942" t="s">
        <v>30627</v>
      </c>
      <c r="C5942" s="1" t="s">
        <v>30628</v>
      </c>
      <c r="E5942">
        <v>2</v>
      </c>
      <c r="F5942">
        <v>0</v>
      </c>
      <c r="H5942" t="s">
        <v>30629</v>
      </c>
      <c r="J5942" t="s">
        <v>30630</v>
      </c>
      <c r="O5942">
        <v>1783483</v>
      </c>
      <c r="P5942">
        <v>1</v>
      </c>
      <c r="Q5942">
        <v>-1</v>
      </c>
      <c r="R5942" t="s">
        <v>30631</v>
      </c>
      <c r="S5942">
        <v>1451</v>
      </c>
    </row>
    <row r="5943" spans="1:19" x14ac:dyDescent="0.25">
      <c r="A5943">
        <v>33136828</v>
      </c>
      <c r="B5943" t="s">
        <v>30632</v>
      </c>
      <c r="C5943" s="1" t="s">
        <v>30633</v>
      </c>
      <c r="E5943">
        <v>0</v>
      </c>
      <c r="F5943">
        <v>7</v>
      </c>
      <c r="H5943" t="s">
        <v>30634</v>
      </c>
      <c r="J5943" t="s">
        <v>30634</v>
      </c>
      <c r="O5943">
        <v>5029983</v>
      </c>
      <c r="P5943">
        <v>1</v>
      </c>
      <c r="Q5943">
        <v>0</v>
      </c>
      <c r="R5943" t="s">
        <v>30635</v>
      </c>
      <c r="S5943">
        <v>105</v>
      </c>
    </row>
    <row r="5944" spans="1:19" x14ac:dyDescent="0.25">
      <c r="A5944">
        <v>5172134</v>
      </c>
      <c r="B5944" t="s">
        <v>30636</v>
      </c>
      <c r="C5944" s="1" t="s">
        <v>30637</v>
      </c>
      <c r="D5944">
        <v>5172192</v>
      </c>
      <c r="E5944">
        <v>3</v>
      </c>
      <c r="F5944">
        <v>3</v>
      </c>
      <c r="H5944" t="s">
        <v>30638</v>
      </c>
      <c r="I5944">
        <v>2</v>
      </c>
      <c r="J5944" t="s">
        <v>30639</v>
      </c>
      <c r="K5944" t="s">
        <v>30640</v>
      </c>
      <c r="M5944">
        <v>332100</v>
      </c>
      <c r="O5944">
        <v>1219</v>
      </c>
      <c r="P5944">
        <v>1</v>
      </c>
      <c r="Q5944">
        <v>4</v>
      </c>
      <c r="R5944" t="s">
        <v>30641</v>
      </c>
      <c r="S5944">
        <v>9237</v>
      </c>
    </row>
    <row r="5945" spans="1:19" x14ac:dyDescent="0.25">
      <c r="A5945">
        <v>25200516</v>
      </c>
      <c r="B5945" t="s">
        <v>30642</v>
      </c>
      <c r="C5945" s="1" t="s">
        <v>30643</v>
      </c>
      <c r="E5945">
        <v>2</v>
      </c>
      <c r="F5945">
        <v>1</v>
      </c>
      <c r="H5945" t="s">
        <v>30644</v>
      </c>
      <c r="J5945" t="s">
        <v>30645</v>
      </c>
      <c r="K5945" t="s">
        <v>30646</v>
      </c>
      <c r="M5945">
        <v>267</v>
      </c>
      <c r="O5945">
        <v>2470302</v>
      </c>
      <c r="P5945">
        <v>1</v>
      </c>
      <c r="Q5945">
        <v>3</v>
      </c>
      <c r="R5945" t="s">
        <v>30647</v>
      </c>
      <c r="S5945">
        <v>2468</v>
      </c>
    </row>
    <row r="5946" spans="1:19" x14ac:dyDescent="0.25">
      <c r="A5946">
        <v>7223081</v>
      </c>
      <c r="B5946" t="s">
        <v>30648</v>
      </c>
      <c r="C5946" s="1" t="s">
        <v>30649</v>
      </c>
      <c r="D5946">
        <v>7225379</v>
      </c>
      <c r="E5946">
        <v>2</v>
      </c>
      <c r="F5946">
        <v>0</v>
      </c>
      <c r="H5946" t="s">
        <v>30650</v>
      </c>
      <c r="I5946">
        <v>1</v>
      </c>
      <c r="J5946" t="s">
        <v>30651</v>
      </c>
      <c r="K5946" t="s">
        <v>30652</v>
      </c>
      <c r="M5946">
        <v>915672</v>
      </c>
      <c r="O5946">
        <v>915672</v>
      </c>
      <c r="P5946">
        <v>1</v>
      </c>
      <c r="Q5946">
        <v>1</v>
      </c>
      <c r="R5946" t="s">
        <v>30653</v>
      </c>
      <c r="S5946">
        <v>316</v>
      </c>
    </row>
    <row r="5947" spans="1:19" x14ac:dyDescent="0.25">
      <c r="A5947">
        <v>22443107</v>
      </c>
      <c r="B5947" t="s">
        <v>30654</v>
      </c>
      <c r="C5947" s="1" t="s">
        <v>30655</v>
      </c>
      <c r="E5947">
        <v>1</v>
      </c>
      <c r="F5947">
        <v>0</v>
      </c>
      <c r="H5947" t="s">
        <v>30656</v>
      </c>
      <c r="J5947" t="s">
        <v>30657</v>
      </c>
      <c r="K5947" t="s">
        <v>30658</v>
      </c>
      <c r="M5947">
        <v>256618</v>
      </c>
      <c r="O5947">
        <v>842626</v>
      </c>
      <c r="P5947">
        <v>1</v>
      </c>
      <c r="Q5947">
        <v>0</v>
      </c>
      <c r="R5947" t="s">
        <v>30659</v>
      </c>
      <c r="S5947">
        <v>668</v>
      </c>
    </row>
    <row r="5948" spans="1:19" x14ac:dyDescent="0.25">
      <c r="A5948">
        <v>40746476</v>
      </c>
      <c r="B5948" t="s">
        <v>30660</v>
      </c>
      <c r="C5948" s="1" t="s">
        <v>30661</v>
      </c>
      <c r="D5948">
        <v>40751243</v>
      </c>
      <c r="E5948">
        <v>2</v>
      </c>
      <c r="F5948">
        <v>3</v>
      </c>
      <c r="H5948" t="s">
        <v>30662</v>
      </c>
      <c r="J5948" t="s">
        <v>30663</v>
      </c>
      <c r="O5948">
        <v>2360413</v>
      </c>
      <c r="P5948">
        <v>1</v>
      </c>
      <c r="Q5948">
        <v>1</v>
      </c>
      <c r="R5948" t="s">
        <v>30664</v>
      </c>
      <c r="S5948">
        <v>749</v>
      </c>
    </row>
    <row r="5949" spans="1:19" x14ac:dyDescent="0.25">
      <c r="A5949">
        <v>50785179</v>
      </c>
      <c r="B5949" t="s">
        <v>30665</v>
      </c>
      <c r="C5949" s="1" t="s">
        <v>30666</v>
      </c>
      <c r="E5949">
        <v>0</v>
      </c>
      <c r="F5949">
        <v>2</v>
      </c>
      <c r="H5949" t="s">
        <v>30667</v>
      </c>
      <c r="J5949" t="s">
        <v>30667</v>
      </c>
      <c r="O5949">
        <v>2919849</v>
      </c>
      <c r="P5949">
        <v>1</v>
      </c>
      <c r="Q5949">
        <v>0</v>
      </c>
      <c r="R5949" t="s">
        <v>30668</v>
      </c>
      <c r="S5949">
        <v>101</v>
      </c>
    </row>
    <row r="5950" spans="1:19" x14ac:dyDescent="0.25">
      <c r="A5950">
        <v>10656271</v>
      </c>
      <c r="B5950" t="s">
        <v>30669</v>
      </c>
      <c r="C5950" s="1" t="s">
        <v>30670</v>
      </c>
      <c r="E5950">
        <v>1</v>
      </c>
      <c r="F5950">
        <v>1</v>
      </c>
      <c r="H5950" t="s">
        <v>30671</v>
      </c>
      <c r="J5950" t="s">
        <v>30672</v>
      </c>
      <c r="K5950" t="s">
        <v>30672</v>
      </c>
      <c r="M5950">
        <v>1403814</v>
      </c>
      <c r="O5950">
        <v>1403814</v>
      </c>
      <c r="P5950">
        <v>1</v>
      </c>
      <c r="Q5950">
        <v>0</v>
      </c>
      <c r="R5950" t="s">
        <v>2122</v>
      </c>
      <c r="S5950">
        <v>39</v>
      </c>
    </row>
    <row r="5951" spans="1:19" x14ac:dyDescent="0.25">
      <c r="A5951">
        <v>15926592</v>
      </c>
      <c r="B5951" t="s">
        <v>30673</v>
      </c>
      <c r="C5951" s="1" t="s">
        <v>30674</v>
      </c>
      <c r="D5951">
        <v>17739889</v>
      </c>
      <c r="E5951">
        <v>1</v>
      </c>
      <c r="F5951">
        <v>1</v>
      </c>
      <c r="H5951" t="s">
        <v>30675</v>
      </c>
      <c r="J5951" t="s">
        <v>30676</v>
      </c>
      <c r="K5951" t="s">
        <v>30677</v>
      </c>
      <c r="M5951">
        <v>445131</v>
      </c>
      <c r="O5951">
        <v>2075446</v>
      </c>
      <c r="P5951">
        <v>1</v>
      </c>
      <c r="Q5951">
        <v>1</v>
      </c>
      <c r="R5951" t="s">
        <v>30678</v>
      </c>
      <c r="S5951">
        <v>1781</v>
      </c>
    </row>
    <row r="5952" spans="1:19" x14ac:dyDescent="0.25">
      <c r="A5952">
        <v>21970486</v>
      </c>
      <c r="B5952" t="s">
        <v>30679</v>
      </c>
      <c r="C5952" s="1" t="s">
        <v>30680</v>
      </c>
      <c r="E5952">
        <v>1</v>
      </c>
      <c r="F5952">
        <v>2</v>
      </c>
      <c r="H5952" t="s">
        <v>30681</v>
      </c>
      <c r="J5952" t="s">
        <v>30682</v>
      </c>
      <c r="K5952" t="s">
        <v>30683</v>
      </c>
      <c r="M5952">
        <v>3158963</v>
      </c>
      <c r="O5952">
        <v>3158963</v>
      </c>
      <c r="P5952">
        <v>1</v>
      </c>
      <c r="Q5952">
        <v>0</v>
      </c>
      <c r="R5952" t="s">
        <v>30684</v>
      </c>
      <c r="S5952">
        <v>386</v>
      </c>
    </row>
    <row r="5953" spans="1:19" x14ac:dyDescent="0.25">
      <c r="A5953">
        <v>39277130</v>
      </c>
      <c r="B5953" t="s">
        <v>30685</v>
      </c>
      <c r="C5953" s="1" t="s">
        <v>30686</v>
      </c>
      <c r="D5953">
        <v>39277256</v>
      </c>
      <c r="E5953">
        <v>1</v>
      </c>
      <c r="F5953">
        <v>1</v>
      </c>
      <c r="H5953" t="s">
        <v>30687</v>
      </c>
      <c r="J5953" t="s">
        <v>30688</v>
      </c>
      <c r="K5953" t="s">
        <v>30688</v>
      </c>
      <c r="M5953">
        <v>6635387</v>
      </c>
      <c r="O5953">
        <v>6635387</v>
      </c>
      <c r="P5953">
        <v>1</v>
      </c>
      <c r="Q5953">
        <v>-3</v>
      </c>
      <c r="R5953" t="s">
        <v>30689</v>
      </c>
      <c r="S5953">
        <v>54</v>
      </c>
    </row>
    <row r="5954" spans="1:19" x14ac:dyDescent="0.25">
      <c r="A5954">
        <v>21915928</v>
      </c>
      <c r="B5954" t="s">
        <v>30690</v>
      </c>
      <c r="C5954" s="1" t="s">
        <v>30691</v>
      </c>
      <c r="D5954">
        <v>21917488</v>
      </c>
      <c r="E5954">
        <v>2</v>
      </c>
      <c r="F5954">
        <v>6</v>
      </c>
      <c r="H5954" t="s">
        <v>30692</v>
      </c>
      <c r="J5954" t="s">
        <v>30693</v>
      </c>
      <c r="K5954" t="s">
        <v>30693</v>
      </c>
      <c r="M5954">
        <v>6862601</v>
      </c>
      <c r="O5954">
        <v>108207</v>
      </c>
      <c r="P5954">
        <v>1</v>
      </c>
      <c r="Q5954">
        <v>2</v>
      </c>
      <c r="R5954" t="s">
        <v>30694</v>
      </c>
      <c r="S5954">
        <v>360</v>
      </c>
    </row>
    <row r="5955" spans="1:19" x14ac:dyDescent="0.25">
      <c r="A5955">
        <v>18039760</v>
      </c>
      <c r="B5955" t="s">
        <v>30695</v>
      </c>
      <c r="C5955" s="1" t="s">
        <v>30696</v>
      </c>
      <c r="D5955">
        <v>18051075</v>
      </c>
      <c r="E5955">
        <v>2</v>
      </c>
      <c r="F5955">
        <v>0</v>
      </c>
      <c r="H5955" t="s">
        <v>30697</v>
      </c>
      <c r="I5955">
        <v>0</v>
      </c>
      <c r="J5955" t="s">
        <v>30698</v>
      </c>
      <c r="K5955" t="s">
        <v>30699</v>
      </c>
      <c r="M5955">
        <v>635608</v>
      </c>
      <c r="O5955">
        <v>2095317</v>
      </c>
      <c r="P5955">
        <v>1</v>
      </c>
      <c r="Q5955">
        <v>2</v>
      </c>
      <c r="R5955" t="s">
        <v>30700</v>
      </c>
      <c r="S5955">
        <v>587</v>
      </c>
    </row>
    <row r="5956" spans="1:19" x14ac:dyDescent="0.25">
      <c r="A5956">
        <v>12340660</v>
      </c>
      <c r="B5956" t="s">
        <v>30701</v>
      </c>
      <c r="C5956" s="1" t="s">
        <v>30702</v>
      </c>
      <c r="D5956">
        <v>12340710</v>
      </c>
      <c r="E5956">
        <v>1</v>
      </c>
      <c r="F5956">
        <v>1</v>
      </c>
      <c r="H5956" t="s">
        <v>30703</v>
      </c>
      <c r="J5956" t="s">
        <v>30704</v>
      </c>
      <c r="K5956" t="s">
        <v>30705</v>
      </c>
      <c r="M5956">
        <v>1287557</v>
      </c>
      <c r="O5956">
        <v>1287557</v>
      </c>
      <c r="P5956">
        <v>1</v>
      </c>
      <c r="Q5956">
        <v>0</v>
      </c>
      <c r="R5956" t="s">
        <v>30706</v>
      </c>
      <c r="S5956">
        <v>8929</v>
      </c>
    </row>
    <row r="5957" spans="1:19" x14ac:dyDescent="0.25">
      <c r="A5957">
        <v>48698286</v>
      </c>
      <c r="B5957" t="s">
        <v>30707</v>
      </c>
      <c r="C5957" s="1" t="s">
        <v>30708</v>
      </c>
      <c r="D5957">
        <v>48715720</v>
      </c>
      <c r="E5957">
        <v>1</v>
      </c>
      <c r="F5957">
        <v>0</v>
      </c>
      <c r="H5957" t="s">
        <v>30709</v>
      </c>
      <c r="I5957">
        <v>6</v>
      </c>
      <c r="J5957" t="s">
        <v>30710</v>
      </c>
      <c r="O5957">
        <v>6936275</v>
      </c>
      <c r="P5957">
        <v>1</v>
      </c>
      <c r="Q5957">
        <v>0</v>
      </c>
      <c r="R5957" t="s">
        <v>30711</v>
      </c>
      <c r="S5957">
        <v>1440</v>
      </c>
    </row>
    <row r="5958" spans="1:19" x14ac:dyDescent="0.25">
      <c r="A5958">
        <v>47467038</v>
      </c>
      <c r="B5958" t="s">
        <v>30712</v>
      </c>
      <c r="C5958" s="1" t="s">
        <v>30713</v>
      </c>
      <c r="E5958">
        <v>0</v>
      </c>
      <c r="F5958">
        <v>1</v>
      </c>
      <c r="H5958" t="s">
        <v>30714</v>
      </c>
      <c r="J5958" t="s">
        <v>30714</v>
      </c>
      <c r="O5958">
        <v>2347438</v>
      </c>
      <c r="P5958">
        <v>1</v>
      </c>
      <c r="Q5958">
        <v>1</v>
      </c>
      <c r="R5958" t="s">
        <v>30715</v>
      </c>
      <c r="S5958">
        <v>108</v>
      </c>
    </row>
    <row r="5959" spans="1:19" x14ac:dyDescent="0.25">
      <c r="A5959">
        <v>33073740</v>
      </c>
      <c r="B5959" t="s">
        <v>30716</v>
      </c>
      <c r="C5959" s="1" t="s">
        <v>30717</v>
      </c>
      <c r="D5959">
        <v>33074816</v>
      </c>
      <c r="E5959">
        <v>2</v>
      </c>
      <c r="F5959">
        <v>2</v>
      </c>
      <c r="H5959" t="s">
        <v>30718</v>
      </c>
      <c r="J5959" t="s">
        <v>30719</v>
      </c>
      <c r="K5959" t="s">
        <v>30720</v>
      </c>
      <c r="M5959">
        <v>5295797</v>
      </c>
      <c r="O5959">
        <v>633579</v>
      </c>
      <c r="P5959">
        <v>1</v>
      </c>
      <c r="Q5959">
        <v>-2</v>
      </c>
      <c r="R5959" t="s">
        <v>30721</v>
      </c>
      <c r="S5959">
        <v>3064</v>
      </c>
    </row>
    <row r="5960" spans="1:19" x14ac:dyDescent="0.25">
      <c r="A5960">
        <v>45741204</v>
      </c>
      <c r="B5960" t="s">
        <v>30722</v>
      </c>
      <c r="C5960" s="1" t="s">
        <v>30723</v>
      </c>
      <c r="D5960">
        <v>45750512</v>
      </c>
      <c r="E5960">
        <v>2</v>
      </c>
      <c r="F5960">
        <v>0</v>
      </c>
      <c r="H5960" t="s">
        <v>30724</v>
      </c>
      <c r="J5960" t="s">
        <v>30725</v>
      </c>
      <c r="O5960">
        <v>6627071</v>
      </c>
      <c r="P5960">
        <v>1</v>
      </c>
      <c r="Q5960">
        <v>1</v>
      </c>
      <c r="R5960" t="s">
        <v>30726</v>
      </c>
      <c r="S5960">
        <v>991</v>
      </c>
    </row>
    <row r="5961" spans="1:19" x14ac:dyDescent="0.25">
      <c r="A5961">
        <v>52883449</v>
      </c>
      <c r="B5961" t="s">
        <v>30727</v>
      </c>
      <c r="C5961" s="1" t="s">
        <v>30728</v>
      </c>
      <c r="E5961">
        <v>0</v>
      </c>
      <c r="F5961">
        <v>1</v>
      </c>
      <c r="H5961" t="s">
        <v>30729</v>
      </c>
      <c r="J5961" t="s">
        <v>30730</v>
      </c>
      <c r="K5961" t="s">
        <v>30730</v>
      </c>
      <c r="M5961">
        <v>7117697</v>
      </c>
      <c r="O5961">
        <v>10162606</v>
      </c>
      <c r="P5961">
        <v>1</v>
      </c>
      <c r="Q5961">
        <v>0</v>
      </c>
      <c r="R5961" t="s">
        <v>30731</v>
      </c>
      <c r="S5961">
        <v>56</v>
      </c>
    </row>
    <row r="5962" spans="1:19" x14ac:dyDescent="0.25">
      <c r="A5962">
        <v>29844547</v>
      </c>
      <c r="B5962" t="s">
        <v>30732</v>
      </c>
      <c r="C5962" s="1" t="s">
        <v>30733</v>
      </c>
      <c r="E5962">
        <v>1</v>
      </c>
      <c r="F5962">
        <v>0</v>
      </c>
      <c r="H5962" t="s">
        <v>30734</v>
      </c>
      <c r="J5962" t="s">
        <v>30735</v>
      </c>
      <c r="K5962" t="s">
        <v>30735</v>
      </c>
      <c r="M5962">
        <v>3484470</v>
      </c>
      <c r="O5962">
        <v>3484470</v>
      </c>
      <c r="P5962">
        <v>1</v>
      </c>
      <c r="Q5962">
        <v>4</v>
      </c>
      <c r="R5962" t="s">
        <v>30736</v>
      </c>
      <c r="S5962">
        <v>413</v>
      </c>
    </row>
    <row r="5963" spans="1:19" x14ac:dyDescent="0.25">
      <c r="A5963">
        <v>20189628</v>
      </c>
      <c r="B5963" t="s">
        <v>30737</v>
      </c>
      <c r="C5963" s="1" t="s">
        <v>30738</v>
      </c>
      <c r="E5963">
        <v>4</v>
      </c>
      <c r="F5963">
        <v>0</v>
      </c>
      <c r="H5963" t="s">
        <v>30739</v>
      </c>
      <c r="I5963">
        <v>1</v>
      </c>
      <c r="J5963" t="s">
        <v>30740</v>
      </c>
      <c r="O5963">
        <v>3030851</v>
      </c>
      <c r="P5963">
        <v>1</v>
      </c>
      <c r="Q5963">
        <v>5</v>
      </c>
      <c r="R5963" t="s">
        <v>30741</v>
      </c>
      <c r="S5963">
        <v>1553</v>
      </c>
    </row>
    <row r="5964" spans="1:19" x14ac:dyDescent="0.25">
      <c r="A5964">
        <v>44731568</v>
      </c>
      <c r="B5964" t="s">
        <v>30742</v>
      </c>
      <c r="C5964" s="1" t="s">
        <v>30743</v>
      </c>
      <c r="E5964">
        <v>2</v>
      </c>
      <c r="F5964">
        <v>0</v>
      </c>
      <c r="H5964" t="s">
        <v>30744</v>
      </c>
      <c r="J5964" t="s">
        <v>30745</v>
      </c>
      <c r="K5964" t="s">
        <v>30746</v>
      </c>
      <c r="M5964">
        <v>7729051</v>
      </c>
      <c r="O5964">
        <v>7729051</v>
      </c>
      <c r="P5964">
        <v>1</v>
      </c>
      <c r="Q5964">
        <v>-2</v>
      </c>
      <c r="R5964" t="s">
        <v>14413</v>
      </c>
      <c r="S5964">
        <v>394</v>
      </c>
    </row>
    <row r="5965" spans="1:19" x14ac:dyDescent="0.25">
      <c r="A5965">
        <v>16975400</v>
      </c>
      <c r="B5965" t="s">
        <v>30747</v>
      </c>
      <c r="C5965" t="s">
        <v>30748</v>
      </c>
      <c r="E5965">
        <v>1</v>
      </c>
      <c r="F5965">
        <v>3</v>
      </c>
      <c r="H5965" t="s">
        <v>30749</v>
      </c>
      <c r="J5965" t="s">
        <v>30750</v>
      </c>
      <c r="O5965">
        <v>453985</v>
      </c>
      <c r="P5965">
        <v>1</v>
      </c>
      <c r="Q5965">
        <v>3</v>
      </c>
      <c r="R5965" t="s">
        <v>30751</v>
      </c>
      <c r="S5965">
        <v>364</v>
      </c>
    </row>
    <row r="5966" spans="1:19" x14ac:dyDescent="0.25">
      <c r="A5966">
        <v>17390558</v>
      </c>
      <c r="B5966" t="s">
        <v>30752</v>
      </c>
      <c r="C5966" s="1" t="s">
        <v>30753</v>
      </c>
      <c r="D5966">
        <v>17390570</v>
      </c>
      <c r="E5966">
        <v>3</v>
      </c>
      <c r="F5966">
        <v>1</v>
      </c>
      <c r="H5966" t="s">
        <v>30754</v>
      </c>
      <c r="J5966" t="s">
        <v>30755</v>
      </c>
      <c r="O5966">
        <v>2004452</v>
      </c>
      <c r="P5966">
        <v>1</v>
      </c>
      <c r="Q5966">
        <v>0</v>
      </c>
      <c r="R5966" t="s">
        <v>30756</v>
      </c>
      <c r="S5966">
        <v>460</v>
      </c>
    </row>
    <row r="5967" spans="1:19" x14ac:dyDescent="0.25">
      <c r="A5967">
        <v>24010272</v>
      </c>
      <c r="B5967" t="s">
        <v>30757</v>
      </c>
      <c r="C5967" s="1" t="s">
        <v>30758</v>
      </c>
      <c r="D5967">
        <v>24318823</v>
      </c>
      <c r="E5967">
        <v>3</v>
      </c>
      <c r="F5967">
        <v>1</v>
      </c>
      <c r="H5967" t="s">
        <v>30759</v>
      </c>
      <c r="I5967">
        <v>2</v>
      </c>
      <c r="J5967" t="s">
        <v>30760</v>
      </c>
      <c r="O5967">
        <v>2225141</v>
      </c>
      <c r="P5967">
        <v>1</v>
      </c>
      <c r="Q5967">
        <v>1</v>
      </c>
      <c r="R5967" t="s">
        <v>30761</v>
      </c>
      <c r="S5967">
        <v>7030</v>
      </c>
    </row>
    <row r="5968" spans="1:19" x14ac:dyDescent="0.25">
      <c r="A5968">
        <v>40986121</v>
      </c>
      <c r="B5968" t="s">
        <v>30762</v>
      </c>
      <c r="C5968" s="1" t="s">
        <v>30763</v>
      </c>
      <c r="D5968">
        <v>41411957</v>
      </c>
      <c r="E5968">
        <v>1</v>
      </c>
      <c r="F5968">
        <v>0</v>
      </c>
      <c r="H5968" t="s">
        <v>30764</v>
      </c>
      <c r="J5968" t="s">
        <v>30765</v>
      </c>
      <c r="K5968" t="s">
        <v>30766</v>
      </c>
      <c r="M5968">
        <v>5608195</v>
      </c>
      <c r="O5968">
        <v>5608195</v>
      </c>
      <c r="P5968">
        <v>1</v>
      </c>
      <c r="Q5968">
        <v>0</v>
      </c>
      <c r="R5968" t="s">
        <v>30767</v>
      </c>
      <c r="S5968">
        <v>74</v>
      </c>
    </row>
    <row r="5969" spans="1:19" x14ac:dyDescent="0.25">
      <c r="A5969">
        <v>44999523</v>
      </c>
      <c r="B5969" t="s">
        <v>30768</v>
      </c>
      <c r="C5969" s="1" t="s">
        <v>30769</v>
      </c>
      <c r="E5969">
        <v>1</v>
      </c>
      <c r="F5969">
        <v>0</v>
      </c>
      <c r="H5969" t="s">
        <v>30770</v>
      </c>
      <c r="J5969" t="s">
        <v>30771</v>
      </c>
      <c r="O5969">
        <v>3013679</v>
      </c>
      <c r="P5969">
        <v>1</v>
      </c>
      <c r="Q5969">
        <v>1</v>
      </c>
      <c r="R5969" t="s">
        <v>30772</v>
      </c>
      <c r="S5969">
        <v>41</v>
      </c>
    </row>
    <row r="5970" spans="1:19" x14ac:dyDescent="0.25">
      <c r="A5970">
        <v>22700282</v>
      </c>
      <c r="B5970" t="s">
        <v>30773</v>
      </c>
      <c r="C5970" s="1" t="s">
        <v>30774</v>
      </c>
      <c r="D5970">
        <v>22700644</v>
      </c>
      <c r="E5970">
        <v>1</v>
      </c>
      <c r="F5970">
        <v>2</v>
      </c>
      <c r="H5970" t="s">
        <v>30775</v>
      </c>
      <c r="J5970" t="s">
        <v>30776</v>
      </c>
      <c r="K5970" t="s">
        <v>30777</v>
      </c>
      <c r="M5970">
        <v>1545777</v>
      </c>
      <c r="O5970">
        <v>3470223</v>
      </c>
      <c r="P5970">
        <v>1</v>
      </c>
      <c r="Q5970">
        <v>0</v>
      </c>
      <c r="R5970" t="s">
        <v>30778</v>
      </c>
      <c r="S5970">
        <v>303</v>
      </c>
    </row>
    <row r="5971" spans="1:19" x14ac:dyDescent="0.25">
      <c r="A5971">
        <v>44323397</v>
      </c>
      <c r="B5971" t="s">
        <v>30779</v>
      </c>
      <c r="C5971" s="1" t="s">
        <v>30780</v>
      </c>
      <c r="D5971">
        <v>44447035</v>
      </c>
      <c r="E5971">
        <v>2</v>
      </c>
      <c r="F5971">
        <v>0</v>
      </c>
      <c r="H5971" t="s">
        <v>30781</v>
      </c>
      <c r="J5971" t="s">
        <v>30782</v>
      </c>
      <c r="O5971">
        <v>8101811</v>
      </c>
      <c r="P5971">
        <v>1</v>
      </c>
      <c r="Q5971">
        <v>1</v>
      </c>
      <c r="R5971" t="s">
        <v>30783</v>
      </c>
      <c r="S5971">
        <v>439</v>
      </c>
    </row>
    <row r="5972" spans="1:19" x14ac:dyDescent="0.25">
      <c r="A5972">
        <v>51531708</v>
      </c>
      <c r="B5972" t="s">
        <v>30784</v>
      </c>
      <c r="C5972" s="1" t="s">
        <v>30785</v>
      </c>
      <c r="E5972">
        <v>0</v>
      </c>
      <c r="F5972">
        <v>1</v>
      </c>
      <c r="H5972" t="s">
        <v>30786</v>
      </c>
      <c r="J5972" t="s">
        <v>30787</v>
      </c>
      <c r="K5972" t="s">
        <v>30787</v>
      </c>
      <c r="M5972">
        <v>5844818</v>
      </c>
      <c r="O5972">
        <v>5844818</v>
      </c>
      <c r="P5972">
        <v>1</v>
      </c>
      <c r="Q5972">
        <v>0</v>
      </c>
      <c r="R5972" t="s">
        <v>30788</v>
      </c>
      <c r="S5972">
        <v>37</v>
      </c>
    </row>
    <row r="5973" spans="1:19" x14ac:dyDescent="0.25">
      <c r="A5973">
        <v>28417864</v>
      </c>
      <c r="B5973" t="s">
        <v>30789</v>
      </c>
      <c r="C5973" s="1" t="s">
        <v>30790</v>
      </c>
      <c r="E5973">
        <v>1</v>
      </c>
      <c r="F5973">
        <v>0</v>
      </c>
      <c r="H5973" t="s">
        <v>30791</v>
      </c>
      <c r="J5973" t="s">
        <v>30792</v>
      </c>
      <c r="O5973">
        <v>734388</v>
      </c>
      <c r="P5973">
        <v>1</v>
      </c>
      <c r="Q5973">
        <v>0</v>
      </c>
      <c r="R5973" t="s">
        <v>30793</v>
      </c>
      <c r="S5973">
        <v>286</v>
      </c>
    </row>
    <row r="5974" spans="1:19" x14ac:dyDescent="0.25">
      <c r="A5974">
        <v>47205429</v>
      </c>
      <c r="B5974" t="s">
        <v>30794</v>
      </c>
      <c r="C5974" s="1" t="s">
        <v>30795</v>
      </c>
      <c r="E5974">
        <v>0</v>
      </c>
      <c r="F5974">
        <v>2</v>
      </c>
      <c r="H5974" t="s">
        <v>30796</v>
      </c>
      <c r="J5974" t="s">
        <v>30796</v>
      </c>
      <c r="O5974">
        <v>4068499</v>
      </c>
      <c r="P5974">
        <v>1</v>
      </c>
      <c r="Q5974">
        <v>0</v>
      </c>
      <c r="R5974" t="s">
        <v>30797</v>
      </c>
      <c r="S5974">
        <v>31</v>
      </c>
    </row>
    <row r="5975" spans="1:19" x14ac:dyDescent="0.25">
      <c r="A5975">
        <v>39007616</v>
      </c>
      <c r="B5975" t="s">
        <v>30798</v>
      </c>
      <c r="C5975" s="1" t="s">
        <v>30799</v>
      </c>
      <c r="E5975">
        <v>0</v>
      </c>
      <c r="F5975">
        <v>1</v>
      </c>
      <c r="H5975" t="s">
        <v>30800</v>
      </c>
      <c r="J5975" t="s">
        <v>30801</v>
      </c>
      <c r="K5975" t="s">
        <v>30802</v>
      </c>
      <c r="M5975">
        <v>1031454</v>
      </c>
      <c r="O5975">
        <v>1031454</v>
      </c>
      <c r="P5975">
        <v>1</v>
      </c>
      <c r="Q5975">
        <v>2</v>
      </c>
      <c r="R5975" t="s">
        <v>30803</v>
      </c>
      <c r="S5975">
        <v>62</v>
      </c>
    </row>
    <row r="5976" spans="1:19" x14ac:dyDescent="0.25">
      <c r="A5976">
        <v>32900020</v>
      </c>
      <c r="B5976" t="s">
        <v>30804</v>
      </c>
      <c r="C5976" s="1" t="s">
        <v>30805</v>
      </c>
      <c r="D5976">
        <v>32900039</v>
      </c>
      <c r="E5976">
        <v>1</v>
      </c>
      <c r="F5976">
        <v>2</v>
      </c>
      <c r="H5976" t="s">
        <v>30806</v>
      </c>
      <c r="J5976" t="s">
        <v>30807</v>
      </c>
      <c r="K5976" t="s">
        <v>30807</v>
      </c>
      <c r="M5976">
        <v>172999</v>
      </c>
      <c r="O5976">
        <v>706840</v>
      </c>
      <c r="P5976">
        <v>1</v>
      </c>
      <c r="Q5976">
        <v>0</v>
      </c>
      <c r="R5976" t="s">
        <v>7825</v>
      </c>
      <c r="S5976">
        <v>76</v>
      </c>
    </row>
    <row r="5977" spans="1:19" x14ac:dyDescent="0.25">
      <c r="A5977">
        <v>30402351</v>
      </c>
      <c r="B5977" t="s">
        <v>30808</v>
      </c>
      <c r="C5977" s="1" t="s">
        <v>30809</v>
      </c>
      <c r="D5977">
        <v>30415214</v>
      </c>
      <c r="E5977">
        <v>1</v>
      </c>
      <c r="F5977">
        <v>0</v>
      </c>
      <c r="H5977" t="s">
        <v>30810</v>
      </c>
      <c r="J5977" t="s">
        <v>30811</v>
      </c>
      <c r="K5977" t="s">
        <v>30812</v>
      </c>
      <c r="M5977">
        <v>4478047</v>
      </c>
      <c r="O5977">
        <v>4756141</v>
      </c>
      <c r="P5977">
        <v>1</v>
      </c>
      <c r="Q5977">
        <v>1</v>
      </c>
      <c r="R5977" t="s">
        <v>30813</v>
      </c>
      <c r="S5977">
        <v>95</v>
      </c>
    </row>
    <row r="5978" spans="1:19" x14ac:dyDescent="0.25">
      <c r="A5978">
        <v>1716578</v>
      </c>
      <c r="B5978" t="s">
        <v>30814</v>
      </c>
      <c r="C5978" t="s">
        <v>30815</v>
      </c>
      <c r="D5978">
        <v>1716711</v>
      </c>
      <c r="E5978">
        <v>2</v>
      </c>
      <c r="F5978">
        <v>3</v>
      </c>
      <c r="H5978" t="s">
        <v>30816</v>
      </c>
      <c r="J5978" t="s">
        <v>30817</v>
      </c>
      <c r="K5978" t="s">
        <v>30818</v>
      </c>
      <c r="M5978">
        <v>14167</v>
      </c>
      <c r="O5978">
        <v>58082</v>
      </c>
      <c r="P5978">
        <v>1</v>
      </c>
      <c r="Q5978">
        <v>1</v>
      </c>
      <c r="R5978" t="s">
        <v>30819</v>
      </c>
      <c r="S5978">
        <v>205</v>
      </c>
    </row>
    <row r="5979" spans="1:19" x14ac:dyDescent="0.25">
      <c r="A5979">
        <v>41032929</v>
      </c>
      <c r="B5979" t="s">
        <v>30820</v>
      </c>
      <c r="C5979" s="1" t="s">
        <v>30821</v>
      </c>
      <c r="E5979">
        <v>0</v>
      </c>
      <c r="F5979">
        <v>0</v>
      </c>
      <c r="H5979" t="s">
        <v>30822</v>
      </c>
      <c r="J5979" t="s">
        <v>30823</v>
      </c>
      <c r="K5979" t="s">
        <v>30823</v>
      </c>
      <c r="M5979">
        <v>5629037</v>
      </c>
      <c r="O5979">
        <v>5629037</v>
      </c>
      <c r="P5979">
        <v>1</v>
      </c>
      <c r="Q5979">
        <v>1</v>
      </c>
      <c r="R5979" t="s">
        <v>30824</v>
      </c>
      <c r="S5979">
        <v>173</v>
      </c>
    </row>
    <row r="5980" spans="1:19" x14ac:dyDescent="0.25">
      <c r="A5980">
        <v>43358232</v>
      </c>
      <c r="B5980" t="s">
        <v>30825</v>
      </c>
      <c r="C5980" s="1" t="s">
        <v>30826</v>
      </c>
      <c r="E5980">
        <v>1</v>
      </c>
      <c r="F5980">
        <v>3</v>
      </c>
      <c r="H5980" t="s">
        <v>30827</v>
      </c>
      <c r="J5980" t="s">
        <v>30828</v>
      </c>
      <c r="O5980">
        <v>2398998</v>
      </c>
      <c r="P5980">
        <v>1</v>
      </c>
      <c r="Q5980">
        <v>0</v>
      </c>
      <c r="R5980" t="s">
        <v>30829</v>
      </c>
      <c r="S5980">
        <v>427</v>
      </c>
    </row>
    <row r="5981" spans="1:19" x14ac:dyDescent="0.25">
      <c r="A5981">
        <v>47441840</v>
      </c>
      <c r="B5981" t="s">
        <v>30830</v>
      </c>
      <c r="C5981" s="1" t="s">
        <v>30831</v>
      </c>
      <c r="E5981">
        <v>0</v>
      </c>
      <c r="F5981">
        <v>5</v>
      </c>
      <c r="H5981" t="s">
        <v>30832</v>
      </c>
      <c r="J5981" t="s">
        <v>30833</v>
      </c>
      <c r="K5981" t="s">
        <v>30833</v>
      </c>
      <c r="M5981">
        <v>8353691</v>
      </c>
      <c r="O5981">
        <v>8353691</v>
      </c>
      <c r="P5981">
        <v>1</v>
      </c>
      <c r="Q5981">
        <v>0</v>
      </c>
      <c r="R5981" t="s">
        <v>30834</v>
      </c>
      <c r="S5981">
        <v>36</v>
      </c>
    </row>
    <row r="5982" spans="1:19" x14ac:dyDescent="0.25">
      <c r="A5982">
        <v>42592104</v>
      </c>
      <c r="B5982" t="s">
        <v>30835</v>
      </c>
      <c r="C5982" s="1" t="s">
        <v>30836</v>
      </c>
      <c r="E5982">
        <v>1</v>
      </c>
      <c r="F5982">
        <v>3</v>
      </c>
      <c r="H5982" t="s">
        <v>30837</v>
      </c>
      <c r="J5982" t="s">
        <v>30838</v>
      </c>
      <c r="N5982" t="s">
        <v>19576</v>
      </c>
      <c r="P5982">
        <v>1</v>
      </c>
      <c r="Q5982">
        <v>2</v>
      </c>
      <c r="R5982" t="s">
        <v>30839</v>
      </c>
      <c r="S5982">
        <v>319</v>
      </c>
    </row>
    <row r="5983" spans="1:19" x14ac:dyDescent="0.25">
      <c r="A5983">
        <v>19989332</v>
      </c>
      <c r="B5983" t="s">
        <v>30840</v>
      </c>
      <c r="C5983" s="1" t="s">
        <v>30841</v>
      </c>
      <c r="E5983">
        <v>1</v>
      </c>
      <c r="F5983">
        <v>0</v>
      </c>
      <c r="H5983" t="s">
        <v>30842</v>
      </c>
      <c r="J5983" t="s">
        <v>30843</v>
      </c>
      <c r="O5983">
        <v>1354997</v>
      </c>
      <c r="P5983">
        <v>1</v>
      </c>
      <c r="Q5983">
        <v>1</v>
      </c>
      <c r="R5983" t="s">
        <v>30844</v>
      </c>
      <c r="S5983">
        <v>201</v>
      </c>
    </row>
    <row r="5984" spans="1:19" x14ac:dyDescent="0.25">
      <c r="A5984">
        <v>22996016</v>
      </c>
      <c r="B5984" t="s">
        <v>30845</v>
      </c>
      <c r="C5984" s="1" t="s">
        <v>30846</v>
      </c>
      <c r="D5984">
        <v>22996643</v>
      </c>
      <c r="E5984">
        <v>1</v>
      </c>
      <c r="F5984">
        <v>0</v>
      </c>
      <c r="H5984" t="s">
        <v>30847</v>
      </c>
      <c r="J5984" t="s">
        <v>30848</v>
      </c>
      <c r="O5984">
        <v>1354248</v>
      </c>
      <c r="P5984">
        <v>1</v>
      </c>
      <c r="Q5984">
        <v>1</v>
      </c>
      <c r="R5984" t="s">
        <v>30849</v>
      </c>
      <c r="S5984">
        <v>372</v>
      </c>
    </row>
    <row r="5985" spans="1:19" x14ac:dyDescent="0.25">
      <c r="A5985">
        <v>10818153</v>
      </c>
      <c r="B5985" t="s">
        <v>30850</v>
      </c>
      <c r="C5985" s="1" t="s">
        <v>30851</v>
      </c>
      <c r="E5985">
        <v>2</v>
      </c>
      <c r="F5985">
        <v>0</v>
      </c>
      <c r="H5985" t="s">
        <v>30852</v>
      </c>
      <c r="J5985" t="s">
        <v>30853</v>
      </c>
      <c r="K5985" t="s">
        <v>30854</v>
      </c>
      <c r="M5985">
        <v>409579</v>
      </c>
      <c r="O5985">
        <v>409579</v>
      </c>
      <c r="P5985">
        <v>1</v>
      </c>
      <c r="Q5985">
        <v>0</v>
      </c>
      <c r="R5985" t="s">
        <v>30855</v>
      </c>
      <c r="S5985">
        <v>3691</v>
      </c>
    </row>
    <row r="5986" spans="1:19" x14ac:dyDescent="0.25">
      <c r="A5986">
        <v>5693324</v>
      </c>
      <c r="B5986" t="s">
        <v>30856</v>
      </c>
      <c r="C5986" s="1" t="s">
        <v>30857</v>
      </c>
      <c r="E5986">
        <v>1</v>
      </c>
      <c r="F5986">
        <v>0</v>
      </c>
      <c r="H5986" t="s">
        <v>30858</v>
      </c>
      <c r="J5986" t="s">
        <v>30859</v>
      </c>
      <c r="O5986">
        <v>8741</v>
      </c>
      <c r="P5986">
        <v>1</v>
      </c>
      <c r="Q5986">
        <v>1</v>
      </c>
      <c r="R5986" t="s">
        <v>30860</v>
      </c>
      <c r="S5986">
        <v>408</v>
      </c>
    </row>
    <row r="5987" spans="1:19" x14ac:dyDescent="0.25">
      <c r="A5987">
        <v>51304322</v>
      </c>
      <c r="B5987" t="s">
        <v>30861</v>
      </c>
      <c r="C5987" s="1" t="s">
        <v>30862</v>
      </c>
      <c r="E5987">
        <v>1</v>
      </c>
      <c r="F5987">
        <v>6</v>
      </c>
      <c r="H5987" t="s">
        <v>30863</v>
      </c>
      <c r="J5987" t="s">
        <v>30864</v>
      </c>
      <c r="O5987">
        <v>9445999</v>
      </c>
      <c r="P5987">
        <v>1</v>
      </c>
      <c r="Q5987">
        <v>0</v>
      </c>
      <c r="R5987" t="s">
        <v>30865</v>
      </c>
      <c r="S5987">
        <v>32</v>
      </c>
    </row>
    <row r="5988" spans="1:19" x14ac:dyDescent="0.25">
      <c r="A5988">
        <v>51041465</v>
      </c>
      <c r="B5988" t="s">
        <v>30866</v>
      </c>
      <c r="C5988" s="1" t="s">
        <v>30867</v>
      </c>
      <c r="D5988">
        <v>51053867</v>
      </c>
      <c r="E5988">
        <v>1</v>
      </c>
      <c r="F5988">
        <v>0</v>
      </c>
      <c r="H5988" t="s">
        <v>30868</v>
      </c>
      <c r="J5988" t="s">
        <v>30869</v>
      </c>
      <c r="O5988">
        <v>9055796</v>
      </c>
      <c r="P5988">
        <v>1</v>
      </c>
      <c r="Q5988">
        <v>0</v>
      </c>
      <c r="R5988" t="s">
        <v>30870</v>
      </c>
      <c r="S5988">
        <v>37</v>
      </c>
    </row>
    <row r="5989" spans="1:19" x14ac:dyDescent="0.25">
      <c r="A5989">
        <v>24346668</v>
      </c>
      <c r="B5989" t="s">
        <v>30871</v>
      </c>
      <c r="C5989" s="1" t="s">
        <v>30872</v>
      </c>
      <c r="D5989">
        <v>24346734</v>
      </c>
      <c r="E5989">
        <v>1</v>
      </c>
      <c r="F5989">
        <v>2</v>
      </c>
      <c r="H5989" t="s">
        <v>30873</v>
      </c>
      <c r="I5989">
        <v>1</v>
      </c>
      <c r="J5989" t="s">
        <v>30874</v>
      </c>
      <c r="K5989" t="s">
        <v>30874</v>
      </c>
      <c r="M5989">
        <v>2666859</v>
      </c>
      <c r="O5989">
        <v>3076234</v>
      </c>
      <c r="P5989">
        <v>1</v>
      </c>
      <c r="Q5989">
        <v>2</v>
      </c>
      <c r="R5989" t="s">
        <v>1446</v>
      </c>
      <c r="S5989">
        <v>8544</v>
      </c>
    </row>
    <row r="5990" spans="1:19" x14ac:dyDescent="0.25">
      <c r="A5990">
        <v>15769500</v>
      </c>
      <c r="B5990" t="s">
        <v>30875</v>
      </c>
      <c r="C5990" s="1" t="s">
        <v>30876</v>
      </c>
      <c r="D5990">
        <v>15769553</v>
      </c>
      <c r="E5990">
        <v>1</v>
      </c>
      <c r="F5990">
        <v>1</v>
      </c>
      <c r="H5990" t="s">
        <v>30877</v>
      </c>
      <c r="J5990" t="s">
        <v>30878</v>
      </c>
      <c r="O5990">
        <v>2236890</v>
      </c>
      <c r="P5990">
        <v>1</v>
      </c>
      <c r="Q5990">
        <v>0</v>
      </c>
      <c r="R5990" t="s">
        <v>30879</v>
      </c>
      <c r="S5990">
        <v>91</v>
      </c>
    </row>
    <row r="5991" spans="1:19" x14ac:dyDescent="0.25">
      <c r="A5991">
        <v>5252943</v>
      </c>
      <c r="B5991" t="s">
        <v>30880</v>
      </c>
      <c r="C5991" s="1" t="s">
        <v>30881</v>
      </c>
      <c r="D5991">
        <v>5252990</v>
      </c>
      <c r="E5991">
        <v>4</v>
      </c>
      <c r="F5991">
        <v>2</v>
      </c>
      <c r="H5991" t="s">
        <v>30882</v>
      </c>
      <c r="I5991">
        <v>7</v>
      </c>
      <c r="J5991" t="s">
        <v>30883</v>
      </c>
      <c r="K5991" t="s">
        <v>30883</v>
      </c>
      <c r="M5991">
        <v>396133</v>
      </c>
      <c r="O5991">
        <v>396133</v>
      </c>
      <c r="P5991">
        <v>1</v>
      </c>
      <c r="Q5991">
        <v>19</v>
      </c>
      <c r="R5991" t="s">
        <v>30884</v>
      </c>
      <c r="S5991">
        <v>13826</v>
      </c>
    </row>
    <row r="5992" spans="1:19" x14ac:dyDescent="0.25">
      <c r="A5992">
        <v>48008076</v>
      </c>
      <c r="B5992" t="s">
        <v>30885</v>
      </c>
      <c r="C5992" s="1" t="s">
        <v>30886</v>
      </c>
      <c r="D5992">
        <v>48009013</v>
      </c>
      <c r="E5992">
        <v>1</v>
      </c>
      <c r="F5992">
        <v>2</v>
      </c>
      <c r="H5992" t="s">
        <v>30887</v>
      </c>
      <c r="J5992" t="s">
        <v>30888</v>
      </c>
      <c r="K5992" t="s">
        <v>30889</v>
      </c>
      <c r="M5992">
        <v>5315974</v>
      </c>
      <c r="O5992">
        <v>9149353</v>
      </c>
      <c r="P5992">
        <v>1</v>
      </c>
      <c r="Q5992">
        <v>0</v>
      </c>
      <c r="R5992" t="s">
        <v>30890</v>
      </c>
      <c r="S5992">
        <v>81</v>
      </c>
    </row>
    <row r="5993" spans="1:19" x14ac:dyDescent="0.25">
      <c r="A5993">
        <v>31720756</v>
      </c>
      <c r="B5993" t="s">
        <v>30891</v>
      </c>
      <c r="C5993" s="1" t="s">
        <v>30892</v>
      </c>
      <c r="E5993">
        <v>1</v>
      </c>
      <c r="F5993">
        <v>8</v>
      </c>
      <c r="H5993" t="s">
        <v>30893</v>
      </c>
      <c r="J5993" t="s">
        <v>30894</v>
      </c>
      <c r="K5993" t="s">
        <v>30894</v>
      </c>
      <c r="M5993">
        <v>2776146</v>
      </c>
      <c r="O5993">
        <v>3872779</v>
      </c>
      <c r="P5993">
        <v>1</v>
      </c>
      <c r="Q5993">
        <v>-4</v>
      </c>
      <c r="R5993" t="s">
        <v>819</v>
      </c>
      <c r="S5993">
        <v>50</v>
      </c>
    </row>
    <row r="5994" spans="1:19" x14ac:dyDescent="0.25">
      <c r="A5994">
        <v>28096579</v>
      </c>
      <c r="B5994" t="s">
        <v>30895</v>
      </c>
      <c r="C5994" s="1" t="s">
        <v>30896</v>
      </c>
      <c r="E5994">
        <v>1</v>
      </c>
      <c r="F5994">
        <v>0</v>
      </c>
      <c r="H5994" t="s">
        <v>30897</v>
      </c>
      <c r="J5994" t="s">
        <v>30898</v>
      </c>
      <c r="O5994">
        <v>3138101</v>
      </c>
      <c r="P5994">
        <v>1</v>
      </c>
      <c r="Q5994">
        <v>0</v>
      </c>
      <c r="R5994" t="s">
        <v>30899</v>
      </c>
      <c r="S5994">
        <v>152</v>
      </c>
    </row>
    <row r="5995" spans="1:19" x14ac:dyDescent="0.25">
      <c r="A5995">
        <v>28945755</v>
      </c>
      <c r="B5995" t="s">
        <v>30900</v>
      </c>
      <c r="C5995" s="1" t="s">
        <v>30901</v>
      </c>
      <c r="D5995">
        <v>28950113</v>
      </c>
      <c r="E5995">
        <v>2</v>
      </c>
      <c r="F5995">
        <v>4</v>
      </c>
      <c r="H5995" t="s">
        <v>30902</v>
      </c>
      <c r="J5995" t="s">
        <v>30903</v>
      </c>
      <c r="K5995" t="s">
        <v>30904</v>
      </c>
      <c r="M5995">
        <v>2317675</v>
      </c>
      <c r="O5995">
        <v>228202</v>
      </c>
      <c r="P5995">
        <v>1</v>
      </c>
      <c r="Q5995">
        <v>0</v>
      </c>
      <c r="R5995" t="s">
        <v>30905</v>
      </c>
      <c r="S5995">
        <v>117</v>
      </c>
    </row>
    <row r="5996" spans="1:19" x14ac:dyDescent="0.25">
      <c r="A5996">
        <v>24980525</v>
      </c>
      <c r="B5996" t="s">
        <v>30906</v>
      </c>
      <c r="C5996" s="1" t="s">
        <v>30907</v>
      </c>
      <c r="E5996">
        <v>1</v>
      </c>
      <c r="F5996">
        <v>11</v>
      </c>
      <c r="H5996" t="s">
        <v>30908</v>
      </c>
      <c r="J5996" t="s">
        <v>30909</v>
      </c>
      <c r="K5996" t="s">
        <v>30909</v>
      </c>
      <c r="M5996">
        <v>1573772</v>
      </c>
      <c r="O5996">
        <v>1573772</v>
      </c>
      <c r="P5996">
        <v>1</v>
      </c>
      <c r="Q5996">
        <v>7</v>
      </c>
      <c r="R5996" t="s">
        <v>30910</v>
      </c>
      <c r="S5996">
        <v>5264</v>
      </c>
    </row>
    <row r="5997" spans="1:19" x14ac:dyDescent="0.25">
      <c r="A5997">
        <v>18757308</v>
      </c>
      <c r="B5997" t="s">
        <v>30911</v>
      </c>
      <c r="C5997" s="1" t="s">
        <v>30912</v>
      </c>
      <c r="E5997">
        <v>2</v>
      </c>
      <c r="F5997">
        <v>0</v>
      </c>
      <c r="H5997" t="s">
        <v>30913</v>
      </c>
      <c r="J5997" t="s">
        <v>30914</v>
      </c>
      <c r="O5997">
        <v>2504304</v>
      </c>
      <c r="P5997">
        <v>1</v>
      </c>
      <c r="Q5997">
        <v>0</v>
      </c>
      <c r="R5997" t="s">
        <v>30915</v>
      </c>
      <c r="S5997">
        <v>429</v>
      </c>
    </row>
    <row r="5998" spans="1:19" x14ac:dyDescent="0.25">
      <c r="A5998">
        <v>48162745</v>
      </c>
      <c r="B5998" t="s">
        <v>30916</v>
      </c>
      <c r="C5998" s="1" t="s">
        <v>30917</v>
      </c>
      <c r="E5998">
        <v>1</v>
      </c>
      <c r="F5998">
        <v>2</v>
      </c>
      <c r="H5998" t="s">
        <v>30918</v>
      </c>
      <c r="J5998" t="s">
        <v>30919</v>
      </c>
      <c r="O5998">
        <v>7463794</v>
      </c>
      <c r="P5998">
        <v>1</v>
      </c>
      <c r="Q5998">
        <v>-2</v>
      </c>
      <c r="R5998" t="s">
        <v>30920</v>
      </c>
      <c r="S5998">
        <v>65</v>
      </c>
    </row>
    <row r="5999" spans="1:19" x14ac:dyDescent="0.25">
      <c r="A5999">
        <v>21647831</v>
      </c>
      <c r="B5999" t="s">
        <v>30921</v>
      </c>
      <c r="C5999" s="1" t="s">
        <v>30922</v>
      </c>
      <c r="E5999">
        <v>2</v>
      </c>
      <c r="F5999">
        <v>1</v>
      </c>
      <c r="H5999" t="s">
        <v>30923</v>
      </c>
      <c r="J5999" t="s">
        <v>30924</v>
      </c>
      <c r="K5999" t="s">
        <v>30924</v>
      </c>
      <c r="M5999">
        <v>1074367</v>
      </c>
      <c r="O5999">
        <v>1074367</v>
      </c>
      <c r="P5999">
        <v>1</v>
      </c>
      <c r="Q5999">
        <v>0</v>
      </c>
      <c r="R5999" t="s">
        <v>30925</v>
      </c>
      <c r="S5999">
        <v>148</v>
      </c>
    </row>
    <row r="6000" spans="1:19" x14ac:dyDescent="0.25">
      <c r="A6000">
        <v>28637513</v>
      </c>
      <c r="B6000" t="s">
        <v>30926</v>
      </c>
      <c r="C6000" s="1" t="s">
        <v>30927</v>
      </c>
      <c r="D6000">
        <v>28638241</v>
      </c>
      <c r="E6000">
        <v>3</v>
      </c>
      <c r="F6000">
        <v>1</v>
      </c>
      <c r="H6000" t="s">
        <v>30928</v>
      </c>
      <c r="J6000" t="s">
        <v>30929</v>
      </c>
      <c r="O6000">
        <v>1854354</v>
      </c>
      <c r="P6000">
        <v>1</v>
      </c>
      <c r="Q6000">
        <v>1</v>
      </c>
      <c r="R6000" t="s">
        <v>30930</v>
      </c>
      <c r="S6000">
        <v>132</v>
      </c>
    </row>
    <row r="6001" spans="1:19" x14ac:dyDescent="0.25">
      <c r="A6001">
        <v>19462911</v>
      </c>
      <c r="B6001" t="s">
        <v>30931</v>
      </c>
      <c r="C6001" t="s">
        <v>30932</v>
      </c>
      <c r="D6001">
        <v>19462994</v>
      </c>
      <c r="E6001">
        <v>3</v>
      </c>
      <c r="F6001">
        <v>0</v>
      </c>
      <c r="H6001" t="s">
        <v>30933</v>
      </c>
      <c r="J6001" t="s">
        <v>30934</v>
      </c>
      <c r="O6001">
        <v>1258885</v>
      </c>
      <c r="P6001">
        <v>1</v>
      </c>
      <c r="Q6001">
        <v>0</v>
      </c>
      <c r="R6001" t="s">
        <v>2771</v>
      </c>
      <c r="S6001">
        <v>51</v>
      </c>
    </row>
    <row r="6002" spans="1:19" x14ac:dyDescent="0.25">
      <c r="A6002">
        <v>9941052</v>
      </c>
      <c r="B6002" t="s">
        <v>30935</v>
      </c>
      <c r="C6002" t="s">
        <v>30936</v>
      </c>
      <c r="D6002">
        <v>10379288</v>
      </c>
      <c r="E6002">
        <v>2</v>
      </c>
      <c r="F6002">
        <v>1</v>
      </c>
      <c r="H6002" t="s">
        <v>30937</v>
      </c>
      <c r="I6002">
        <v>1</v>
      </c>
      <c r="J6002" t="s">
        <v>30938</v>
      </c>
      <c r="O6002">
        <v>884079</v>
      </c>
      <c r="P6002">
        <v>1</v>
      </c>
      <c r="Q6002">
        <v>0</v>
      </c>
      <c r="R6002" t="s">
        <v>30939</v>
      </c>
      <c r="S6002">
        <v>1407</v>
      </c>
    </row>
    <row r="6003" spans="1:19" x14ac:dyDescent="0.25">
      <c r="A6003">
        <v>11839502</v>
      </c>
      <c r="B6003" t="s">
        <v>30940</v>
      </c>
      <c r="C6003" s="1" t="s">
        <v>30941</v>
      </c>
      <c r="E6003">
        <v>3</v>
      </c>
      <c r="F6003">
        <v>0</v>
      </c>
      <c r="H6003" t="s">
        <v>30942</v>
      </c>
      <c r="J6003" t="s">
        <v>30943</v>
      </c>
      <c r="K6003" t="s">
        <v>30944</v>
      </c>
      <c r="M6003">
        <v>650012</v>
      </c>
      <c r="O6003">
        <v>1580864</v>
      </c>
      <c r="P6003">
        <v>1</v>
      </c>
      <c r="Q6003">
        <v>3</v>
      </c>
      <c r="R6003" t="s">
        <v>30945</v>
      </c>
      <c r="S6003">
        <v>1986</v>
      </c>
    </row>
    <row r="6004" spans="1:19" x14ac:dyDescent="0.25">
      <c r="A6004">
        <v>47855935</v>
      </c>
      <c r="B6004" t="s">
        <v>30946</v>
      </c>
      <c r="C6004" s="1" t="s">
        <v>30947</v>
      </c>
      <c r="D6004">
        <v>47858738</v>
      </c>
      <c r="E6004">
        <v>1</v>
      </c>
      <c r="F6004">
        <v>6</v>
      </c>
      <c r="H6004" t="s">
        <v>30948</v>
      </c>
      <c r="J6004" t="s">
        <v>30949</v>
      </c>
      <c r="O6004">
        <v>2379701</v>
      </c>
      <c r="P6004">
        <v>1</v>
      </c>
      <c r="Q6004">
        <v>0</v>
      </c>
      <c r="R6004" t="s">
        <v>30950</v>
      </c>
      <c r="S6004">
        <v>296</v>
      </c>
    </row>
    <row r="6005" spans="1:19" x14ac:dyDescent="0.25">
      <c r="A6005">
        <v>4827574</v>
      </c>
      <c r="B6005" t="s">
        <v>30951</v>
      </c>
      <c r="C6005" s="1" t="s">
        <v>30952</v>
      </c>
      <c r="D6005">
        <v>4827593</v>
      </c>
      <c r="E6005">
        <v>2</v>
      </c>
      <c r="F6005">
        <v>5</v>
      </c>
      <c r="H6005" t="s">
        <v>30953</v>
      </c>
      <c r="J6005" t="s">
        <v>30954</v>
      </c>
      <c r="K6005" t="s">
        <v>30954</v>
      </c>
      <c r="M6005">
        <v>218589</v>
      </c>
      <c r="O6005">
        <v>2524814</v>
      </c>
      <c r="P6005">
        <v>1</v>
      </c>
      <c r="Q6005">
        <v>1</v>
      </c>
      <c r="R6005" t="s">
        <v>8946</v>
      </c>
      <c r="S6005">
        <v>625</v>
      </c>
    </row>
    <row r="6006" spans="1:19" x14ac:dyDescent="0.25">
      <c r="A6006">
        <v>18662025</v>
      </c>
      <c r="B6006" t="s">
        <v>30955</v>
      </c>
      <c r="C6006" s="1" t="s">
        <v>30956</v>
      </c>
      <c r="E6006">
        <v>4</v>
      </c>
      <c r="F6006">
        <v>4</v>
      </c>
      <c r="H6006" t="s">
        <v>30957</v>
      </c>
      <c r="J6006" t="s">
        <v>30958</v>
      </c>
      <c r="O6006">
        <v>107409</v>
      </c>
      <c r="P6006">
        <v>1</v>
      </c>
      <c r="Q6006">
        <v>1</v>
      </c>
      <c r="R6006" t="s">
        <v>30959</v>
      </c>
      <c r="S6006">
        <v>254</v>
      </c>
    </row>
    <row r="6007" spans="1:19" x14ac:dyDescent="0.25">
      <c r="A6007">
        <v>47929945</v>
      </c>
      <c r="B6007" t="s">
        <v>30960</v>
      </c>
      <c r="C6007" s="1" t="s">
        <v>30961</v>
      </c>
      <c r="D6007">
        <v>47930981</v>
      </c>
      <c r="E6007">
        <v>1</v>
      </c>
      <c r="F6007">
        <v>5</v>
      </c>
      <c r="H6007" t="s">
        <v>30962</v>
      </c>
      <c r="J6007" t="s">
        <v>30963</v>
      </c>
      <c r="K6007" t="s">
        <v>30964</v>
      </c>
      <c r="L6007" t="s">
        <v>30965</v>
      </c>
      <c r="N6007" t="s">
        <v>30965</v>
      </c>
      <c r="P6007">
        <v>1</v>
      </c>
      <c r="Q6007">
        <v>0</v>
      </c>
      <c r="R6007" t="s">
        <v>30966</v>
      </c>
      <c r="S6007">
        <v>133</v>
      </c>
    </row>
    <row r="6008" spans="1:19" x14ac:dyDescent="0.25">
      <c r="A6008">
        <v>2462905</v>
      </c>
      <c r="B6008" t="s">
        <v>30967</v>
      </c>
      <c r="C6008" s="1" t="s">
        <v>30968</v>
      </c>
      <c r="D6008">
        <v>2462921</v>
      </c>
      <c r="E6008">
        <v>2</v>
      </c>
      <c r="F6008">
        <v>0</v>
      </c>
      <c r="H6008" t="s">
        <v>30969</v>
      </c>
      <c r="I6008">
        <v>5</v>
      </c>
      <c r="J6008" t="s">
        <v>30970</v>
      </c>
      <c r="O6008">
        <v>117092</v>
      </c>
      <c r="P6008">
        <v>1</v>
      </c>
      <c r="Q6008">
        <v>31</v>
      </c>
      <c r="R6008" t="s">
        <v>30971</v>
      </c>
      <c r="S6008">
        <v>21217</v>
      </c>
    </row>
    <row r="6009" spans="1:19" x14ac:dyDescent="0.25">
      <c r="A6009">
        <v>46119123</v>
      </c>
      <c r="B6009" t="s">
        <v>30972</v>
      </c>
      <c r="C6009" s="1" t="s">
        <v>30973</v>
      </c>
      <c r="E6009">
        <v>0</v>
      </c>
      <c r="F6009">
        <v>0</v>
      </c>
      <c r="H6009" t="s">
        <v>30974</v>
      </c>
      <c r="J6009" t="s">
        <v>30975</v>
      </c>
      <c r="K6009" t="s">
        <v>30975</v>
      </c>
      <c r="M6009">
        <v>442376</v>
      </c>
      <c r="O6009">
        <v>442376</v>
      </c>
      <c r="P6009">
        <v>1</v>
      </c>
      <c r="Q6009">
        <v>1</v>
      </c>
      <c r="R6009" t="s">
        <v>30976</v>
      </c>
      <c r="S6009">
        <v>50</v>
      </c>
    </row>
    <row r="6010" spans="1:19" x14ac:dyDescent="0.25">
      <c r="A6010">
        <v>25845815</v>
      </c>
      <c r="B6010" t="s">
        <v>30977</v>
      </c>
      <c r="C6010" s="1" t="s">
        <v>30978</v>
      </c>
      <c r="D6010">
        <v>25848548</v>
      </c>
      <c r="E6010">
        <v>1</v>
      </c>
      <c r="F6010">
        <v>0</v>
      </c>
      <c r="H6010" t="s">
        <v>30979</v>
      </c>
      <c r="J6010" t="s">
        <v>30980</v>
      </c>
      <c r="O6010">
        <v>2746716</v>
      </c>
      <c r="P6010">
        <v>1</v>
      </c>
      <c r="Q6010">
        <v>1</v>
      </c>
      <c r="R6010" t="s">
        <v>30981</v>
      </c>
      <c r="S6010">
        <v>604</v>
      </c>
    </row>
    <row r="6011" spans="1:19" x14ac:dyDescent="0.25">
      <c r="A6011">
        <v>13795937</v>
      </c>
      <c r="B6011" t="s">
        <v>30982</v>
      </c>
      <c r="C6011" s="1" t="s">
        <v>30983</v>
      </c>
      <c r="D6011">
        <v>13802687</v>
      </c>
      <c r="E6011">
        <v>1</v>
      </c>
      <c r="F6011">
        <v>0</v>
      </c>
      <c r="H6011" t="s">
        <v>30984</v>
      </c>
      <c r="J6011" t="s">
        <v>30985</v>
      </c>
      <c r="K6011" t="s">
        <v>30986</v>
      </c>
      <c r="M6011">
        <v>-1</v>
      </c>
      <c r="O6011">
        <v>361100</v>
      </c>
      <c r="P6011">
        <v>1</v>
      </c>
      <c r="Q6011">
        <v>2</v>
      </c>
      <c r="R6011" t="s">
        <v>30987</v>
      </c>
      <c r="S6011">
        <v>589</v>
      </c>
    </row>
    <row r="6012" spans="1:19" x14ac:dyDescent="0.25">
      <c r="A6012">
        <v>15997221</v>
      </c>
      <c r="B6012" t="s">
        <v>30988</v>
      </c>
      <c r="C6012" s="1" t="s">
        <v>30989</v>
      </c>
      <c r="D6012">
        <v>16113020</v>
      </c>
      <c r="E6012">
        <v>1</v>
      </c>
      <c r="F6012">
        <v>2</v>
      </c>
      <c r="H6012" t="s">
        <v>30990</v>
      </c>
      <c r="I6012">
        <v>3</v>
      </c>
      <c r="J6012" t="s">
        <v>30991</v>
      </c>
      <c r="K6012" t="s">
        <v>30992</v>
      </c>
      <c r="M6012">
        <v>3510410</v>
      </c>
      <c r="O6012">
        <v>421642</v>
      </c>
      <c r="P6012">
        <v>1</v>
      </c>
      <c r="Q6012">
        <v>4</v>
      </c>
      <c r="R6012" t="s">
        <v>30993</v>
      </c>
      <c r="S6012">
        <v>13119</v>
      </c>
    </row>
    <row r="6013" spans="1:19" x14ac:dyDescent="0.25">
      <c r="A6013">
        <v>38189427</v>
      </c>
      <c r="B6013" t="s">
        <v>30994</v>
      </c>
      <c r="C6013" t="s">
        <v>30995</v>
      </c>
      <c r="D6013">
        <v>38190754</v>
      </c>
      <c r="E6013">
        <v>2</v>
      </c>
      <c r="F6013">
        <v>2</v>
      </c>
      <c r="H6013" t="s">
        <v>30996</v>
      </c>
      <c r="J6013" t="s">
        <v>30997</v>
      </c>
      <c r="O6013">
        <v>3246078</v>
      </c>
      <c r="P6013">
        <v>1</v>
      </c>
      <c r="Q6013">
        <v>2</v>
      </c>
      <c r="R6013" t="s">
        <v>30998</v>
      </c>
      <c r="S6013">
        <v>115</v>
      </c>
    </row>
    <row r="6014" spans="1:19" x14ac:dyDescent="0.25">
      <c r="A6014">
        <v>22530795</v>
      </c>
      <c r="B6014" t="s">
        <v>30999</v>
      </c>
      <c r="C6014" s="1" t="s">
        <v>31000</v>
      </c>
      <c r="D6014">
        <v>22531152</v>
      </c>
      <c r="E6014">
        <v>3</v>
      </c>
      <c r="F6014">
        <v>1</v>
      </c>
      <c r="H6014" t="s">
        <v>31001</v>
      </c>
      <c r="I6014">
        <v>1</v>
      </c>
      <c r="J6014" t="s">
        <v>31002</v>
      </c>
      <c r="K6014" t="s">
        <v>31002</v>
      </c>
      <c r="M6014">
        <v>608639</v>
      </c>
      <c r="O6014">
        <v>3225644</v>
      </c>
      <c r="P6014">
        <v>1</v>
      </c>
      <c r="Q6014">
        <v>3</v>
      </c>
      <c r="R6014" t="s">
        <v>31003</v>
      </c>
      <c r="S6014">
        <v>2810</v>
      </c>
    </row>
    <row r="6015" spans="1:19" x14ac:dyDescent="0.25">
      <c r="A6015">
        <v>37974311</v>
      </c>
      <c r="B6015" t="s">
        <v>31004</v>
      </c>
      <c r="C6015" s="1" t="s">
        <v>31005</v>
      </c>
      <c r="E6015">
        <v>1</v>
      </c>
      <c r="F6015">
        <v>8</v>
      </c>
      <c r="H6015" t="s">
        <v>31006</v>
      </c>
      <c r="J6015" t="s">
        <v>31007</v>
      </c>
      <c r="K6015" t="s">
        <v>31008</v>
      </c>
      <c r="M6015">
        <v>109035</v>
      </c>
      <c r="O6015">
        <v>6481029</v>
      </c>
      <c r="P6015">
        <v>1</v>
      </c>
      <c r="Q6015">
        <v>0</v>
      </c>
      <c r="R6015" t="s">
        <v>1466</v>
      </c>
      <c r="S6015">
        <v>402</v>
      </c>
    </row>
    <row r="6016" spans="1:19" x14ac:dyDescent="0.25">
      <c r="A6016">
        <v>2946036</v>
      </c>
      <c r="B6016" t="s">
        <v>31009</v>
      </c>
      <c r="C6016" t="s">
        <v>31010</v>
      </c>
      <c r="D6016">
        <v>2946058</v>
      </c>
      <c r="E6016">
        <v>1</v>
      </c>
      <c r="F6016">
        <v>2</v>
      </c>
      <c r="H6016" t="s">
        <v>31011</v>
      </c>
      <c r="J6016" t="s">
        <v>31012</v>
      </c>
      <c r="K6016" t="s">
        <v>31012</v>
      </c>
      <c r="M6016">
        <v>11926</v>
      </c>
      <c r="O6016">
        <v>11926</v>
      </c>
      <c r="P6016">
        <v>1</v>
      </c>
      <c r="Q6016">
        <v>1</v>
      </c>
      <c r="R6016" t="s">
        <v>31013</v>
      </c>
      <c r="S6016">
        <v>1852</v>
      </c>
    </row>
    <row r="6017" spans="1:19" x14ac:dyDescent="0.25">
      <c r="A6017">
        <v>8406471</v>
      </c>
      <c r="B6017" t="s">
        <v>31014</v>
      </c>
      <c r="C6017" s="1" t="s">
        <v>31015</v>
      </c>
      <c r="D6017">
        <v>8406694</v>
      </c>
      <c r="E6017">
        <v>1</v>
      </c>
      <c r="F6017">
        <v>0</v>
      </c>
      <c r="H6017" t="s">
        <v>31016</v>
      </c>
      <c r="J6017" t="s">
        <v>31017</v>
      </c>
      <c r="K6017" t="s">
        <v>31017</v>
      </c>
      <c r="M6017">
        <v>210496</v>
      </c>
      <c r="O6017">
        <v>805594</v>
      </c>
      <c r="P6017">
        <v>1</v>
      </c>
      <c r="Q6017">
        <v>1</v>
      </c>
      <c r="R6017" t="s">
        <v>31018</v>
      </c>
      <c r="S6017">
        <v>60</v>
      </c>
    </row>
    <row r="6018" spans="1:19" x14ac:dyDescent="0.25">
      <c r="A6018">
        <v>23913196</v>
      </c>
      <c r="B6018" t="s">
        <v>31019</v>
      </c>
      <c r="C6018" s="1" t="s">
        <v>31020</v>
      </c>
      <c r="E6018">
        <v>0</v>
      </c>
      <c r="F6018">
        <v>11</v>
      </c>
      <c r="H6018" t="s">
        <v>31021</v>
      </c>
      <c r="J6018" t="s">
        <v>31022</v>
      </c>
      <c r="K6018" t="s">
        <v>31022</v>
      </c>
      <c r="M6018">
        <v>2528910</v>
      </c>
      <c r="O6018">
        <v>2528910</v>
      </c>
      <c r="P6018">
        <v>1</v>
      </c>
      <c r="Q6018">
        <v>0</v>
      </c>
      <c r="R6018" t="s">
        <v>31023</v>
      </c>
      <c r="S6018">
        <v>929</v>
      </c>
    </row>
    <row r="6019" spans="1:19" x14ac:dyDescent="0.25">
      <c r="A6019">
        <v>49968610</v>
      </c>
      <c r="B6019" t="s">
        <v>31024</v>
      </c>
      <c r="C6019" s="1" t="s">
        <v>31025</v>
      </c>
      <c r="E6019">
        <v>0</v>
      </c>
      <c r="F6019">
        <v>4</v>
      </c>
      <c r="H6019" t="s">
        <v>31026</v>
      </c>
      <c r="J6019" t="s">
        <v>31026</v>
      </c>
      <c r="O6019">
        <v>1835756</v>
      </c>
      <c r="P6019">
        <v>1</v>
      </c>
      <c r="Q6019">
        <v>0</v>
      </c>
      <c r="R6019" t="s">
        <v>31027</v>
      </c>
      <c r="S6019">
        <v>20</v>
      </c>
    </row>
    <row r="6020" spans="1:19" x14ac:dyDescent="0.25">
      <c r="A6020">
        <v>18623228</v>
      </c>
      <c r="B6020" t="s">
        <v>31028</v>
      </c>
      <c r="C6020" s="1" t="s">
        <v>31029</v>
      </c>
      <c r="D6020">
        <v>18623870</v>
      </c>
      <c r="E6020">
        <v>3</v>
      </c>
      <c r="F6020">
        <v>2</v>
      </c>
      <c r="H6020" t="s">
        <v>31030</v>
      </c>
      <c r="J6020" t="s">
        <v>31031</v>
      </c>
      <c r="O6020">
        <v>918079</v>
      </c>
      <c r="P6020">
        <v>1</v>
      </c>
      <c r="Q6020">
        <v>1</v>
      </c>
      <c r="R6020" t="s">
        <v>31032</v>
      </c>
      <c r="S6020">
        <v>4654</v>
      </c>
    </row>
    <row r="6021" spans="1:19" x14ac:dyDescent="0.25">
      <c r="A6021">
        <v>35597076</v>
      </c>
      <c r="B6021" t="s">
        <v>31033</v>
      </c>
      <c r="C6021" s="1" t="s">
        <v>31034</v>
      </c>
      <c r="D6021">
        <v>35627652</v>
      </c>
      <c r="E6021">
        <v>2</v>
      </c>
      <c r="F6021">
        <v>1</v>
      </c>
      <c r="H6021" t="s">
        <v>31035</v>
      </c>
      <c r="J6021" t="s">
        <v>31036</v>
      </c>
      <c r="K6021" t="s">
        <v>31037</v>
      </c>
      <c r="M6021">
        <v>5629632</v>
      </c>
      <c r="O6021">
        <v>4874250</v>
      </c>
      <c r="P6021">
        <v>1</v>
      </c>
      <c r="Q6021">
        <v>3</v>
      </c>
      <c r="R6021" t="s">
        <v>31038</v>
      </c>
      <c r="S6021">
        <v>10778</v>
      </c>
    </row>
    <row r="6022" spans="1:19" x14ac:dyDescent="0.25">
      <c r="A6022">
        <v>28916369</v>
      </c>
      <c r="B6022" t="s">
        <v>31039</v>
      </c>
      <c r="C6022" s="1" t="s">
        <v>31040</v>
      </c>
      <c r="D6022">
        <v>28916378</v>
      </c>
      <c r="E6022">
        <v>1</v>
      </c>
      <c r="F6022">
        <v>0</v>
      </c>
      <c r="H6022" t="s">
        <v>31041</v>
      </c>
      <c r="J6022" t="s">
        <v>31042</v>
      </c>
      <c r="K6022" t="s">
        <v>31042</v>
      </c>
      <c r="M6022">
        <v>2272527</v>
      </c>
      <c r="O6022">
        <v>2272527</v>
      </c>
      <c r="P6022">
        <v>1</v>
      </c>
      <c r="Q6022">
        <v>0</v>
      </c>
      <c r="R6022" t="s">
        <v>31043</v>
      </c>
      <c r="S6022">
        <v>1044</v>
      </c>
    </row>
    <row r="6023" spans="1:19" x14ac:dyDescent="0.25">
      <c r="A6023">
        <v>19396867</v>
      </c>
      <c r="B6023" t="s">
        <v>31044</v>
      </c>
      <c r="C6023" t="s">
        <v>31045</v>
      </c>
      <c r="D6023">
        <v>19419526</v>
      </c>
      <c r="E6023">
        <v>3</v>
      </c>
      <c r="F6023">
        <v>1</v>
      </c>
      <c r="H6023" t="s">
        <v>31046</v>
      </c>
      <c r="J6023" t="s">
        <v>31047</v>
      </c>
      <c r="O6023">
        <v>2853514</v>
      </c>
      <c r="P6023">
        <v>1</v>
      </c>
      <c r="Q6023">
        <v>0</v>
      </c>
      <c r="R6023" t="s">
        <v>31048</v>
      </c>
      <c r="S6023">
        <v>479</v>
      </c>
    </row>
    <row r="6024" spans="1:19" x14ac:dyDescent="0.25">
      <c r="A6024">
        <v>6183711</v>
      </c>
      <c r="B6024" t="s">
        <v>31049</v>
      </c>
      <c r="C6024" s="1" t="s">
        <v>31050</v>
      </c>
      <c r="D6024">
        <v>6855305</v>
      </c>
      <c r="E6024">
        <v>1</v>
      </c>
      <c r="F6024">
        <v>1</v>
      </c>
      <c r="H6024" t="s">
        <v>31051</v>
      </c>
      <c r="I6024">
        <v>1</v>
      </c>
      <c r="J6024" t="s">
        <v>31052</v>
      </c>
      <c r="K6024" t="s">
        <v>31052</v>
      </c>
      <c r="M6024">
        <v>759866</v>
      </c>
      <c r="O6024">
        <v>777160</v>
      </c>
      <c r="P6024">
        <v>1</v>
      </c>
      <c r="Q6024">
        <v>1</v>
      </c>
      <c r="R6024" t="s">
        <v>31053</v>
      </c>
      <c r="S6024">
        <v>1112</v>
      </c>
    </row>
    <row r="6025" spans="1:19" x14ac:dyDescent="0.25">
      <c r="A6025">
        <v>51394117</v>
      </c>
      <c r="B6025" t="s">
        <v>31054</v>
      </c>
      <c r="C6025" t="s">
        <v>31055</v>
      </c>
      <c r="E6025">
        <v>0</v>
      </c>
      <c r="F6025">
        <v>0</v>
      </c>
      <c r="H6025" t="s">
        <v>31056</v>
      </c>
      <c r="J6025" t="s">
        <v>31056</v>
      </c>
      <c r="O6025">
        <v>7414355</v>
      </c>
      <c r="P6025">
        <v>1</v>
      </c>
      <c r="Q6025">
        <v>0</v>
      </c>
      <c r="R6025" t="s">
        <v>8078</v>
      </c>
      <c r="S6025">
        <v>17</v>
      </c>
    </row>
    <row r="6026" spans="1:19" x14ac:dyDescent="0.25">
      <c r="A6026">
        <v>51070393</v>
      </c>
      <c r="B6026" t="s">
        <v>31057</v>
      </c>
      <c r="C6026" s="1" t="s">
        <v>31058</v>
      </c>
      <c r="D6026">
        <v>51070435</v>
      </c>
      <c r="E6026">
        <v>1</v>
      </c>
      <c r="F6026">
        <v>1</v>
      </c>
      <c r="H6026" t="s">
        <v>31059</v>
      </c>
      <c r="J6026" t="s">
        <v>31060</v>
      </c>
      <c r="O6026">
        <v>652528</v>
      </c>
      <c r="P6026">
        <v>1</v>
      </c>
      <c r="Q6026">
        <v>-1</v>
      </c>
      <c r="R6026" t="s">
        <v>31061</v>
      </c>
      <c r="S6026">
        <v>203</v>
      </c>
    </row>
    <row r="6027" spans="1:19" x14ac:dyDescent="0.25">
      <c r="A6027">
        <v>25812142</v>
      </c>
      <c r="B6027" t="s">
        <v>31062</v>
      </c>
      <c r="C6027" s="1" t="s">
        <v>31063</v>
      </c>
      <c r="D6027">
        <v>25812207</v>
      </c>
      <c r="E6027">
        <v>1</v>
      </c>
      <c r="F6027">
        <v>6</v>
      </c>
      <c r="H6027" t="s">
        <v>31064</v>
      </c>
      <c r="J6027" t="s">
        <v>31065</v>
      </c>
      <c r="K6027" t="s">
        <v>31065</v>
      </c>
      <c r="M6027">
        <v>16012</v>
      </c>
      <c r="O6027">
        <v>899260</v>
      </c>
      <c r="P6027">
        <v>1</v>
      </c>
      <c r="Q6027">
        <v>3</v>
      </c>
      <c r="R6027" t="s">
        <v>31066</v>
      </c>
      <c r="S6027">
        <v>98</v>
      </c>
    </row>
    <row r="6028" spans="1:19" x14ac:dyDescent="0.25">
      <c r="A6028">
        <v>28252711</v>
      </c>
      <c r="B6028" t="s">
        <v>31067</v>
      </c>
      <c r="C6028" s="1" t="s">
        <v>31068</v>
      </c>
      <c r="E6028">
        <v>2</v>
      </c>
      <c r="F6028">
        <v>6</v>
      </c>
      <c r="H6028" t="s">
        <v>31069</v>
      </c>
      <c r="J6028" t="s">
        <v>31070</v>
      </c>
      <c r="K6028" t="s">
        <v>31070</v>
      </c>
      <c r="M6028">
        <v>212317</v>
      </c>
      <c r="O6028">
        <v>212317</v>
      </c>
      <c r="P6028">
        <v>1</v>
      </c>
      <c r="Q6028">
        <v>-1</v>
      </c>
      <c r="R6028" t="s">
        <v>2122</v>
      </c>
      <c r="S6028">
        <v>29</v>
      </c>
    </row>
    <row r="6029" spans="1:19" x14ac:dyDescent="0.25">
      <c r="A6029">
        <v>4017203</v>
      </c>
      <c r="B6029" t="s">
        <v>31071</v>
      </c>
      <c r="C6029" t="s">
        <v>31072</v>
      </c>
      <c r="D6029">
        <v>4017336</v>
      </c>
      <c r="E6029">
        <v>2</v>
      </c>
      <c r="F6029">
        <v>0</v>
      </c>
      <c r="H6029" t="s">
        <v>31073</v>
      </c>
      <c r="J6029" t="s">
        <v>31074</v>
      </c>
      <c r="O6029">
        <v>381979</v>
      </c>
      <c r="P6029">
        <v>1</v>
      </c>
      <c r="Q6029">
        <v>2</v>
      </c>
      <c r="R6029" t="s">
        <v>31075</v>
      </c>
      <c r="S6029">
        <v>3509</v>
      </c>
    </row>
    <row r="6030" spans="1:19" x14ac:dyDescent="0.25">
      <c r="A6030">
        <v>20258583</v>
      </c>
      <c r="B6030" t="s">
        <v>31076</v>
      </c>
      <c r="C6030" s="1" t="s">
        <v>31077</v>
      </c>
      <c r="D6030">
        <v>20261579</v>
      </c>
      <c r="E6030">
        <v>1</v>
      </c>
      <c r="F6030">
        <v>0</v>
      </c>
      <c r="H6030" t="s">
        <v>31078</v>
      </c>
      <c r="J6030" t="s">
        <v>31079</v>
      </c>
      <c r="O6030">
        <v>2864149</v>
      </c>
      <c r="P6030">
        <v>1</v>
      </c>
      <c r="Q6030">
        <v>0</v>
      </c>
      <c r="R6030" t="s">
        <v>31080</v>
      </c>
      <c r="S6030">
        <v>289</v>
      </c>
    </row>
    <row r="6031" spans="1:19" x14ac:dyDescent="0.25">
      <c r="A6031">
        <v>50950322</v>
      </c>
      <c r="B6031" t="s">
        <v>31081</v>
      </c>
      <c r="C6031" t="s">
        <v>31082</v>
      </c>
      <c r="E6031">
        <v>1</v>
      </c>
      <c r="F6031">
        <v>2</v>
      </c>
      <c r="H6031" t="s">
        <v>31083</v>
      </c>
      <c r="J6031" t="s">
        <v>31084</v>
      </c>
      <c r="O6031">
        <v>5150731</v>
      </c>
      <c r="P6031">
        <v>1</v>
      </c>
      <c r="Q6031">
        <v>-1</v>
      </c>
      <c r="R6031" t="s">
        <v>31085</v>
      </c>
      <c r="S6031">
        <v>29</v>
      </c>
    </row>
    <row r="6032" spans="1:19" x14ac:dyDescent="0.25">
      <c r="A6032">
        <v>38235215</v>
      </c>
      <c r="B6032" t="s">
        <v>31086</v>
      </c>
      <c r="C6032" s="1" t="s">
        <v>31087</v>
      </c>
      <c r="D6032">
        <v>38235281</v>
      </c>
      <c r="E6032">
        <v>1</v>
      </c>
      <c r="F6032">
        <v>6</v>
      </c>
      <c r="H6032" t="s">
        <v>31088</v>
      </c>
      <c r="J6032" t="s">
        <v>31089</v>
      </c>
      <c r="K6032" t="s">
        <v>31090</v>
      </c>
      <c r="M6032">
        <v>4892181</v>
      </c>
      <c r="O6032">
        <v>4892181</v>
      </c>
      <c r="P6032">
        <v>1</v>
      </c>
      <c r="Q6032">
        <v>1</v>
      </c>
      <c r="R6032" t="s">
        <v>2494</v>
      </c>
      <c r="S6032">
        <v>55</v>
      </c>
    </row>
    <row r="6033" spans="1:19" x14ac:dyDescent="0.25">
      <c r="A6033">
        <v>37643505</v>
      </c>
      <c r="B6033" t="s">
        <v>31091</v>
      </c>
      <c r="C6033" s="1" t="s">
        <v>31092</v>
      </c>
      <c r="E6033">
        <v>2</v>
      </c>
      <c r="F6033">
        <v>5</v>
      </c>
      <c r="H6033" t="s">
        <v>31093</v>
      </c>
      <c r="J6033" t="s">
        <v>31094</v>
      </c>
      <c r="K6033" t="s">
        <v>31095</v>
      </c>
      <c r="M6033">
        <v>1320129</v>
      </c>
      <c r="O6033">
        <v>1320129</v>
      </c>
      <c r="P6033">
        <v>1</v>
      </c>
      <c r="Q6033">
        <v>0</v>
      </c>
      <c r="R6033" t="s">
        <v>31096</v>
      </c>
      <c r="S6033">
        <v>93</v>
      </c>
    </row>
    <row r="6034" spans="1:19" x14ac:dyDescent="0.25">
      <c r="A6034">
        <v>44316801</v>
      </c>
      <c r="B6034" t="s">
        <v>31097</v>
      </c>
      <c r="C6034" s="1" t="s">
        <v>31098</v>
      </c>
      <c r="E6034">
        <v>1</v>
      </c>
      <c r="F6034">
        <v>0</v>
      </c>
      <c r="H6034" t="s">
        <v>31099</v>
      </c>
      <c r="J6034" t="s">
        <v>31100</v>
      </c>
      <c r="O6034">
        <v>8099950</v>
      </c>
      <c r="P6034">
        <v>1</v>
      </c>
      <c r="Q6034">
        <v>0</v>
      </c>
      <c r="R6034" t="s">
        <v>31101</v>
      </c>
      <c r="S6034">
        <v>264</v>
      </c>
    </row>
    <row r="6035" spans="1:19" x14ac:dyDescent="0.25">
      <c r="A6035">
        <v>46341005</v>
      </c>
      <c r="B6035" t="s">
        <v>31102</v>
      </c>
      <c r="C6035" s="1" t="s">
        <v>31103</v>
      </c>
      <c r="E6035">
        <v>1</v>
      </c>
      <c r="F6035">
        <v>0</v>
      </c>
      <c r="H6035" t="s">
        <v>31104</v>
      </c>
      <c r="J6035" t="s">
        <v>31105</v>
      </c>
      <c r="N6035" t="s">
        <v>31106</v>
      </c>
      <c r="P6035">
        <v>1</v>
      </c>
      <c r="Q6035">
        <v>1</v>
      </c>
      <c r="R6035" t="s">
        <v>31107</v>
      </c>
      <c r="S6035">
        <v>38</v>
      </c>
    </row>
    <row r="6036" spans="1:19" x14ac:dyDescent="0.25">
      <c r="A6036">
        <v>39017058</v>
      </c>
      <c r="B6036" t="s">
        <v>31108</v>
      </c>
      <c r="C6036" s="1" t="s">
        <v>31109</v>
      </c>
      <c r="E6036">
        <v>2</v>
      </c>
      <c r="F6036">
        <v>3</v>
      </c>
      <c r="H6036" t="s">
        <v>31110</v>
      </c>
      <c r="J6036" t="s">
        <v>31111</v>
      </c>
      <c r="K6036" t="s">
        <v>31112</v>
      </c>
      <c r="M6036">
        <v>3706016</v>
      </c>
      <c r="O6036">
        <v>6728520</v>
      </c>
      <c r="P6036">
        <v>1</v>
      </c>
      <c r="Q6036">
        <v>2</v>
      </c>
      <c r="R6036" t="s">
        <v>3266</v>
      </c>
      <c r="S6036">
        <v>33</v>
      </c>
    </row>
    <row r="6037" spans="1:19" x14ac:dyDescent="0.25">
      <c r="A6037">
        <v>52345869</v>
      </c>
      <c r="B6037" t="s">
        <v>31113</v>
      </c>
      <c r="C6037" s="1" t="s">
        <v>31114</v>
      </c>
      <c r="E6037">
        <v>0</v>
      </c>
      <c r="F6037">
        <v>4</v>
      </c>
      <c r="H6037" t="s">
        <v>31115</v>
      </c>
      <c r="J6037" t="s">
        <v>31116</v>
      </c>
      <c r="K6037" t="s">
        <v>31116</v>
      </c>
      <c r="M6037">
        <v>8209360</v>
      </c>
      <c r="O6037">
        <v>8209360</v>
      </c>
      <c r="P6037">
        <v>1</v>
      </c>
      <c r="Q6037">
        <v>0</v>
      </c>
      <c r="R6037" t="s">
        <v>31117</v>
      </c>
      <c r="S6037">
        <v>27</v>
      </c>
    </row>
    <row r="6038" spans="1:19" x14ac:dyDescent="0.25">
      <c r="A6038">
        <v>13360473</v>
      </c>
      <c r="B6038" t="s">
        <v>31118</v>
      </c>
      <c r="C6038" s="1" t="s">
        <v>31119</v>
      </c>
      <c r="D6038">
        <v>13360527</v>
      </c>
      <c r="E6038">
        <v>1</v>
      </c>
      <c r="F6038">
        <v>0</v>
      </c>
      <c r="H6038" t="s">
        <v>31120</v>
      </c>
      <c r="I6038">
        <v>1</v>
      </c>
      <c r="J6038" t="s">
        <v>31121</v>
      </c>
      <c r="K6038" t="s">
        <v>31122</v>
      </c>
      <c r="M6038">
        <v>76337</v>
      </c>
      <c r="O6038">
        <v>799758</v>
      </c>
      <c r="P6038">
        <v>1</v>
      </c>
      <c r="Q6038">
        <v>2</v>
      </c>
      <c r="R6038" t="s">
        <v>31123</v>
      </c>
      <c r="S6038">
        <v>224</v>
      </c>
    </row>
    <row r="6039" spans="1:19" x14ac:dyDescent="0.25">
      <c r="A6039">
        <v>36920817</v>
      </c>
      <c r="B6039" t="s">
        <v>31124</v>
      </c>
      <c r="C6039" s="1" t="s">
        <v>31125</v>
      </c>
      <c r="E6039">
        <v>2</v>
      </c>
      <c r="F6039">
        <v>4</v>
      </c>
      <c r="H6039" t="s">
        <v>31126</v>
      </c>
      <c r="J6039" t="s">
        <v>31127</v>
      </c>
      <c r="K6039" t="s">
        <v>31128</v>
      </c>
      <c r="M6039">
        <v>-1</v>
      </c>
      <c r="O6039">
        <v>6258242</v>
      </c>
      <c r="P6039">
        <v>1</v>
      </c>
      <c r="Q6039">
        <v>1</v>
      </c>
      <c r="R6039" t="s">
        <v>31129</v>
      </c>
      <c r="S6039">
        <v>1136</v>
      </c>
    </row>
    <row r="6040" spans="1:19" x14ac:dyDescent="0.25">
      <c r="A6040">
        <v>50669466</v>
      </c>
      <c r="B6040" t="s">
        <v>31130</v>
      </c>
      <c r="C6040" s="1" t="s">
        <v>31131</v>
      </c>
      <c r="D6040">
        <v>50671887</v>
      </c>
      <c r="E6040">
        <v>1</v>
      </c>
      <c r="F6040">
        <v>0</v>
      </c>
      <c r="H6040" t="s">
        <v>31132</v>
      </c>
      <c r="J6040" t="s">
        <v>31133</v>
      </c>
      <c r="K6040" t="s">
        <v>31133</v>
      </c>
      <c r="M6040">
        <v>9852762</v>
      </c>
      <c r="O6040">
        <v>9852762</v>
      </c>
      <c r="P6040">
        <v>1</v>
      </c>
      <c r="Q6040">
        <v>2</v>
      </c>
      <c r="R6040" t="s">
        <v>31134</v>
      </c>
      <c r="S6040">
        <v>148</v>
      </c>
    </row>
    <row r="6041" spans="1:19" x14ac:dyDescent="0.25">
      <c r="A6041">
        <v>8674984</v>
      </c>
      <c r="B6041" t="s">
        <v>31135</v>
      </c>
      <c r="C6041" s="1" t="s">
        <v>31136</v>
      </c>
      <c r="D6041">
        <v>8705676</v>
      </c>
      <c r="E6041">
        <v>2</v>
      </c>
      <c r="F6041">
        <v>3</v>
      </c>
      <c r="H6041" t="s">
        <v>31137</v>
      </c>
      <c r="I6041">
        <v>2</v>
      </c>
      <c r="J6041" t="s">
        <v>31138</v>
      </c>
      <c r="O6041">
        <v>10093</v>
      </c>
      <c r="P6041">
        <v>1</v>
      </c>
      <c r="Q6041">
        <v>6</v>
      </c>
      <c r="R6041" t="s">
        <v>31139</v>
      </c>
      <c r="S6041">
        <v>1936</v>
      </c>
    </row>
    <row r="6042" spans="1:19" x14ac:dyDescent="0.25">
      <c r="A6042">
        <v>47023599</v>
      </c>
      <c r="B6042" t="s">
        <v>31140</v>
      </c>
      <c r="C6042" s="1" t="s">
        <v>31141</v>
      </c>
      <c r="E6042">
        <v>1</v>
      </c>
      <c r="F6042">
        <v>0</v>
      </c>
      <c r="H6042" t="s">
        <v>31142</v>
      </c>
      <c r="J6042" t="s">
        <v>31143</v>
      </c>
      <c r="O6042">
        <v>793789</v>
      </c>
      <c r="P6042">
        <v>1</v>
      </c>
      <c r="Q6042">
        <v>0</v>
      </c>
      <c r="R6042" t="s">
        <v>31144</v>
      </c>
      <c r="S6042">
        <v>474</v>
      </c>
    </row>
    <row r="6043" spans="1:19" x14ac:dyDescent="0.25">
      <c r="A6043">
        <v>39975959</v>
      </c>
      <c r="B6043" t="s">
        <v>31145</v>
      </c>
      <c r="C6043" s="1" t="s">
        <v>31146</v>
      </c>
      <c r="D6043">
        <v>39976057</v>
      </c>
      <c r="E6043">
        <v>1</v>
      </c>
      <c r="F6043">
        <v>1</v>
      </c>
      <c r="H6043" t="s">
        <v>31147</v>
      </c>
      <c r="J6043" t="s">
        <v>31148</v>
      </c>
      <c r="K6043" t="s">
        <v>31148</v>
      </c>
      <c r="M6043">
        <v>3219606</v>
      </c>
      <c r="O6043">
        <v>6999765</v>
      </c>
      <c r="P6043">
        <v>1</v>
      </c>
      <c r="Q6043">
        <v>0</v>
      </c>
      <c r="R6043" t="s">
        <v>31149</v>
      </c>
      <c r="S6043">
        <v>873</v>
      </c>
    </row>
    <row r="6044" spans="1:19" x14ac:dyDescent="0.25">
      <c r="A6044">
        <v>15764492</v>
      </c>
      <c r="B6044" t="s">
        <v>31150</v>
      </c>
      <c r="C6044" s="1" t="s">
        <v>31151</v>
      </c>
      <c r="D6044">
        <v>15764664</v>
      </c>
      <c r="E6044">
        <v>1</v>
      </c>
      <c r="F6044">
        <v>3</v>
      </c>
      <c r="H6044" t="s">
        <v>31152</v>
      </c>
      <c r="J6044" t="s">
        <v>31153</v>
      </c>
      <c r="K6044" t="s">
        <v>31153</v>
      </c>
      <c r="M6044">
        <v>229044</v>
      </c>
      <c r="O6044">
        <v>2025641</v>
      </c>
      <c r="P6044">
        <v>1</v>
      </c>
      <c r="Q6044">
        <v>-1</v>
      </c>
      <c r="R6044" t="s">
        <v>31154</v>
      </c>
      <c r="S6044">
        <v>852</v>
      </c>
    </row>
    <row r="6045" spans="1:19" x14ac:dyDescent="0.25">
      <c r="A6045">
        <v>49869811</v>
      </c>
      <c r="B6045" t="s">
        <v>31155</v>
      </c>
      <c r="C6045" s="1" t="s">
        <v>31156</v>
      </c>
      <c r="D6045">
        <v>49871132</v>
      </c>
      <c r="E6045">
        <v>1</v>
      </c>
      <c r="F6045">
        <v>5</v>
      </c>
      <c r="H6045" t="s">
        <v>31157</v>
      </c>
      <c r="J6045" t="s">
        <v>31158</v>
      </c>
      <c r="K6045" t="s">
        <v>31159</v>
      </c>
      <c r="M6045">
        <v>6143482</v>
      </c>
      <c r="O6045">
        <v>9556634</v>
      </c>
      <c r="P6045">
        <v>1</v>
      </c>
      <c r="Q6045">
        <v>2</v>
      </c>
      <c r="R6045" t="s">
        <v>31160</v>
      </c>
      <c r="S6045">
        <v>1847</v>
      </c>
    </row>
    <row r="6046" spans="1:19" x14ac:dyDescent="0.25">
      <c r="A6046">
        <v>19055744</v>
      </c>
      <c r="B6046" t="s">
        <v>31161</v>
      </c>
      <c r="C6046" s="1" t="s">
        <v>31162</v>
      </c>
      <c r="D6046">
        <v>19207437</v>
      </c>
      <c r="E6046">
        <v>1</v>
      </c>
      <c r="F6046">
        <v>5</v>
      </c>
      <c r="H6046" t="s">
        <v>31163</v>
      </c>
      <c r="J6046" t="s">
        <v>31164</v>
      </c>
      <c r="O6046">
        <v>1211555</v>
      </c>
      <c r="P6046">
        <v>1</v>
      </c>
      <c r="Q6046">
        <v>1</v>
      </c>
      <c r="R6046" t="s">
        <v>31165</v>
      </c>
      <c r="S6046">
        <v>464</v>
      </c>
    </row>
    <row r="6047" spans="1:19" x14ac:dyDescent="0.25">
      <c r="A6047">
        <v>28939732</v>
      </c>
      <c r="B6047" t="s">
        <v>31166</v>
      </c>
      <c r="C6047" s="1" t="s">
        <v>31167</v>
      </c>
      <c r="E6047">
        <v>1</v>
      </c>
      <c r="F6047">
        <v>9</v>
      </c>
      <c r="H6047" t="s">
        <v>31168</v>
      </c>
      <c r="J6047" t="s">
        <v>31169</v>
      </c>
      <c r="O6047">
        <v>1555112</v>
      </c>
      <c r="P6047">
        <v>1</v>
      </c>
      <c r="Q6047">
        <v>0</v>
      </c>
      <c r="R6047" t="s">
        <v>31170</v>
      </c>
      <c r="S6047">
        <v>1111</v>
      </c>
    </row>
    <row r="6048" spans="1:19" x14ac:dyDescent="0.25">
      <c r="A6048">
        <v>5572604</v>
      </c>
      <c r="B6048" t="s">
        <v>31171</v>
      </c>
      <c r="C6048" s="1" t="s">
        <v>31172</v>
      </c>
      <c r="D6048">
        <v>5572634</v>
      </c>
      <c r="E6048">
        <v>3</v>
      </c>
      <c r="F6048">
        <v>3</v>
      </c>
      <c r="H6048" t="s">
        <v>31173</v>
      </c>
      <c r="J6048" t="s">
        <v>31174</v>
      </c>
      <c r="K6048" t="s">
        <v>31175</v>
      </c>
      <c r="M6048">
        <v>179386</v>
      </c>
      <c r="O6048">
        <v>321589</v>
      </c>
      <c r="P6048">
        <v>1</v>
      </c>
      <c r="Q6048">
        <v>0</v>
      </c>
      <c r="R6048" t="s">
        <v>11870</v>
      </c>
      <c r="S6048">
        <v>3188</v>
      </c>
    </row>
    <row r="6049" spans="1:19" x14ac:dyDescent="0.25">
      <c r="A6049">
        <v>33643859</v>
      </c>
      <c r="B6049" t="s">
        <v>31176</v>
      </c>
      <c r="C6049" s="1" t="s">
        <v>31177</v>
      </c>
      <c r="D6049">
        <v>33644529</v>
      </c>
      <c r="E6049">
        <v>1</v>
      </c>
      <c r="F6049">
        <v>3</v>
      </c>
      <c r="H6049" t="s">
        <v>31178</v>
      </c>
      <c r="J6049" t="s">
        <v>31179</v>
      </c>
      <c r="K6049" t="s">
        <v>31180</v>
      </c>
      <c r="M6049">
        <v>779837</v>
      </c>
      <c r="O6049">
        <v>779837</v>
      </c>
      <c r="P6049">
        <v>1</v>
      </c>
      <c r="Q6049">
        <v>2</v>
      </c>
      <c r="R6049" t="s">
        <v>31181</v>
      </c>
      <c r="S6049">
        <v>291</v>
      </c>
    </row>
    <row r="6050" spans="1:19" x14ac:dyDescent="0.25">
      <c r="A6050">
        <v>48063233</v>
      </c>
      <c r="B6050" t="s">
        <v>31182</v>
      </c>
      <c r="C6050" s="1" t="s">
        <v>31183</v>
      </c>
      <c r="E6050">
        <v>0</v>
      </c>
      <c r="F6050">
        <v>6</v>
      </c>
      <c r="H6050" t="s">
        <v>31184</v>
      </c>
      <c r="J6050" t="s">
        <v>31185</v>
      </c>
      <c r="K6050" t="s">
        <v>31185</v>
      </c>
      <c r="M6050">
        <v>4905220</v>
      </c>
      <c r="O6050">
        <v>9164227</v>
      </c>
      <c r="P6050">
        <v>1</v>
      </c>
      <c r="Q6050">
        <v>0</v>
      </c>
      <c r="R6050" t="s">
        <v>31186</v>
      </c>
      <c r="S6050">
        <v>53</v>
      </c>
    </row>
    <row r="6051" spans="1:19" x14ac:dyDescent="0.25">
      <c r="A6051">
        <v>40447399</v>
      </c>
      <c r="B6051" t="s">
        <v>31187</v>
      </c>
      <c r="C6051" s="1" t="s">
        <v>31188</v>
      </c>
      <c r="D6051">
        <v>43561701</v>
      </c>
      <c r="E6051">
        <v>1</v>
      </c>
      <c r="F6051">
        <v>0</v>
      </c>
      <c r="H6051" t="s">
        <v>31189</v>
      </c>
      <c r="J6051" t="s">
        <v>31190</v>
      </c>
      <c r="O6051">
        <v>7118189</v>
      </c>
      <c r="P6051">
        <v>1</v>
      </c>
      <c r="Q6051">
        <v>1</v>
      </c>
      <c r="R6051" t="s">
        <v>31191</v>
      </c>
      <c r="S6051">
        <v>246</v>
      </c>
    </row>
    <row r="6052" spans="1:19" x14ac:dyDescent="0.25">
      <c r="A6052">
        <v>16187475</v>
      </c>
      <c r="B6052" t="s">
        <v>31192</v>
      </c>
      <c r="C6052" s="1" t="s">
        <v>31193</v>
      </c>
      <c r="E6052">
        <v>1</v>
      </c>
      <c r="F6052">
        <v>0</v>
      </c>
      <c r="H6052" t="s">
        <v>31194</v>
      </c>
      <c r="J6052" t="s">
        <v>31195</v>
      </c>
      <c r="K6052" t="s">
        <v>31195</v>
      </c>
      <c r="M6052">
        <v>13154</v>
      </c>
      <c r="O6052">
        <v>2277359</v>
      </c>
      <c r="P6052">
        <v>1</v>
      </c>
      <c r="Q6052">
        <v>0</v>
      </c>
      <c r="R6052" t="s">
        <v>31196</v>
      </c>
      <c r="S6052">
        <v>74</v>
      </c>
    </row>
    <row r="6053" spans="1:19" x14ac:dyDescent="0.25">
      <c r="A6053">
        <v>25923437</v>
      </c>
      <c r="B6053" t="s">
        <v>31197</v>
      </c>
      <c r="C6053" s="1" t="s">
        <v>31198</v>
      </c>
      <c r="D6053">
        <v>25923594</v>
      </c>
      <c r="E6053">
        <v>1</v>
      </c>
      <c r="F6053">
        <v>0</v>
      </c>
      <c r="H6053" t="s">
        <v>31199</v>
      </c>
      <c r="J6053" t="s">
        <v>31200</v>
      </c>
      <c r="K6053" t="s">
        <v>31201</v>
      </c>
      <c r="M6053">
        <v>1687372</v>
      </c>
      <c r="O6053">
        <v>1687372</v>
      </c>
      <c r="P6053">
        <v>1</v>
      </c>
      <c r="Q6053">
        <v>2</v>
      </c>
      <c r="R6053" t="s">
        <v>31202</v>
      </c>
      <c r="S6053">
        <v>587</v>
      </c>
    </row>
    <row r="6054" spans="1:19" x14ac:dyDescent="0.25">
      <c r="A6054">
        <v>6028886</v>
      </c>
      <c r="B6054" t="s">
        <v>31203</v>
      </c>
      <c r="C6054" s="1" t="s">
        <v>31204</v>
      </c>
      <c r="E6054">
        <v>1</v>
      </c>
      <c r="F6054">
        <v>0</v>
      </c>
      <c r="H6054" t="s">
        <v>31205</v>
      </c>
      <c r="J6054" t="s">
        <v>31206</v>
      </c>
      <c r="O6054">
        <v>757091</v>
      </c>
      <c r="P6054">
        <v>1</v>
      </c>
      <c r="Q6054">
        <v>2</v>
      </c>
      <c r="R6054" t="s">
        <v>31207</v>
      </c>
      <c r="S6054">
        <v>2291</v>
      </c>
    </row>
    <row r="6055" spans="1:19" x14ac:dyDescent="0.25">
      <c r="A6055">
        <v>23310629</v>
      </c>
      <c r="B6055" t="s">
        <v>31208</v>
      </c>
      <c r="C6055" s="1" t="s">
        <v>31209</v>
      </c>
      <c r="E6055">
        <v>0</v>
      </c>
      <c r="F6055">
        <v>0</v>
      </c>
      <c r="H6055" t="s">
        <v>31210</v>
      </c>
      <c r="J6055" t="s">
        <v>31211</v>
      </c>
      <c r="O6055">
        <v>1574104</v>
      </c>
      <c r="P6055">
        <v>1</v>
      </c>
      <c r="Q6055">
        <v>3</v>
      </c>
      <c r="R6055" t="s">
        <v>31212</v>
      </c>
      <c r="S6055">
        <v>700</v>
      </c>
    </row>
    <row r="6056" spans="1:19" x14ac:dyDescent="0.25">
      <c r="A6056">
        <v>15751750</v>
      </c>
      <c r="B6056" t="s">
        <v>31213</v>
      </c>
      <c r="C6056" s="1" t="s">
        <v>31214</v>
      </c>
      <c r="D6056">
        <v>15752011</v>
      </c>
      <c r="E6056">
        <v>1</v>
      </c>
      <c r="F6056">
        <v>6</v>
      </c>
      <c r="H6056" t="s">
        <v>31215</v>
      </c>
      <c r="J6056" t="s">
        <v>31216</v>
      </c>
      <c r="K6056" t="s">
        <v>31217</v>
      </c>
      <c r="M6056">
        <v>1952895</v>
      </c>
      <c r="O6056">
        <v>1952895</v>
      </c>
      <c r="P6056">
        <v>1</v>
      </c>
      <c r="Q6056">
        <v>-1</v>
      </c>
      <c r="R6056" t="s">
        <v>31218</v>
      </c>
      <c r="S6056">
        <v>114</v>
      </c>
    </row>
    <row r="6057" spans="1:19" x14ac:dyDescent="0.25">
      <c r="A6057">
        <v>22115438</v>
      </c>
      <c r="B6057" t="s">
        <v>31219</v>
      </c>
      <c r="C6057" s="1" t="s">
        <v>31220</v>
      </c>
      <c r="E6057">
        <v>1</v>
      </c>
      <c r="F6057">
        <v>6</v>
      </c>
      <c r="H6057" t="s">
        <v>31221</v>
      </c>
      <c r="J6057" t="s">
        <v>31222</v>
      </c>
      <c r="O6057">
        <v>3135817</v>
      </c>
      <c r="P6057">
        <v>1</v>
      </c>
      <c r="Q6057">
        <v>0</v>
      </c>
      <c r="R6057" t="s">
        <v>31223</v>
      </c>
      <c r="S6057">
        <v>150</v>
      </c>
    </row>
    <row r="6058" spans="1:19" x14ac:dyDescent="0.25">
      <c r="A6058">
        <v>19285716</v>
      </c>
      <c r="B6058" t="s">
        <v>31224</v>
      </c>
      <c r="C6058" s="1" t="s">
        <v>31225</v>
      </c>
      <c r="E6058">
        <v>0</v>
      </c>
      <c r="F6058">
        <v>2</v>
      </c>
      <c r="H6058" t="s">
        <v>31226</v>
      </c>
      <c r="J6058" t="s">
        <v>31227</v>
      </c>
      <c r="K6058" t="s">
        <v>31227</v>
      </c>
      <c r="M6058">
        <v>690329</v>
      </c>
      <c r="O6058">
        <v>967102</v>
      </c>
      <c r="P6058">
        <v>1</v>
      </c>
      <c r="Q6058">
        <v>0</v>
      </c>
      <c r="R6058" t="s">
        <v>31228</v>
      </c>
      <c r="S6058">
        <v>120</v>
      </c>
    </row>
    <row r="6059" spans="1:19" x14ac:dyDescent="0.25">
      <c r="A6059">
        <v>38034585</v>
      </c>
      <c r="B6059" t="s">
        <v>31229</v>
      </c>
      <c r="C6059" s="1" t="s">
        <v>31230</v>
      </c>
      <c r="D6059">
        <v>38034758</v>
      </c>
      <c r="E6059">
        <v>1</v>
      </c>
      <c r="F6059">
        <v>4</v>
      </c>
      <c r="H6059" t="s">
        <v>31231</v>
      </c>
      <c r="J6059" t="s">
        <v>31232</v>
      </c>
      <c r="O6059">
        <v>4589550</v>
      </c>
      <c r="P6059">
        <v>1</v>
      </c>
      <c r="Q6059">
        <v>0</v>
      </c>
      <c r="R6059" t="s">
        <v>3969</v>
      </c>
      <c r="S6059">
        <v>50</v>
      </c>
    </row>
    <row r="6060" spans="1:19" x14ac:dyDescent="0.25">
      <c r="A6060">
        <v>45695163</v>
      </c>
      <c r="B6060" t="s">
        <v>31233</v>
      </c>
      <c r="C6060" s="1" t="s">
        <v>31234</v>
      </c>
      <c r="D6060">
        <v>45695540</v>
      </c>
      <c r="E6060">
        <v>1</v>
      </c>
      <c r="F6060">
        <v>5</v>
      </c>
      <c r="H6060" t="s">
        <v>31235</v>
      </c>
      <c r="J6060" t="s">
        <v>31236</v>
      </c>
      <c r="K6060" t="s">
        <v>31236</v>
      </c>
      <c r="M6060">
        <v>2962323</v>
      </c>
      <c r="O6060">
        <v>2962323</v>
      </c>
      <c r="P6060">
        <v>1</v>
      </c>
      <c r="Q6060">
        <v>0</v>
      </c>
      <c r="R6060" t="s">
        <v>31237</v>
      </c>
      <c r="S6060">
        <v>48</v>
      </c>
    </row>
    <row r="6061" spans="1:19" x14ac:dyDescent="0.25">
      <c r="A6061">
        <v>44946225</v>
      </c>
      <c r="B6061" t="s">
        <v>31238</v>
      </c>
      <c r="C6061" s="1" t="s">
        <v>31239</v>
      </c>
      <c r="E6061">
        <v>1</v>
      </c>
      <c r="F6061">
        <v>0</v>
      </c>
      <c r="H6061" t="s">
        <v>31240</v>
      </c>
      <c r="J6061" t="s">
        <v>31241</v>
      </c>
      <c r="O6061">
        <v>7849814</v>
      </c>
      <c r="P6061">
        <v>1</v>
      </c>
      <c r="Q6061">
        <v>1</v>
      </c>
      <c r="R6061" t="s">
        <v>31242</v>
      </c>
      <c r="S6061">
        <v>254</v>
      </c>
    </row>
    <row r="6062" spans="1:19" x14ac:dyDescent="0.25">
      <c r="A6062">
        <v>49118269</v>
      </c>
      <c r="B6062" t="s">
        <v>31243</v>
      </c>
      <c r="C6062" s="1" t="s">
        <v>31244</v>
      </c>
      <c r="E6062">
        <v>0</v>
      </c>
      <c r="F6062">
        <v>3</v>
      </c>
      <c r="H6062" t="s">
        <v>31245</v>
      </c>
      <c r="J6062" t="s">
        <v>31246</v>
      </c>
      <c r="K6062" t="s">
        <v>31246</v>
      </c>
      <c r="L6062" t="s">
        <v>31247</v>
      </c>
      <c r="O6062">
        <v>9428409</v>
      </c>
      <c r="P6062">
        <v>1</v>
      </c>
      <c r="Q6062">
        <v>1</v>
      </c>
      <c r="R6062" t="s">
        <v>31248</v>
      </c>
      <c r="S6062">
        <v>68</v>
      </c>
    </row>
    <row r="6063" spans="1:19" x14ac:dyDescent="0.25">
      <c r="A6063">
        <v>45859996</v>
      </c>
      <c r="B6063" t="s">
        <v>31249</v>
      </c>
      <c r="C6063" s="1" t="s">
        <v>31250</v>
      </c>
      <c r="D6063">
        <v>45867627</v>
      </c>
      <c r="E6063">
        <v>1</v>
      </c>
      <c r="F6063">
        <v>0</v>
      </c>
      <c r="H6063" t="s">
        <v>31251</v>
      </c>
      <c r="J6063" t="s">
        <v>31252</v>
      </c>
      <c r="O6063">
        <v>2123039</v>
      </c>
      <c r="P6063">
        <v>1</v>
      </c>
      <c r="Q6063">
        <v>2</v>
      </c>
      <c r="R6063" t="s">
        <v>31253</v>
      </c>
      <c r="S6063">
        <v>488</v>
      </c>
    </row>
    <row r="6064" spans="1:19" x14ac:dyDescent="0.25">
      <c r="A6064">
        <v>41779900</v>
      </c>
      <c r="B6064" t="s">
        <v>31254</v>
      </c>
      <c r="C6064" s="1" t="s">
        <v>31255</v>
      </c>
      <c r="D6064">
        <v>41780235</v>
      </c>
      <c r="E6064">
        <v>1</v>
      </c>
      <c r="F6064">
        <v>0</v>
      </c>
      <c r="H6064" t="s">
        <v>31256</v>
      </c>
      <c r="J6064" t="s">
        <v>31257</v>
      </c>
      <c r="K6064" t="s">
        <v>31258</v>
      </c>
      <c r="M6064">
        <v>-1</v>
      </c>
      <c r="O6064">
        <v>4736261</v>
      </c>
      <c r="P6064">
        <v>1</v>
      </c>
      <c r="Q6064">
        <v>0</v>
      </c>
      <c r="R6064" t="s">
        <v>31259</v>
      </c>
      <c r="S6064">
        <v>536</v>
      </c>
    </row>
    <row r="6065" spans="1:19" x14ac:dyDescent="0.25">
      <c r="A6065">
        <v>50747472</v>
      </c>
      <c r="B6065" t="s">
        <v>31260</v>
      </c>
      <c r="C6065" s="1" t="s">
        <v>31261</v>
      </c>
      <c r="E6065">
        <v>0</v>
      </c>
      <c r="F6065">
        <v>0</v>
      </c>
      <c r="H6065" t="s">
        <v>31262</v>
      </c>
      <c r="J6065" t="s">
        <v>31262</v>
      </c>
      <c r="O6065">
        <v>8155432</v>
      </c>
      <c r="P6065">
        <v>1</v>
      </c>
      <c r="Q6065">
        <v>0</v>
      </c>
      <c r="R6065" t="s">
        <v>31263</v>
      </c>
      <c r="S6065">
        <v>9</v>
      </c>
    </row>
    <row r="6066" spans="1:19" x14ac:dyDescent="0.25">
      <c r="A6066">
        <v>40650833</v>
      </c>
      <c r="B6066" t="s">
        <v>31264</v>
      </c>
      <c r="C6066" s="1" t="s">
        <v>31265</v>
      </c>
      <c r="D6066">
        <v>40651812</v>
      </c>
      <c r="E6066">
        <v>6</v>
      </c>
      <c r="F6066">
        <v>3</v>
      </c>
      <c r="H6066" t="s">
        <v>31266</v>
      </c>
      <c r="J6066" t="s">
        <v>31267</v>
      </c>
      <c r="K6066" t="s">
        <v>31267</v>
      </c>
      <c r="M6066">
        <v>7067974</v>
      </c>
      <c r="O6066">
        <v>6689227</v>
      </c>
      <c r="P6066">
        <v>1</v>
      </c>
      <c r="Q6066">
        <v>2</v>
      </c>
      <c r="R6066" t="s">
        <v>31268</v>
      </c>
      <c r="S6066">
        <v>5120</v>
      </c>
    </row>
    <row r="6067" spans="1:19" x14ac:dyDescent="0.25">
      <c r="A6067">
        <v>20153332</v>
      </c>
      <c r="B6067" t="s">
        <v>31269</v>
      </c>
      <c r="C6067" s="1" t="s">
        <v>31270</v>
      </c>
      <c r="E6067">
        <v>2</v>
      </c>
      <c r="F6067">
        <v>4</v>
      </c>
      <c r="H6067" t="s">
        <v>31271</v>
      </c>
      <c r="J6067" t="s">
        <v>31272</v>
      </c>
      <c r="K6067" t="s">
        <v>31272</v>
      </c>
      <c r="M6067">
        <v>318663</v>
      </c>
      <c r="O6067">
        <v>318663</v>
      </c>
      <c r="P6067">
        <v>1</v>
      </c>
      <c r="Q6067">
        <v>0</v>
      </c>
      <c r="R6067" t="s">
        <v>31273</v>
      </c>
      <c r="S6067">
        <v>455</v>
      </c>
    </row>
    <row r="6068" spans="1:19" x14ac:dyDescent="0.25">
      <c r="A6068">
        <v>32600692</v>
      </c>
      <c r="B6068" t="s">
        <v>31274</v>
      </c>
      <c r="C6068" t="s">
        <v>31275</v>
      </c>
      <c r="E6068">
        <v>2</v>
      </c>
      <c r="F6068">
        <v>3</v>
      </c>
      <c r="H6068" t="s">
        <v>31276</v>
      </c>
      <c r="J6068" t="s">
        <v>31277</v>
      </c>
      <c r="O6068">
        <v>519755</v>
      </c>
      <c r="P6068">
        <v>1</v>
      </c>
      <c r="Q6068">
        <v>1</v>
      </c>
      <c r="R6068" t="s">
        <v>31278</v>
      </c>
      <c r="S6068">
        <v>314</v>
      </c>
    </row>
    <row r="6069" spans="1:19" x14ac:dyDescent="0.25">
      <c r="A6069">
        <v>13587383</v>
      </c>
      <c r="B6069" t="s">
        <v>31279</v>
      </c>
      <c r="C6069" s="1" t="s">
        <v>31280</v>
      </c>
      <c r="E6069">
        <v>1</v>
      </c>
      <c r="F6069">
        <v>0</v>
      </c>
      <c r="H6069" t="s">
        <v>31281</v>
      </c>
      <c r="J6069" t="s">
        <v>31282</v>
      </c>
      <c r="O6069">
        <v>1856954</v>
      </c>
      <c r="P6069">
        <v>1</v>
      </c>
      <c r="Q6069">
        <v>1</v>
      </c>
      <c r="R6069" t="s">
        <v>31283</v>
      </c>
      <c r="S6069">
        <v>297</v>
      </c>
    </row>
    <row r="6070" spans="1:19" x14ac:dyDescent="0.25">
      <c r="A6070">
        <v>38076577</v>
      </c>
      <c r="B6070" t="s">
        <v>31284</v>
      </c>
      <c r="C6070" s="1" t="s">
        <v>31285</v>
      </c>
      <c r="D6070">
        <v>38078972</v>
      </c>
      <c r="E6070">
        <v>1</v>
      </c>
      <c r="F6070">
        <v>0</v>
      </c>
      <c r="H6070" t="s">
        <v>31286</v>
      </c>
      <c r="J6070" t="s">
        <v>31287</v>
      </c>
      <c r="K6070" t="s">
        <v>31287</v>
      </c>
      <c r="M6070">
        <v>1033581</v>
      </c>
      <c r="O6070">
        <v>4806502</v>
      </c>
      <c r="P6070">
        <v>1</v>
      </c>
      <c r="Q6070">
        <v>0</v>
      </c>
      <c r="R6070" t="s">
        <v>31288</v>
      </c>
      <c r="S6070">
        <v>35</v>
      </c>
    </row>
    <row r="6071" spans="1:19" x14ac:dyDescent="0.25">
      <c r="A6071">
        <v>12500913</v>
      </c>
      <c r="B6071" t="s">
        <v>31289</v>
      </c>
      <c r="C6071" s="1" t="s">
        <v>31290</v>
      </c>
      <c r="D6071">
        <v>12501329</v>
      </c>
      <c r="E6071">
        <v>5</v>
      </c>
      <c r="F6071">
        <v>1</v>
      </c>
      <c r="H6071" t="s">
        <v>31291</v>
      </c>
      <c r="I6071">
        <v>3</v>
      </c>
      <c r="J6071" t="s">
        <v>31292</v>
      </c>
      <c r="O6071">
        <v>846627</v>
      </c>
      <c r="P6071">
        <v>1</v>
      </c>
      <c r="Q6071">
        <v>22</v>
      </c>
      <c r="R6071" t="s">
        <v>31293</v>
      </c>
      <c r="S6071">
        <v>10037</v>
      </c>
    </row>
    <row r="6072" spans="1:19" x14ac:dyDescent="0.25">
      <c r="A6072">
        <v>17247327</v>
      </c>
      <c r="B6072" t="s">
        <v>31294</v>
      </c>
      <c r="C6072" s="1" t="s">
        <v>31295</v>
      </c>
      <c r="E6072">
        <v>1</v>
      </c>
      <c r="F6072">
        <v>0</v>
      </c>
      <c r="H6072" t="s">
        <v>31296</v>
      </c>
      <c r="J6072" t="s">
        <v>31297</v>
      </c>
      <c r="O6072">
        <v>2469605</v>
      </c>
      <c r="P6072">
        <v>1</v>
      </c>
      <c r="Q6072">
        <v>0</v>
      </c>
      <c r="R6072" t="s">
        <v>31298</v>
      </c>
      <c r="S6072">
        <v>59</v>
      </c>
    </row>
    <row r="6073" spans="1:19" x14ac:dyDescent="0.25">
      <c r="A6073">
        <v>19724211</v>
      </c>
      <c r="B6073" t="s">
        <v>31299</v>
      </c>
      <c r="C6073" s="1" t="s">
        <v>31300</v>
      </c>
      <c r="D6073">
        <v>19724311</v>
      </c>
      <c r="E6073">
        <v>3</v>
      </c>
      <c r="F6073">
        <v>2</v>
      </c>
      <c r="H6073" t="s">
        <v>31301</v>
      </c>
      <c r="J6073" t="s">
        <v>31302</v>
      </c>
      <c r="K6073" t="s">
        <v>31303</v>
      </c>
      <c r="M6073">
        <v>2737758</v>
      </c>
      <c r="O6073">
        <v>2737758</v>
      </c>
      <c r="P6073">
        <v>1</v>
      </c>
      <c r="Q6073">
        <v>0</v>
      </c>
      <c r="R6073" t="s">
        <v>20636</v>
      </c>
      <c r="S6073">
        <v>323</v>
      </c>
    </row>
    <row r="6074" spans="1:19" x14ac:dyDescent="0.25">
      <c r="A6074">
        <v>27970019</v>
      </c>
      <c r="B6074" t="s">
        <v>31304</v>
      </c>
      <c r="C6074" s="1" t="s">
        <v>31305</v>
      </c>
      <c r="E6074">
        <v>0</v>
      </c>
      <c r="F6074">
        <v>6</v>
      </c>
      <c r="H6074" t="s">
        <v>31306</v>
      </c>
      <c r="J6074" t="s">
        <v>31307</v>
      </c>
      <c r="K6074" t="s">
        <v>31307</v>
      </c>
      <c r="M6074">
        <v>1413395</v>
      </c>
      <c r="O6074">
        <v>4326767</v>
      </c>
      <c r="P6074">
        <v>1</v>
      </c>
      <c r="Q6074">
        <v>0</v>
      </c>
      <c r="R6074" t="s">
        <v>31308</v>
      </c>
      <c r="S6074">
        <v>94</v>
      </c>
    </row>
    <row r="6075" spans="1:19" x14ac:dyDescent="0.25">
      <c r="A6075">
        <v>46446551</v>
      </c>
      <c r="B6075" t="s">
        <v>31309</v>
      </c>
      <c r="C6075" s="1" t="s">
        <v>31310</v>
      </c>
      <c r="E6075">
        <v>1</v>
      </c>
      <c r="F6075">
        <v>6</v>
      </c>
      <c r="H6075" t="s">
        <v>31311</v>
      </c>
      <c r="J6075" t="s">
        <v>31312</v>
      </c>
      <c r="O6075">
        <v>5562041</v>
      </c>
      <c r="P6075">
        <v>1</v>
      </c>
      <c r="Q6075">
        <v>0</v>
      </c>
      <c r="R6075" t="s">
        <v>31313</v>
      </c>
      <c r="S6075">
        <v>41</v>
      </c>
    </row>
    <row r="6076" spans="1:19" x14ac:dyDescent="0.25">
      <c r="A6076">
        <v>28206043</v>
      </c>
      <c r="B6076" t="s">
        <v>31314</v>
      </c>
      <c r="C6076" s="1" t="s">
        <v>31315</v>
      </c>
      <c r="E6076">
        <v>2</v>
      </c>
      <c r="F6076">
        <v>3</v>
      </c>
      <c r="H6076" t="s">
        <v>31316</v>
      </c>
      <c r="J6076" t="s">
        <v>31317</v>
      </c>
      <c r="K6076" t="s">
        <v>31317</v>
      </c>
      <c r="M6076">
        <v>4370109</v>
      </c>
      <c r="O6076">
        <v>4505535</v>
      </c>
      <c r="P6076">
        <v>1</v>
      </c>
      <c r="Q6076">
        <v>1</v>
      </c>
      <c r="R6076" t="s">
        <v>31318</v>
      </c>
      <c r="S6076">
        <v>94</v>
      </c>
    </row>
    <row r="6077" spans="1:19" x14ac:dyDescent="0.25">
      <c r="A6077">
        <v>41397090</v>
      </c>
      <c r="B6077" t="s">
        <v>31319</v>
      </c>
      <c r="C6077" s="1" t="s">
        <v>31320</v>
      </c>
      <c r="E6077">
        <v>0</v>
      </c>
      <c r="F6077">
        <v>3</v>
      </c>
      <c r="H6077" t="s">
        <v>31321</v>
      </c>
      <c r="J6077" t="s">
        <v>31322</v>
      </c>
      <c r="K6077" t="s">
        <v>31322</v>
      </c>
      <c r="M6077">
        <v>2837971</v>
      </c>
      <c r="O6077">
        <v>3313383</v>
      </c>
      <c r="P6077">
        <v>1</v>
      </c>
      <c r="Q6077">
        <v>2</v>
      </c>
      <c r="R6077" t="s">
        <v>31323</v>
      </c>
      <c r="S6077">
        <v>114</v>
      </c>
    </row>
    <row r="6078" spans="1:19" x14ac:dyDescent="0.25">
      <c r="A6078">
        <v>16730397</v>
      </c>
      <c r="B6078" t="s">
        <v>31324</v>
      </c>
      <c r="C6078" s="1" t="s">
        <v>31325</v>
      </c>
      <c r="D6078">
        <v>16742387</v>
      </c>
      <c r="E6078">
        <v>2</v>
      </c>
      <c r="F6078">
        <v>0</v>
      </c>
      <c r="H6078" t="s">
        <v>31326</v>
      </c>
      <c r="J6078" t="s">
        <v>31327</v>
      </c>
      <c r="O6078">
        <v>1477035</v>
      </c>
      <c r="P6078">
        <v>1</v>
      </c>
      <c r="Q6078">
        <v>1</v>
      </c>
      <c r="R6078" t="s">
        <v>31328</v>
      </c>
      <c r="S6078">
        <v>1004</v>
      </c>
    </row>
    <row r="6079" spans="1:19" x14ac:dyDescent="0.25">
      <c r="A6079">
        <v>38592480</v>
      </c>
      <c r="B6079" t="s">
        <v>31329</v>
      </c>
      <c r="C6079" s="1" t="s">
        <v>31330</v>
      </c>
      <c r="E6079">
        <v>1</v>
      </c>
      <c r="F6079">
        <v>3</v>
      </c>
      <c r="H6079" t="s">
        <v>31331</v>
      </c>
      <c r="J6079" t="s">
        <v>31332</v>
      </c>
      <c r="K6079" t="s">
        <v>31333</v>
      </c>
      <c r="M6079">
        <v>5376110</v>
      </c>
      <c r="O6079">
        <v>5376110</v>
      </c>
      <c r="P6079">
        <v>1</v>
      </c>
      <c r="Q6079">
        <v>1</v>
      </c>
      <c r="R6079" t="s">
        <v>31334</v>
      </c>
      <c r="S6079">
        <v>60</v>
      </c>
    </row>
    <row r="6080" spans="1:19" x14ac:dyDescent="0.25">
      <c r="A6080">
        <v>22616400</v>
      </c>
      <c r="B6080" t="s">
        <v>31335</v>
      </c>
      <c r="C6080" s="1" t="s">
        <v>31336</v>
      </c>
      <c r="E6080">
        <v>2</v>
      </c>
      <c r="F6080">
        <v>0</v>
      </c>
      <c r="H6080" t="s">
        <v>31337</v>
      </c>
      <c r="J6080" t="s">
        <v>31338</v>
      </c>
      <c r="O6080">
        <v>1114790</v>
      </c>
      <c r="P6080">
        <v>1</v>
      </c>
      <c r="Q6080">
        <v>0</v>
      </c>
      <c r="R6080" t="s">
        <v>31339</v>
      </c>
      <c r="S6080">
        <v>183</v>
      </c>
    </row>
    <row r="6081" spans="1:19" x14ac:dyDescent="0.25">
      <c r="A6081">
        <v>9881369</v>
      </c>
      <c r="B6081" t="s">
        <v>31340</v>
      </c>
      <c r="C6081" s="1" t="s">
        <v>31341</v>
      </c>
      <c r="D6081">
        <v>9881435</v>
      </c>
      <c r="E6081">
        <v>1</v>
      </c>
      <c r="F6081">
        <v>4</v>
      </c>
      <c r="H6081" t="s">
        <v>31342</v>
      </c>
      <c r="I6081">
        <v>2</v>
      </c>
      <c r="J6081" t="s">
        <v>31343</v>
      </c>
      <c r="O6081">
        <v>188750</v>
      </c>
      <c r="P6081">
        <v>1</v>
      </c>
      <c r="Q6081">
        <v>4</v>
      </c>
      <c r="R6081" t="s">
        <v>31344</v>
      </c>
      <c r="S6081">
        <v>2446</v>
      </c>
    </row>
    <row r="6082" spans="1:19" x14ac:dyDescent="0.25">
      <c r="A6082">
        <v>2206967</v>
      </c>
      <c r="B6082" t="s">
        <v>31345</v>
      </c>
      <c r="C6082" t="s">
        <v>31346</v>
      </c>
      <c r="E6082">
        <v>3</v>
      </c>
      <c r="F6082">
        <v>0</v>
      </c>
      <c r="H6082" t="s">
        <v>31347</v>
      </c>
      <c r="J6082" t="s">
        <v>31348</v>
      </c>
      <c r="O6082">
        <v>266928</v>
      </c>
      <c r="P6082">
        <v>1</v>
      </c>
      <c r="Q6082">
        <v>2</v>
      </c>
      <c r="R6082" t="s">
        <v>31349</v>
      </c>
      <c r="S6082">
        <v>114</v>
      </c>
    </row>
    <row r="6083" spans="1:19" x14ac:dyDescent="0.25">
      <c r="A6083">
        <v>43547735</v>
      </c>
      <c r="B6083" t="s">
        <v>31350</v>
      </c>
      <c r="C6083" s="1" t="s">
        <v>31351</v>
      </c>
      <c r="D6083">
        <v>43548317</v>
      </c>
      <c r="E6083">
        <v>1</v>
      </c>
      <c r="F6083">
        <v>0</v>
      </c>
      <c r="H6083" t="s">
        <v>31352</v>
      </c>
      <c r="J6083" t="s">
        <v>31353</v>
      </c>
      <c r="K6083" t="s">
        <v>31354</v>
      </c>
      <c r="M6083">
        <v>106224</v>
      </c>
      <c r="O6083">
        <v>2687790</v>
      </c>
      <c r="P6083">
        <v>1</v>
      </c>
      <c r="Q6083">
        <v>0</v>
      </c>
      <c r="R6083" t="s">
        <v>31355</v>
      </c>
      <c r="S6083">
        <v>16</v>
      </c>
    </row>
    <row r="6084" spans="1:19" x14ac:dyDescent="0.25">
      <c r="A6084">
        <v>43487210</v>
      </c>
      <c r="B6084" t="s">
        <v>31356</v>
      </c>
      <c r="C6084" t="s">
        <v>31357</v>
      </c>
      <c r="E6084">
        <v>0</v>
      </c>
      <c r="F6084">
        <v>5</v>
      </c>
      <c r="H6084" t="s">
        <v>31358</v>
      </c>
      <c r="J6084" t="s">
        <v>31359</v>
      </c>
      <c r="K6084" t="s">
        <v>31359</v>
      </c>
      <c r="M6084">
        <v>3395144</v>
      </c>
      <c r="O6084">
        <v>6229542</v>
      </c>
      <c r="P6084">
        <v>1</v>
      </c>
      <c r="Q6084">
        <v>0</v>
      </c>
      <c r="R6084" t="s">
        <v>31360</v>
      </c>
      <c r="S6084">
        <v>27</v>
      </c>
    </row>
    <row r="6085" spans="1:19" x14ac:dyDescent="0.25">
      <c r="A6085">
        <v>12519414</v>
      </c>
      <c r="B6085" t="s">
        <v>31361</v>
      </c>
      <c r="C6085" s="1" t="s">
        <v>31362</v>
      </c>
      <c r="E6085">
        <v>1</v>
      </c>
      <c r="F6085">
        <v>1</v>
      </c>
      <c r="H6085" t="s">
        <v>31363</v>
      </c>
      <c r="J6085" t="s">
        <v>31364</v>
      </c>
      <c r="O6085">
        <v>1000116</v>
      </c>
      <c r="P6085">
        <v>1</v>
      </c>
      <c r="Q6085">
        <v>0</v>
      </c>
      <c r="R6085" t="s">
        <v>2494</v>
      </c>
      <c r="S6085">
        <v>71</v>
      </c>
    </row>
    <row r="6086" spans="1:19" x14ac:dyDescent="0.25">
      <c r="A6086">
        <v>13424650</v>
      </c>
      <c r="B6086" t="s">
        <v>31365</v>
      </c>
      <c r="C6086" s="1" t="s">
        <v>31366</v>
      </c>
      <c r="D6086">
        <v>13424695</v>
      </c>
      <c r="E6086">
        <v>2</v>
      </c>
      <c r="F6086">
        <v>1</v>
      </c>
      <c r="H6086" t="s">
        <v>31367</v>
      </c>
      <c r="J6086" t="s">
        <v>31368</v>
      </c>
      <c r="O6086">
        <v>379079</v>
      </c>
      <c r="P6086">
        <v>1</v>
      </c>
      <c r="Q6086">
        <v>1</v>
      </c>
      <c r="R6086" t="s">
        <v>31369</v>
      </c>
      <c r="S6086">
        <v>222</v>
      </c>
    </row>
    <row r="6087" spans="1:19" x14ac:dyDescent="0.25">
      <c r="A6087">
        <v>41710599</v>
      </c>
      <c r="B6087" t="s">
        <v>31370</v>
      </c>
      <c r="C6087" s="1" t="s">
        <v>31371</v>
      </c>
      <c r="E6087">
        <v>0</v>
      </c>
      <c r="F6087">
        <v>0</v>
      </c>
      <c r="H6087" t="s">
        <v>31372</v>
      </c>
      <c r="J6087" t="s">
        <v>31373</v>
      </c>
      <c r="K6087" t="s">
        <v>31373</v>
      </c>
      <c r="M6087">
        <v>7381840</v>
      </c>
      <c r="O6087">
        <v>7381840</v>
      </c>
      <c r="P6087">
        <v>1</v>
      </c>
      <c r="Q6087">
        <v>2</v>
      </c>
      <c r="R6087" t="s">
        <v>31374</v>
      </c>
      <c r="S6087">
        <v>353</v>
      </c>
    </row>
    <row r="6088" spans="1:19" x14ac:dyDescent="0.25">
      <c r="A6088">
        <v>24857235</v>
      </c>
      <c r="B6088" t="s">
        <v>31375</v>
      </c>
      <c r="C6088" s="1" t="s">
        <v>31376</v>
      </c>
      <c r="D6088">
        <v>24857440</v>
      </c>
      <c r="E6088">
        <v>1</v>
      </c>
      <c r="F6088">
        <v>0</v>
      </c>
      <c r="H6088" t="s">
        <v>31377</v>
      </c>
      <c r="J6088" t="s">
        <v>31378</v>
      </c>
      <c r="O6088">
        <v>3317868</v>
      </c>
      <c r="P6088">
        <v>1</v>
      </c>
      <c r="Q6088">
        <v>0</v>
      </c>
      <c r="R6088" t="s">
        <v>31379</v>
      </c>
      <c r="S6088">
        <v>989</v>
      </c>
    </row>
    <row r="6089" spans="1:19" x14ac:dyDescent="0.25">
      <c r="A6089">
        <v>31479084</v>
      </c>
      <c r="B6089" t="s">
        <v>31380</v>
      </c>
      <c r="C6089" s="1" t="s">
        <v>31381</v>
      </c>
      <c r="E6089">
        <v>2</v>
      </c>
      <c r="F6089">
        <v>0</v>
      </c>
      <c r="H6089" t="s">
        <v>31382</v>
      </c>
      <c r="J6089" t="s">
        <v>31383</v>
      </c>
      <c r="O6089">
        <v>4899932</v>
      </c>
      <c r="P6089">
        <v>1</v>
      </c>
      <c r="Q6089">
        <v>0</v>
      </c>
      <c r="R6089" t="s">
        <v>31384</v>
      </c>
      <c r="S6089">
        <v>103</v>
      </c>
    </row>
    <row r="6090" spans="1:19" x14ac:dyDescent="0.25">
      <c r="A6090">
        <v>24636750</v>
      </c>
      <c r="B6090" t="s">
        <v>31385</v>
      </c>
      <c r="C6090" s="1" t="s">
        <v>31386</v>
      </c>
      <c r="D6090">
        <v>24636900</v>
      </c>
      <c r="E6090">
        <v>2</v>
      </c>
      <c r="F6090">
        <v>6</v>
      </c>
      <c r="H6090" t="s">
        <v>31387</v>
      </c>
      <c r="J6090" t="s">
        <v>31388</v>
      </c>
      <c r="K6090" t="s">
        <v>31389</v>
      </c>
      <c r="M6090">
        <v>3817228</v>
      </c>
      <c r="O6090">
        <v>3817228</v>
      </c>
      <c r="P6090">
        <v>1</v>
      </c>
      <c r="Q6090">
        <v>0</v>
      </c>
      <c r="R6090" t="s">
        <v>31390</v>
      </c>
      <c r="S6090">
        <v>449</v>
      </c>
    </row>
    <row r="6091" spans="1:19" x14ac:dyDescent="0.25">
      <c r="A6091">
        <v>12223884</v>
      </c>
      <c r="B6091" t="s">
        <v>31391</v>
      </c>
      <c r="C6091" s="1" t="s">
        <v>31392</v>
      </c>
      <c r="E6091">
        <v>4</v>
      </c>
      <c r="F6091">
        <v>2</v>
      </c>
      <c r="H6091" t="s">
        <v>31393</v>
      </c>
      <c r="J6091" t="s">
        <v>31394</v>
      </c>
      <c r="K6091" t="s">
        <v>31395</v>
      </c>
      <c r="M6091">
        <v>1079354</v>
      </c>
      <c r="O6091">
        <v>1639863</v>
      </c>
      <c r="P6091">
        <v>1</v>
      </c>
      <c r="Q6091">
        <v>1</v>
      </c>
      <c r="R6091" t="s">
        <v>408</v>
      </c>
      <c r="S6091">
        <v>60</v>
      </c>
    </row>
    <row r="6092" spans="1:19" x14ac:dyDescent="0.25">
      <c r="A6092">
        <v>20371105</v>
      </c>
      <c r="B6092" t="s">
        <v>31396</v>
      </c>
      <c r="C6092" s="1" t="s">
        <v>31397</v>
      </c>
      <c r="D6092">
        <v>20371184</v>
      </c>
      <c r="E6092">
        <v>1</v>
      </c>
      <c r="F6092">
        <v>2</v>
      </c>
      <c r="H6092" t="s">
        <v>31398</v>
      </c>
      <c r="J6092" t="s">
        <v>31399</v>
      </c>
      <c r="O6092">
        <v>613605</v>
      </c>
      <c r="P6092">
        <v>1</v>
      </c>
      <c r="Q6092">
        <v>-1</v>
      </c>
      <c r="R6092" t="s">
        <v>31400</v>
      </c>
      <c r="S6092">
        <v>278</v>
      </c>
    </row>
    <row r="6093" spans="1:19" x14ac:dyDescent="0.25">
      <c r="A6093">
        <v>50487115</v>
      </c>
      <c r="B6093" t="s">
        <v>31401</v>
      </c>
      <c r="C6093" s="1" t="s">
        <v>31402</v>
      </c>
      <c r="E6093">
        <v>0</v>
      </c>
      <c r="F6093">
        <v>0</v>
      </c>
      <c r="H6093" t="s">
        <v>31403</v>
      </c>
      <c r="J6093" t="s">
        <v>31404</v>
      </c>
      <c r="K6093" t="s">
        <v>31404</v>
      </c>
      <c r="M6093">
        <v>615397</v>
      </c>
      <c r="O6093">
        <v>615397</v>
      </c>
      <c r="P6093">
        <v>1</v>
      </c>
      <c r="Q6093">
        <v>0</v>
      </c>
      <c r="R6093" t="s">
        <v>31405</v>
      </c>
      <c r="S6093">
        <v>40</v>
      </c>
    </row>
    <row r="6094" spans="1:19" x14ac:dyDescent="0.25">
      <c r="A6094">
        <v>31469920</v>
      </c>
      <c r="B6094" t="s">
        <v>31406</v>
      </c>
      <c r="C6094" s="1" t="s">
        <v>31407</v>
      </c>
      <c r="D6094">
        <v>31469970</v>
      </c>
      <c r="E6094">
        <v>1</v>
      </c>
      <c r="F6094">
        <v>0</v>
      </c>
      <c r="H6094" t="s">
        <v>31408</v>
      </c>
      <c r="J6094" t="s">
        <v>31409</v>
      </c>
      <c r="O6094">
        <v>722695</v>
      </c>
      <c r="P6094">
        <v>1</v>
      </c>
      <c r="Q6094">
        <v>1</v>
      </c>
      <c r="R6094" t="s">
        <v>5380</v>
      </c>
      <c r="S6094">
        <v>109</v>
      </c>
    </row>
    <row r="6095" spans="1:19" x14ac:dyDescent="0.25">
      <c r="A6095">
        <v>24983597</v>
      </c>
      <c r="B6095" t="s">
        <v>31410</v>
      </c>
      <c r="C6095" s="1" t="s">
        <v>31411</v>
      </c>
      <c r="E6095">
        <v>1</v>
      </c>
      <c r="F6095">
        <v>0</v>
      </c>
      <c r="H6095" t="s">
        <v>31412</v>
      </c>
      <c r="I6095">
        <v>1</v>
      </c>
      <c r="J6095" t="s">
        <v>31413</v>
      </c>
      <c r="K6095" t="s">
        <v>31414</v>
      </c>
      <c r="M6095">
        <v>1809530</v>
      </c>
      <c r="O6095">
        <v>3882077</v>
      </c>
      <c r="P6095">
        <v>1</v>
      </c>
      <c r="Q6095">
        <v>1</v>
      </c>
      <c r="R6095" t="s">
        <v>31415</v>
      </c>
      <c r="S6095">
        <v>531</v>
      </c>
    </row>
    <row r="6096" spans="1:19" x14ac:dyDescent="0.25">
      <c r="A6096">
        <v>26563632</v>
      </c>
      <c r="B6096" t="s">
        <v>31416</v>
      </c>
      <c r="C6096" s="1" t="s">
        <v>31417</v>
      </c>
      <c r="D6096">
        <v>26563667</v>
      </c>
      <c r="E6096">
        <v>1</v>
      </c>
      <c r="F6096">
        <v>0</v>
      </c>
      <c r="H6096" t="s">
        <v>31418</v>
      </c>
      <c r="J6096" t="s">
        <v>31419</v>
      </c>
      <c r="K6096" t="s">
        <v>31419</v>
      </c>
      <c r="M6096">
        <v>4162003</v>
      </c>
      <c r="O6096">
        <v>4162003</v>
      </c>
      <c r="P6096">
        <v>1</v>
      </c>
      <c r="Q6096">
        <v>1</v>
      </c>
      <c r="R6096" t="s">
        <v>5486</v>
      </c>
      <c r="S6096">
        <v>131</v>
      </c>
    </row>
    <row r="6097" spans="1:19" x14ac:dyDescent="0.25">
      <c r="A6097">
        <v>50364086</v>
      </c>
      <c r="B6097" t="s">
        <v>31420</v>
      </c>
      <c r="C6097" s="1" t="s">
        <v>31421</v>
      </c>
      <c r="E6097">
        <v>1</v>
      </c>
      <c r="F6097">
        <v>14</v>
      </c>
      <c r="H6097" t="s">
        <v>31422</v>
      </c>
      <c r="I6097">
        <v>2</v>
      </c>
      <c r="J6097" t="s">
        <v>31423</v>
      </c>
      <c r="K6097" t="s">
        <v>31423</v>
      </c>
      <c r="M6097">
        <v>6168395</v>
      </c>
      <c r="O6097">
        <v>6168395</v>
      </c>
      <c r="P6097">
        <v>1</v>
      </c>
      <c r="Q6097">
        <v>4</v>
      </c>
      <c r="R6097" t="s">
        <v>31424</v>
      </c>
      <c r="S6097">
        <v>89</v>
      </c>
    </row>
    <row r="6098" spans="1:19" x14ac:dyDescent="0.25">
      <c r="A6098">
        <v>12695364</v>
      </c>
      <c r="B6098" t="s">
        <v>31425</v>
      </c>
      <c r="C6098" t="s">
        <v>31426</v>
      </c>
      <c r="D6098">
        <v>12695636</v>
      </c>
      <c r="E6098">
        <v>1</v>
      </c>
      <c r="F6098">
        <v>0</v>
      </c>
      <c r="H6098" t="s">
        <v>31427</v>
      </c>
      <c r="J6098" t="s">
        <v>31428</v>
      </c>
      <c r="O6098">
        <v>911254</v>
      </c>
      <c r="P6098">
        <v>1</v>
      </c>
      <c r="Q6098">
        <v>0</v>
      </c>
      <c r="R6098" t="s">
        <v>31429</v>
      </c>
      <c r="S6098">
        <v>53</v>
      </c>
    </row>
    <row r="6099" spans="1:19" x14ac:dyDescent="0.25">
      <c r="A6099">
        <v>35359019</v>
      </c>
      <c r="B6099" t="s">
        <v>31430</v>
      </c>
      <c r="C6099" s="1" t="s">
        <v>31431</v>
      </c>
      <c r="D6099">
        <v>35381482</v>
      </c>
      <c r="E6099">
        <v>1</v>
      </c>
      <c r="F6099">
        <v>3</v>
      </c>
      <c r="H6099" t="s">
        <v>31432</v>
      </c>
      <c r="J6099" t="s">
        <v>31433</v>
      </c>
      <c r="K6099" t="s">
        <v>31433</v>
      </c>
      <c r="M6099">
        <v>4509121</v>
      </c>
      <c r="O6099">
        <v>5707277</v>
      </c>
      <c r="P6099">
        <v>1</v>
      </c>
      <c r="Q6099">
        <v>0</v>
      </c>
      <c r="R6099" t="s">
        <v>31434</v>
      </c>
      <c r="S6099">
        <v>1472</v>
      </c>
    </row>
    <row r="6100" spans="1:19" x14ac:dyDescent="0.25">
      <c r="A6100">
        <v>10160705</v>
      </c>
      <c r="B6100" t="s">
        <v>31435</v>
      </c>
      <c r="C6100" s="1" t="s">
        <v>31436</v>
      </c>
      <c r="E6100">
        <v>3</v>
      </c>
      <c r="F6100">
        <v>0</v>
      </c>
      <c r="H6100" t="s">
        <v>31437</v>
      </c>
      <c r="J6100" t="s">
        <v>31438</v>
      </c>
      <c r="O6100">
        <v>676353</v>
      </c>
      <c r="P6100">
        <v>1</v>
      </c>
      <c r="Q6100">
        <v>0</v>
      </c>
      <c r="R6100" t="s">
        <v>351</v>
      </c>
      <c r="S6100">
        <v>1915</v>
      </c>
    </row>
    <row r="6101" spans="1:19" x14ac:dyDescent="0.25">
      <c r="A6101">
        <v>18343016</v>
      </c>
      <c r="B6101" t="s">
        <v>31439</v>
      </c>
      <c r="C6101" s="1" t="s">
        <v>31440</v>
      </c>
      <c r="D6101">
        <v>18343126</v>
      </c>
      <c r="E6101">
        <v>1</v>
      </c>
      <c r="F6101">
        <v>0</v>
      </c>
      <c r="H6101" t="s">
        <v>31441</v>
      </c>
      <c r="J6101" t="s">
        <v>31442</v>
      </c>
      <c r="K6101" t="s">
        <v>31442</v>
      </c>
      <c r="M6101">
        <v>1799694</v>
      </c>
      <c r="O6101">
        <v>1799694</v>
      </c>
      <c r="P6101">
        <v>1</v>
      </c>
      <c r="Q6101">
        <v>1</v>
      </c>
      <c r="R6101" t="s">
        <v>31443</v>
      </c>
      <c r="S6101">
        <v>585</v>
      </c>
    </row>
    <row r="6102" spans="1:19" x14ac:dyDescent="0.25">
      <c r="A6102">
        <v>33196180</v>
      </c>
      <c r="B6102" t="s">
        <v>31444</v>
      </c>
      <c r="C6102" s="1" t="s">
        <v>31445</v>
      </c>
      <c r="D6102">
        <v>33196268</v>
      </c>
      <c r="E6102">
        <v>1</v>
      </c>
      <c r="F6102">
        <v>2</v>
      </c>
      <c r="H6102" t="s">
        <v>31446</v>
      </c>
      <c r="J6102" t="s">
        <v>31447</v>
      </c>
      <c r="O6102">
        <v>4645783</v>
      </c>
      <c r="P6102">
        <v>1</v>
      </c>
      <c r="Q6102">
        <v>1</v>
      </c>
      <c r="R6102" t="s">
        <v>819</v>
      </c>
      <c r="S6102">
        <v>41</v>
      </c>
    </row>
    <row r="6103" spans="1:19" x14ac:dyDescent="0.25">
      <c r="A6103">
        <v>14855509</v>
      </c>
      <c r="B6103" t="s">
        <v>31448</v>
      </c>
      <c r="C6103" s="1" t="s">
        <v>31449</v>
      </c>
      <c r="E6103">
        <v>2</v>
      </c>
      <c r="F6103">
        <v>2</v>
      </c>
      <c r="H6103" t="s">
        <v>31450</v>
      </c>
      <c r="J6103" t="s">
        <v>31451</v>
      </c>
      <c r="O6103">
        <v>1944969</v>
      </c>
      <c r="P6103">
        <v>1</v>
      </c>
      <c r="Q6103">
        <v>1</v>
      </c>
      <c r="R6103" t="s">
        <v>472</v>
      </c>
      <c r="S6103">
        <v>1961</v>
      </c>
    </row>
    <row r="6104" spans="1:19" x14ac:dyDescent="0.25">
      <c r="A6104">
        <v>45193963</v>
      </c>
      <c r="B6104" t="s">
        <v>31452</v>
      </c>
      <c r="C6104" s="1" t="s">
        <v>31453</v>
      </c>
      <c r="E6104">
        <v>0</v>
      </c>
      <c r="F6104">
        <v>0</v>
      </c>
      <c r="H6104" t="s">
        <v>31454</v>
      </c>
      <c r="J6104" t="s">
        <v>31455</v>
      </c>
      <c r="K6104" t="s">
        <v>31455</v>
      </c>
      <c r="M6104">
        <v>6272476</v>
      </c>
      <c r="O6104">
        <v>6272476</v>
      </c>
      <c r="P6104">
        <v>1</v>
      </c>
      <c r="Q6104">
        <v>1</v>
      </c>
      <c r="R6104" t="s">
        <v>31456</v>
      </c>
      <c r="S6104">
        <v>130</v>
      </c>
    </row>
    <row r="6105" spans="1:19" x14ac:dyDescent="0.25">
      <c r="A6105">
        <v>23936401</v>
      </c>
      <c r="B6105" t="s">
        <v>31457</v>
      </c>
      <c r="C6105" s="1" t="s">
        <v>31458</v>
      </c>
      <c r="E6105">
        <v>0</v>
      </c>
      <c r="F6105">
        <v>7</v>
      </c>
      <c r="H6105" t="s">
        <v>31459</v>
      </c>
      <c r="I6105">
        <v>2</v>
      </c>
      <c r="J6105" t="s">
        <v>31460</v>
      </c>
      <c r="K6105" t="s">
        <v>31460</v>
      </c>
      <c r="M6105">
        <v>347466</v>
      </c>
      <c r="O6105">
        <v>347466</v>
      </c>
      <c r="P6105">
        <v>1</v>
      </c>
      <c r="Q6105">
        <v>1</v>
      </c>
      <c r="R6105" t="s">
        <v>31461</v>
      </c>
      <c r="S6105">
        <v>161</v>
      </c>
    </row>
    <row r="6106" spans="1:19" x14ac:dyDescent="0.25">
      <c r="A6106">
        <v>2788878</v>
      </c>
      <c r="B6106" t="s">
        <v>31462</v>
      </c>
      <c r="C6106" s="1" t="s">
        <v>31463</v>
      </c>
      <c r="E6106">
        <v>1</v>
      </c>
      <c r="F6106">
        <v>4</v>
      </c>
      <c r="H6106" t="s">
        <v>31464</v>
      </c>
      <c r="J6106" t="s">
        <v>31465</v>
      </c>
      <c r="K6106" t="s">
        <v>31466</v>
      </c>
      <c r="M6106">
        <v>818813</v>
      </c>
      <c r="O6106">
        <v>818813</v>
      </c>
      <c r="P6106">
        <v>1</v>
      </c>
      <c r="Q6106">
        <v>1</v>
      </c>
      <c r="R6106" t="s">
        <v>31467</v>
      </c>
      <c r="S6106">
        <v>391</v>
      </c>
    </row>
    <row r="6107" spans="1:19" x14ac:dyDescent="0.25">
      <c r="A6107">
        <v>12437241</v>
      </c>
      <c r="B6107" t="s">
        <v>31468</v>
      </c>
      <c r="C6107" s="1" t="s">
        <v>31469</v>
      </c>
      <c r="D6107">
        <v>12437453</v>
      </c>
      <c r="E6107">
        <v>1</v>
      </c>
      <c r="F6107">
        <v>3</v>
      </c>
      <c r="H6107" t="s">
        <v>31470</v>
      </c>
      <c r="I6107">
        <v>14</v>
      </c>
      <c r="J6107" t="s">
        <v>31471</v>
      </c>
      <c r="K6107" t="s">
        <v>31471</v>
      </c>
      <c r="M6107">
        <v>681865</v>
      </c>
      <c r="O6107">
        <v>1531979</v>
      </c>
      <c r="P6107">
        <v>1</v>
      </c>
      <c r="Q6107">
        <v>28</v>
      </c>
      <c r="R6107" t="s">
        <v>31472</v>
      </c>
      <c r="S6107">
        <v>16347</v>
      </c>
    </row>
    <row r="6108" spans="1:19" x14ac:dyDescent="0.25">
      <c r="A6108">
        <v>45515255</v>
      </c>
      <c r="B6108" t="s">
        <v>31473</v>
      </c>
      <c r="C6108" s="1" t="s">
        <v>31474</v>
      </c>
      <c r="E6108">
        <v>2</v>
      </c>
      <c r="F6108">
        <v>1</v>
      </c>
      <c r="H6108" t="s">
        <v>31475</v>
      </c>
      <c r="J6108" t="s">
        <v>31476</v>
      </c>
      <c r="O6108">
        <v>8419373</v>
      </c>
      <c r="P6108">
        <v>1</v>
      </c>
      <c r="Q6108">
        <v>0</v>
      </c>
      <c r="R6108" t="s">
        <v>31477</v>
      </c>
      <c r="S6108">
        <v>336</v>
      </c>
    </row>
    <row r="6109" spans="1:19" x14ac:dyDescent="0.25">
      <c r="A6109">
        <v>37628710</v>
      </c>
      <c r="B6109" t="s">
        <v>31478</v>
      </c>
      <c r="C6109" s="1" t="s">
        <v>31479</v>
      </c>
      <c r="E6109">
        <v>0</v>
      </c>
      <c r="F6109">
        <v>2</v>
      </c>
      <c r="H6109" t="s">
        <v>31480</v>
      </c>
      <c r="J6109" t="s">
        <v>31480</v>
      </c>
      <c r="O6109">
        <v>5282889</v>
      </c>
      <c r="P6109">
        <v>1</v>
      </c>
      <c r="Q6109">
        <v>1</v>
      </c>
      <c r="R6109" t="s">
        <v>31481</v>
      </c>
      <c r="S6109">
        <v>250</v>
      </c>
    </row>
    <row r="6110" spans="1:19" x14ac:dyDescent="0.25">
      <c r="A6110">
        <v>15228826</v>
      </c>
      <c r="B6110" t="s">
        <v>31482</v>
      </c>
      <c r="C6110" s="1" t="s">
        <v>31483</v>
      </c>
      <c r="D6110">
        <v>15228983</v>
      </c>
      <c r="E6110">
        <v>1</v>
      </c>
      <c r="F6110">
        <v>0</v>
      </c>
      <c r="H6110" t="s">
        <v>31484</v>
      </c>
      <c r="I6110">
        <v>2</v>
      </c>
      <c r="J6110" t="s">
        <v>31485</v>
      </c>
      <c r="O6110">
        <v>1888243</v>
      </c>
      <c r="P6110">
        <v>1</v>
      </c>
      <c r="Q6110">
        <v>1</v>
      </c>
      <c r="R6110" t="s">
        <v>31486</v>
      </c>
      <c r="S6110">
        <v>730</v>
      </c>
    </row>
    <row r="6111" spans="1:19" x14ac:dyDescent="0.25">
      <c r="A6111">
        <v>41690439</v>
      </c>
      <c r="B6111" t="s">
        <v>31487</v>
      </c>
      <c r="C6111" s="1" t="s">
        <v>31488</v>
      </c>
      <c r="D6111">
        <v>41694001</v>
      </c>
      <c r="E6111">
        <v>2</v>
      </c>
      <c r="F6111">
        <v>10</v>
      </c>
      <c r="H6111" t="s">
        <v>31489</v>
      </c>
      <c r="J6111" t="s">
        <v>31490</v>
      </c>
      <c r="K6111" t="s">
        <v>31491</v>
      </c>
      <c r="M6111">
        <v>184759</v>
      </c>
      <c r="O6111">
        <v>184759</v>
      </c>
      <c r="P6111">
        <v>1</v>
      </c>
      <c r="Q6111">
        <v>0</v>
      </c>
      <c r="R6111" t="s">
        <v>31492</v>
      </c>
      <c r="S6111">
        <v>80</v>
      </c>
    </row>
    <row r="6112" spans="1:19" x14ac:dyDescent="0.25">
      <c r="A6112">
        <v>6631280</v>
      </c>
      <c r="B6112" t="s">
        <v>31493</v>
      </c>
      <c r="C6112" s="1" t="s">
        <v>31494</v>
      </c>
      <c r="E6112">
        <v>4</v>
      </c>
      <c r="F6112">
        <v>0</v>
      </c>
      <c r="H6112" t="s">
        <v>31495</v>
      </c>
      <c r="I6112">
        <v>9</v>
      </c>
      <c r="J6112" t="s">
        <v>31496</v>
      </c>
      <c r="K6112" t="s">
        <v>31497</v>
      </c>
      <c r="M6112">
        <v>473993</v>
      </c>
      <c r="O6112">
        <v>473993</v>
      </c>
      <c r="P6112">
        <v>1</v>
      </c>
      <c r="Q6112">
        <v>8</v>
      </c>
      <c r="R6112" t="s">
        <v>31498</v>
      </c>
      <c r="S6112">
        <v>8563</v>
      </c>
    </row>
    <row r="6113" spans="1:19" x14ac:dyDescent="0.25">
      <c r="A6113">
        <v>49704364</v>
      </c>
      <c r="B6113" t="s">
        <v>31499</v>
      </c>
      <c r="C6113" s="1" t="s">
        <v>31500</v>
      </c>
      <c r="E6113">
        <v>2</v>
      </c>
      <c r="F6113">
        <v>7</v>
      </c>
      <c r="H6113" t="s">
        <v>31501</v>
      </c>
      <c r="I6113">
        <v>4</v>
      </c>
      <c r="J6113" t="s">
        <v>31502</v>
      </c>
      <c r="K6113" t="s">
        <v>31502</v>
      </c>
      <c r="M6113">
        <v>2308683</v>
      </c>
      <c r="O6113">
        <v>8424406</v>
      </c>
      <c r="P6113">
        <v>1</v>
      </c>
      <c r="Q6113">
        <v>9</v>
      </c>
      <c r="R6113" t="s">
        <v>31503</v>
      </c>
      <c r="S6113">
        <v>12712</v>
      </c>
    </row>
    <row r="6114" spans="1:19" x14ac:dyDescent="0.25">
      <c r="A6114">
        <v>42262576</v>
      </c>
      <c r="B6114" t="s">
        <v>31504</v>
      </c>
      <c r="C6114" s="1" t="s">
        <v>31505</v>
      </c>
      <c r="E6114">
        <v>1</v>
      </c>
      <c r="F6114">
        <v>20</v>
      </c>
      <c r="H6114" t="s">
        <v>31506</v>
      </c>
      <c r="J6114" t="s">
        <v>31507</v>
      </c>
      <c r="K6114" t="s">
        <v>31507</v>
      </c>
      <c r="M6114">
        <v>2370483</v>
      </c>
      <c r="O6114">
        <v>6412172</v>
      </c>
      <c r="P6114">
        <v>1</v>
      </c>
      <c r="Q6114">
        <v>0</v>
      </c>
      <c r="R6114" t="s">
        <v>31508</v>
      </c>
      <c r="S6114">
        <v>2262</v>
      </c>
    </row>
    <row r="6115" spans="1:19" x14ac:dyDescent="0.25">
      <c r="A6115">
        <v>25975084</v>
      </c>
      <c r="B6115" t="s">
        <v>31509</v>
      </c>
      <c r="C6115" t="s">
        <v>31510</v>
      </c>
      <c r="E6115">
        <v>0</v>
      </c>
      <c r="F6115">
        <v>1</v>
      </c>
      <c r="H6115" t="s">
        <v>31511</v>
      </c>
      <c r="I6115">
        <v>2</v>
      </c>
      <c r="J6115" t="s">
        <v>31512</v>
      </c>
      <c r="O6115">
        <v>1341261</v>
      </c>
      <c r="P6115">
        <v>1</v>
      </c>
      <c r="Q6115">
        <v>1</v>
      </c>
      <c r="R6115" t="s">
        <v>31513</v>
      </c>
      <c r="S6115">
        <v>562</v>
      </c>
    </row>
    <row r="6116" spans="1:19" x14ac:dyDescent="0.25">
      <c r="A6116">
        <v>36295558</v>
      </c>
      <c r="B6116" t="s">
        <v>31514</v>
      </c>
      <c r="C6116" s="1" t="s">
        <v>31515</v>
      </c>
      <c r="D6116">
        <v>36296350</v>
      </c>
      <c r="E6116">
        <v>2</v>
      </c>
      <c r="F6116">
        <v>1</v>
      </c>
      <c r="H6116" t="s">
        <v>31516</v>
      </c>
      <c r="J6116" t="s">
        <v>31517</v>
      </c>
      <c r="K6116" t="s">
        <v>31518</v>
      </c>
      <c r="M6116">
        <v>3869231</v>
      </c>
      <c r="O6116">
        <v>3869231</v>
      </c>
      <c r="P6116">
        <v>1</v>
      </c>
      <c r="Q6116">
        <v>0</v>
      </c>
      <c r="R6116" t="s">
        <v>7913</v>
      </c>
      <c r="S6116">
        <v>564</v>
      </c>
    </row>
    <row r="6117" spans="1:19" x14ac:dyDescent="0.25">
      <c r="A6117">
        <v>28075750</v>
      </c>
      <c r="B6117" t="s">
        <v>31519</v>
      </c>
      <c r="C6117" s="1" t="s">
        <v>31520</v>
      </c>
      <c r="D6117">
        <v>28076805</v>
      </c>
      <c r="E6117">
        <v>1</v>
      </c>
      <c r="F6117">
        <v>1</v>
      </c>
      <c r="H6117" t="s">
        <v>31521</v>
      </c>
      <c r="J6117" t="s">
        <v>31522</v>
      </c>
      <c r="O6117">
        <v>1841545</v>
      </c>
      <c r="P6117">
        <v>1</v>
      </c>
      <c r="Q6117">
        <v>0</v>
      </c>
      <c r="R6117" t="s">
        <v>31523</v>
      </c>
      <c r="S6117">
        <v>854</v>
      </c>
    </row>
    <row r="6118" spans="1:19" x14ac:dyDescent="0.25">
      <c r="A6118">
        <v>37669803</v>
      </c>
      <c r="B6118" t="s">
        <v>31524</v>
      </c>
      <c r="C6118" s="1" t="s">
        <v>31525</v>
      </c>
      <c r="E6118">
        <v>2</v>
      </c>
      <c r="F6118">
        <v>0</v>
      </c>
      <c r="H6118" t="s">
        <v>31526</v>
      </c>
      <c r="I6118">
        <v>1</v>
      </c>
      <c r="J6118" t="s">
        <v>31527</v>
      </c>
      <c r="K6118" t="s">
        <v>31528</v>
      </c>
      <c r="M6118">
        <v>4539113</v>
      </c>
      <c r="O6118">
        <v>4539113</v>
      </c>
      <c r="P6118">
        <v>1</v>
      </c>
      <c r="Q6118">
        <v>3</v>
      </c>
      <c r="R6118" t="s">
        <v>31529</v>
      </c>
      <c r="S6118">
        <v>998</v>
      </c>
    </row>
    <row r="6119" spans="1:19" x14ac:dyDescent="0.25">
      <c r="A6119">
        <v>7406560</v>
      </c>
      <c r="B6119" t="s">
        <v>31530</v>
      </c>
      <c r="C6119" s="1" t="s">
        <v>31531</v>
      </c>
      <c r="D6119">
        <v>7406638</v>
      </c>
      <c r="E6119">
        <v>3</v>
      </c>
      <c r="F6119">
        <v>3</v>
      </c>
      <c r="H6119" t="s">
        <v>31532</v>
      </c>
      <c r="J6119" t="s">
        <v>31533</v>
      </c>
      <c r="K6119" t="s">
        <v>31533</v>
      </c>
      <c r="M6119">
        <v>719034</v>
      </c>
      <c r="O6119">
        <v>778219</v>
      </c>
      <c r="P6119">
        <v>1</v>
      </c>
      <c r="Q6119">
        <v>4</v>
      </c>
      <c r="R6119" t="s">
        <v>27201</v>
      </c>
      <c r="S6119">
        <v>20418</v>
      </c>
    </row>
    <row r="6120" spans="1:19" x14ac:dyDescent="0.25">
      <c r="A6120">
        <v>37300252</v>
      </c>
      <c r="B6120" t="s">
        <v>31534</v>
      </c>
      <c r="C6120" s="1" t="s">
        <v>31535</v>
      </c>
      <c r="E6120">
        <v>1</v>
      </c>
      <c r="F6120">
        <v>3</v>
      </c>
      <c r="H6120" t="s">
        <v>31536</v>
      </c>
      <c r="J6120" t="s">
        <v>31537</v>
      </c>
      <c r="K6120" t="s">
        <v>31538</v>
      </c>
      <c r="M6120">
        <v>830423</v>
      </c>
      <c r="O6120">
        <v>830423</v>
      </c>
      <c r="P6120">
        <v>1</v>
      </c>
      <c r="Q6120">
        <v>0</v>
      </c>
      <c r="R6120" t="s">
        <v>819</v>
      </c>
      <c r="S6120">
        <v>54</v>
      </c>
    </row>
    <row r="6121" spans="1:19" x14ac:dyDescent="0.25">
      <c r="A6121">
        <v>42889866</v>
      </c>
      <c r="B6121" t="s">
        <v>31539</v>
      </c>
      <c r="C6121" s="1" t="s">
        <v>31540</v>
      </c>
      <c r="E6121">
        <v>1</v>
      </c>
      <c r="F6121">
        <v>0</v>
      </c>
      <c r="H6121" t="s">
        <v>31541</v>
      </c>
      <c r="J6121" t="s">
        <v>31542</v>
      </c>
      <c r="K6121" t="s">
        <v>31543</v>
      </c>
      <c r="M6121">
        <v>2452302</v>
      </c>
      <c r="O6121">
        <v>7736002</v>
      </c>
      <c r="P6121">
        <v>1</v>
      </c>
      <c r="Q6121">
        <v>0</v>
      </c>
      <c r="R6121" t="s">
        <v>17461</v>
      </c>
      <c r="S6121">
        <v>27</v>
      </c>
    </row>
    <row r="6122" spans="1:19" x14ac:dyDescent="0.25">
      <c r="A6122">
        <v>3852896</v>
      </c>
      <c r="B6122" t="s">
        <v>31544</v>
      </c>
      <c r="C6122" t="s">
        <v>31545</v>
      </c>
      <c r="D6122">
        <v>3852921</v>
      </c>
      <c r="E6122">
        <v>5</v>
      </c>
      <c r="F6122">
        <v>0</v>
      </c>
      <c r="H6122" t="s">
        <v>31546</v>
      </c>
      <c r="J6122" t="s">
        <v>31547</v>
      </c>
      <c r="O6122">
        <v>282772</v>
      </c>
      <c r="P6122">
        <v>1</v>
      </c>
      <c r="Q6122">
        <v>1</v>
      </c>
      <c r="R6122" t="s">
        <v>31548</v>
      </c>
      <c r="S6122">
        <v>188</v>
      </c>
    </row>
    <row r="6123" spans="1:19" x14ac:dyDescent="0.25">
      <c r="A6123">
        <v>41271933</v>
      </c>
      <c r="B6123" t="s">
        <v>31549</v>
      </c>
      <c r="C6123" s="1" t="s">
        <v>31550</v>
      </c>
      <c r="D6123">
        <v>41272989</v>
      </c>
      <c r="E6123">
        <v>1</v>
      </c>
      <c r="F6123">
        <v>1</v>
      </c>
      <c r="H6123" t="s">
        <v>31551</v>
      </c>
      <c r="J6123" t="s">
        <v>31552</v>
      </c>
      <c r="K6123" t="s">
        <v>31553</v>
      </c>
      <c r="M6123">
        <v>13302</v>
      </c>
      <c r="O6123">
        <v>7172823</v>
      </c>
      <c r="P6123">
        <v>1</v>
      </c>
      <c r="Q6123">
        <v>0</v>
      </c>
      <c r="R6123" t="s">
        <v>31554</v>
      </c>
      <c r="S6123">
        <v>1949</v>
      </c>
    </row>
    <row r="6124" spans="1:19" x14ac:dyDescent="0.25">
      <c r="A6124">
        <v>17178482</v>
      </c>
      <c r="B6124" t="s">
        <v>31555</v>
      </c>
      <c r="C6124" s="1" t="s">
        <v>31556</v>
      </c>
      <c r="E6124">
        <v>3</v>
      </c>
      <c r="F6124">
        <v>3</v>
      </c>
      <c r="H6124" t="s">
        <v>31557</v>
      </c>
      <c r="I6124">
        <v>2</v>
      </c>
      <c r="J6124" t="s">
        <v>31558</v>
      </c>
      <c r="K6124" t="s">
        <v>31559</v>
      </c>
      <c r="M6124">
        <v>698396</v>
      </c>
      <c r="O6124">
        <v>516328</v>
      </c>
      <c r="P6124">
        <v>1</v>
      </c>
      <c r="Q6124">
        <v>3</v>
      </c>
      <c r="R6124" t="s">
        <v>27201</v>
      </c>
      <c r="S6124">
        <v>12381</v>
      </c>
    </row>
    <row r="6125" spans="1:19" x14ac:dyDescent="0.25">
      <c r="A6125">
        <v>19967196</v>
      </c>
      <c r="B6125" t="s">
        <v>31560</v>
      </c>
      <c r="C6125" s="1" t="s">
        <v>31561</v>
      </c>
      <c r="D6125">
        <v>19967410</v>
      </c>
      <c r="E6125">
        <v>2</v>
      </c>
      <c r="F6125">
        <v>2</v>
      </c>
      <c r="H6125" t="s">
        <v>31562</v>
      </c>
      <c r="J6125" t="s">
        <v>31563</v>
      </c>
      <c r="O6125">
        <v>862515</v>
      </c>
      <c r="P6125">
        <v>1</v>
      </c>
      <c r="Q6125">
        <v>-1</v>
      </c>
      <c r="R6125" t="s">
        <v>819</v>
      </c>
      <c r="S6125">
        <v>124</v>
      </c>
    </row>
    <row r="6126" spans="1:19" x14ac:dyDescent="0.25">
      <c r="A6126">
        <v>10948275</v>
      </c>
      <c r="B6126" t="s">
        <v>31564</v>
      </c>
      <c r="C6126" s="1" t="s">
        <v>31565</v>
      </c>
      <c r="D6126">
        <v>10951617</v>
      </c>
      <c r="E6126">
        <v>2</v>
      </c>
      <c r="F6126">
        <v>2</v>
      </c>
      <c r="H6126" t="s">
        <v>31566</v>
      </c>
      <c r="I6126">
        <v>1</v>
      </c>
      <c r="J6126" t="s">
        <v>31567</v>
      </c>
      <c r="K6126" t="s">
        <v>31568</v>
      </c>
      <c r="M6126">
        <v>954671</v>
      </c>
      <c r="O6126">
        <v>954671</v>
      </c>
      <c r="P6126">
        <v>1</v>
      </c>
      <c r="Q6126">
        <v>4</v>
      </c>
      <c r="R6126" t="s">
        <v>31569</v>
      </c>
      <c r="S6126">
        <v>500</v>
      </c>
    </row>
    <row r="6127" spans="1:19" x14ac:dyDescent="0.25">
      <c r="A6127">
        <v>45363672</v>
      </c>
      <c r="B6127" t="s">
        <v>31570</v>
      </c>
      <c r="C6127" s="1" t="s">
        <v>31571</v>
      </c>
      <c r="D6127">
        <v>45364267</v>
      </c>
      <c r="E6127">
        <v>1</v>
      </c>
      <c r="F6127">
        <v>0</v>
      </c>
      <c r="H6127" t="s">
        <v>31572</v>
      </c>
      <c r="J6127" t="s">
        <v>31573</v>
      </c>
      <c r="K6127" t="s">
        <v>31573</v>
      </c>
      <c r="M6127">
        <v>1207049</v>
      </c>
      <c r="O6127">
        <v>3799429</v>
      </c>
      <c r="P6127">
        <v>1</v>
      </c>
      <c r="Q6127">
        <v>0</v>
      </c>
      <c r="R6127" t="s">
        <v>31574</v>
      </c>
      <c r="S6127">
        <v>63</v>
      </c>
    </row>
    <row r="6128" spans="1:19" x14ac:dyDescent="0.25">
      <c r="A6128">
        <v>9554569</v>
      </c>
      <c r="B6128" t="s">
        <v>31575</v>
      </c>
      <c r="C6128" s="1" t="s">
        <v>31576</v>
      </c>
      <c r="D6128">
        <v>9554916</v>
      </c>
      <c r="E6128">
        <v>1</v>
      </c>
      <c r="F6128">
        <v>2</v>
      </c>
      <c r="H6128" t="s">
        <v>31577</v>
      </c>
      <c r="J6128" t="s">
        <v>31578</v>
      </c>
      <c r="K6128" t="s">
        <v>31579</v>
      </c>
      <c r="M6128">
        <v>1203660</v>
      </c>
      <c r="O6128">
        <v>1203660</v>
      </c>
      <c r="P6128">
        <v>1</v>
      </c>
      <c r="Q6128">
        <v>-1</v>
      </c>
      <c r="R6128" t="s">
        <v>18433</v>
      </c>
      <c r="S6128">
        <v>20</v>
      </c>
    </row>
    <row r="6129" spans="1:19" x14ac:dyDescent="0.25">
      <c r="A6129">
        <v>27100313</v>
      </c>
      <c r="B6129" t="s">
        <v>31580</v>
      </c>
      <c r="C6129" s="1" t="s">
        <v>31581</v>
      </c>
      <c r="D6129">
        <v>27100391</v>
      </c>
      <c r="E6129">
        <v>2</v>
      </c>
      <c r="F6129">
        <v>0</v>
      </c>
      <c r="H6129" t="s">
        <v>31582</v>
      </c>
      <c r="I6129">
        <v>1</v>
      </c>
      <c r="J6129" t="s">
        <v>31583</v>
      </c>
      <c r="K6129" t="s">
        <v>31583</v>
      </c>
      <c r="M6129">
        <v>4137160</v>
      </c>
      <c r="O6129">
        <v>4137160</v>
      </c>
      <c r="P6129">
        <v>1</v>
      </c>
      <c r="Q6129">
        <v>-1</v>
      </c>
      <c r="R6129" t="s">
        <v>31584</v>
      </c>
      <c r="S6129">
        <v>176</v>
      </c>
    </row>
    <row r="6130" spans="1:19" x14ac:dyDescent="0.25">
      <c r="A6130">
        <v>14575360</v>
      </c>
      <c r="B6130" t="s">
        <v>31585</v>
      </c>
      <c r="C6130" s="1" t="s">
        <v>31586</v>
      </c>
      <c r="D6130">
        <v>14595126</v>
      </c>
      <c r="E6130">
        <v>1</v>
      </c>
      <c r="F6130">
        <v>0</v>
      </c>
      <c r="H6130" t="s">
        <v>31587</v>
      </c>
      <c r="J6130" t="s">
        <v>31588</v>
      </c>
      <c r="K6130" t="s">
        <v>31589</v>
      </c>
      <c r="M6130">
        <v>696364</v>
      </c>
      <c r="O6130">
        <v>1974798</v>
      </c>
      <c r="P6130">
        <v>1</v>
      </c>
      <c r="Q6130">
        <v>0</v>
      </c>
      <c r="R6130" t="s">
        <v>31590</v>
      </c>
      <c r="S6130">
        <v>280</v>
      </c>
    </row>
    <row r="6131" spans="1:19" x14ac:dyDescent="0.25">
      <c r="A6131">
        <v>21030734</v>
      </c>
      <c r="B6131" t="s">
        <v>31591</v>
      </c>
      <c r="C6131" s="1" t="s">
        <v>31592</v>
      </c>
      <c r="D6131">
        <v>21031403</v>
      </c>
      <c r="E6131">
        <v>2</v>
      </c>
      <c r="F6131">
        <v>0</v>
      </c>
      <c r="H6131" t="s">
        <v>31593</v>
      </c>
      <c r="J6131" t="s">
        <v>31594</v>
      </c>
      <c r="O6131">
        <v>2859603</v>
      </c>
      <c r="P6131">
        <v>1</v>
      </c>
      <c r="Q6131">
        <v>0</v>
      </c>
      <c r="R6131" t="s">
        <v>31595</v>
      </c>
      <c r="S6131">
        <v>255</v>
      </c>
    </row>
    <row r="6132" spans="1:19" x14ac:dyDescent="0.25">
      <c r="A6132">
        <v>15124502</v>
      </c>
      <c r="B6132" t="s">
        <v>31596</v>
      </c>
      <c r="C6132" s="1" t="s">
        <v>31597</v>
      </c>
      <c r="D6132">
        <v>15126358</v>
      </c>
      <c r="E6132">
        <v>1</v>
      </c>
      <c r="F6132">
        <v>5</v>
      </c>
      <c r="H6132" t="s">
        <v>31598</v>
      </c>
      <c r="J6132" t="s">
        <v>31599</v>
      </c>
      <c r="O6132">
        <v>412299</v>
      </c>
      <c r="P6132">
        <v>1</v>
      </c>
      <c r="Q6132">
        <v>0</v>
      </c>
      <c r="R6132" t="s">
        <v>31600</v>
      </c>
      <c r="S6132">
        <v>580</v>
      </c>
    </row>
    <row r="6133" spans="1:19" x14ac:dyDescent="0.25">
      <c r="A6133">
        <v>24373063</v>
      </c>
      <c r="B6133" t="s">
        <v>31601</v>
      </c>
      <c r="C6133" s="1" t="s">
        <v>31602</v>
      </c>
      <c r="D6133">
        <v>24373160</v>
      </c>
      <c r="E6133">
        <v>1</v>
      </c>
      <c r="F6133">
        <v>6</v>
      </c>
      <c r="H6133" t="s">
        <v>31603</v>
      </c>
      <c r="J6133" t="s">
        <v>31604</v>
      </c>
      <c r="K6133" t="s">
        <v>31604</v>
      </c>
      <c r="M6133">
        <v>3186802</v>
      </c>
      <c r="O6133">
        <v>3186802</v>
      </c>
      <c r="P6133">
        <v>1</v>
      </c>
      <c r="Q6133">
        <v>1</v>
      </c>
      <c r="R6133" t="s">
        <v>31605</v>
      </c>
      <c r="S6133">
        <v>263</v>
      </c>
    </row>
    <row r="6134" spans="1:19" x14ac:dyDescent="0.25">
      <c r="A6134">
        <v>29586948</v>
      </c>
      <c r="B6134" t="s">
        <v>31606</v>
      </c>
      <c r="C6134" s="1" t="s">
        <v>31607</v>
      </c>
      <c r="D6134">
        <v>29587019</v>
      </c>
      <c r="E6134">
        <v>2</v>
      </c>
      <c r="F6134">
        <v>0</v>
      </c>
      <c r="H6134" t="s">
        <v>31608</v>
      </c>
      <c r="I6134">
        <v>1</v>
      </c>
      <c r="J6134" t="s">
        <v>31609</v>
      </c>
      <c r="O6134">
        <v>4700377</v>
      </c>
      <c r="P6134">
        <v>1</v>
      </c>
      <c r="Q6134">
        <v>0</v>
      </c>
      <c r="R6134" t="s">
        <v>31610</v>
      </c>
      <c r="S6134">
        <v>836</v>
      </c>
    </row>
    <row r="6135" spans="1:19" x14ac:dyDescent="0.25">
      <c r="A6135">
        <v>44315465</v>
      </c>
      <c r="B6135" t="s">
        <v>31611</v>
      </c>
      <c r="C6135" s="1" t="s">
        <v>31612</v>
      </c>
      <c r="D6135">
        <v>44316205</v>
      </c>
      <c r="E6135">
        <v>1</v>
      </c>
      <c r="F6135">
        <v>0</v>
      </c>
      <c r="H6135" t="s">
        <v>31613</v>
      </c>
      <c r="J6135" t="s">
        <v>31614</v>
      </c>
      <c r="O6135">
        <v>8071326</v>
      </c>
      <c r="P6135">
        <v>1</v>
      </c>
      <c r="Q6135">
        <v>1</v>
      </c>
      <c r="R6135" t="s">
        <v>19916</v>
      </c>
      <c r="S6135">
        <v>86</v>
      </c>
    </row>
    <row r="6136" spans="1:19" x14ac:dyDescent="0.25">
      <c r="A6136">
        <v>7134308</v>
      </c>
      <c r="B6136" t="s">
        <v>31615</v>
      </c>
      <c r="C6136" s="1" t="s">
        <v>31616</v>
      </c>
      <c r="D6136">
        <v>7134749</v>
      </c>
      <c r="E6136">
        <v>2</v>
      </c>
      <c r="F6136">
        <v>0</v>
      </c>
      <c r="H6136" t="s">
        <v>31617</v>
      </c>
      <c r="J6136" t="s">
        <v>31618</v>
      </c>
      <c r="O6136">
        <v>7644</v>
      </c>
      <c r="P6136">
        <v>1</v>
      </c>
      <c r="Q6136">
        <v>0</v>
      </c>
      <c r="R6136" t="s">
        <v>31619</v>
      </c>
      <c r="S6136">
        <v>1800</v>
      </c>
    </row>
    <row r="6137" spans="1:19" x14ac:dyDescent="0.25">
      <c r="A6137">
        <v>22481315</v>
      </c>
      <c r="B6137" t="s">
        <v>31620</v>
      </c>
      <c r="C6137" s="1" t="s">
        <v>31621</v>
      </c>
      <c r="D6137">
        <v>22481457</v>
      </c>
      <c r="E6137">
        <v>2</v>
      </c>
      <c r="F6137">
        <v>4</v>
      </c>
      <c r="H6137" t="s">
        <v>31622</v>
      </c>
      <c r="J6137" t="s">
        <v>31623</v>
      </c>
      <c r="O6137">
        <v>1140725</v>
      </c>
      <c r="P6137">
        <v>1</v>
      </c>
      <c r="Q6137">
        <v>0</v>
      </c>
      <c r="R6137" t="s">
        <v>31624</v>
      </c>
      <c r="S6137">
        <v>62</v>
      </c>
    </row>
    <row r="6138" spans="1:19" x14ac:dyDescent="0.25">
      <c r="A6138">
        <v>49724355</v>
      </c>
      <c r="B6138" t="s">
        <v>31625</v>
      </c>
      <c r="C6138" s="1" t="s">
        <v>31626</v>
      </c>
      <c r="E6138">
        <v>1</v>
      </c>
      <c r="F6138">
        <v>1</v>
      </c>
      <c r="H6138" t="s">
        <v>31627</v>
      </c>
      <c r="J6138" t="s">
        <v>31628</v>
      </c>
      <c r="O6138">
        <v>9232648</v>
      </c>
      <c r="P6138">
        <v>1</v>
      </c>
      <c r="Q6138">
        <v>1</v>
      </c>
      <c r="R6138" t="s">
        <v>31629</v>
      </c>
      <c r="S6138">
        <v>114</v>
      </c>
    </row>
    <row r="6139" spans="1:19" x14ac:dyDescent="0.25">
      <c r="A6139">
        <v>32707074</v>
      </c>
      <c r="B6139" t="s">
        <v>31630</v>
      </c>
      <c r="C6139" s="1" t="s">
        <v>31631</v>
      </c>
      <c r="E6139">
        <v>0</v>
      </c>
      <c r="F6139">
        <v>0</v>
      </c>
      <c r="H6139" t="s">
        <v>31632</v>
      </c>
      <c r="J6139" t="s">
        <v>31632</v>
      </c>
      <c r="O6139">
        <v>3577296</v>
      </c>
      <c r="P6139">
        <v>1</v>
      </c>
      <c r="Q6139">
        <v>2</v>
      </c>
      <c r="R6139" t="s">
        <v>31633</v>
      </c>
      <c r="S6139">
        <v>59</v>
      </c>
    </row>
    <row r="6140" spans="1:19" x14ac:dyDescent="0.25">
      <c r="A6140">
        <v>17861991</v>
      </c>
      <c r="B6140" t="s">
        <v>31634</v>
      </c>
      <c r="C6140" s="1" t="s">
        <v>31635</v>
      </c>
      <c r="D6140">
        <v>19437789</v>
      </c>
      <c r="E6140">
        <v>2</v>
      </c>
      <c r="F6140">
        <v>0</v>
      </c>
      <c r="H6140" t="s">
        <v>31636</v>
      </c>
      <c r="I6140">
        <v>2</v>
      </c>
      <c r="J6140" t="s">
        <v>31637</v>
      </c>
      <c r="O6140">
        <v>1746325</v>
      </c>
      <c r="P6140">
        <v>1</v>
      </c>
      <c r="Q6140">
        <v>4</v>
      </c>
      <c r="R6140" t="s">
        <v>31638</v>
      </c>
      <c r="S6140">
        <v>477</v>
      </c>
    </row>
    <row r="6141" spans="1:19" x14ac:dyDescent="0.25">
      <c r="A6141">
        <v>35539822</v>
      </c>
      <c r="B6141" t="s">
        <v>31639</v>
      </c>
      <c r="C6141" s="1" t="s">
        <v>31640</v>
      </c>
      <c r="E6141">
        <v>0</v>
      </c>
      <c r="F6141">
        <v>4</v>
      </c>
      <c r="H6141" t="s">
        <v>31641</v>
      </c>
      <c r="J6141" t="s">
        <v>31642</v>
      </c>
      <c r="K6141" t="s">
        <v>31642</v>
      </c>
      <c r="M6141">
        <v>5597807</v>
      </c>
      <c r="O6141">
        <v>5597807</v>
      </c>
      <c r="P6141">
        <v>1</v>
      </c>
      <c r="Q6141">
        <v>0</v>
      </c>
      <c r="R6141" t="s">
        <v>31643</v>
      </c>
      <c r="S6141">
        <v>220</v>
      </c>
    </row>
    <row r="6142" spans="1:19" x14ac:dyDescent="0.25">
      <c r="A6142">
        <v>23885949</v>
      </c>
      <c r="B6142" t="s">
        <v>31644</v>
      </c>
      <c r="C6142" s="1" t="s">
        <v>31645</v>
      </c>
      <c r="D6142">
        <v>24139351</v>
      </c>
      <c r="E6142">
        <v>2</v>
      </c>
      <c r="F6142">
        <v>0</v>
      </c>
      <c r="H6142" t="s">
        <v>31646</v>
      </c>
      <c r="J6142" t="s">
        <v>31647</v>
      </c>
      <c r="K6142" t="s">
        <v>31647</v>
      </c>
      <c r="M6142">
        <v>1033581</v>
      </c>
      <c r="O6142">
        <v>1756667</v>
      </c>
      <c r="P6142">
        <v>1</v>
      </c>
      <c r="Q6142">
        <v>0</v>
      </c>
      <c r="R6142" t="s">
        <v>31648</v>
      </c>
      <c r="S6142">
        <v>271</v>
      </c>
    </row>
    <row r="6143" spans="1:19" x14ac:dyDescent="0.25">
      <c r="A6143">
        <v>22505904</v>
      </c>
      <c r="B6143" t="s">
        <v>31649</v>
      </c>
      <c r="C6143" s="1" t="s">
        <v>31650</v>
      </c>
      <c r="E6143">
        <v>0</v>
      </c>
      <c r="F6143">
        <v>3</v>
      </c>
      <c r="H6143" t="s">
        <v>31651</v>
      </c>
      <c r="J6143" t="s">
        <v>31652</v>
      </c>
      <c r="K6143" t="s">
        <v>31652</v>
      </c>
      <c r="M6143">
        <v>850334</v>
      </c>
      <c r="O6143">
        <v>850334</v>
      </c>
      <c r="P6143">
        <v>1</v>
      </c>
      <c r="Q6143">
        <v>0</v>
      </c>
      <c r="R6143" t="s">
        <v>31653</v>
      </c>
      <c r="S6143">
        <v>113</v>
      </c>
    </row>
    <row r="6144" spans="1:19" x14ac:dyDescent="0.25">
      <c r="A6144">
        <v>12710854</v>
      </c>
      <c r="B6144" t="s">
        <v>31654</v>
      </c>
      <c r="C6144" t="s">
        <v>31655</v>
      </c>
      <c r="D6144">
        <v>12712747</v>
      </c>
      <c r="E6144">
        <v>1</v>
      </c>
      <c r="F6144">
        <v>2</v>
      </c>
      <c r="H6144" t="s">
        <v>31656</v>
      </c>
      <c r="J6144" t="s">
        <v>31657</v>
      </c>
      <c r="K6144" t="s">
        <v>31658</v>
      </c>
      <c r="M6144">
        <v>814412</v>
      </c>
      <c r="O6144">
        <v>814412</v>
      </c>
      <c r="P6144">
        <v>1</v>
      </c>
      <c r="Q6144">
        <v>0</v>
      </c>
      <c r="R6144" t="s">
        <v>31659</v>
      </c>
      <c r="S6144">
        <v>66</v>
      </c>
    </row>
    <row r="6145" spans="1:19" x14ac:dyDescent="0.25">
      <c r="A6145">
        <v>20397979</v>
      </c>
      <c r="B6145" t="s">
        <v>31660</v>
      </c>
      <c r="C6145" s="1" t="s">
        <v>31661</v>
      </c>
      <c r="D6145">
        <v>20398088</v>
      </c>
      <c r="E6145">
        <v>1</v>
      </c>
      <c r="F6145">
        <v>1</v>
      </c>
      <c r="H6145" t="s">
        <v>31662</v>
      </c>
      <c r="J6145" t="s">
        <v>31663</v>
      </c>
      <c r="O6145">
        <v>2369927</v>
      </c>
      <c r="P6145">
        <v>1</v>
      </c>
      <c r="Q6145">
        <v>0</v>
      </c>
      <c r="R6145" t="s">
        <v>4168</v>
      </c>
      <c r="S6145">
        <v>154</v>
      </c>
    </row>
    <row r="6146" spans="1:19" x14ac:dyDescent="0.25">
      <c r="A6146">
        <v>36965279</v>
      </c>
      <c r="B6146" t="s">
        <v>31664</v>
      </c>
      <c r="C6146" s="1" t="s">
        <v>31665</v>
      </c>
      <c r="D6146">
        <v>36966314</v>
      </c>
      <c r="E6146">
        <v>1</v>
      </c>
      <c r="F6146">
        <v>0</v>
      </c>
      <c r="H6146" t="s">
        <v>31666</v>
      </c>
      <c r="J6146" t="s">
        <v>31667</v>
      </c>
      <c r="O6146">
        <v>1617101</v>
      </c>
      <c r="P6146">
        <v>1</v>
      </c>
      <c r="Q6146">
        <v>0</v>
      </c>
      <c r="R6146" t="s">
        <v>31668</v>
      </c>
      <c r="S6146">
        <v>22</v>
      </c>
    </row>
    <row r="6147" spans="1:19" x14ac:dyDescent="0.25">
      <c r="A6147">
        <v>33694981</v>
      </c>
      <c r="B6147" t="s">
        <v>31669</v>
      </c>
      <c r="C6147" s="1" t="s">
        <v>31670</v>
      </c>
      <c r="D6147">
        <v>33695359</v>
      </c>
      <c r="E6147">
        <v>2</v>
      </c>
      <c r="F6147">
        <v>5</v>
      </c>
      <c r="H6147" t="s">
        <v>31671</v>
      </c>
      <c r="J6147" t="s">
        <v>31672</v>
      </c>
      <c r="K6147" t="s">
        <v>31672</v>
      </c>
      <c r="M6147">
        <v>5234727</v>
      </c>
      <c r="O6147">
        <v>5234727</v>
      </c>
      <c r="P6147">
        <v>1</v>
      </c>
      <c r="Q6147">
        <v>0</v>
      </c>
      <c r="R6147" t="s">
        <v>31673</v>
      </c>
      <c r="S6147">
        <v>128</v>
      </c>
    </row>
    <row r="6148" spans="1:19" x14ac:dyDescent="0.25">
      <c r="A6148">
        <v>15548248</v>
      </c>
      <c r="B6148" t="s">
        <v>31674</v>
      </c>
      <c r="C6148" s="1" t="s">
        <v>31675</v>
      </c>
      <c r="D6148">
        <v>15549764</v>
      </c>
      <c r="E6148">
        <v>2</v>
      </c>
      <c r="F6148">
        <v>14</v>
      </c>
      <c r="H6148" t="s">
        <v>31676</v>
      </c>
      <c r="J6148" t="s">
        <v>31677</v>
      </c>
      <c r="K6148" t="s">
        <v>31677</v>
      </c>
      <c r="M6148">
        <v>1400768</v>
      </c>
      <c r="O6148">
        <v>2162132</v>
      </c>
      <c r="P6148">
        <v>1</v>
      </c>
      <c r="Q6148">
        <v>0</v>
      </c>
      <c r="R6148" t="s">
        <v>31678</v>
      </c>
      <c r="S6148">
        <v>2834</v>
      </c>
    </row>
    <row r="6149" spans="1:19" x14ac:dyDescent="0.25">
      <c r="A6149">
        <v>3815261</v>
      </c>
      <c r="B6149" t="s">
        <v>31679</v>
      </c>
      <c r="C6149" s="1" t="s">
        <v>31680</v>
      </c>
      <c r="E6149">
        <v>4</v>
      </c>
      <c r="F6149">
        <v>0</v>
      </c>
      <c r="H6149" t="s">
        <v>31681</v>
      </c>
      <c r="I6149">
        <v>3</v>
      </c>
      <c r="J6149" t="s">
        <v>31682</v>
      </c>
      <c r="K6149" t="s">
        <v>31683</v>
      </c>
      <c r="M6149">
        <v>500584</v>
      </c>
      <c r="O6149">
        <v>460847</v>
      </c>
      <c r="P6149">
        <v>1</v>
      </c>
      <c r="Q6149">
        <v>1</v>
      </c>
      <c r="R6149" t="s">
        <v>31684</v>
      </c>
      <c r="S6149">
        <v>10667</v>
      </c>
    </row>
    <row r="6150" spans="1:19" x14ac:dyDescent="0.25">
      <c r="A6150">
        <v>24153577</v>
      </c>
      <c r="B6150" t="s">
        <v>31685</v>
      </c>
      <c r="C6150" s="1" t="s">
        <v>31686</v>
      </c>
      <c r="D6150">
        <v>24153787</v>
      </c>
      <c r="E6150">
        <v>2</v>
      </c>
      <c r="F6150">
        <v>6</v>
      </c>
      <c r="H6150" t="s">
        <v>31687</v>
      </c>
      <c r="J6150" t="s">
        <v>31688</v>
      </c>
      <c r="O6150">
        <v>409976</v>
      </c>
      <c r="P6150">
        <v>1</v>
      </c>
      <c r="Q6150">
        <v>2</v>
      </c>
      <c r="R6150" t="s">
        <v>2867</v>
      </c>
      <c r="S6150">
        <v>1078</v>
      </c>
    </row>
    <row r="6151" spans="1:19" x14ac:dyDescent="0.25">
      <c r="A6151">
        <v>24285569</v>
      </c>
      <c r="B6151" t="s">
        <v>31689</v>
      </c>
      <c r="C6151" s="1" t="s">
        <v>31690</v>
      </c>
      <c r="D6151">
        <v>24286309</v>
      </c>
      <c r="E6151">
        <v>1</v>
      </c>
      <c r="F6151">
        <v>0</v>
      </c>
      <c r="H6151" t="s">
        <v>31691</v>
      </c>
      <c r="I6151">
        <v>2</v>
      </c>
      <c r="J6151" t="s">
        <v>31692</v>
      </c>
      <c r="K6151" t="s">
        <v>31693</v>
      </c>
      <c r="M6151">
        <v>1434137</v>
      </c>
      <c r="O6151">
        <v>1434137</v>
      </c>
      <c r="P6151">
        <v>1</v>
      </c>
      <c r="Q6151">
        <v>2</v>
      </c>
      <c r="R6151" t="s">
        <v>31694</v>
      </c>
      <c r="S6151">
        <v>2797</v>
      </c>
    </row>
    <row r="6152" spans="1:19" x14ac:dyDescent="0.25">
      <c r="A6152">
        <v>22290939</v>
      </c>
      <c r="B6152" t="s">
        <v>31695</v>
      </c>
      <c r="C6152" s="1" t="s">
        <v>31696</v>
      </c>
      <c r="D6152">
        <v>22291177</v>
      </c>
      <c r="E6152">
        <v>1</v>
      </c>
      <c r="F6152">
        <v>5</v>
      </c>
      <c r="H6152" t="s">
        <v>31697</v>
      </c>
      <c r="J6152" t="s">
        <v>31698</v>
      </c>
      <c r="O6152">
        <v>1341156</v>
      </c>
      <c r="P6152">
        <v>1</v>
      </c>
      <c r="Q6152">
        <v>6</v>
      </c>
      <c r="R6152" t="s">
        <v>31699</v>
      </c>
      <c r="S6152">
        <v>81</v>
      </c>
    </row>
    <row r="6153" spans="1:19" x14ac:dyDescent="0.25">
      <c r="A6153">
        <v>37968747</v>
      </c>
      <c r="B6153" t="s">
        <v>31700</v>
      </c>
      <c r="C6153" s="1" t="s">
        <v>31701</v>
      </c>
      <c r="D6153">
        <v>37968842</v>
      </c>
      <c r="E6153">
        <v>2</v>
      </c>
      <c r="F6153">
        <v>4</v>
      </c>
      <c r="H6153" t="s">
        <v>31702</v>
      </c>
      <c r="J6153" t="s">
        <v>31703</v>
      </c>
      <c r="K6153" t="s">
        <v>31704</v>
      </c>
      <c r="M6153">
        <v>2065039</v>
      </c>
      <c r="O6153">
        <v>2065039</v>
      </c>
      <c r="P6153">
        <v>1</v>
      </c>
      <c r="Q6153">
        <v>0</v>
      </c>
      <c r="R6153" t="s">
        <v>31705</v>
      </c>
      <c r="S6153">
        <v>443</v>
      </c>
    </row>
    <row r="6154" spans="1:19" x14ac:dyDescent="0.25">
      <c r="A6154">
        <v>23281384</v>
      </c>
      <c r="B6154" t="s">
        <v>31706</v>
      </c>
      <c r="C6154" s="1" t="s">
        <v>31707</v>
      </c>
      <c r="D6154">
        <v>23281572</v>
      </c>
      <c r="E6154">
        <v>1</v>
      </c>
      <c r="F6154">
        <v>0</v>
      </c>
      <c r="H6154" t="s">
        <v>31708</v>
      </c>
      <c r="J6154" t="s">
        <v>31709</v>
      </c>
      <c r="O6154">
        <v>3303704</v>
      </c>
      <c r="P6154">
        <v>1</v>
      </c>
      <c r="Q6154">
        <v>0</v>
      </c>
      <c r="R6154" t="s">
        <v>31710</v>
      </c>
      <c r="S6154">
        <v>330</v>
      </c>
    </row>
    <row r="6155" spans="1:19" x14ac:dyDescent="0.25">
      <c r="A6155">
        <v>37048294</v>
      </c>
      <c r="B6155" t="s">
        <v>31711</v>
      </c>
      <c r="C6155" s="1" t="s">
        <v>31712</v>
      </c>
      <c r="D6155">
        <v>37048418</v>
      </c>
      <c r="E6155">
        <v>2</v>
      </c>
      <c r="F6155">
        <v>10</v>
      </c>
      <c r="H6155" t="s">
        <v>31713</v>
      </c>
      <c r="I6155">
        <v>1</v>
      </c>
      <c r="J6155" t="s">
        <v>31714</v>
      </c>
      <c r="K6155" t="s">
        <v>31714</v>
      </c>
      <c r="M6155">
        <v>20938</v>
      </c>
      <c r="O6155">
        <v>5593189</v>
      </c>
      <c r="P6155">
        <v>1</v>
      </c>
      <c r="Q6155">
        <v>2</v>
      </c>
      <c r="R6155" t="s">
        <v>855</v>
      </c>
      <c r="S6155">
        <v>40</v>
      </c>
    </row>
    <row r="6156" spans="1:19" x14ac:dyDescent="0.25">
      <c r="A6156">
        <v>23995641</v>
      </c>
      <c r="B6156" t="s">
        <v>31715</v>
      </c>
      <c r="C6156" s="1" t="s">
        <v>31716</v>
      </c>
      <c r="E6156">
        <v>1</v>
      </c>
      <c r="F6156">
        <v>2</v>
      </c>
      <c r="H6156" t="s">
        <v>31717</v>
      </c>
      <c r="J6156" t="s">
        <v>31718</v>
      </c>
      <c r="K6156" t="s">
        <v>31718</v>
      </c>
      <c r="M6156">
        <v>3014695</v>
      </c>
      <c r="O6156">
        <v>3014695</v>
      </c>
      <c r="P6156">
        <v>1</v>
      </c>
      <c r="Q6156">
        <v>0</v>
      </c>
      <c r="R6156" t="s">
        <v>31719</v>
      </c>
      <c r="S6156">
        <v>615</v>
      </c>
    </row>
    <row r="6157" spans="1:19" x14ac:dyDescent="0.25">
      <c r="A6157">
        <v>33481420</v>
      </c>
      <c r="B6157" t="s">
        <v>31720</v>
      </c>
      <c r="C6157" s="1" t="s">
        <v>31721</v>
      </c>
      <c r="E6157">
        <v>1</v>
      </c>
      <c r="F6157">
        <v>0</v>
      </c>
      <c r="H6157" t="s">
        <v>31722</v>
      </c>
      <c r="J6157" t="s">
        <v>31723</v>
      </c>
      <c r="K6157" t="s">
        <v>31723</v>
      </c>
      <c r="M6157">
        <v>1033581</v>
      </c>
      <c r="O6157">
        <v>2835545</v>
      </c>
      <c r="P6157">
        <v>1</v>
      </c>
      <c r="Q6157">
        <v>0</v>
      </c>
      <c r="R6157" t="s">
        <v>31724</v>
      </c>
      <c r="S6157">
        <v>105</v>
      </c>
    </row>
    <row r="6158" spans="1:19" x14ac:dyDescent="0.25">
      <c r="A6158">
        <v>9175677</v>
      </c>
      <c r="B6158" t="s">
        <v>31725</v>
      </c>
      <c r="C6158" s="1" t="s">
        <v>31726</v>
      </c>
      <c r="E6158">
        <v>1</v>
      </c>
      <c r="F6158">
        <v>0</v>
      </c>
      <c r="H6158" t="s">
        <v>31727</v>
      </c>
      <c r="J6158" t="s">
        <v>31728</v>
      </c>
      <c r="K6158" t="s">
        <v>31729</v>
      </c>
      <c r="M6158">
        <v>18061</v>
      </c>
      <c r="O6158">
        <v>887872</v>
      </c>
      <c r="P6158">
        <v>1</v>
      </c>
      <c r="Q6158">
        <v>0</v>
      </c>
      <c r="R6158" t="s">
        <v>31730</v>
      </c>
      <c r="S6158">
        <v>2477</v>
      </c>
    </row>
    <row r="6159" spans="1:19" x14ac:dyDescent="0.25">
      <c r="A6159">
        <v>50403445</v>
      </c>
      <c r="B6159" t="s">
        <v>31731</v>
      </c>
      <c r="C6159" s="1" t="s">
        <v>31732</v>
      </c>
      <c r="E6159">
        <v>0</v>
      </c>
      <c r="F6159">
        <v>2</v>
      </c>
      <c r="H6159" t="s">
        <v>31733</v>
      </c>
      <c r="J6159" t="s">
        <v>31733</v>
      </c>
      <c r="O6159">
        <v>8629724</v>
      </c>
      <c r="P6159">
        <v>1</v>
      </c>
      <c r="Q6159">
        <v>0</v>
      </c>
      <c r="R6159" t="s">
        <v>20893</v>
      </c>
      <c r="S6159">
        <v>24</v>
      </c>
    </row>
    <row r="6160" spans="1:19" x14ac:dyDescent="0.25">
      <c r="A6160">
        <v>44752487</v>
      </c>
      <c r="B6160" t="s">
        <v>31734</v>
      </c>
      <c r="C6160" s="1" t="s">
        <v>31735</v>
      </c>
      <c r="D6160">
        <v>44754669</v>
      </c>
      <c r="E6160">
        <v>1</v>
      </c>
      <c r="F6160">
        <v>2</v>
      </c>
      <c r="H6160" t="s">
        <v>31736</v>
      </c>
      <c r="J6160" t="s">
        <v>31737</v>
      </c>
      <c r="K6160" t="s">
        <v>31738</v>
      </c>
      <c r="M6160">
        <v>8157135</v>
      </c>
      <c r="O6160">
        <v>8157135</v>
      </c>
      <c r="P6160">
        <v>1</v>
      </c>
      <c r="Q6160">
        <v>0</v>
      </c>
      <c r="R6160" t="s">
        <v>31739</v>
      </c>
      <c r="S6160">
        <v>511</v>
      </c>
    </row>
    <row r="6161" spans="1:19" x14ac:dyDescent="0.25">
      <c r="A6161">
        <v>43520666</v>
      </c>
      <c r="B6161" t="s">
        <v>31740</v>
      </c>
      <c r="C6161" s="1" t="s">
        <v>31741</v>
      </c>
      <c r="D6161">
        <v>43522567</v>
      </c>
      <c r="E6161">
        <v>1</v>
      </c>
      <c r="F6161">
        <v>0</v>
      </c>
      <c r="H6161" t="s">
        <v>31742</v>
      </c>
      <c r="I6161">
        <v>2</v>
      </c>
      <c r="J6161" t="s">
        <v>31743</v>
      </c>
      <c r="N6161" t="s">
        <v>31744</v>
      </c>
      <c r="P6161">
        <v>1</v>
      </c>
      <c r="Q6161">
        <v>1</v>
      </c>
      <c r="R6161" t="s">
        <v>31745</v>
      </c>
      <c r="S6161">
        <v>27</v>
      </c>
    </row>
    <row r="6162" spans="1:19" x14ac:dyDescent="0.25">
      <c r="A6162">
        <v>22352146</v>
      </c>
      <c r="B6162" t="s">
        <v>31746</v>
      </c>
      <c r="C6162" s="1" t="s">
        <v>31747</v>
      </c>
      <c r="D6162">
        <v>22406089</v>
      </c>
      <c r="E6162">
        <v>1</v>
      </c>
      <c r="F6162">
        <v>1</v>
      </c>
      <c r="H6162" t="s">
        <v>31748</v>
      </c>
      <c r="J6162" t="s">
        <v>31749</v>
      </c>
      <c r="K6162" t="s">
        <v>31750</v>
      </c>
      <c r="M6162">
        <v>1659599</v>
      </c>
      <c r="O6162">
        <v>1659599</v>
      </c>
      <c r="P6162">
        <v>1</v>
      </c>
      <c r="Q6162">
        <v>1</v>
      </c>
      <c r="R6162" t="s">
        <v>31751</v>
      </c>
      <c r="S6162">
        <v>128</v>
      </c>
    </row>
    <row r="6163" spans="1:19" x14ac:dyDescent="0.25">
      <c r="A6163">
        <v>6765636</v>
      </c>
      <c r="B6163" t="s">
        <v>31752</v>
      </c>
      <c r="C6163" s="1" t="s">
        <v>31753</v>
      </c>
      <c r="D6163">
        <v>6780779</v>
      </c>
      <c r="E6163">
        <v>1</v>
      </c>
      <c r="F6163">
        <v>0</v>
      </c>
      <c r="H6163" t="s">
        <v>31754</v>
      </c>
      <c r="I6163">
        <v>1</v>
      </c>
      <c r="J6163" t="s">
        <v>31755</v>
      </c>
      <c r="O6163">
        <v>182799</v>
      </c>
      <c r="P6163">
        <v>1</v>
      </c>
      <c r="Q6163">
        <v>3</v>
      </c>
      <c r="R6163" t="s">
        <v>31756</v>
      </c>
      <c r="S6163">
        <v>574</v>
      </c>
    </row>
    <row r="6164" spans="1:19" x14ac:dyDescent="0.25">
      <c r="A6164">
        <v>38696278</v>
      </c>
      <c r="B6164" t="s">
        <v>31757</v>
      </c>
      <c r="C6164" s="1" t="s">
        <v>31758</v>
      </c>
      <c r="E6164">
        <v>1</v>
      </c>
      <c r="F6164">
        <v>3</v>
      </c>
      <c r="H6164" t="s">
        <v>31759</v>
      </c>
      <c r="J6164" t="s">
        <v>31760</v>
      </c>
      <c r="K6164" t="s">
        <v>31761</v>
      </c>
      <c r="M6164">
        <v>6339494</v>
      </c>
      <c r="O6164">
        <v>5405134</v>
      </c>
      <c r="P6164">
        <v>1</v>
      </c>
      <c r="Q6164">
        <v>0</v>
      </c>
      <c r="R6164" t="s">
        <v>31762</v>
      </c>
      <c r="S6164">
        <v>245</v>
      </c>
    </row>
    <row r="6165" spans="1:19" x14ac:dyDescent="0.25">
      <c r="A6165">
        <v>11880064</v>
      </c>
      <c r="B6165" t="s">
        <v>31763</v>
      </c>
      <c r="C6165" s="1" t="s">
        <v>31764</v>
      </c>
      <c r="E6165">
        <v>0</v>
      </c>
      <c r="F6165">
        <v>1</v>
      </c>
      <c r="H6165" t="s">
        <v>31765</v>
      </c>
      <c r="J6165" t="s">
        <v>31766</v>
      </c>
      <c r="K6165" t="s">
        <v>31766</v>
      </c>
      <c r="M6165">
        <v>789090</v>
      </c>
      <c r="O6165">
        <v>789090</v>
      </c>
      <c r="P6165">
        <v>1</v>
      </c>
      <c r="Q6165">
        <v>2</v>
      </c>
      <c r="R6165" t="s">
        <v>31767</v>
      </c>
      <c r="S6165">
        <v>947</v>
      </c>
    </row>
    <row r="6166" spans="1:19" x14ac:dyDescent="0.25">
      <c r="A6166">
        <v>37487089</v>
      </c>
      <c r="B6166" t="s">
        <v>31768</v>
      </c>
      <c r="C6166" s="1" t="s">
        <v>31769</v>
      </c>
      <c r="D6166">
        <v>37494522</v>
      </c>
      <c r="E6166">
        <v>1</v>
      </c>
      <c r="F6166">
        <v>6</v>
      </c>
      <c r="H6166" t="s">
        <v>31770</v>
      </c>
      <c r="J6166" t="s">
        <v>31771</v>
      </c>
      <c r="K6166" t="s">
        <v>31772</v>
      </c>
      <c r="M6166">
        <v>6390283</v>
      </c>
      <c r="O6166">
        <v>6390283</v>
      </c>
      <c r="P6166">
        <v>1</v>
      </c>
      <c r="Q6166">
        <v>1</v>
      </c>
      <c r="R6166" t="s">
        <v>10727</v>
      </c>
      <c r="S6166">
        <v>119</v>
      </c>
    </row>
    <row r="6167" spans="1:19" x14ac:dyDescent="0.25">
      <c r="A6167">
        <v>26352066</v>
      </c>
      <c r="B6167" t="s">
        <v>31773</v>
      </c>
      <c r="C6167" s="1" t="s">
        <v>31774</v>
      </c>
      <c r="E6167">
        <v>2</v>
      </c>
      <c r="F6167">
        <v>0</v>
      </c>
      <c r="H6167" t="s">
        <v>31775</v>
      </c>
      <c r="J6167" t="s">
        <v>31776</v>
      </c>
      <c r="O6167">
        <v>1723946</v>
      </c>
      <c r="P6167">
        <v>1</v>
      </c>
      <c r="Q6167">
        <v>0</v>
      </c>
      <c r="R6167" t="s">
        <v>31777</v>
      </c>
      <c r="S6167">
        <v>111</v>
      </c>
    </row>
    <row r="6168" spans="1:19" x14ac:dyDescent="0.25">
      <c r="A6168">
        <v>22835187</v>
      </c>
      <c r="B6168" t="s">
        <v>31778</v>
      </c>
      <c r="C6168" s="1" t="s">
        <v>31779</v>
      </c>
      <c r="D6168">
        <v>23412429</v>
      </c>
      <c r="E6168">
        <v>4</v>
      </c>
      <c r="F6168">
        <v>2</v>
      </c>
      <c r="H6168" t="s">
        <v>31780</v>
      </c>
      <c r="I6168">
        <v>5</v>
      </c>
      <c r="J6168" t="s">
        <v>31781</v>
      </c>
      <c r="K6168" t="s">
        <v>31782</v>
      </c>
      <c r="M6168">
        <v>1448823</v>
      </c>
      <c r="O6168">
        <v>1448823</v>
      </c>
      <c r="P6168">
        <v>1</v>
      </c>
      <c r="Q6168">
        <v>9</v>
      </c>
      <c r="R6168" t="s">
        <v>31783</v>
      </c>
      <c r="S6168">
        <v>19196</v>
      </c>
    </row>
    <row r="6169" spans="1:19" x14ac:dyDescent="0.25">
      <c r="A6169">
        <v>15515911</v>
      </c>
      <c r="B6169" t="s">
        <v>31784</v>
      </c>
      <c r="C6169" s="1" t="s">
        <v>31785</v>
      </c>
      <c r="D6169">
        <v>15515926</v>
      </c>
      <c r="E6169">
        <v>5</v>
      </c>
      <c r="F6169">
        <v>0</v>
      </c>
      <c r="H6169" t="s">
        <v>31786</v>
      </c>
      <c r="J6169" t="s">
        <v>31787</v>
      </c>
      <c r="K6169" t="s">
        <v>31788</v>
      </c>
      <c r="M6169">
        <v>1310991</v>
      </c>
      <c r="O6169">
        <v>1753819</v>
      </c>
      <c r="P6169">
        <v>1</v>
      </c>
      <c r="Q6169">
        <v>1</v>
      </c>
      <c r="R6169" t="s">
        <v>18090</v>
      </c>
      <c r="S6169">
        <v>6954</v>
      </c>
    </row>
    <row r="6170" spans="1:19" x14ac:dyDescent="0.25">
      <c r="A6170">
        <v>43355905</v>
      </c>
      <c r="B6170" t="s">
        <v>31789</v>
      </c>
      <c r="C6170" s="1" t="s">
        <v>31790</v>
      </c>
      <c r="D6170">
        <v>43374758</v>
      </c>
      <c r="E6170">
        <v>2</v>
      </c>
      <c r="F6170">
        <v>0</v>
      </c>
      <c r="H6170" t="s">
        <v>31791</v>
      </c>
      <c r="J6170" t="s">
        <v>31792</v>
      </c>
      <c r="O6170">
        <v>4344438</v>
      </c>
      <c r="P6170">
        <v>1</v>
      </c>
      <c r="Q6170">
        <v>1</v>
      </c>
      <c r="R6170" t="s">
        <v>19073</v>
      </c>
      <c r="S6170">
        <v>143</v>
      </c>
    </row>
    <row r="6171" spans="1:19" x14ac:dyDescent="0.25">
      <c r="A6171">
        <v>44916839</v>
      </c>
      <c r="B6171" t="s">
        <v>31793</v>
      </c>
      <c r="C6171" s="1" t="s">
        <v>31794</v>
      </c>
      <c r="D6171">
        <v>44916907</v>
      </c>
      <c r="E6171">
        <v>3</v>
      </c>
      <c r="F6171">
        <v>0</v>
      </c>
      <c r="H6171" t="s">
        <v>31795</v>
      </c>
      <c r="I6171">
        <v>2</v>
      </c>
      <c r="J6171" t="s">
        <v>31796</v>
      </c>
      <c r="K6171" t="s">
        <v>31796</v>
      </c>
      <c r="M6171">
        <v>5647260</v>
      </c>
      <c r="O6171">
        <v>3287262</v>
      </c>
      <c r="P6171">
        <v>1</v>
      </c>
      <c r="Q6171">
        <v>3</v>
      </c>
      <c r="R6171" t="s">
        <v>31797</v>
      </c>
      <c r="S6171">
        <v>3208</v>
      </c>
    </row>
    <row r="6172" spans="1:19" x14ac:dyDescent="0.25">
      <c r="A6172">
        <v>718975</v>
      </c>
      <c r="B6172" t="s">
        <v>31798</v>
      </c>
      <c r="C6172" s="1" t="s">
        <v>31799</v>
      </c>
      <c r="D6172">
        <v>718995</v>
      </c>
      <c r="E6172">
        <v>5</v>
      </c>
      <c r="F6172">
        <v>2</v>
      </c>
      <c r="H6172" t="s">
        <v>31800</v>
      </c>
      <c r="I6172">
        <v>2</v>
      </c>
      <c r="J6172" t="s">
        <v>31801</v>
      </c>
      <c r="K6172" t="s">
        <v>31802</v>
      </c>
      <c r="M6172">
        <v>811</v>
      </c>
      <c r="N6172" t="s">
        <v>31803</v>
      </c>
      <c r="O6172">
        <v>86388</v>
      </c>
      <c r="P6172">
        <v>1</v>
      </c>
      <c r="Q6172">
        <v>8</v>
      </c>
      <c r="R6172" t="s">
        <v>31804</v>
      </c>
      <c r="S6172">
        <v>5940</v>
      </c>
    </row>
    <row r="6173" spans="1:19" x14ac:dyDescent="0.25">
      <c r="A6173">
        <v>40420940</v>
      </c>
      <c r="B6173" t="s">
        <v>31805</v>
      </c>
      <c r="C6173" s="1" t="s">
        <v>31806</v>
      </c>
      <c r="D6173">
        <v>40421098</v>
      </c>
      <c r="E6173">
        <v>3</v>
      </c>
      <c r="F6173">
        <v>1</v>
      </c>
      <c r="H6173" t="s">
        <v>31807</v>
      </c>
      <c r="J6173" t="s">
        <v>31808</v>
      </c>
      <c r="K6173" t="s">
        <v>31809</v>
      </c>
      <c r="M6173">
        <v>6099327</v>
      </c>
      <c r="O6173">
        <v>7114570</v>
      </c>
      <c r="P6173">
        <v>1</v>
      </c>
      <c r="Q6173">
        <v>1</v>
      </c>
      <c r="R6173" t="s">
        <v>15531</v>
      </c>
      <c r="S6173">
        <v>71</v>
      </c>
    </row>
    <row r="6174" spans="1:19" x14ac:dyDescent="0.25">
      <c r="A6174">
        <v>818535</v>
      </c>
      <c r="B6174" t="s">
        <v>31810</v>
      </c>
      <c r="C6174" s="1" t="s">
        <v>31811</v>
      </c>
      <c r="D6174">
        <v>818541</v>
      </c>
      <c r="E6174">
        <v>5</v>
      </c>
      <c r="F6174">
        <v>7</v>
      </c>
      <c r="H6174" t="s">
        <v>31812</v>
      </c>
      <c r="I6174">
        <v>1</v>
      </c>
      <c r="J6174" t="s">
        <v>31813</v>
      </c>
      <c r="N6174" t="s">
        <v>31814</v>
      </c>
      <c r="P6174">
        <v>1</v>
      </c>
      <c r="Q6174">
        <v>14</v>
      </c>
      <c r="R6174" t="s">
        <v>31815</v>
      </c>
      <c r="S6174">
        <v>19554</v>
      </c>
    </row>
    <row r="6175" spans="1:19" x14ac:dyDescent="0.25">
      <c r="A6175">
        <v>34482205</v>
      </c>
      <c r="B6175" t="s">
        <v>31816</v>
      </c>
      <c r="C6175" s="1" t="s">
        <v>31817</v>
      </c>
      <c r="E6175">
        <v>3</v>
      </c>
      <c r="F6175">
        <v>2</v>
      </c>
      <c r="H6175" t="s">
        <v>31818</v>
      </c>
      <c r="J6175" t="s">
        <v>31819</v>
      </c>
      <c r="K6175" t="s">
        <v>31820</v>
      </c>
      <c r="M6175">
        <v>4464702</v>
      </c>
      <c r="O6175">
        <v>1185422</v>
      </c>
      <c r="P6175">
        <v>1</v>
      </c>
      <c r="Q6175">
        <v>3</v>
      </c>
      <c r="R6175" t="s">
        <v>6778</v>
      </c>
      <c r="S6175">
        <v>120</v>
      </c>
    </row>
    <row r="6176" spans="1:19" x14ac:dyDescent="0.25">
      <c r="A6176">
        <v>36671161</v>
      </c>
      <c r="B6176" t="s">
        <v>31821</v>
      </c>
      <c r="C6176" s="1" t="s">
        <v>31822</v>
      </c>
      <c r="D6176">
        <v>36671399</v>
      </c>
      <c r="E6176">
        <v>1</v>
      </c>
      <c r="F6176">
        <v>0</v>
      </c>
      <c r="H6176" t="s">
        <v>31823</v>
      </c>
      <c r="I6176">
        <v>1</v>
      </c>
      <c r="J6176" t="s">
        <v>31824</v>
      </c>
      <c r="K6176" t="s">
        <v>31825</v>
      </c>
      <c r="M6176">
        <v>-1</v>
      </c>
      <c r="O6176">
        <v>6082960</v>
      </c>
      <c r="P6176">
        <v>1</v>
      </c>
      <c r="Q6176">
        <v>1</v>
      </c>
      <c r="R6176" t="s">
        <v>31826</v>
      </c>
      <c r="S6176">
        <v>467</v>
      </c>
    </row>
    <row r="6177" spans="1:19" x14ac:dyDescent="0.25">
      <c r="A6177">
        <v>29403693</v>
      </c>
      <c r="B6177" t="s">
        <v>31827</v>
      </c>
      <c r="C6177" s="1" t="s">
        <v>31828</v>
      </c>
      <c r="E6177">
        <v>1</v>
      </c>
      <c r="F6177">
        <v>0</v>
      </c>
      <c r="H6177" t="s">
        <v>31829</v>
      </c>
      <c r="J6177" t="s">
        <v>31830</v>
      </c>
      <c r="K6177" t="s">
        <v>31831</v>
      </c>
      <c r="M6177">
        <v>248521</v>
      </c>
      <c r="O6177">
        <v>248521</v>
      </c>
      <c r="P6177">
        <v>1</v>
      </c>
      <c r="Q6177">
        <v>0</v>
      </c>
      <c r="R6177" t="s">
        <v>27522</v>
      </c>
      <c r="S6177">
        <v>284</v>
      </c>
    </row>
    <row r="6178" spans="1:19" x14ac:dyDescent="0.25">
      <c r="A6178">
        <v>37555578</v>
      </c>
      <c r="B6178" t="s">
        <v>31832</v>
      </c>
      <c r="C6178" s="1" t="s">
        <v>31833</v>
      </c>
      <c r="E6178">
        <v>3</v>
      </c>
      <c r="F6178">
        <v>0</v>
      </c>
      <c r="H6178" t="s">
        <v>31834</v>
      </c>
      <c r="I6178">
        <v>1</v>
      </c>
      <c r="J6178" t="s">
        <v>31835</v>
      </c>
      <c r="O6178">
        <v>370309</v>
      </c>
      <c r="P6178">
        <v>1</v>
      </c>
      <c r="Q6178">
        <v>8</v>
      </c>
      <c r="R6178" t="s">
        <v>31836</v>
      </c>
      <c r="S6178">
        <v>3029</v>
      </c>
    </row>
    <row r="6179" spans="1:19" x14ac:dyDescent="0.25">
      <c r="A6179">
        <v>41019874</v>
      </c>
      <c r="B6179" t="s">
        <v>31837</v>
      </c>
      <c r="C6179" s="1" t="s">
        <v>31838</v>
      </c>
      <c r="E6179">
        <v>0</v>
      </c>
      <c r="F6179">
        <v>0</v>
      </c>
      <c r="H6179" t="s">
        <v>31839</v>
      </c>
      <c r="J6179" t="s">
        <v>31840</v>
      </c>
      <c r="K6179" t="s">
        <v>31840</v>
      </c>
      <c r="M6179">
        <v>6095204</v>
      </c>
      <c r="O6179">
        <v>6095204</v>
      </c>
      <c r="P6179">
        <v>1</v>
      </c>
      <c r="Q6179">
        <v>3</v>
      </c>
      <c r="R6179" t="s">
        <v>2771</v>
      </c>
      <c r="S6179">
        <v>70</v>
      </c>
    </row>
    <row r="6180" spans="1:19" x14ac:dyDescent="0.25">
      <c r="A6180">
        <v>6368799</v>
      </c>
      <c r="B6180" t="s">
        <v>31841</v>
      </c>
      <c r="C6180" s="1" t="s">
        <v>31842</v>
      </c>
      <c r="D6180">
        <v>6368879</v>
      </c>
      <c r="E6180">
        <v>3</v>
      </c>
      <c r="F6180">
        <v>6</v>
      </c>
      <c r="H6180" t="s">
        <v>31843</v>
      </c>
      <c r="I6180">
        <v>0</v>
      </c>
      <c r="J6180" t="s">
        <v>31844</v>
      </c>
      <c r="O6180">
        <v>801038</v>
      </c>
      <c r="P6180">
        <v>1</v>
      </c>
      <c r="Q6180">
        <v>0</v>
      </c>
      <c r="R6180" t="s">
        <v>8946</v>
      </c>
      <c r="S6180">
        <v>7622</v>
      </c>
    </row>
    <row r="6181" spans="1:19" x14ac:dyDescent="0.25">
      <c r="A6181">
        <v>52434197</v>
      </c>
      <c r="B6181" t="s">
        <v>31845</v>
      </c>
      <c r="C6181" s="1" t="s">
        <v>31846</v>
      </c>
      <c r="E6181">
        <v>0</v>
      </c>
      <c r="F6181">
        <v>4</v>
      </c>
      <c r="H6181" t="s">
        <v>31847</v>
      </c>
      <c r="J6181" t="s">
        <v>31848</v>
      </c>
      <c r="K6181" t="s">
        <v>31848</v>
      </c>
      <c r="M6181">
        <v>6549401</v>
      </c>
      <c r="O6181">
        <v>6549401</v>
      </c>
      <c r="P6181">
        <v>1</v>
      </c>
      <c r="Q6181">
        <v>0</v>
      </c>
      <c r="R6181" t="s">
        <v>31849</v>
      </c>
      <c r="S6181">
        <v>49</v>
      </c>
    </row>
    <row r="6182" spans="1:19" x14ac:dyDescent="0.25">
      <c r="A6182">
        <v>23170567</v>
      </c>
      <c r="B6182" t="s">
        <v>31850</v>
      </c>
      <c r="C6182" s="1" t="s">
        <v>31851</v>
      </c>
      <c r="D6182">
        <v>23201651</v>
      </c>
      <c r="E6182">
        <v>2</v>
      </c>
      <c r="F6182">
        <v>0</v>
      </c>
      <c r="H6182" t="s">
        <v>31852</v>
      </c>
      <c r="J6182" t="s">
        <v>31853</v>
      </c>
      <c r="K6182" t="s">
        <v>31854</v>
      </c>
      <c r="M6182">
        <v>2976034</v>
      </c>
      <c r="O6182">
        <v>2976034</v>
      </c>
      <c r="P6182">
        <v>1</v>
      </c>
      <c r="Q6182">
        <v>0</v>
      </c>
      <c r="R6182" t="s">
        <v>31855</v>
      </c>
      <c r="S6182">
        <v>208</v>
      </c>
    </row>
    <row r="6183" spans="1:19" x14ac:dyDescent="0.25">
      <c r="A6183">
        <v>47404594</v>
      </c>
      <c r="B6183" t="s">
        <v>31856</v>
      </c>
      <c r="C6183" s="1" t="s">
        <v>31857</v>
      </c>
      <c r="D6183">
        <v>47404630</v>
      </c>
      <c r="E6183">
        <v>2</v>
      </c>
      <c r="F6183">
        <v>0</v>
      </c>
      <c r="H6183" t="s">
        <v>31858</v>
      </c>
      <c r="J6183" t="s">
        <v>31859</v>
      </c>
      <c r="O6183">
        <v>8753380</v>
      </c>
      <c r="P6183">
        <v>1</v>
      </c>
      <c r="Q6183">
        <v>0</v>
      </c>
      <c r="R6183" t="s">
        <v>4024</v>
      </c>
      <c r="S6183">
        <v>256</v>
      </c>
    </row>
    <row r="6184" spans="1:19" x14ac:dyDescent="0.25">
      <c r="A6184">
        <v>39722211</v>
      </c>
      <c r="B6184" t="s">
        <v>31860</v>
      </c>
      <c r="C6184" s="1" t="s">
        <v>31861</v>
      </c>
      <c r="D6184">
        <v>39722586</v>
      </c>
      <c r="E6184">
        <v>1</v>
      </c>
      <c r="F6184">
        <v>0</v>
      </c>
      <c r="H6184" t="s">
        <v>31862</v>
      </c>
      <c r="I6184">
        <v>2</v>
      </c>
      <c r="J6184" t="s">
        <v>31863</v>
      </c>
      <c r="K6184" t="s">
        <v>31863</v>
      </c>
      <c r="M6184">
        <v>2294657</v>
      </c>
      <c r="O6184">
        <v>2294657</v>
      </c>
      <c r="P6184">
        <v>1</v>
      </c>
      <c r="Q6184">
        <v>4</v>
      </c>
      <c r="R6184" t="s">
        <v>31864</v>
      </c>
      <c r="S6184">
        <v>791</v>
      </c>
    </row>
    <row r="6185" spans="1:19" x14ac:dyDescent="0.25">
      <c r="A6185">
        <v>21465538</v>
      </c>
      <c r="B6185" t="s">
        <v>31865</v>
      </c>
      <c r="C6185" t="s">
        <v>31866</v>
      </c>
      <c r="D6185">
        <v>21466454</v>
      </c>
      <c r="E6185">
        <v>1</v>
      </c>
      <c r="F6185">
        <v>7</v>
      </c>
      <c r="H6185" t="s">
        <v>31867</v>
      </c>
      <c r="I6185">
        <v>1</v>
      </c>
      <c r="J6185" t="s">
        <v>31868</v>
      </c>
      <c r="K6185" t="s">
        <v>1083</v>
      </c>
      <c r="M6185">
        <v>-1</v>
      </c>
      <c r="O6185">
        <v>1034138</v>
      </c>
      <c r="P6185">
        <v>1</v>
      </c>
      <c r="Q6185">
        <v>2</v>
      </c>
      <c r="R6185" t="s">
        <v>1084</v>
      </c>
      <c r="S6185">
        <v>7043</v>
      </c>
    </row>
    <row r="6186" spans="1:19" x14ac:dyDescent="0.25">
      <c r="A6186">
        <v>8992359</v>
      </c>
      <c r="B6186" t="s">
        <v>31869</v>
      </c>
      <c r="C6186" s="1" t="s">
        <v>31870</v>
      </c>
      <c r="E6186">
        <v>1</v>
      </c>
      <c r="F6186">
        <v>2</v>
      </c>
      <c r="H6186" t="s">
        <v>31871</v>
      </c>
      <c r="J6186" t="s">
        <v>31872</v>
      </c>
      <c r="O6186">
        <v>998879</v>
      </c>
      <c r="P6186">
        <v>1</v>
      </c>
      <c r="Q6186">
        <v>0</v>
      </c>
      <c r="R6186" t="s">
        <v>31873</v>
      </c>
      <c r="S6186">
        <v>642</v>
      </c>
    </row>
    <row r="6187" spans="1:19" x14ac:dyDescent="0.25">
      <c r="A6187">
        <v>19154368</v>
      </c>
      <c r="B6187" t="s">
        <v>31874</v>
      </c>
      <c r="C6187" s="1" t="s">
        <v>31875</v>
      </c>
      <c r="E6187">
        <v>0</v>
      </c>
      <c r="F6187">
        <v>2</v>
      </c>
      <c r="H6187" t="s">
        <v>31876</v>
      </c>
      <c r="J6187" t="s">
        <v>31876</v>
      </c>
      <c r="O6187">
        <v>399944</v>
      </c>
      <c r="P6187">
        <v>1</v>
      </c>
      <c r="Q6187">
        <v>0</v>
      </c>
      <c r="R6187" t="s">
        <v>31877</v>
      </c>
      <c r="S6187">
        <v>122</v>
      </c>
    </row>
    <row r="6188" spans="1:19" x14ac:dyDescent="0.25">
      <c r="A6188">
        <v>40126145</v>
      </c>
      <c r="B6188" t="s">
        <v>31878</v>
      </c>
      <c r="C6188" s="1" t="s">
        <v>31879</v>
      </c>
      <c r="D6188">
        <v>40126549</v>
      </c>
      <c r="E6188">
        <v>1</v>
      </c>
      <c r="F6188">
        <v>0</v>
      </c>
      <c r="H6188" t="s">
        <v>31880</v>
      </c>
      <c r="I6188">
        <v>1</v>
      </c>
      <c r="J6188" t="s">
        <v>31881</v>
      </c>
      <c r="K6188" t="s">
        <v>31882</v>
      </c>
      <c r="M6188">
        <v>-1</v>
      </c>
      <c r="O6188">
        <v>5550399</v>
      </c>
      <c r="P6188">
        <v>1</v>
      </c>
      <c r="Q6188">
        <v>2</v>
      </c>
      <c r="R6188" t="s">
        <v>31883</v>
      </c>
      <c r="S6188">
        <v>55</v>
      </c>
    </row>
    <row r="6189" spans="1:19" x14ac:dyDescent="0.25">
      <c r="A6189">
        <v>31562123</v>
      </c>
      <c r="B6189" t="s">
        <v>31884</v>
      </c>
      <c r="C6189" s="1" t="s">
        <v>31885</v>
      </c>
      <c r="E6189">
        <v>1</v>
      </c>
      <c r="F6189">
        <v>2</v>
      </c>
      <c r="H6189" t="s">
        <v>31886</v>
      </c>
      <c r="J6189" t="s">
        <v>31887</v>
      </c>
      <c r="O6189">
        <v>4840716</v>
      </c>
      <c r="P6189">
        <v>1</v>
      </c>
      <c r="Q6189">
        <v>5</v>
      </c>
      <c r="R6189" t="s">
        <v>31888</v>
      </c>
      <c r="S6189">
        <v>26961</v>
      </c>
    </row>
    <row r="6190" spans="1:19" x14ac:dyDescent="0.25">
      <c r="A6190">
        <v>8379794</v>
      </c>
      <c r="B6190" t="s">
        <v>31889</v>
      </c>
      <c r="C6190" s="1" t="s">
        <v>31890</v>
      </c>
      <c r="D6190">
        <v>8379962</v>
      </c>
      <c r="E6190">
        <v>1</v>
      </c>
      <c r="F6190">
        <v>0</v>
      </c>
      <c r="H6190" t="s">
        <v>31891</v>
      </c>
      <c r="J6190" t="s">
        <v>31892</v>
      </c>
      <c r="K6190" t="s">
        <v>31893</v>
      </c>
      <c r="M6190">
        <v>720323</v>
      </c>
      <c r="O6190">
        <v>720323</v>
      </c>
      <c r="P6190">
        <v>1</v>
      </c>
      <c r="Q6190">
        <v>1</v>
      </c>
      <c r="R6190" t="s">
        <v>5879</v>
      </c>
      <c r="S6190">
        <v>54</v>
      </c>
    </row>
    <row r="6191" spans="1:19" x14ac:dyDescent="0.25">
      <c r="A6191">
        <v>50320399</v>
      </c>
      <c r="B6191" t="s">
        <v>31894</v>
      </c>
      <c r="C6191" s="1" t="s">
        <v>31895</v>
      </c>
      <c r="E6191">
        <v>0</v>
      </c>
      <c r="F6191">
        <v>0</v>
      </c>
      <c r="H6191" t="s">
        <v>31896</v>
      </c>
      <c r="J6191" t="s">
        <v>31896</v>
      </c>
      <c r="O6191">
        <v>8796647</v>
      </c>
      <c r="P6191">
        <v>1</v>
      </c>
      <c r="Q6191">
        <v>0</v>
      </c>
      <c r="R6191" t="s">
        <v>30879</v>
      </c>
      <c r="S6191">
        <v>20</v>
      </c>
    </row>
    <row r="6192" spans="1:19" x14ac:dyDescent="0.25">
      <c r="A6192">
        <v>41818223</v>
      </c>
      <c r="B6192" t="s">
        <v>31897</v>
      </c>
      <c r="C6192" s="1" t="s">
        <v>31898</v>
      </c>
      <c r="D6192">
        <v>41820032</v>
      </c>
      <c r="E6192">
        <v>1</v>
      </c>
      <c r="F6192">
        <v>1</v>
      </c>
      <c r="H6192" t="s">
        <v>31899</v>
      </c>
      <c r="I6192">
        <v>0</v>
      </c>
      <c r="J6192" t="s">
        <v>31900</v>
      </c>
      <c r="K6192" t="s">
        <v>31900</v>
      </c>
      <c r="M6192">
        <v>735398</v>
      </c>
      <c r="O6192">
        <v>5361328</v>
      </c>
      <c r="P6192">
        <v>1</v>
      </c>
      <c r="Q6192">
        <v>0</v>
      </c>
      <c r="R6192" t="s">
        <v>31901</v>
      </c>
      <c r="S6192">
        <v>913</v>
      </c>
    </row>
    <row r="6193" spans="1:19" x14ac:dyDescent="0.25">
      <c r="A6193">
        <v>20495821</v>
      </c>
      <c r="B6193" t="s">
        <v>31902</v>
      </c>
      <c r="C6193" s="1" t="s">
        <v>31903</v>
      </c>
      <c r="D6193">
        <v>20497036</v>
      </c>
      <c r="E6193">
        <v>3</v>
      </c>
      <c r="F6193">
        <v>4</v>
      </c>
      <c r="H6193" t="s">
        <v>31904</v>
      </c>
      <c r="J6193" t="s">
        <v>31905</v>
      </c>
      <c r="O6193">
        <v>1300307</v>
      </c>
      <c r="P6193">
        <v>1</v>
      </c>
      <c r="Q6193">
        <v>7</v>
      </c>
      <c r="R6193" t="s">
        <v>31906</v>
      </c>
      <c r="S6193">
        <v>316</v>
      </c>
    </row>
    <row r="6194" spans="1:19" x14ac:dyDescent="0.25">
      <c r="A6194">
        <v>22235909</v>
      </c>
      <c r="B6194" t="s">
        <v>31907</v>
      </c>
      <c r="C6194" s="1" t="s">
        <v>31908</v>
      </c>
      <c r="E6194">
        <v>0</v>
      </c>
      <c r="F6194">
        <v>5</v>
      </c>
      <c r="H6194" t="s">
        <v>31909</v>
      </c>
      <c r="J6194" t="s">
        <v>31910</v>
      </c>
      <c r="K6194" t="s">
        <v>31910</v>
      </c>
      <c r="M6194">
        <v>301832</v>
      </c>
      <c r="O6194">
        <v>2288453</v>
      </c>
      <c r="P6194">
        <v>1</v>
      </c>
      <c r="Q6194">
        <v>0</v>
      </c>
      <c r="R6194" t="s">
        <v>31911</v>
      </c>
      <c r="S6194">
        <v>76</v>
      </c>
    </row>
    <row r="6195" spans="1:19" x14ac:dyDescent="0.25">
      <c r="A6195">
        <v>33649218</v>
      </c>
      <c r="B6195" t="s">
        <v>31912</v>
      </c>
      <c r="C6195" s="1" t="s">
        <v>31913</v>
      </c>
      <c r="D6195">
        <v>33650139</v>
      </c>
      <c r="E6195">
        <v>2</v>
      </c>
      <c r="F6195">
        <v>10</v>
      </c>
      <c r="H6195" t="s">
        <v>31914</v>
      </c>
      <c r="J6195" t="s">
        <v>31915</v>
      </c>
      <c r="K6195" t="s">
        <v>31916</v>
      </c>
      <c r="M6195">
        <v>536610</v>
      </c>
      <c r="O6195">
        <v>3646900</v>
      </c>
      <c r="P6195">
        <v>1</v>
      </c>
      <c r="Q6195">
        <v>2</v>
      </c>
      <c r="R6195" t="s">
        <v>871</v>
      </c>
      <c r="S6195">
        <v>611</v>
      </c>
    </row>
    <row r="6196" spans="1:19" x14ac:dyDescent="0.25">
      <c r="A6196">
        <v>11190407</v>
      </c>
      <c r="B6196" t="s">
        <v>31917</v>
      </c>
      <c r="C6196" s="1" t="s">
        <v>31918</v>
      </c>
      <c r="D6196">
        <v>11190742</v>
      </c>
      <c r="E6196">
        <v>2</v>
      </c>
      <c r="F6196">
        <v>0</v>
      </c>
      <c r="H6196" t="s">
        <v>31919</v>
      </c>
      <c r="I6196">
        <v>1</v>
      </c>
      <c r="J6196" t="s">
        <v>31920</v>
      </c>
      <c r="K6196" t="s">
        <v>31921</v>
      </c>
      <c r="M6196">
        <v>596708</v>
      </c>
      <c r="O6196">
        <v>596708</v>
      </c>
      <c r="P6196">
        <v>1</v>
      </c>
      <c r="Q6196">
        <v>10</v>
      </c>
      <c r="R6196" t="s">
        <v>31922</v>
      </c>
      <c r="S6196">
        <v>5102</v>
      </c>
    </row>
    <row r="6197" spans="1:19" x14ac:dyDescent="0.25">
      <c r="A6197">
        <v>31335681</v>
      </c>
      <c r="B6197" t="s">
        <v>31923</v>
      </c>
      <c r="C6197" s="1" t="s">
        <v>31924</v>
      </c>
      <c r="E6197">
        <v>1</v>
      </c>
      <c r="F6197">
        <v>0</v>
      </c>
      <c r="H6197" t="s">
        <v>31925</v>
      </c>
      <c r="J6197" t="s">
        <v>31926</v>
      </c>
      <c r="O6197">
        <v>5101917</v>
      </c>
      <c r="P6197">
        <v>1</v>
      </c>
      <c r="Q6197">
        <v>0</v>
      </c>
      <c r="R6197" t="s">
        <v>31927</v>
      </c>
      <c r="S6197">
        <v>59</v>
      </c>
    </row>
    <row r="6198" spans="1:19" x14ac:dyDescent="0.25">
      <c r="A6198">
        <v>44262837</v>
      </c>
      <c r="B6198" t="s">
        <v>31928</v>
      </c>
      <c r="C6198" s="1" t="s">
        <v>31929</v>
      </c>
      <c r="D6198">
        <v>44315708</v>
      </c>
      <c r="E6198">
        <v>1</v>
      </c>
      <c r="F6198">
        <v>0</v>
      </c>
      <c r="H6198" t="s">
        <v>31930</v>
      </c>
      <c r="J6198" t="s">
        <v>31931</v>
      </c>
      <c r="K6198" t="s">
        <v>31932</v>
      </c>
      <c r="M6198">
        <v>214488</v>
      </c>
      <c r="O6198">
        <v>214488</v>
      </c>
      <c r="P6198">
        <v>1</v>
      </c>
      <c r="Q6198">
        <v>5</v>
      </c>
      <c r="R6198" t="s">
        <v>31933</v>
      </c>
      <c r="S6198">
        <v>1133</v>
      </c>
    </row>
    <row r="6199" spans="1:19" x14ac:dyDescent="0.25">
      <c r="A6199">
        <v>37608598</v>
      </c>
      <c r="B6199" t="s">
        <v>31934</v>
      </c>
      <c r="C6199" s="1" t="s">
        <v>31935</v>
      </c>
      <c r="D6199">
        <v>37608695</v>
      </c>
      <c r="E6199">
        <v>3</v>
      </c>
      <c r="F6199">
        <v>0</v>
      </c>
      <c r="H6199" t="s">
        <v>31936</v>
      </c>
      <c r="J6199" t="s">
        <v>31937</v>
      </c>
      <c r="K6199" t="s">
        <v>31938</v>
      </c>
      <c r="M6199">
        <v>1559720</v>
      </c>
      <c r="O6199">
        <v>6267690</v>
      </c>
      <c r="P6199">
        <v>1</v>
      </c>
      <c r="Q6199">
        <v>-1</v>
      </c>
      <c r="R6199" t="s">
        <v>31939</v>
      </c>
      <c r="S6199">
        <v>35</v>
      </c>
    </row>
    <row r="6200" spans="1:19" x14ac:dyDescent="0.25">
      <c r="A6200">
        <v>31479330</v>
      </c>
      <c r="B6200" t="s">
        <v>31940</v>
      </c>
      <c r="C6200" s="1" t="s">
        <v>31941</v>
      </c>
      <c r="E6200">
        <v>1</v>
      </c>
      <c r="F6200">
        <v>0</v>
      </c>
      <c r="H6200" t="s">
        <v>31942</v>
      </c>
      <c r="J6200" t="s">
        <v>31943</v>
      </c>
      <c r="K6200" t="s">
        <v>31944</v>
      </c>
      <c r="M6200">
        <v>-1</v>
      </c>
      <c r="O6200">
        <v>1545308</v>
      </c>
      <c r="P6200">
        <v>1</v>
      </c>
      <c r="Q6200">
        <v>1</v>
      </c>
      <c r="R6200" t="s">
        <v>31945</v>
      </c>
      <c r="S6200">
        <v>175</v>
      </c>
    </row>
    <row r="6201" spans="1:19" x14ac:dyDescent="0.25">
      <c r="A6201">
        <v>40960893</v>
      </c>
      <c r="B6201" t="s">
        <v>31946</v>
      </c>
      <c r="C6201" s="1" t="s">
        <v>31947</v>
      </c>
      <c r="D6201">
        <v>40961310</v>
      </c>
      <c r="E6201">
        <v>2</v>
      </c>
      <c r="F6201">
        <v>4</v>
      </c>
      <c r="H6201" t="s">
        <v>31948</v>
      </c>
      <c r="J6201" t="s">
        <v>31949</v>
      </c>
      <c r="O6201">
        <v>4423658</v>
      </c>
      <c r="P6201">
        <v>1</v>
      </c>
      <c r="Q6201">
        <v>2</v>
      </c>
      <c r="R6201" t="s">
        <v>31950</v>
      </c>
      <c r="S6201">
        <v>128</v>
      </c>
    </row>
    <row r="6202" spans="1:19" x14ac:dyDescent="0.25">
      <c r="A6202">
        <v>30938669</v>
      </c>
      <c r="B6202" t="s">
        <v>31951</v>
      </c>
      <c r="C6202" t="s">
        <v>31952</v>
      </c>
      <c r="E6202">
        <v>1</v>
      </c>
      <c r="F6202">
        <v>0</v>
      </c>
      <c r="H6202" t="s">
        <v>31953</v>
      </c>
      <c r="J6202" t="s">
        <v>31954</v>
      </c>
      <c r="K6202" t="s">
        <v>31955</v>
      </c>
      <c r="M6202">
        <v>236733</v>
      </c>
      <c r="O6202">
        <v>236733</v>
      </c>
      <c r="P6202">
        <v>1</v>
      </c>
      <c r="Q6202">
        <v>2</v>
      </c>
      <c r="R6202" t="s">
        <v>31956</v>
      </c>
      <c r="S6202">
        <v>134</v>
      </c>
    </row>
    <row r="6203" spans="1:19" x14ac:dyDescent="0.25">
      <c r="A6203">
        <v>17566812</v>
      </c>
      <c r="B6203" t="s">
        <v>31957</v>
      </c>
      <c r="C6203" t="s">
        <v>31958</v>
      </c>
      <c r="E6203">
        <v>1</v>
      </c>
      <c r="F6203">
        <v>0</v>
      </c>
      <c r="H6203" t="s">
        <v>31959</v>
      </c>
      <c r="J6203" t="s">
        <v>31960</v>
      </c>
      <c r="K6203" t="s">
        <v>31960</v>
      </c>
      <c r="M6203">
        <v>1033581</v>
      </c>
      <c r="O6203">
        <v>2567812</v>
      </c>
      <c r="P6203">
        <v>1</v>
      </c>
      <c r="Q6203">
        <v>0</v>
      </c>
      <c r="R6203" t="s">
        <v>2771</v>
      </c>
      <c r="S6203">
        <v>197</v>
      </c>
    </row>
    <row r="6204" spans="1:19" x14ac:dyDescent="0.25">
      <c r="A6204">
        <v>20596541</v>
      </c>
      <c r="B6204" t="s">
        <v>31961</v>
      </c>
      <c r="C6204" s="1" t="s">
        <v>31962</v>
      </c>
      <c r="D6204">
        <v>20596609</v>
      </c>
      <c r="E6204">
        <v>1</v>
      </c>
      <c r="F6204">
        <v>0</v>
      </c>
      <c r="H6204" t="s">
        <v>31963</v>
      </c>
      <c r="J6204" t="s">
        <v>31964</v>
      </c>
      <c r="K6204" t="s">
        <v>31964</v>
      </c>
      <c r="M6204">
        <v>13302</v>
      </c>
      <c r="O6204">
        <v>1494769</v>
      </c>
      <c r="P6204">
        <v>1</v>
      </c>
      <c r="Q6204">
        <v>2</v>
      </c>
      <c r="R6204" t="s">
        <v>31965</v>
      </c>
      <c r="S6204">
        <v>1840</v>
      </c>
    </row>
    <row r="6205" spans="1:19" x14ac:dyDescent="0.25">
      <c r="A6205">
        <v>5018368</v>
      </c>
      <c r="B6205" t="s">
        <v>31966</v>
      </c>
      <c r="C6205" s="1" t="s">
        <v>31967</v>
      </c>
      <c r="D6205">
        <v>5021156</v>
      </c>
      <c r="E6205">
        <v>1</v>
      </c>
      <c r="F6205">
        <v>2</v>
      </c>
      <c r="H6205" t="s">
        <v>31968</v>
      </c>
      <c r="J6205" t="s">
        <v>31969</v>
      </c>
      <c r="K6205" t="s">
        <v>31970</v>
      </c>
      <c r="M6205">
        <v>-1</v>
      </c>
      <c r="O6205">
        <v>224636</v>
      </c>
      <c r="P6205">
        <v>1</v>
      </c>
      <c r="Q6205">
        <v>0</v>
      </c>
      <c r="R6205" t="s">
        <v>31971</v>
      </c>
      <c r="S6205">
        <v>343</v>
      </c>
    </row>
    <row r="6206" spans="1:19" x14ac:dyDescent="0.25">
      <c r="A6206">
        <v>10296025</v>
      </c>
      <c r="B6206" t="s">
        <v>31972</v>
      </c>
      <c r="C6206" s="1" t="s">
        <v>31973</v>
      </c>
      <c r="E6206">
        <v>1</v>
      </c>
      <c r="F6206">
        <v>1</v>
      </c>
      <c r="H6206" t="s">
        <v>31974</v>
      </c>
      <c r="J6206" t="s">
        <v>31975</v>
      </c>
      <c r="K6206" t="s">
        <v>31975</v>
      </c>
      <c r="M6206">
        <v>1038619</v>
      </c>
      <c r="O6206">
        <v>524694</v>
      </c>
      <c r="P6206">
        <v>1</v>
      </c>
      <c r="Q6206">
        <v>-3</v>
      </c>
      <c r="R6206" t="s">
        <v>31976</v>
      </c>
      <c r="S6206">
        <v>1307</v>
      </c>
    </row>
    <row r="6207" spans="1:19" x14ac:dyDescent="0.25">
      <c r="A6207">
        <v>29259301</v>
      </c>
      <c r="B6207" t="s">
        <v>31977</v>
      </c>
      <c r="C6207" s="1" t="s">
        <v>31978</v>
      </c>
      <c r="E6207">
        <v>1</v>
      </c>
      <c r="F6207">
        <v>5</v>
      </c>
      <c r="H6207" t="s">
        <v>31979</v>
      </c>
      <c r="J6207" t="s">
        <v>31980</v>
      </c>
      <c r="K6207" t="s">
        <v>31980</v>
      </c>
      <c r="M6207">
        <v>1022333</v>
      </c>
      <c r="O6207">
        <v>1126201</v>
      </c>
      <c r="P6207">
        <v>1</v>
      </c>
      <c r="Q6207">
        <v>0</v>
      </c>
      <c r="R6207" t="s">
        <v>31981</v>
      </c>
      <c r="S6207">
        <v>218</v>
      </c>
    </row>
    <row r="6208" spans="1:19" x14ac:dyDescent="0.25">
      <c r="A6208">
        <v>30790794</v>
      </c>
      <c r="B6208" t="s">
        <v>31982</v>
      </c>
      <c r="C6208" s="1" t="s">
        <v>31983</v>
      </c>
      <c r="D6208">
        <v>30790831</v>
      </c>
      <c r="E6208">
        <v>2</v>
      </c>
      <c r="F6208">
        <v>0</v>
      </c>
      <c r="H6208" t="s">
        <v>31984</v>
      </c>
      <c r="J6208" t="s">
        <v>31985</v>
      </c>
      <c r="O6208">
        <v>4999446</v>
      </c>
      <c r="P6208">
        <v>1</v>
      </c>
      <c r="Q6208">
        <v>0</v>
      </c>
      <c r="R6208" t="s">
        <v>31986</v>
      </c>
      <c r="S6208">
        <v>184</v>
      </c>
    </row>
    <row r="6209" spans="1:19" x14ac:dyDescent="0.25">
      <c r="A6209">
        <v>24001684</v>
      </c>
      <c r="B6209" t="s">
        <v>31987</v>
      </c>
      <c r="C6209" s="1" t="s">
        <v>31988</v>
      </c>
      <c r="E6209">
        <v>2</v>
      </c>
      <c r="F6209">
        <v>1</v>
      </c>
      <c r="H6209" t="s">
        <v>31989</v>
      </c>
      <c r="J6209" t="s">
        <v>31990</v>
      </c>
      <c r="K6209" t="s">
        <v>31991</v>
      </c>
      <c r="M6209">
        <v>1065197</v>
      </c>
      <c r="O6209">
        <v>3700517</v>
      </c>
      <c r="P6209">
        <v>1</v>
      </c>
      <c r="Q6209">
        <v>1</v>
      </c>
      <c r="R6209" t="s">
        <v>31992</v>
      </c>
      <c r="S6209">
        <v>60</v>
      </c>
    </row>
    <row r="6210" spans="1:19" x14ac:dyDescent="0.25">
      <c r="A6210">
        <v>39624386</v>
      </c>
      <c r="B6210" t="s">
        <v>31993</v>
      </c>
      <c r="C6210" s="1" t="s">
        <v>31994</v>
      </c>
      <c r="D6210">
        <v>39624422</v>
      </c>
      <c r="E6210">
        <v>2</v>
      </c>
      <c r="F6210">
        <v>1</v>
      </c>
      <c r="H6210" t="s">
        <v>31995</v>
      </c>
      <c r="I6210">
        <v>0</v>
      </c>
      <c r="J6210" t="s">
        <v>31996</v>
      </c>
      <c r="O6210">
        <v>2401769</v>
      </c>
      <c r="P6210">
        <v>1</v>
      </c>
      <c r="Q6210">
        <v>6</v>
      </c>
      <c r="R6210" t="s">
        <v>31997</v>
      </c>
      <c r="S6210">
        <v>1344</v>
      </c>
    </row>
    <row r="6211" spans="1:19" x14ac:dyDescent="0.25">
      <c r="A6211">
        <v>17797673</v>
      </c>
      <c r="B6211" t="s">
        <v>31998</v>
      </c>
      <c r="C6211" s="1" t="s">
        <v>31999</v>
      </c>
      <c r="D6211">
        <v>17798885</v>
      </c>
      <c r="E6211">
        <v>1</v>
      </c>
      <c r="F6211">
        <v>0</v>
      </c>
      <c r="H6211" t="s">
        <v>32000</v>
      </c>
      <c r="I6211">
        <v>1</v>
      </c>
      <c r="J6211" t="s">
        <v>32001</v>
      </c>
      <c r="K6211" t="s">
        <v>32001</v>
      </c>
      <c r="M6211">
        <v>274535</v>
      </c>
      <c r="O6211">
        <v>865643</v>
      </c>
      <c r="P6211">
        <v>1</v>
      </c>
      <c r="Q6211">
        <v>4</v>
      </c>
      <c r="R6211" t="s">
        <v>32002</v>
      </c>
      <c r="S6211">
        <v>2717</v>
      </c>
    </row>
    <row r="6212" spans="1:19" x14ac:dyDescent="0.25">
      <c r="A6212">
        <v>33039670</v>
      </c>
      <c r="B6212" t="s">
        <v>32003</v>
      </c>
      <c r="C6212" s="1" t="s">
        <v>32004</v>
      </c>
      <c r="E6212">
        <v>0</v>
      </c>
      <c r="F6212">
        <v>10</v>
      </c>
      <c r="H6212" t="s">
        <v>32005</v>
      </c>
      <c r="J6212" t="s">
        <v>32006</v>
      </c>
      <c r="K6212" t="s">
        <v>32007</v>
      </c>
      <c r="M6212">
        <v>5073840</v>
      </c>
      <c r="O6212">
        <v>903011</v>
      </c>
      <c r="P6212">
        <v>1</v>
      </c>
      <c r="Q6212">
        <v>2</v>
      </c>
      <c r="R6212" t="s">
        <v>32008</v>
      </c>
      <c r="S6212">
        <v>408</v>
      </c>
    </row>
    <row r="6213" spans="1:19" x14ac:dyDescent="0.25">
      <c r="A6213">
        <v>14449098</v>
      </c>
      <c r="B6213" t="s">
        <v>32009</v>
      </c>
      <c r="C6213" s="1" t="s">
        <v>32010</v>
      </c>
      <c r="D6213">
        <v>14449137</v>
      </c>
      <c r="E6213">
        <v>4</v>
      </c>
      <c r="F6213">
        <v>1</v>
      </c>
      <c r="H6213" t="s">
        <v>32011</v>
      </c>
      <c r="J6213" t="s">
        <v>32012</v>
      </c>
      <c r="K6213" t="s">
        <v>32013</v>
      </c>
      <c r="M6213">
        <v>-1</v>
      </c>
      <c r="O6213">
        <v>188535</v>
      </c>
      <c r="P6213">
        <v>1</v>
      </c>
      <c r="Q6213">
        <v>5</v>
      </c>
      <c r="R6213" t="s">
        <v>32014</v>
      </c>
      <c r="S6213">
        <v>951</v>
      </c>
    </row>
    <row r="6214" spans="1:19" x14ac:dyDescent="0.25">
      <c r="A6214">
        <v>36300477</v>
      </c>
      <c r="B6214" t="s">
        <v>32015</v>
      </c>
      <c r="C6214" s="1" t="s">
        <v>32016</v>
      </c>
      <c r="E6214">
        <v>0</v>
      </c>
      <c r="F6214">
        <v>2</v>
      </c>
      <c r="H6214" t="s">
        <v>32017</v>
      </c>
      <c r="J6214" t="s">
        <v>32018</v>
      </c>
      <c r="K6214" t="s">
        <v>32019</v>
      </c>
      <c r="M6214">
        <v>-1</v>
      </c>
      <c r="O6214">
        <v>2860768</v>
      </c>
      <c r="P6214">
        <v>1</v>
      </c>
      <c r="Q6214">
        <v>0</v>
      </c>
      <c r="R6214" t="s">
        <v>32020</v>
      </c>
      <c r="S6214">
        <v>84</v>
      </c>
    </row>
    <row r="6215" spans="1:19" x14ac:dyDescent="0.25">
      <c r="A6215">
        <v>25521157</v>
      </c>
      <c r="B6215" t="s">
        <v>32021</v>
      </c>
      <c r="C6215" s="1" t="s">
        <v>32022</v>
      </c>
      <c r="E6215">
        <v>2</v>
      </c>
      <c r="F6215">
        <v>2</v>
      </c>
      <c r="H6215" t="s">
        <v>32023</v>
      </c>
      <c r="J6215" t="s">
        <v>32024</v>
      </c>
      <c r="O6215">
        <v>1817079</v>
      </c>
      <c r="P6215">
        <v>1</v>
      </c>
      <c r="Q6215">
        <v>0</v>
      </c>
      <c r="R6215" t="s">
        <v>2771</v>
      </c>
      <c r="S6215">
        <v>265</v>
      </c>
    </row>
    <row r="6216" spans="1:19" x14ac:dyDescent="0.25">
      <c r="A6216">
        <v>33108335</v>
      </c>
      <c r="B6216" t="s">
        <v>32025</v>
      </c>
      <c r="C6216" s="1" t="s">
        <v>32026</v>
      </c>
      <c r="D6216">
        <v>33187646</v>
      </c>
      <c r="E6216">
        <v>1</v>
      </c>
      <c r="F6216">
        <v>0</v>
      </c>
      <c r="H6216" t="s">
        <v>32027</v>
      </c>
      <c r="J6216" t="s">
        <v>32028</v>
      </c>
      <c r="O6216">
        <v>2176575</v>
      </c>
      <c r="P6216">
        <v>1</v>
      </c>
      <c r="Q6216">
        <v>0</v>
      </c>
      <c r="R6216" t="s">
        <v>32029</v>
      </c>
      <c r="S6216">
        <v>439</v>
      </c>
    </row>
    <row r="6217" spans="1:19" x14ac:dyDescent="0.25">
      <c r="A6217">
        <v>16432105</v>
      </c>
      <c r="B6217" t="s">
        <v>32030</v>
      </c>
      <c r="C6217" s="1" t="s">
        <v>32031</v>
      </c>
      <c r="E6217">
        <v>4</v>
      </c>
      <c r="F6217">
        <v>4</v>
      </c>
      <c r="H6217" t="s">
        <v>32032</v>
      </c>
      <c r="J6217" t="s">
        <v>32033</v>
      </c>
      <c r="O6217">
        <v>2353148</v>
      </c>
      <c r="P6217">
        <v>1</v>
      </c>
      <c r="Q6217">
        <v>-2</v>
      </c>
      <c r="R6217" t="s">
        <v>413</v>
      </c>
      <c r="S6217">
        <v>92</v>
      </c>
    </row>
    <row r="6218" spans="1:19" x14ac:dyDescent="0.25">
      <c r="A6218">
        <v>24970896</v>
      </c>
      <c r="B6218" t="s">
        <v>32034</v>
      </c>
      <c r="C6218" s="1" t="s">
        <v>32035</v>
      </c>
      <c r="D6218">
        <v>24971174</v>
      </c>
      <c r="E6218">
        <v>2</v>
      </c>
      <c r="F6218">
        <v>0</v>
      </c>
      <c r="H6218" t="s">
        <v>32036</v>
      </c>
      <c r="J6218" t="s">
        <v>32037</v>
      </c>
      <c r="O6218">
        <v>2187228</v>
      </c>
      <c r="P6218">
        <v>1</v>
      </c>
      <c r="Q6218">
        <v>1</v>
      </c>
      <c r="R6218" t="s">
        <v>32038</v>
      </c>
      <c r="S6218">
        <v>375</v>
      </c>
    </row>
    <row r="6219" spans="1:19" x14ac:dyDescent="0.25">
      <c r="A6219">
        <v>5833783</v>
      </c>
      <c r="B6219" t="s">
        <v>32039</v>
      </c>
      <c r="C6219" s="1" t="s">
        <v>32040</v>
      </c>
      <c r="D6219">
        <v>5833876</v>
      </c>
      <c r="E6219">
        <v>1</v>
      </c>
      <c r="F6219">
        <v>0</v>
      </c>
      <c r="H6219" t="s">
        <v>32041</v>
      </c>
      <c r="I6219">
        <v>1</v>
      </c>
      <c r="J6219" t="s">
        <v>32042</v>
      </c>
      <c r="O6219">
        <v>459886</v>
      </c>
      <c r="P6219">
        <v>1</v>
      </c>
      <c r="Q6219">
        <v>0</v>
      </c>
      <c r="R6219" t="s">
        <v>32043</v>
      </c>
      <c r="S6219">
        <v>1305</v>
      </c>
    </row>
    <row r="6220" spans="1:19" x14ac:dyDescent="0.25">
      <c r="A6220">
        <v>17178108</v>
      </c>
      <c r="B6220" t="s">
        <v>32044</v>
      </c>
      <c r="C6220" s="1" t="s">
        <v>32045</v>
      </c>
      <c r="E6220">
        <v>2</v>
      </c>
      <c r="F6220">
        <v>12</v>
      </c>
      <c r="H6220" t="s">
        <v>32046</v>
      </c>
      <c r="J6220" t="s">
        <v>32047</v>
      </c>
      <c r="K6220" t="s">
        <v>32048</v>
      </c>
      <c r="M6220">
        <v>1324631</v>
      </c>
      <c r="O6220">
        <v>2498649</v>
      </c>
      <c r="P6220">
        <v>1</v>
      </c>
      <c r="Q6220">
        <v>-4</v>
      </c>
      <c r="R6220" t="s">
        <v>25815</v>
      </c>
      <c r="S6220">
        <v>114</v>
      </c>
    </row>
    <row r="6221" spans="1:19" x14ac:dyDescent="0.25">
      <c r="A6221">
        <v>15822284</v>
      </c>
      <c r="B6221" t="s">
        <v>32049</v>
      </c>
      <c r="C6221" s="1" t="s">
        <v>32050</v>
      </c>
      <c r="E6221">
        <v>0</v>
      </c>
      <c r="F6221">
        <v>5</v>
      </c>
      <c r="H6221" t="s">
        <v>32051</v>
      </c>
      <c r="J6221" t="s">
        <v>32052</v>
      </c>
      <c r="K6221" t="s">
        <v>32052</v>
      </c>
      <c r="M6221">
        <v>1220269</v>
      </c>
      <c r="O6221">
        <v>2246833</v>
      </c>
      <c r="P6221">
        <v>1</v>
      </c>
      <c r="Q6221">
        <v>0</v>
      </c>
      <c r="R6221" t="s">
        <v>32053</v>
      </c>
      <c r="S6221">
        <v>212</v>
      </c>
    </row>
    <row r="6222" spans="1:19" x14ac:dyDescent="0.25">
      <c r="A6222">
        <v>6296285</v>
      </c>
      <c r="B6222" t="s">
        <v>32054</v>
      </c>
      <c r="C6222" s="1" t="s">
        <v>32055</v>
      </c>
      <c r="D6222">
        <v>6296479</v>
      </c>
      <c r="E6222">
        <v>2</v>
      </c>
      <c r="F6222">
        <v>0</v>
      </c>
      <c r="H6222" t="s">
        <v>32056</v>
      </c>
      <c r="J6222" t="s">
        <v>32057</v>
      </c>
      <c r="O6222">
        <v>91012</v>
      </c>
      <c r="P6222">
        <v>1</v>
      </c>
      <c r="Q6222">
        <v>0</v>
      </c>
      <c r="R6222" t="s">
        <v>32058</v>
      </c>
      <c r="S6222">
        <v>327</v>
      </c>
    </row>
    <row r="6223" spans="1:19" x14ac:dyDescent="0.25">
      <c r="A6223">
        <v>30272865</v>
      </c>
      <c r="B6223" t="s">
        <v>32059</v>
      </c>
      <c r="C6223" s="1" t="s">
        <v>32060</v>
      </c>
      <c r="D6223">
        <v>30280083</v>
      </c>
      <c r="E6223">
        <v>1</v>
      </c>
      <c r="F6223">
        <v>0</v>
      </c>
      <c r="H6223" t="s">
        <v>32061</v>
      </c>
      <c r="J6223" t="s">
        <v>32062</v>
      </c>
      <c r="O6223">
        <v>4336006</v>
      </c>
      <c r="P6223">
        <v>1</v>
      </c>
      <c r="Q6223">
        <v>0</v>
      </c>
      <c r="R6223" t="s">
        <v>32063</v>
      </c>
      <c r="S6223">
        <v>54</v>
      </c>
    </row>
    <row r="6224" spans="1:19" x14ac:dyDescent="0.25">
      <c r="A6224">
        <v>52040092</v>
      </c>
      <c r="B6224" t="s">
        <v>32064</v>
      </c>
      <c r="C6224" s="1" t="s">
        <v>32065</v>
      </c>
      <c r="D6224">
        <v>52044265</v>
      </c>
      <c r="E6224">
        <v>1</v>
      </c>
      <c r="F6224">
        <v>1</v>
      </c>
      <c r="H6224" t="s">
        <v>32066</v>
      </c>
      <c r="J6224" t="s">
        <v>32067</v>
      </c>
      <c r="K6224" t="s">
        <v>32067</v>
      </c>
      <c r="M6224">
        <v>4367249</v>
      </c>
      <c r="O6224">
        <v>4367249</v>
      </c>
      <c r="P6224">
        <v>1</v>
      </c>
      <c r="Q6224">
        <v>0</v>
      </c>
      <c r="R6224" t="s">
        <v>17362</v>
      </c>
      <c r="S6224">
        <v>24</v>
      </c>
    </row>
    <row r="6225" spans="1:19" x14ac:dyDescent="0.25">
      <c r="A6225">
        <v>39676629</v>
      </c>
      <c r="B6225" t="s">
        <v>32068</v>
      </c>
      <c r="C6225" s="1" t="s">
        <v>32069</v>
      </c>
      <c r="E6225">
        <v>1</v>
      </c>
      <c r="F6225">
        <v>4</v>
      </c>
      <c r="H6225" t="s">
        <v>32070</v>
      </c>
      <c r="J6225" t="s">
        <v>32071</v>
      </c>
      <c r="K6225" t="s">
        <v>32071</v>
      </c>
      <c r="M6225">
        <v>1307262</v>
      </c>
      <c r="O6225">
        <v>5730392</v>
      </c>
      <c r="P6225">
        <v>1</v>
      </c>
      <c r="Q6225">
        <v>1</v>
      </c>
      <c r="R6225" t="s">
        <v>3716</v>
      </c>
      <c r="S6225">
        <v>99</v>
      </c>
    </row>
    <row r="6226" spans="1:19" x14ac:dyDescent="0.25">
      <c r="A6226">
        <v>12528668</v>
      </c>
      <c r="B6226" t="s">
        <v>32072</v>
      </c>
      <c r="C6226" t="s">
        <v>32073</v>
      </c>
      <c r="E6226">
        <v>0</v>
      </c>
      <c r="F6226">
        <v>1</v>
      </c>
      <c r="H6226" t="s">
        <v>32074</v>
      </c>
      <c r="J6226" t="s">
        <v>32074</v>
      </c>
      <c r="O6226">
        <v>1688498</v>
      </c>
      <c r="P6226">
        <v>1</v>
      </c>
      <c r="Q6226">
        <v>1</v>
      </c>
      <c r="R6226" t="s">
        <v>32075</v>
      </c>
      <c r="S6226">
        <v>221</v>
      </c>
    </row>
    <row r="6227" spans="1:19" x14ac:dyDescent="0.25">
      <c r="A6227">
        <v>51936446</v>
      </c>
      <c r="B6227" t="s">
        <v>32076</v>
      </c>
      <c r="C6227" s="1" t="s">
        <v>32077</v>
      </c>
      <c r="E6227">
        <v>1</v>
      </c>
      <c r="F6227">
        <v>0</v>
      </c>
      <c r="H6227" t="s">
        <v>32078</v>
      </c>
      <c r="J6227" t="s">
        <v>32079</v>
      </c>
      <c r="O6227">
        <v>7872016</v>
      </c>
      <c r="P6227">
        <v>1</v>
      </c>
      <c r="Q6227">
        <v>1</v>
      </c>
      <c r="R6227" t="s">
        <v>32080</v>
      </c>
      <c r="S6227">
        <v>213</v>
      </c>
    </row>
    <row r="6228" spans="1:19" x14ac:dyDescent="0.25">
      <c r="A6228">
        <v>25257704</v>
      </c>
      <c r="B6228" t="s">
        <v>32081</v>
      </c>
      <c r="C6228" s="1" t="s">
        <v>32082</v>
      </c>
      <c r="D6228">
        <v>25258541</v>
      </c>
      <c r="E6228">
        <v>2</v>
      </c>
      <c r="F6228">
        <v>4</v>
      </c>
      <c r="H6228" t="s">
        <v>32083</v>
      </c>
      <c r="J6228" t="s">
        <v>32084</v>
      </c>
      <c r="K6228" t="s">
        <v>32084</v>
      </c>
      <c r="M6228">
        <v>1226963</v>
      </c>
      <c r="O6228">
        <v>2893370</v>
      </c>
      <c r="P6228">
        <v>1</v>
      </c>
      <c r="Q6228">
        <v>0</v>
      </c>
      <c r="R6228" t="s">
        <v>32085</v>
      </c>
      <c r="S6228">
        <v>121</v>
      </c>
    </row>
    <row r="6229" spans="1:19" x14ac:dyDescent="0.25">
      <c r="A6229">
        <v>9336572</v>
      </c>
      <c r="B6229" t="s">
        <v>32086</v>
      </c>
      <c r="C6229" s="1" t="s">
        <v>32087</v>
      </c>
      <c r="D6229">
        <v>9337484</v>
      </c>
      <c r="E6229">
        <v>3</v>
      </c>
      <c r="F6229">
        <v>0</v>
      </c>
      <c r="H6229" t="s">
        <v>32088</v>
      </c>
      <c r="I6229">
        <v>3</v>
      </c>
      <c r="J6229" t="s">
        <v>32089</v>
      </c>
      <c r="O6229">
        <v>504898</v>
      </c>
      <c r="P6229">
        <v>1</v>
      </c>
      <c r="Q6229">
        <v>8</v>
      </c>
      <c r="R6229" t="s">
        <v>32090</v>
      </c>
      <c r="S6229">
        <v>2114</v>
      </c>
    </row>
    <row r="6230" spans="1:19" x14ac:dyDescent="0.25">
      <c r="A6230">
        <v>24709633</v>
      </c>
      <c r="B6230" t="s">
        <v>32091</v>
      </c>
      <c r="C6230" s="1" t="s">
        <v>32092</v>
      </c>
      <c r="E6230">
        <v>0</v>
      </c>
      <c r="F6230">
        <v>8</v>
      </c>
      <c r="H6230" t="s">
        <v>32093</v>
      </c>
      <c r="J6230" t="s">
        <v>32093</v>
      </c>
      <c r="O6230">
        <v>2893413</v>
      </c>
      <c r="P6230">
        <v>1</v>
      </c>
      <c r="Q6230">
        <v>0</v>
      </c>
      <c r="R6230" t="s">
        <v>32094</v>
      </c>
      <c r="S6230">
        <v>678</v>
      </c>
    </row>
    <row r="6231" spans="1:19" x14ac:dyDescent="0.25">
      <c r="A6231">
        <v>35843021</v>
      </c>
      <c r="B6231" t="s">
        <v>32095</v>
      </c>
      <c r="C6231" s="1" t="s">
        <v>32096</v>
      </c>
      <c r="E6231">
        <v>0</v>
      </c>
      <c r="F6231">
        <v>0</v>
      </c>
      <c r="H6231" t="s">
        <v>32097</v>
      </c>
      <c r="I6231">
        <v>1</v>
      </c>
      <c r="J6231" t="s">
        <v>32097</v>
      </c>
      <c r="O6231">
        <v>6028864</v>
      </c>
      <c r="P6231">
        <v>1</v>
      </c>
      <c r="Q6231">
        <v>1</v>
      </c>
      <c r="R6231" t="s">
        <v>32098</v>
      </c>
      <c r="S6231">
        <v>12</v>
      </c>
    </row>
    <row r="6232" spans="1:19" x14ac:dyDescent="0.25">
      <c r="A6232">
        <v>14326639</v>
      </c>
      <c r="B6232" t="s">
        <v>32099</v>
      </c>
      <c r="C6232" t="s">
        <v>32100</v>
      </c>
      <c r="D6232">
        <v>14329844</v>
      </c>
      <c r="E6232">
        <v>1</v>
      </c>
      <c r="F6232">
        <v>3</v>
      </c>
      <c r="H6232" t="s">
        <v>32101</v>
      </c>
      <c r="J6232" t="s">
        <v>32102</v>
      </c>
      <c r="O6232">
        <v>1377037</v>
      </c>
      <c r="P6232">
        <v>1</v>
      </c>
      <c r="Q6232">
        <v>0</v>
      </c>
      <c r="R6232" t="s">
        <v>32103</v>
      </c>
      <c r="S6232">
        <v>183</v>
      </c>
    </row>
    <row r="6233" spans="1:19" x14ac:dyDescent="0.25">
      <c r="A6233">
        <v>20747955</v>
      </c>
      <c r="B6233" t="s">
        <v>32104</v>
      </c>
      <c r="C6233" s="1" t="s">
        <v>32105</v>
      </c>
      <c r="E6233">
        <v>0</v>
      </c>
      <c r="F6233">
        <v>2</v>
      </c>
      <c r="H6233" t="s">
        <v>32106</v>
      </c>
      <c r="I6233">
        <v>3</v>
      </c>
      <c r="J6233" t="s">
        <v>32106</v>
      </c>
      <c r="O6233">
        <v>2428549</v>
      </c>
      <c r="P6233">
        <v>1</v>
      </c>
      <c r="Q6233">
        <v>4</v>
      </c>
      <c r="R6233" t="s">
        <v>32107</v>
      </c>
      <c r="S6233">
        <v>2855</v>
      </c>
    </row>
    <row r="6234" spans="1:19" x14ac:dyDescent="0.25">
      <c r="A6234">
        <v>41795182</v>
      </c>
      <c r="B6234" t="s">
        <v>32108</v>
      </c>
      <c r="C6234" s="1" t="s">
        <v>32109</v>
      </c>
      <c r="D6234">
        <v>41795237</v>
      </c>
      <c r="E6234">
        <v>1</v>
      </c>
      <c r="F6234">
        <v>0</v>
      </c>
      <c r="H6234" t="s">
        <v>32110</v>
      </c>
      <c r="J6234" t="s">
        <v>32111</v>
      </c>
      <c r="O6234">
        <v>5672966</v>
      </c>
      <c r="P6234">
        <v>1</v>
      </c>
      <c r="Q6234">
        <v>1</v>
      </c>
      <c r="R6234" t="s">
        <v>32112</v>
      </c>
      <c r="S6234">
        <v>32</v>
      </c>
    </row>
    <row r="6235" spans="1:19" x14ac:dyDescent="0.25">
      <c r="A6235">
        <v>25612030</v>
      </c>
      <c r="B6235" t="s">
        <v>32113</v>
      </c>
      <c r="C6235" s="1" t="s">
        <v>32114</v>
      </c>
      <c r="D6235">
        <v>25727788</v>
      </c>
      <c r="E6235">
        <v>1</v>
      </c>
      <c r="F6235">
        <v>4</v>
      </c>
      <c r="H6235" t="s">
        <v>32115</v>
      </c>
      <c r="J6235" t="s">
        <v>32116</v>
      </c>
      <c r="K6235" t="s">
        <v>32117</v>
      </c>
      <c r="M6235">
        <v>603977</v>
      </c>
      <c r="O6235">
        <v>294884</v>
      </c>
      <c r="P6235">
        <v>1</v>
      </c>
      <c r="Q6235">
        <v>1</v>
      </c>
      <c r="R6235" t="s">
        <v>32118</v>
      </c>
      <c r="S6235">
        <v>157</v>
      </c>
    </row>
    <row r="6236" spans="1:19" x14ac:dyDescent="0.25">
      <c r="A6236">
        <v>16833610</v>
      </c>
      <c r="B6236" t="s">
        <v>32119</v>
      </c>
      <c r="C6236" s="1" t="s">
        <v>32120</v>
      </c>
      <c r="E6236">
        <v>1</v>
      </c>
      <c r="F6236">
        <v>0</v>
      </c>
      <c r="H6236" t="s">
        <v>32121</v>
      </c>
      <c r="J6236" t="s">
        <v>32122</v>
      </c>
      <c r="O6236">
        <v>1692719</v>
      </c>
      <c r="P6236">
        <v>1</v>
      </c>
      <c r="Q6236">
        <v>0</v>
      </c>
      <c r="R6236" t="s">
        <v>32123</v>
      </c>
      <c r="S6236">
        <v>243</v>
      </c>
    </row>
    <row r="6237" spans="1:19" x14ac:dyDescent="0.25">
      <c r="A6237">
        <v>8439887</v>
      </c>
      <c r="B6237" t="s">
        <v>32124</v>
      </c>
      <c r="C6237" s="1" t="s">
        <v>32125</v>
      </c>
      <c r="D6237">
        <v>8440202</v>
      </c>
      <c r="E6237">
        <v>1</v>
      </c>
      <c r="F6237">
        <v>0</v>
      </c>
      <c r="H6237" t="s">
        <v>32126</v>
      </c>
      <c r="J6237" t="s">
        <v>32127</v>
      </c>
      <c r="K6237" t="s">
        <v>32128</v>
      </c>
      <c r="M6237">
        <v>412556</v>
      </c>
      <c r="O6237">
        <v>412556</v>
      </c>
      <c r="P6237">
        <v>1</v>
      </c>
      <c r="Q6237">
        <v>0</v>
      </c>
      <c r="R6237" t="s">
        <v>32129</v>
      </c>
      <c r="S6237">
        <v>189</v>
      </c>
    </row>
    <row r="6238" spans="1:19" x14ac:dyDescent="0.25">
      <c r="A6238">
        <v>20496159</v>
      </c>
      <c r="B6238" t="s">
        <v>32130</v>
      </c>
      <c r="C6238" s="1" t="s">
        <v>32131</v>
      </c>
      <c r="E6238">
        <v>1</v>
      </c>
      <c r="F6238">
        <v>1</v>
      </c>
      <c r="H6238" t="s">
        <v>32132</v>
      </c>
      <c r="J6238" t="s">
        <v>32133</v>
      </c>
      <c r="O6238">
        <v>3008340</v>
      </c>
      <c r="P6238">
        <v>1</v>
      </c>
      <c r="Q6238">
        <v>1</v>
      </c>
      <c r="R6238" t="s">
        <v>32134</v>
      </c>
      <c r="S6238">
        <v>353</v>
      </c>
    </row>
    <row r="6239" spans="1:19" x14ac:dyDescent="0.25">
      <c r="A6239">
        <v>47167048</v>
      </c>
      <c r="B6239" t="s">
        <v>32135</v>
      </c>
      <c r="C6239" s="1" t="s">
        <v>32136</v>
      </c>
      <c r="D6239">
        <v>47445577</v>
      </c>
      <c r="E6239">
        <v>2</v>
      </c>
      <c r="F6239">
        <v>3</v>
      </c>
      <c r="H6239" t="s">
        <v>32137</v>
      </c>
      <c r="J6239" t="s">
        <v>32138</v>
      </c>
      <c r="K6239" t="s">
        <v>32139</v>
      </c>
      <c r="M6239">
        <v>7806245</v>
      </c>
      <c r="O6239">
        <v>7806245</v>
      </c>
      <c r="P6239">
        <v>1</v>
      </c>
      <c r="Q6239">
        <v>-2</v>
      </c>
      <c r="R6239" t="s">
        <v>32140</v>
      </c>
      <c r="S6239">
        <v>76</v>
      </c>
    </row>
    <row r="6240" spans="1:19" x14ac:dyDescent="0.25">
      <c r="A6240">
        <v>35583674</v>
      </c>
      <c r="B6240" t="s">
        <v>32141</v>
      </c>
      <c r="C6240" s="1" t="s">
        <v>32142</v>
      </c>
      <c r="E6240">
        <v>2</v>
      </c>
      <c r="F6240">
        <v>0</v>
      </c>
      <c r="H6240" t="s">
        <v>32143</v>
      </c>
      <c r="J6240" t="s">
        <v>32144</v>
      </c>
      <c r="K6240" t="s">
        <v>32145</v>
      </c>
      <c r="M6240">
        <v>-1</v>
      </c>
      <c r="O6240">
        <v>62361</v>
      </c>
      <c r="P6240">
        <v>1</v>
      </c>
      <c r="Q6240">
        <v>3</v>
      </c>
      <c r="R6240" t="s">
        <v>32146</v>
      </c>
      <c r="S6240">
        <v>441</v>
      </c>
    </row>
    <row r="6241" spans="1:19" x14ac:dyDescent="0.25">
      <c r="A6241">
        <v>51941762</v>
      </c>
      <c r="B6241" t="s">
        <v>32147</v>
      </c>
      <c r="C6241" s="1" t="s">
        <v>32148</v>
      </c>
      <c r="E6241">
        <v>0</v>
      </c>
      <c r="F6241">
        <v>1</v>
      </c>
      <c r="H6241" t="s">
        <v>32149</v>
      </c>
      <c r="J6241" t="s">
        <v>32150</v>
      </c>
      <c r="K6241" t="s">
        <v>32150</v>
      </c>
      <c r="M6241">
        <v>591097</v>
      </c>
      <c r="O6241">
        <v>10252898</v>
      </c>
      <c r="P6241">
        <v>1</v>
      </c>
      <c r="Q6241">
        <v>0</v>
      </c>
      <c r="R6241" t="s">
        <v>32151</v>
      </c>
      <c r="S6241">
        <v>108</v>
      </c>
    </row>
    <row r="6242" spans="1:19" x14ac:dyDescent="0.25">
      <c r="A6242">
        <v>15132468</v>
      </c>
      <c r="B6242" t="s">
        <v>32152</v>
      </c>
      <c r="C6242" s="1" t="s">
        <v>32153</v>
      </c>
      <c r="E6242">
        <v>1</v>
      </c>
      <c r="F6242">
        <v>10</v>
      </c>
      <c r="H6242" t="s">
        <v>32154</v>
      </c>
      <c r="J6242" t="s">
        <v>32155</v>
      </c>
      <c r="K6242" t="s">
        <v>32156</v>
      </c>
      <c r="M6242">
        <v>2110545</v>
      </c>
      <c r="O6242">
        <v>2110545</v>
      </c>
      <c r="P6242">
        <v>1</v>
      </c>
      <c r="Q6242">
        <v>-2</v>
      </c>
      <c r="R6242" t="s">
        <v>32157</v>
      </c>
      <c r="S6242">
        <v>239</v>
      </c>
    </row>
    <row r="6243" spans="1:19" x14ac:dyDescent="0.25">
      <c r="A6243">
        <v>27837441</v>
      </c>
      <c r="B6243" t="s">
        <v>32158</v>
      </c>
      <c r="C6243" s="1" t="s">
        <v>32159</v>
      </c>
      <c r="E6243">
        <v>2</v>
      </c>
      <c r="F6243">
        <v>1</v>
      </c>
      <c r="H6243" t="s">
        <v>32160</v>
      </c>
      <c r="I6243">
        <v>1</v>
      </c>
      <c r="J6243" t="s">
        <v>32161</v>
      </c>
      <c r="K6243" t="s">
        <v>32161</v>
      </c>
      <c r="M6243">
        <v>3251666</v>
      </c>
      <c r="O6243">
        <v>3251666</v>
      </c>
      <c r="P6243">
        <v>1</v>
      </c>
      <c r="Q6243">
        <v>0</v>
      </c>
      <c r="R6243" t="s">
        <v>32162</v>
      </c>
      <c r="S6243">
        <v>177</v>
      </c>
    </row>
    <row r="6244" spans="1:19" x14ac:dyDescent="0.25">
      <c r="A6244">
        <v>31583578</v>
      </c>
      <c r="B6244" t="s">
        <v>32163</v>
      </c>
      <c r="C6244" s="1" t="s">
        <v>32164</v>
      </c>
      <c r="E6244">
        <v>1</v>
      </c>
      <c r="F6244">
        <v>0</v>
      </c>
      <c r="H6244" t="s">
        <v>32165</v>
      </c>
      <c r="J6244" t="s">
        <v>32166</v>
      </c>
      <c r="O6244">
        <v>1107129</v>
      </c>
      <c r="P6244">
        <v>1</v>
      </c>
      <c r="Q6244">
        <v>0</v>
      </c>
      <c r="R6244" t="s">
        <v>32167</v>
      </c>
      <c r="S6244">
        <v>562</v>
      </c>
    </row>
    <row r="6245" spans="1:19" x14ac:dyDescent="0.25">
      <c r="A6245">
        <v>18970367</v>
      </c>
      <c r="B6245" t="s">
        <v>32168</v>
      </c>
      <c r="C6245" s="1" t="s">
        <v>32169</v>
      </c>
      <c r="D6245">
        <v>18970441</v>
      </c>
      <c r="E6245">
        <v>1</v>
      </c>
      <c r="F6245">
        <v>0</v>
      </c>
      <c r="H6245" t="s">
        <v>32170</v>
      </c>
      <c r="J6245" t="s">
        <v>32171</v>
      </c>
      <c r="O6245">
        <v>2804925</v>
      </c>
      <c r="P6245">
        <v>1</v>
      </c>
      <c r="Q6245">
        <v>0</v>
      </c>
      <c r="R6245" t="s">
        <v>32172</v>
      </c>
      <c r="S6245">
        <v>795</v>
      </c>
    </row>
    <row r="6246" spans="1:19" x14ac:dyDescent="0.25">
      <c r="A6246">
        <v>5164648</v>
      </c>
      <c r="B6246" t="s">
        <v>32173</v>
      </c>
      <c r="C6246" t="s">
        <v>32174</v>
      </c>
      <c r="E6246">
        <v>1</v>
      </c>
      <c r="F6246">
        <v>0</v>
      </c>
      <c r="H6246" t="s">
        <v>32175</v>
      </c>
      <c r="J6246" t="s">
        <v>32176</v>
      </c>
      <c r="O6246">
        <v>638895</v>
      </c>
      <c r="P6246">
        <v>1</v>
      </c>
      <c r="Q6246">
        <v>0</v>
      </c>
      <c r="R6246" t="s">
        <v>2771</v>
      </c>
      <c r="S6246">
        <v>1686</v>
      </c>
    </row>
    <row r="6247" spans="1:19" x14ac:dyDescent="0.25">
      <c r="A6247">
        <v>13820645</v>
      </c>
      <c r="B6247" t="s">
        <v>32177</v>
      </c>
      <c r="C6247" s="1" t="s">
        <v>32178</v>
      </c>
      <c r="D6247">
        <v>13821330</v>
      </c>
      <c r="E6247">
        <v>2</v>
      </c>
      <c r="F6247">
        <v>4</v>
      </c>
      <c r="H6247" t="s">
        <v>32179</v>
      </c>
      <c r="I6247">
        <v>3</v>
      </c>
      <c r="J6247" t="s">
        <v>32180</v>
      </c>
      <c r="K6247" t="s">
        <v>32181</v>
      </c>
      <c r="M6247">
        <v>1738838</v>
      </c>
      <c r="O6247">
        <v>1738838</v>
      </c>
      <c r="P6247">
        <v>1</v>
      </c>
      <c r="Q6247">
        <v>5</v>
      </c>
      <c r="R6247" t="s">
        <v>32182</v>
      </c>
      <c r="S6247">
        <v>2036</v>
      </c>
    </row>
    <row r="6248" spans="1:19" x14ac:dyDescent="0.25">
      <c r="A6248">
        <v>34809474</v>
      </c>
      <c r="B6248" t="s">
        <v>32183</v>
      </c>
      <c r="C6248" s="1" t="s">
        <v>32184</v>
      </c>
      <c r="E6248">
        <v>2</v>
      </c>
      <c r="F6248">
        <v>5</v>
      </c>
      <c r="H6248" t="s">
        <v>32185</v>
      </c>
      <c r="J6248" t="s">
        <v>32186</v>
      </c>
      <c r="K6248" t="s">
        <v>32187</v>
      </c>
      <c r="M6248">
        <v>4864390</v>
      </c>
      <c r="O6248">
        <v>4864390</v>
      </c>
      <c r="P6248">
        <v>1</v>
      </c>
      <c r="Q6248">
        <v>2</v>
      </c>
      <c r="R6248" t="s">
        <v>32188</v>
      </c>
      <c r="S6248">
        <v>1130</v>
      </c>
    </row>
    <row r="6249" spans="1:19" x14ac:dyDescent="0.25">
      <c r="A6249">
        <v>18719104</v>
      </c>
      <c r="B6249" t="s">
        <v>32189</v>
      </c>
      <c r="C6249" t="s">
        <v>32190</v>
      </c>
      <c r="D6249">
        <v>18719222</v>
      </c>
      <c r="E6249">
        <v>1</v>
      </c>
      <c r="F6249">
        <v>0</v>
      </c>
      <c r="H6249" t="s">
        <v>32191</v>
      </c>
      <c r="J6249" t="s">
        <v>32192</v>
      </c>
      <c r="O6249">
        <v>2748426</v>
      </c>
      <c r="P6249">
        <v>1</v>
      </c>
      <c r="Q6249">
        <v>0</v>
      </c>
      <c r="R6249" t="s">
        <v>32193</v>
      </c>
      <c r="S6249">
        <v>31</v>
      </c>
    </row>
    <row r="6250" spans="1:19" x14ac:dyDescent="0.25">
      <c r="A6250">
        <v>31214941</v>
      </c>
      <c r="B6250" t="s">
        <v>32194</v>
      </c>
      <c r="C6250" s="1" t="s">
        <v>32195</v>
      </c>
      <c r="D6250">
        <v>31215245</v>
      </c>
      <c r="E6250">
        <v>1</v>
      </c>
      <c r="F6250">
        <v>3</v>
      </c>
      <c r="H6250" t="s">
        <v>32196</v>
      </c>
      <c r="I6250">
        <v>2</v>
      </c>
      <c r="J6250" t="s">
        <v>32197</v>
      </c>
      <c r="K6250" t="s">
        <v>32198</v>
      </c>
      <c r="M6250">
        <v>4962804</v>
      </c>
      <c r="O6250">
        <v>4962804</v>
      </c>
      <c r="P6250">
        <v>1</v>
      </c>
      <c r="Q6250">
        <v>0</v>
      </c>
      <c r="R6250" t="s">
        <v>32199</v>
      </c>
      <c r="S6250">
        <v>149</v>
      </c>
    </row>
    <row r="6251" spans="1:19" x14ac:dyDescent="0.25">
      <c r="A6251">
        <v>27529246</v>
      </c>
      <c r="B6251" t="s">
        <v>32200</v>
      </c>
      <c r="C6251" s="1" t="s">
        <v>32201</v>
      </c>
      <c r="D6251">
        <v>27532618</v>
      </c>
      <c r="E6251">
        <v>2</v>
      </c>
      <c r="F6251">
        <v>1</v>
      </c>
      <c r="H6251" t="s">
        <v>32202</v>
      </c>
      <c r="I6251">
        <v>1</v>
      </c>
      <c r="J6251" t="s">
        <v>32203</v>
      </c>
      <c r="K6251" t="s">
        <v>32204</v>
      </c>
      <c r="M6251">
        <v>1628832</v>
      </c>
      <c r="O6251">
        <v>3053011</v>
      </c>
      <c r="P6251">
        <v>1</v>
      </c>
      <c r="Q6251">
        <v>0</v>
      </c>
      <c r="R6251" t="s">
        <v>32205</v>
      </c>
      <c r="S6251">
        <v>80</v>
      </c>
    </row>
    <row r="6252" spans="1:19" x14ac:dyDescent="0.25">
      <c r="A6252">
        <v>13466842</v>
      </c>
      <c r="B6252" t="s">
        <v>32206</v>
      </c>
      <c r="C6252" s="1" t="s">
        <v>32207</v>
      </c>
      <c r="E6252">
        <v>2</v>
      </c>
      <c r="F6252">
        <v>5</v>
      </c>
      <c r="H6252" t="s">
        <v>32208</v>
      </c>
      <c r="I6252">
        <v>1</v>
      </c>
      <c r="J6252" t="s">
        <v>32209</v>
      </c>
      <c r="K6252" t="s">
        <v>32210</v>
      </c>
      <c r="L6252" t="s">
        <v>19430</v>
      </c>
      <c r="O6252">
        <v>1063111</v>
      </c>
      <c r="P6252">
        <v>1</v>
      </c>
      <c r="Q6252">
        <v>1</v>
      </c>
      <c r="R6252" t="s">
        <v>32211</v>
      </c>
      <c r="S6252">
        <v>495</v>
      </c>
    </row>
    <row r="6253" spans="1:19" x14ac:dyDescent="0.25">
      <c r="A6253">
        <v>34782640</v>
      </c>
      <c r="B6253" t="s">
        <v>32212</v>
      </c>
      <c r="C6253" t="s">
        <v>32213</v>
      </c>
      <c r="D6253">
        <v>34814063</v>
      </c>
      <c r="E6253">
        <v>1</v>
      </c>
      <c r="F6253">
        <v>0</v>
      </c>
      <c r="H6253" t="s">
        <v>32214</v>
      </c>
      <c r="I6253">
        <v>0</v>
      </c>
      <c r="J6253" t="s">
        <v>32215</v>
      </c>
      <c r="K6253" t="s">
        <v>32215</v>
      </c>
      <c r="M6253">
        <v>4758548</v>
      </c>
      <c r="O6253">
        <v>4758548</v>
      </c>
      <c r="P6253">
        <v>1</v>
      </c>
      <c r="Q6253">
        <v>0</v>
      </c>
      <c r="R6253" t="s">
        <v>32216</v>
      </c>
      <c r="S6253">
        <v>324</v>
      </c>
    </row>
    <row r="6254" spans="1:19" x14ac:dyDescent="0.25">
      <c r="A6254">
        <v>16602566</v>
      </c>
      <c r="B6254" t="s">
        <v>32217</v>
      </c>
      <c r="C6254" s="1" t="s">
        <v>32218</v>
      </c>
      <c r="D6254">
        <v>16868976</v>
      </c>
      <c r="E6254">
        <v>1</v>
      </c>
      <c r="F6254">
        <v>2</v>
      </c>
      <c r="H6254" t="s">
        <v>32219</v>
      </c>
      <c r="I6254">
        <v>1</v>
      </c>
      <c r="J6254" t="s">
        <v>32220</v>
      </c>
      <c r="K6254" t="s">
        <v>32221</v>
      </c>
      <c r="M6254">
        <v>1414160</v>
      </c>
      <c r="O6254">
        <v>1414160</v>
      </c>
      <c r="P6254">
        <v>1</v>
      </c>
      <c r="Q6254">
        <v>4</v>
      </c>
      <c r="R6254" t="s">
        <v>32222</v>
      </c>
      <c r="S6254">
        <v>2021</v>
      </c>
    </row>
    <row r="6255" spans="1:19" x14ac:dyDescent="0.25">
      <c r="A6255">
        <v>44010638</v>
      </c>
      <c r="B6255" t="s">
        <v>32223</v>
      </c>
      <c r="C6255" s="1" t="s">
        <v>32224</v>
      </c>
      <c r="E6255">
        <v>1</v>
      </c>
      <c r="F6255">
        <v>0</v>
      </c>
      <c r="H6255" t="s">
        <v>32225</v>
      </c>
      <c r="J6255" t="s">
        <v>32226</v>
      </c>
      <c r="O6255">
        <v>2188964</v>
      </c>
      <c r="P6255">
        <v>1</v>
      </c>
      <c r="Q6255">
        <v>0</v>
      </c>
      <c r="R6255" t="s">
        <v>32227</v>
      </c>
      <c r="S6255">
        <v>250</v>
      </c>
    </row>
    <row r="6256" spans="1:19" x14ac:dyDescent="0.25">
      <c r="A6256">
        <v>31288241</v>
      </c>
      <c r="B6256" t="s">
        <v>32228</v>
      </c>
      <c r="C6256" s="1" t="s">
        <v>32229</v>
      </c>
      <c r="D6256">
        <v>31288596</v>
      </c>
      <c r="E6256">
        <v>3</v>
      </c>
      <c r="F6256">
        <v>0</v>
      </c>
      <c r="H6256" t="s">
        <v>32230</v>
      </c>
      <c r="J6256" t="s">
        <v>32231</v>
      </c>
      <c r="K6256" t="s">
        <v>32231</v>
      </c>
      <c r="M6256">
        <v>4694013</v>
      </c>
      <c r="O6256">
        <v>573925</v>
      </c>
      <c r="P6256">
        <v>1</v>
      </c>
      <c r="Q6256">
        <v>2</v>
      </c>
      <c r="R6256" t="s">
        <v>1159</v>
      </c>
      <c r="S6256">
        <v>681</v>
      </c>
    </row>
    <row r="6257" spans="1:19" x14ac:dyDescent="0.25">
      <c r="A6257">
        <v>4770052</v>
      </c>
      <c r="B6257" t="s">
        <v>32232</v>
      </c>
      <c r="C6257" s="1" t="s">
        <v>32233</v>
      </c>
      <c r="D6257">
        <v>4777412</v>
      </c>
      <c r="E6257">
        <v>1</v>
      </c>
      <c r="F6257">
        <v>0</v>
      </c>
      <c r="H6257" t="s">
        <v>32234</v>
      </c>
      <c r="J6257" t="s">
        <v>32235</v>
      </c>
      <c r="K6257" t="s">
        <v>32236</v>
      </c>
      <c r="M6257">
        <v>427525</v>
      </c>
      <c r="O6257">
        <v>427525</v>
      </c>
      <c r="P6257">
        <v>1</v>
      </c>
      <c r="Q6257">
        <v>0</v>
      </c>
      <c r="R6257" t="s">
        <v>32237</v>
      </c>
      <c r="S6257">
        <v>510</v>
      </c>
    </row>
    <row r="6258" spans="1:19" x14ac:dyDescent="0.25">
      <c r="A6258">
        <v>22035127</v>
      </c>
      <c r="B6258" t="s">
        <v>32238</v>
      </c>
      <c r="C6258" s="1" t="s">
        <v>32239</v>
      </c>
      <c r="D6258">
        <v>22035947</v>
      </c>
      <c r="E6258">
        <v>2</v>
      </c>
      <c r="F6258">
        <v>1</v>
      </c>
      <c r="H6258" t="s">
        <v>32240</v>
      </c>
      <c r="I6258">
        <v>4</v>
      </c>
      <c r="J6258" t="s">
        <v>32241</v>
      </c>
      <c r="K6258" t="s">
        <v>32242</v>
      </c>
      <c r="M6258">
        <v>188331</v>
      </c>
      <c r="O6258">
        <v>2960751</v>
      </c>
      <c r="P6258">
        <v>1</v>
      </c>
      <c r="Q6258">
        <v>9</v>
      </c>
      <c r="R6258" t="s">
        <v>22573</v>
      </c>
      <c r="S6258">
        <v>13295</v>
      </c>
    </row>
    <row r="6259" spans="1:19" x14ac:dyDescent="0.25">
      <c r="A6259">
        <v>45387567</v>
      </c>
      <c r="B6259" t="s">
        <v>32243</v>
      </c>
      <c r="C6259" s="1" t="s">
        <v>32244</v>
      </c>
      <c r="D6259">
        <v>45388892</v>
      </c>
      <c r="E6259">
        <v>1</v>
      </c>
      <c r="F6259">
        <v>0</v>
      </c>
      <c r="H6259" t="s">
        <v>32245</v>
      </c>
      <c r="J6259" t="s">
        <v>32246</v>
      </c>
      <c r="K6259" t="s">
        <v>32247</v>
      </c>
      <c r="M6259">
        <v>6372391</v>
      </c>
      <c r="O6259">
        <v>6372391</v>
      </c>
      <c r="P6259">
        <v>1</v>
      </c>
      <c r="Q6259">
        <v>0</v>
      </c>
      <c r="R6259" t="s">
        <v>5431</v>
      </c>
      <c r="S6259">
        <v>65</v>
      </c>
    </row>
    <row r="6260" spans="1:19" x14ac:dyDescent="0.25">
      <c r="A6260">
        <v>5694362</v>
      </c>
      <c r="B6260" t="s">
        <v>32248</v>
      </c>
      <c r="C6260" t="s">
        <v>32249</v>
      </c>
      <c r="E6260">
        <v>1</v>
      </c>
      <c r="F6260">
        <v>3</v>
      </c>
      <c r="H6260" t="s">
        <v>32250</v>
      </c>
      <c r="J6260" t="s">
        <v>32251</v>
      </c>
      <c r="K6260" t="s">
        <v>32251</v>
      </c>
      <c r="M6260">
        <v>881229</v>
      </c>
      <c r="O6260">
        <v>21640</v>
      </c>
      <c r="P6260">
        <v>1</v>
      </c>
      <c r="Q6260">
        <v>4</v>
      </c>
      <c r="R6260" t="s">
        <v>32252</v>
      </c>
      <c r="S6260">
        <v>501</v>
      </c>
    </row>
    <row r="6261" spans="1:19" x14ac:dyDescent="0.25">
      <c r="A6261">
        <v>25340383</v>
      </c>
      <c r="B6261" t="s">
        <v>32253</v>
      </c>
      <c r="C6261" t="s">
        <v>32254</v>
      </c>
      <c r="E6261">
        <v>1</v>
      </c>
      <c r="F6261">
        <v>1</v>
      </c>
      <c r="H6261" t="s">
        <v>32255</v>
      </c>
      <c r="J6261" t="s">
        <v>32256</v>
      </c>
      <c r="O6261">
        <v>3940821</v>
      </c>
      <c r="P6261">
        <v>1</v>
      </c>
      <c r="Q6261">
        <v>0</v>
      </c>
      <c r="R6261" t="s">
        <v>32257</v>
      </c>
      <c r="S6261">
        <v>35</v>
      </c>
    </row>
    <row r="6262" spans="1:19" x14ac:dyDescent="0.25">
      <c r="A6262">
        <v>26719212</v>
      </c>
      <c r="B6262" t="s">
        <v>32258</v>
      </c>
      <c r="C6262" s="1" t="s">
        <v>32259</v>
      </c>
      <c r="D6262">
        <v>26733267</v>
      </c>
      <c r="E6262">
        <v>1</v>
      </c>
      <c r="F6262">
        <v>0</v>
      </c>
      <c r="H6262" t="s">
        <v>32260</v>
      </c>
      <c r="I6262">
        <v>1</v>
      </c>
      <c r="J6262" t="s">
        <v>32261</v>
      </c>
      <c r="O6262">
        <v>323384</v>
      </c>
      <c r="P6262">
        <v>1</v>
      </c>
      <c r="Q6262">
        <v>0</v>
      </c>
      <c r="R6262" t="s">
        <v>32262</v>
      </c>
      <c r="S6262">
        <v>3434</v>
      </c>
    </row>
    <row r="6263" spans="1:19" x14ac:dyDescent="0.25">
      <c r="A6263">
        <v>1624944</v>
      </c>
      <c r="B6263" t="s">
        <v>32263</v>
      </c>
      <c r="C6263" s="1" t="s">
        <v>32264</v>
      </c>
      <c r="E6263">
        <v>1</v>
      </c>
      <c r="F6263">
        <v>0</v>
      </c>
      <c r="H6263" t="s">
        <v>32265</v>
      </c>
      <c r="J6263" t="s">
        <v>32266</v>
      </c>
      <c r="O6263">
        <v>170218</v>
      </c>
      <c r="P6263">
        <v>1</v>
      </c>
      <c r="Q6263">
        <v>1</v>
      </c>
      <c r="R6263" t="s">
        <v>32267</v>
      </c>
      <c r="S6263">
        <v>1124</v>
      </c>
    </row>
    <row r="6264" spans="1:19" x14ac:dyDescent="0.25">
      <c r="A6264">
        <v>372388</v>
      </c>
      <c r="B6264" t="s">
        <v>32268</v>
      </c>
      <c r="C6264" t="s">
        <v>32269</v>
      </c>
      <c r="E6264">
        <v>1</v>
      </c>
      <c r="F6264">
        <v>0</v>
      </c>
      <c r="H6264" t="s">
        <v>32270</v>
      </c>
      <c r="J6264" t="s">
        <v>32271</v>
      </c>
      <c r="K6264" t="s">
        <v>32271</v>
      </c>
      <c r="M6264">
        <v>20860</v>
      </c>
      <c r="N6264" t="s">
        <v>32272</v>
      </c>
      <c r="P6264">
        <v>1</v>
      </c>
      <c r="Q6264">
        <v>3</v>
      </c>
      <c r="R6264" t="s">
        <v>32273</v>
      </c>
      <c r="S6264">
        <v>1374</v>
      </c>
    </row>
    <row r="6265" spans="1:19" x14ac:dyDescent="0.25">
      <c r="A6265">
        <v>50856556</v>
      </c>
      <c r="B6265" t="s">
        <v>32274</v>
      </c>
      <c r="C6265" s="1" t="s">
        <v>32275</v>
      </c>
      <c r="D6265">
        <v>50862153</v>
      </c>
      <c r="E6265">
        <v>2</v>
      </c>
      <c r="F6265">
        <v>0</v>
      </c>
      <c r="H6265" t="s">
        <v>32276</v>
      </c>
      <c r="J6265" t="s">
        <v>32277</v>
      </c>
      <c r="O6265">
        <v>5070119</v>
      </c>
      <c r="P6265">
        <v>1</v>
      </c>
      <c r="Q6265">
        <v>0</v>
      </c>
      <c r="R6265" t="s">
        <v>32278</v>
      </c>
      <c r="S6265">
        <v>45</v>
      </c>
    </row>
    <row r="6266" spans="1:19" x14ac:dyDescent="0.25">
      <c r="A6266">
        <v>27439795</v>
      </c>
      <c r="B6266" t="s">
        <v>32279</v>
      </c>
      <c r="C6266" s="1" t="s">
        <v>32280</v>
      </c>
      <c r="E6266">
        <v>1</v>
      </c>
      <c r="F6266">
        <v>1</v>
      </c>
      <c r="H6266" t="s">
        <v>32281</v>
      </c>
      <c r="I6266">
        <v>2</v>
      </c>
      <c r="J6266" t="s">
        <v>32282</v>
      </c>
      <c r="K6266" t="s">
        <v>32282</v>
      </c>
      <c r="M6266">
        <v>1149495</v>
      </c>
      <c r="O6266">
        <v>668403</v>
      </c>
      <c r="P6266">
        <v>1</v>
      </c>
      <c r="Q6266">
        <v>9</v>
      </c>
      <c r="R6266" t="s">
        <v>32283</v>
      </c>
      <c r="S6266">
        <v>187</v>
      </c>
    </row>
    <row r="6267" spans="1:19" x14ac:dyDescent="0.25">
      <c r="A6267">
        <v>50253820</v>
      </c>
      <c r="B6267" t="s">
        <v>32284</v>
      </c>
      <c r="C6267" s="1" t="s">
        <v>32285</v>
      </c>
      <c r="E6267">
        <v>0</v>
      </c>
      <c r="F6267">
        <v>8</v>
      </c>
      <c r="H6267" t="s">
        <v>32286</v>
      </c>
      <c r="J6267" t="s">
        <v>32287</v>
      </c>
      <c r="K6267" t="s">
        <v>32287</v>
      </c>
      <c r="M6267">
        <v>1835477</v>
      </c>
      <c r="O6267">
        <v>1835477</v>
      </c>
      <c r="P6267">
        <v>1</v>
      </c>
      <c r="Q6267">
        <v>0</v>
      </c>
      <c r="R6267" t="s">
        <v>32288</v>
      </c>
      <c r="S6267">
        <v>157</v>
      </c>
    </row>
    <row r="6268" spans="1:19" x14ac:dyDescent="0.25">
      <c r="A6268">
        <v>25366929</v>
      </c>
      <c r="B6268" t="s">
        <v>32289</v>
      </c>
      <c r="C6268" s="1" t="s">
        <v>32290</v>
      </c>
      <c r="D6268">
        <v>25366989</v>
      </c>
      <c r="E6268">
        <v>1</v>
      </c>
      <c r="F6268">
        <v>0</v>
      </c>
      <c r="H6268" t="s">
        <v>32291</v>
      </c>
      <c r="J6268" t="s">
        <v>32292</v>
      </c>
      <c r="O6268">
        <v>3213216</v>
      </c>
      <c r="P6268">
        <v>1</v>
      </c>
      <c r="Q6268">
        <v>0</v>
      </c>
      <c r="R6268" t="s">
        <v>32293</v>
      </c>
      <c r="S6268">
        <v>74</v>
      </c>
    </row>
    <row r="6269" spans="1:19" x14ac:dyDescent="0.25">
      <c r="A6269">
        <v>19690108</v>
      </c>
      <c r="B6269" t="s">
        <v>32294</v>
      </c>
      <c r="C6269" s="1" t="s">
        <v>32295</v>
      </c>
      <c r="D6269">
        <v>19690236</v>
      </c>
      <c r="E6269">
        <v>3</v>
      </c>
      <c r="F6269">
        <v>2</v>
      </c>
      <c r="H6269" t="s">
        <v>32296</v>
      </c>
      <c r="J6269" t="s">
        <v>32297</v>
      </c>
      <c r="O6269">
        <v>2060887</v>
      </c>
      <c r="P6269">
        <v>1</v>
      </c>
      <c r="Q6269">
        <v>0</v>
      </c>
      <c r="R6269" t="s">
        <v>32298</v>
      </c>
      <c r="S6269">
        <v>95</v>
      </c>
    </row>
    <row r="6270" spans="1:19" x14ac:dyDescent="0.25">
      <c r="A6270">
        <v>40161777</v>
      </c>
      <c r="B6270" t="s">
        <v>32299</v>
      </c>
      <c r="C6270" s="1" t="s">
        <v>32300</v>
      </c>
      <c r="E6270">
        <v>0</v>
      </c>
      <c r="F6270">
        <v>4</v>
      </c>
      <c r="H6270" t="s">
        <v>32301</v>
      </c>
      <c r="J6270" t="s">
        <v>32302</v>
      </c>
      <c r="O6270">
        <v>3708323</v>
      </c>
      <c r="P6270">
        <v>1</v>
      </c>
      <c r="Q6270">
        <v>0</v>
      </c>
      <c r="R6270" t="s">
        <v>3061</v>
      </c>
      <c r="S6270">
        <v>119</v>
      </c>
    </row>
    <row r="6271" spans="1:19" x14ac:dyDescent="0.25">
      <c r="A6271">
        <v>29507361</v>
      </c>
      <c r="B6271" t="s">
        <v>32303</v>
      </c>
      <c r="C6271" s="1" t="s">
        <v>32304</v>
      </c>
      <c r="E6271">
        <v>1</v>
      </c>
      <c r="F6271">
        <v>7</v>
      </c>
      <c r="H6271" t="s">
        <v>32305</v>
      </c>
      <c r="J6271" t="s">
        <v>32306</v>
      </c>
      <c r="K6271" t="s">
        <v>32307</v>
      </c>
      <c r="M6271">
        <v>4696386</v>
      </c>
      <c r="O6271">
        <v>4696386</v>
      </c>
      <c r="P6271">
        <v>1</v>
      </c>
      <c r="Q6271">
        <v>0</v>
      </c>
      <c r="R6271" t="s">
        <v>14886</v>
      </c>
      <c r="S6271">
        <v>2591</v>
      </c>
    </row>
    <row r="6272" spans="1:19" x14ac:dyDescent="0.25">
      <c r="A6272">
        <v>37916887</v>
      </c>
      <c r="B6272" t="s">
        <v>32308</v>
      </c>
      <c r="C6272" s="1" t="s">
        <v>32309</v>
      </c>
      <c r="E6272">
        <v>0</v>
      </c>
      <c r="F6272">
        <v>10</v>
      </c>
      <c r="H6272" t="s">
        <v>32310</v>
      </c>
      <c r="J6272" t="s">
        <v>32311</v>
      </c>
      <c r="K6272" t="s">
        <v>32311</v>
      </c>
      <c r="M6272">
        <v>4560142</v>
      </c>
      <c r="O6272">
        <v>5488341</v>
      </c>
      <c r="P6272">
        <v>1</v>
      </c>
      <c r="Q6272">
        <v>1</v>
      </c>
      <c r="R6272" t="s">
        <v>32312</v>
      </c>
      <c r="S6272">
        <v>186</v>
      </c>
    </row>
    <row r="6273" spans="1:19" x14ac:dyDescent="0.25">
      <c r="A6273">
        <v>10488435</v>
      </c>
      <c r="B6273" t="s">
        <v>32313</v>
      </c>
      <c r="C6273" s="1" t="s">
        <v>32314</v>
      </c>
      <c r="D6273">
        <v>10488466</v>
      </c>
      <c r="E6273">
        <v>2</v>
      </c>
      <c r="F6273">
        <v>1</v>
      </c>
      <c r="H6273" t="s">
        <v>32315</v>
      </c>
      <c r="I6273">
        <v>1</v>
      </c>
      <c r="J6273" t="s">
        <v>32316</v>
      </c>
      <c r="O6273">
        <v>172350</v>
      </c>
      <c r="P6273">
        <v>1</v>
      </c>
      <c r="Q6273">
        <v>2</v>
      </c>
      <c r="R6273" t="s">
        <v>32317</v>
      </c>
      <c r="S6273">
        <v>1531</v>
      </c>
    </row>
    <row r="6274" spans="1:19" x14ac:dyDescent="0.25">
      <c r="A6274">
        <v>10659609</v>
      </c>
      <c r="B6274" t="s">
        <v>32318</v>
      </c>
      <c r="C6274" s="1" t="s">
        <v>32319</v>
      </c>
      <c r="D6274">
        <v>10660723</v>
      </c>
      <c r="E6274">
        <v>1</v>
      </c>
      <c r="F6274">
        <v>1</v>
      </c>
      <c r="H6274" t="s">
        <v>32320</v>
      </c>
      <c r="I6274">
        <v>1</v>
      </c>
      <c r="J6274" t="s">
        <v>32321</v>
      </c>
      <c r="O6274">
        <v>875295</v>
      </c>
      <c r="P6274">
        <v>1</v>
      </c>
      <c r="Q6274">
        <v>0</v>
      </c>
      <c r="R6274" t="s">
        <v>32322</v>
      </c>
      <c r="S6274">
        <v>1136</v>
      </c>
    </row>
    <row r="6275" spans="1:19" x14ac:dyDescent="0.25">
      <c r="A6275">
        <v>40834832</v>
      </c>
      <c r="B6275" t="s">
        <v>32323</v>
      </c>
      <c r="C6275" s="1" t="s">
        <v>32324</v>
      </c>
      <c r="E6275">
        <v>1</v>
      </c>
      <c r="F6275">
        <v>2</v>
      </c>
      <c r="H6275" t="s">
        <v>32325</v>
      </c>
      <c r="J6275" t="s">
        <v>32326</v>
      </c>
      <c r="K6275" t="s">
        <v>32327</v>
      </c>
      <c r="M6275">
        <v>1646729</v>
      </c>
      <c r="O6275">
        <v>1646729</v>
      </c>
      <c r="P6275">
        <v>1</v>
      </c>
      <c r="Q6275">
        <v>1</v>
      </c>
      <c r="R6275" t="s">
        <v>32328</v>
      </c>
      <c r="S6275">
        <v>295</v>
      </c>
    </row>
    <row r="6276" spans="1:19" x14ac:dyDescent="0.25">
      <c r="A6276">
        <v>43981038</v>
      </c>
      <c r="B6276" t="s">
        <v>32329</v>
      </c>
      <c r="C6276" s="1" t="s">
        <v>32330</v>
      </c>
      <c r="E6276">
        <v>1</v>
      </c>
      <c r="F6276">
        <v>0</v>
      </c>
      <c r="H6276" t="s">
        <v>32331</v>
      </c>
      <c r="J6276" t="s">
        <v>32332</v>
      </c>
      <c r="K6276" t="s">
        <v>32333</v>
      </c>
      <c r="M6276">
        <v>2946873</v>
      </c>
      <c r="O6276">
        <v>8014540</v>
      </c>
      <c r="P6276">
        <v>1</v>
      </c>
      <c r="Q6276">
        <v>1</v>
      </c>
      <c r="R6276" t="s">
        <v>20344</v>
      </c>
      <c r="S6276">
        <v>26</v>
      </c>
    </row>
    <row r="6277" spans="1:19" x14ac:dyDescent="0.25">
      <c r="A6277">
        <v>51359930</v>
      </c>
      <c r="B6277" t="s">
        <v>32334</v>
      </c>
      <c r="C6277" s="1" t="s">
        <v>32335</v>
      </c>
      <c r="E6277">
        <v>2</v>
      </c>
      <c r="F6277">
        <v>0</v>
      </c>
      <c r="H6277" t="s">
        <v>32336</v>
      </c>
      <c r="I6277">
        <v>1</v>
      </c>
      <c r="J6277" t="s">
        <v>32337</v>
      </c>
      <c r="K6277" t="s">
        <v>32338</v>
      </c>
      <c r="M6277">
        <v>7849087</v>
      </c>
      <c r="O6277">
        <v>1529965</v>
      </c>
      <c r="P6277">
        <v>1</v>
      </c>
      <c r="Q6277">
        <v>3</v>
      </c>
      <c r="R6277" t="s">
        <v>32339</v>
      </c>
      <c r="S6277">
        <v>87</v>
      </c>
    </row>
    <row r="6278" spans="1:19" x14ac:dyDescent="0.25">
      <c r="A6278">
        <v>53501053</v>
      </c>
      <c r="B6278" t="s">
        <v>32340</v>
      </c>
      <c r="C6278" s="1" t="s">
        <v>32341</v>
      </c>
      <c r="E6278">
        <v>2</v>
      </c>
      <c r="F6278">
        <v>2</v>
      </c>
      <c r="H6278" t="s">
        <v>32342</v>
      </c>
      <c r="J6278" t="s">
        <v>32343</v>
      </c>
      <c r="K6278" t="s">
        <v>32344</v>
      </c>
      <c r="M6278">
        <v>7124761</v>
      </c>
      <c r="O6278">
        <v>9302316</v>
      </c>
      <c r="P6278">
        <v>1</v>
      </c>
      <c r="Q6278">
        <v>-1</v>
      </c>
      <c r="R6278" t="s">
        <v>855</v>
      </c>
      <c r="S6278">
        <v>45</v>
      </c>
    </row>
    <row r="6279" spans="1:19" x14ac:dyDescent="0.25">
      <c r="A6279">
        <v>6604684</v>
      </c>
      <c r="B6279" t="s">
        <v>32345</v>
      </c>
      <c r="C6279" s="1" t="s">
        <v>32346</v>
      </c>
      <c r="D6279">
        <v>6604718</v>
      </c>
      <c r="E6279">
        <v>5</v>
      </c>
      <c r="F6279">
        <v>2</v>
      </c>
      <c r="H6279" t="s">
        <v>32347</v>
      </c>
      <c r="J6279" t="s">
        <v>32348</v>
      </c>
      <c r="K6279" t="s">
        <v>32348</v>
      </c>
      <c r="M6279">
        <v>14356</v>
      </c>
      <c r="O6279">
        <v>178980</v>
      </c>
      <c r="P6279">
        <v>1</v>
      </c>
      <c r="Q6279">
        <v>6</v>
      </c>
      <c r="R6279" t="s">
        <v>32349</v>
      </c>
      <c r="S6279">
        <v>369</v>
      </c>
    </row>
    <row r="6280" spans="1:19" x14ac:dyDescent="0.25">
      <c r="A6280">
        <v>52605292</v>
      </c>
      <c r="B6280" t="s">
        <v>32350</v>
      </c>
      <c r="C6280" s="1" t="s">
        <v>32351</v>
      </c>
      <c r="E6280">
        <v>1</v>
      </c>
      <c r="F6280">
        <v>0</v>
      </c>
      <c r="H6280" t="s">
        <v>32352</v>
      </c>
      <c r="J6280" t="s">
        <v>32353</v>
      </c>
      <c r="K6280" t="s">
        <v>32354</v>
      </c>
      <c r="M6280">
        <v>8660280</v>
      </c>
      <c r="O6280">
        <v>8660280</v>
      </c>
      <c r="P6280">
        <v>1</v>
      </c>
      <c r="Q6280">
        <v>0</v>
      </c>
      <c r="R6280" t="s">
        <v>3969</v>
      </c>
      <c r="S6280">
        <v>30</v>
      </c>
    </row>
    <row r="6281" spans="1:19" x14ac:dyDescent="0.25">
      <c r="A6281">
        <v>31524959</v>
      </c>
      <c r="B6281" t="s">
        <v>32355</v>
      </c>
      <c r="C6281" s="1" t="s">
        <v>32356</v>
      </c>
      <c r="E6281">
        <v>0</v>
      </c>
      <c r="F6281">
        <v>2</v>
      </c>
      <c r="H6281" t="s">
        <v>32357</v>
      </c>
      <c r="I6281">
        <v>1</v>
      </c>
      <c r="J6281" t="s">
        <v>32358</v>
      </c>
      <c r="K6281" t="s">
        <v>32358</v>
      </c>
      <c r="M6281">
        <v>82788</v>
      </c>
      <c r="O6281">
        <v>5136436</v>
      </c>
      <c r="P6281">
        <v>1</v>
      </c>
      <c r="Q6281">
        <v>2</v>
      </c>
      <c r="R6281" t="s">
        <v>32359</v>
      </c>
      <c r="S6281">
        <v>896</v>
      </c>
    </row>
    <row r="6282" spans="1:19" x14ac:dyDescent="0.25">
      <c r="A6282">
        <v>38484233</v>
      </c>
      <c r="B6282" t="s">
        <v>32360</v>
      </c>
      <c r="C6282" s="1" t="s">
        <v>32361</v>
      </c>
      <c r="D6282">
        <v>38484815</v>
      </c>
      <c r="E6282">
        <v>2</v>
      </c>
      <c r="F6282">
        <v>6</v>
      </c>
      <c r="H6282" t="s">
        <v>32362</v>
      </c>
      <c r="I6282">
        <v>1</v>
      </c>
      <c r="J6282" t="s">
        <v>32363</v>
      </c>
      <c r="O6282">
        <v>2550220</v>
      </c>
      <c r="P6282">
        <v>1</v>
      </c>
      <c r="Q6282">
        <v>0</v>
      </c>
      <c r="R6282" t="s">
        <v>32364</v>
      </c>
      <c r="S6282">
        <v>544</v>
      </c>
    </row>
    <row r="6283" spans="1:19" x14ac:dyDescent="0.25">
      <c r="A6283">
        <v>3689782</v>
      </c>
      <c r="B6283" t="s">
        <v>32365</v>
      </c>
      <c r="C6283" s="1" t="s">
        <v>32366</v>
      </c>
      <c r="D6283">
        <v>3689805</v>
      </c>
      <c r="E6283">
        <v>5</v>
      </c>
      <c r="F6283">
        <v>0</v>
      </c>
      <c r="H6283" t="s">
        <v>32367</v>
      </c>
      <c r="J6283" t="s">
        <v>32368</v>
      </c>
      <c r="O6283">
        <v>343845</v>
      </c>
      <c r="P6283">
        <v>1</v>
      </c>
      <c r="Q6283">
        <v>5</v>
      </c>
      <c r="R6283" t="s">
        <v>759</v>
      </c>
      <c r="S6283">
        <v>2808</v>
      </c>
    </row>
    <row r="6284" spans="1:19" x14ac:dyDescent="0.25">
      <c r="A6284">
        <v>17712457</v>
      </c>
      <c r="B6284" t="s">
        <v>32369</v>
      </c>
      <c r="C6284" s="1" t="s">
        <v>32370</v>
      </c>
      <c r="D6284">
        <v>17712529</v>
      </c>
      <c r="E6284">
        <v>1</v>
      </c>
      <c r="F6284">
        <v>4</v>
      </c>
      <c r="H6284" t="s">
        <v>32371</v>
      </c>
      <c r="J6284" t="s">
        <v>32372</v>
      </c>
      <c r="K6284" t="s">
        <v>32373</v>
      </c>
      <c r="M6284">
        <v>378170</v>
      </c>
      <c r="O6284">
        <v>378170</v>
      </c>
      <c r="P6284">
        <v>1</v>
      </c>
      <c r="Q6284">
        <v>-1</v>
      </c>
      <c r="R6284" t="s">
        <v>9673</v>
      </c>
      <c r="S6284">
        <v>109</v>
      </c>
    </row>
    <row r="6285" spans="1:19" x14ac:dyDescent="0.25">
      <c r="A6285">
        <v>52148503</v>
      </c>
      <c r="B6285" t="s">
        <v>32374</v>
      </c>
      <c r="C6285" s="1" t="s">
        <v>32375</v>
      </c>
      <c r="D6285">
        <v>52282886</v>
      </c>
      <c r="E6285">
        <v>1</v>
      </c>
      <c r="F6285">
        <v>7</v>
      </c>
      <c r="H6285" t="s">
        <v>32376</v>
      </c>
      <c r="J6285" t="s">
        <v>32377</v>
      </c>
      <c r="K6285" t="s">
        <v>32378</v>
      </c>
      <c r="M6285">
        <v>6622587</v>
      </c>
      <c r="O6285">
        <v>7565349</v>
      </c>
      <c r="P6285">
        <v>1</v>
      </c>
      <c r="Q6285">
        <v>-2</v>
      </c>
      <c r="R6285" t="s">
        <v>32379</v>
      </c>
      <c r="S6285">
        <v>93</v>
      </c>
    </row>
    <row r="6286" spans="1:19" x14ac:dyDescent="0.25">
      <c r="A6286">
        <v>25439090</v>
      </c>
      <c r="B6286" t="s">
        <v>32380</v>
      </c>
      <c r="C6286" s="1" t="s">
        <v>32381</v>
      </c>
      <c r="E6286">
        <v>1</v>
      </c>
      <c r="F6286">
        <v>0</v>
      </c>
      <c r="H6286" t="s">
        <v>32382</v>
      </c>
      <c r="J6286" t="s">
        <v>32383</v>
      </c>
      <c r="O6286">
        <v>1591668</v>
      </c>
      <c r="P6286">
        <v>1</v>
      </c>
      <c r="Q6286">
        <v>0</v>
      </c>
      <c r="R6286" t="s">
        <v>32384</v>
      </c>
      <c r="S6286">
        <v>1221</v>
      </c>
    </row>
    <row r="6287" spans="1:19" x14ac:dyDescent="0.25">
      <c r="A6287">
        <v>53554611</v>
      </c>
      <c r="B6287" t="s">
        <v>32385</v>
      </c>
      <c r="C6287" s="1" t="s">
        <v>32386</v>
      </c>
      <c r="E6287">
        <v>0</v>
      </c>
      <c r="F6287">
        <v>6</v>
      </c>
      <c r="H6287" t="s">
        <v>32387</v>
      </c>
      <c r="J6287" t="s">
        <v>32388</v>
      </c>
      <c r="K6287" t="s">
        <v>32388</v>
      </c>
      <c r="M6287">
        <v>2541276</v>
      </c>
      <c r="O6287">
        <v>10716575</v>
      </c>
      <c r="P6287">
        <v>1</v>
      </c>
      <c r="Q6287">
        <v>0</v>
      </c>
      <c r="R6287" t="s">
        <v>32389</v>
      </c>
      <c r="S6287">
        <v>14</v>
      </c>
    </row>
    <row r="6288" spans="1:19" x14ac:dyDescent="0.25">
      <c r="A6288">
        <v>29076604</v>
      </c>
      <c r="B6288" t="s">
        <v>32390</v>
      </c>
      <c r="C6288" s="1" t="s">
        <v>32391</v>
      </c>
      <c r="D6288">
        <v>29077207</v>
      </c>
      <c r="E6288">
        <v>1</v>
      </c>
      <c r="F6288">
        <v>4</v>
      </c>
      <c r="H6288" t="s">
        <v>32392</v>
      </c>
      <c r="J6288" t="s">
        <v>32393</v>
      </c>
      <c r="O6288">
        <v>875317</v>
      </c>
      <c r="P6288">
        <v>1</v>
      </c>
      <c r="Q6288">
        <v>1</v>
      </c>
      <c r="R6288" t="s">
        <v>1446</v>
      </c>
      <c r="S6288">
        <v>76</v>
      </c>
    </row>
    <row r="6289" spans="1:19" x14ac:dyDescent="0.25">
      <c r="A6289">
        <v>32519643</v>
      </c>
      <c r="B6289" t="s">
        <v>32394</v>
      </c>
      <c r="C6289" s="1" t="s">
        <v>32395</v>
      </c>
      <c r="E6289">
        <v>0</v>
      </c>
      <c r="F6289">
        <v>3</v>
      </c>
      <c r="H6289" t="s">
        <v>32396</v>
      </c>
      <c r="I6289">
        <v>0</v>
      </c>
      <c r="J6289" t="s">
        <v>32396</v>
      </c>
      <c r="O6289">
        <v>5319196</v>
      </c>
      <c r="P6289">
        <v>1</v>
      </c>
      <c r="Q6289">
        <v>1</v>
      </c>
      <c r="R6289" t="s">
        <v>32397</v>
      </c>
      <c r="S6289">
        <v>42</v>
      </c>
    </row>
    <row r="6290" spans="1:19" x14ac:dyDescent="0.25">
      <c r="A6290">
        <v>4139450</v>
      </c>
      <c r="B6290" t="s">
        <v>32398</v>
      </c>
      <c r="C6290" s="1" t="s">
        <v>32399</v>
      </c>
      <c r="D6290">
        <v>7694656</v>
      </c>
      <c r="E6290">
        <v>4</v>
      </c>
      <c r="F6290">
        <v>0</v>
      </c>
      <c r="H6290" t="s">
        <v>32400</v>
      </c>
      <c r="J6290" t="s">
        <v>32401</v>
      </c>
      <c r="K6290" t="s">
        <v>32402</v>
      </c>
      <c r="M6290">
        <v>1000551</v>
      </c>
      <c r="O6290">
        <v>412168</v>
      </c>
      <c r="P6290">
        <v>1</v>
      </c>
      <c r="Q6290">
        <v>1</v>
      </c>
      <c r="R6290" t="s">
        <v>32403</v>
      </c>
      <c r="S6290">
        <v>2653</v>
      </c>
    </row>
    <row r="6291" spans="1:19" x14ac:dyDescent="0.25">
      <c r="A6291">
        <v>15258375</v>
      </c>
      <c r="B6291" t="s">
        <v>32404</v>
      </c>
      <c r="C6291" s="1" t="s">
        <v>32405</v>
      </c>
      <c r="E6291">
        <v>1</v>
      </c>
      <c r="F6291">
        <v>4</v>
      </c>
      <c r="H6291" t="s">
        <v>32406</v>
      </c>
      <c r="I6291">
        <v>9</v>
      </c>
      <c r="J6291" t="s">
        <v>32407</v>
      </c>
      <c r="O6291">
        <v>379360</v>
      </c>
      <c r="P6291">
        <v>1</v>
      </c>
      <c r="Q6291">
        <v>35</v>
      </c>
      <c r="R6291" t="s">
        <v>32408</v>
      </c>
      <c r="S6291">
        <v>82590</v>
      </c>
    </row>
    <row r="6292" spans="1:19" x14ac:dyDescent="0.25">
      <c r="A6292">
        <v>52417192</v>
      </c>
      <c r="B6292" t="s">
        <v>32409</v>
      </c>
      <c r="C6292" s="1" t="s">
        <v>32410</v>
      </c>
      <c r="E6292">
        <v>1</v>
      </c>
      <c r="F6292">
        <v>3</v>
      </c>
      <c r="H6292" t="s">
        <v>32411</v>
      </c>
      <c r="I6292">
        <v>1</v>
      </c>
      <c r="J6292" t="s">
        <v>32412</v>
      </c>
      <c r="O6292">
        <v>7244772</v>
      </c>
      <c r="P6292">
        <v>1</v>
      </c>
      <c r="Q6292">
        <v>1</v>
      </c>
      <c r="R6292" t="s">
        <v>32413</v>
      </c>
      <c r="S6292">
        <v>59</v>
      </c>
    </row>
    <row r="6293" spans="1:19" x14ac:dyDescent="0.25">
      <c r="A6293">
        <v>7756001</v>
      </c>
      <c r="B6293" t="s">
        <v>32414</v>
      </c>
      <c r="C6293" s="1" t="s">
        <v>32415</v>
      </c>
      <c r="D6293">
        <v>7761608</v>
      </c>
      <c r="E6293">
        <v>1</v>
      </c>
      <c r="F6293">
        <v>0</v>
      </c>
      <c r="H6293" t="s">
        <v>32416</v>
      </c>
      <c r="J6293" t="s">
        <v>32417</v>
      </c>
      <c r="K6293" t="s">
        <v>32418</v>
      </c>
      <c r="M6293">
        <v>897224</v>
      </c>
      <c r="O6293">
        <v>897224</v>
      </c>
      <c r="P6293">
        <v>1</v>
      </c>
      <c r="Q6293">
        <v>0</v>
      </c>
      <c r="R6293" t="s">
        <v>32419</v>
      </c>
      <c r="S6293">
        <v>834</v>
      </c>
    </row>
    <row r="6294" spans="1:19" x14ac:dyDescent="0.25">
      <c r="A6294">
        <v>23971160</v>
      </c>
      <c r="B6294" t="s">
        <v>32420</v>
      </c>
      <c r="C6294" s="1" t="s">
        <v>32421</v>
      </c>
      <c r="D6294">
        <v>23971767</v>
      </c>
      <c r="E6294">
        <v>2</v>
      </c>
      <c r="F6294">
        <v>1</v>
      </c>
      <c r="H6294" t="s">
        <v>32422</v>
      </c>
      <c r="J6294" t="s">
        <v>32423</v>
      </c>
      <c r="K6294" t="s">
        <v>32423</v>
      </c>
      <c r="M6294">
        <v>1033581</v>
      </c>
      <c r="O6294">
        <v>1694378</v>
      </c>
      <c r="P6294">
        <v>1</v>
      </c>
      <c r="Q6294">
        <v>3</v>
      </c>
      <c r="R6294" t="s">
        <v>32424</v>
      </c>
      <c r="S6294">
        <v>531</v>
      </c>
    </row>
    <row r="6295" spans="1:19" x14ac:dyDescent="0.25">
      <c r="A6295">
        <v>26461169</v>
      </c>
      <c r="B6295" t="s">
        <v>32425</v>
      </c>
      <c r="C6295" t="s">
        <v>32426</v>
      </c>
      <c r="E6295">
        <v>1</v>
      </c>
      <c r="F6295">
        <v>3</v>
      </c>
      <c r="H6295" t="s">
        <v>32427</v>
      </c>
      <c r="I6295">
        <v>0</v>
      </c>
      <c r="J6295" t="s">
        <v>32428</v>
      </c>
      <c r="O6295">
        <v>4161053</v>
      </c>
      <c r="P6295">
        <v>1</v>
      </c>
      <c r="Q6295">
        <v>1</v>
      </c>
      <c r="R6295" t="s">
        <v>32429</v>
      </c>
      <c r="S6295">
        <v>165</v>
      </c>
    </row>
    <row r="6296" spans="1:19" x14ac:dyDescent="0.25">
      <c r="A6296">
        <v>40456152</v>
      </c>
      <c r="B6296" t="s">
        <v>32430</v>
      </c>
      <c r="C6296" t="s">
        <v>32431</v>
      </c>
      <c r="E6296">
        <v>1</v>
      </c>
      <c r="F6296">
        <v>13</v>
      </c>
      <c r="H6296" t="s">
        <v>32432</v>
      </c>
      <c r="J6296" t="s">
        <v>32433</v>
      </c>
      <c r="O6296">
        <v>3639090</v>
      </c>
      <c r="P6296">
        <v>1</v>
      </c>
      <c r="Q6296">
        <v>0</v>
      </c>
      <c r="R6296" t="s">
        <v>32434</v>
      </c>
      <c r="S6296">
        <v>125</v>
      </c>
    </row>
    <row r="6297" spans="1:19" x14ac:dyDescent="0.25">
      <c r="A6297">
        <v>30381056</v>
      </c>
      <c r="B6297" t="s">
        <v>32435</v>
      </c>
      <c r="C6297" s="1" t="s">
        <v>32436</v>
      </c>
      <c r="E6297">
        <v>1</v>
      </c>
      <c r="F6297">
        <v>11</v>
      </c>
      <c r="H6297" t="s">
        <v>32437</v>
      </c>
      <c r="J6297" t="s">
        <v>32438</v>
      </c>
      <c r="K6297" t="s">
        <v>32439</v>
      </c>
      <c r="M6297">
        <v>124367</v>
      </c>
      <c r="O6297">
        <v>3723217</v>
      </c>
      <c r="P6297">
        <v>1</v>
      </c>
      <c r="Q6297">
        <v>0</v>
      </c>
      <c r="R6297" t="s">
        <v>8336</v>
      </c>
      <c r="S6297">
        <v>300</v>
      </c>
    </row>
    <row r="6298" spans="1:19" x14ac:dyDescent="0.25">
      <c r="A6298">
        <v>52930091</v>
      </c>
      <c r="B6298" t="s">
        <v>32440</v>
      </c>
      <c r="C6298" s="1" t="s">
        <v>32441</v>
      </c>
      <c r="E6298">
        <v>0</v>
      </c>
      <c r="F6298">
        <v>0</v>
      </c>
      <c r="H6298" t="s">
        <v>32442</v>
      </c>
      <c r="J6298" t="s">
        <v>32442</v>
      </c>
      <c r="O6298">
        <v>2746044</v>
      </c>
      <c r="P6298">
        <v>1</v>
      </c>
      <c r="Q6298">
        <v>0</v>
      </c>
      <c r="R6298" t="s">
        <v>32443</v>
      </c>
      <c r="S6298">
        <v>10</v>
      </c>
    </row>
    <row r="6299" spans="1:19" x14ac:dyDescent="0.25">
      <c r="A6299">
        <v>22885990</v>
      </c>
      <c r="B6299" t="s">
        <v>32444</v>
      </c>
      <c r="C6299" s="1" t="s">
        <v>32445</v>
      </c>
      <c r="D6299">
        <v>22886507</v>
      </c>
      <c r="E6299">
        <v>3</v>
      </c>
      <c r="F6299">
        <v>2</v>
      </c>
      <c r="H6299" t="s">
        <v>32446</v>
      </c>
      <c r="J6299" t="s">
        <v>32447</v>
      </c>
      <c r="K6299" t="s">
        <v>32448</v>
      </c>
      <c r="M6299">
        <v>880990</v>
      </c>
      <c r="O6299">
        <v>3328821</v>
      </c>
      <c r="P6299">
        <v>1</v>
      </c>
      <c r="Q6299">
        <v>0</v>
      </c>
      <c r="R6299" t="s">
        <v>351</v>
      </c>
      <c r="S6299">
        <v>1742</v>
      </c>
    </row>
    <row r="6300" spans="1:19" x14ac:dyDescent="0.25">
      <c r="A6300">
        <v>34126110</v>
      </c>
      <c r="B6300" t="s">
        <v>32449</v>
      </c>
      <c r="C6300" s="1" t="s">
        <v>32450</v>
      </c>
      <c r="D6300">
        <v>34126151</v>
      </c>
      <c r="E6300">
        <v>1</v>
      </c>
      <c r="F6300">
        <v>0</v>
      </c>
      <c r="H6300" t="s">
        <v>32451</v>
      </c>
      <c r="J6300" t="s">
        <v>32452</v>
      </c>
      <c r="K6300" t="s">
        <v>32453</v>
      </c>
      <c r="M6300">
        <v>3796048</v>
      </c>
      <c r="O6300">
        <v>5548947</v>
      </c>
      <c r="P6300">
        <v>1</v>
      </c>
      <c r="Q6300">
        <v>1</v>
      </c>
      <c r="R6300" t="s">
        <v>21747</v>
      </c>
      <c r="S6300">
        <v>23</v>
      </c>
    </row>
    <row r="6301" spans="1:19" x14ac:dyDescent="0.25">
      <c r="A6301">
        <v>2068445</v>
      </c>
      <c r="B6301" t="s">
        <v>32454</v>
      </c>
      <c r="C6301" t="s">
        <v>32455</v>
      </c>
      <c r="D6301">
        <v>2068460</v>
      </c>
      <c r="E6301">
        <v>6</v>
      </c>
      <c r="F6301">
        <v>0</v>
      </c>
      <c r="H6301" t="s">
        <v>32456</v>
      </c>
      <c r="I6301">
        <v>4</v>
      </c>
      <c r="J6301" t="s">
        <v>32457</v>
      </c>
      <c r="O6301">
        <v>84685</v>
      </c>
      <c r="P6301">
        <v>1</v>
      </c>
      <c r="Q6301">
        <v>27</v>
      </c>
      <c r="R6301" t="s">
        <v>2176</v>
      </c>
      <c r="S6301">
        <v>67908</v>
      </c>
    </row>
    <row r="6302" spans="1:19" x14ac:dyDescent="0.25">
      <c r="A6302">
        <v>25009415</v>
      </c>
      <c r="B6302" t="s">
        <v>32458</v>
      </c>
      <c r="C6302" s="1" t="s">
        <v>32459</v>
      </c>
      <c r="D6302">
        <v>25010466</v>
      </c>
      <c r="E6302">
        <v>2</v>
      </c>
      <c r="F6302">
        <v>0</v>
      </c>
      <c r="H6302" t="s">
        <v>32460</v>
      </c>
      <c r="J6302" t="s">
        <v>32461</v>
      </c>
      <c r="O6302">
        <v>3683481</v>
      </c>
      <c r="P6302">
        <v>1</v>
      </c>
      <c r="Q6302">
        <v>-1</v>
      </c>
      <c r="R6302" t="s">
        <v>3034</v>
      </c>
      <c r="S6302">
        <v>1503</v>
      </c>
    </row>
    <row r="6303" spans="1:19" x14ac:dyDescent="0.25">
      <c r="A6303">
        <v>7280657</v>
      </c>
      <c r="B6303" t="s">
        <v>32462</v>
      </c>
      <c r="C6303" s="1" t="s">
        <v>32463</v>
      </c>
      <c r="D6303">
        <v>7280836</v>
      </c>
      <c r="E6303">
        <v>2</v>
      </c>
      <c r="F6303">
        <v>0</v>
      </c>
      <c r="H6303" t="s">
        <v>32464</v>
      </c>
      <c r="J6303" t="s">
        <v>32465</v>
      </c>
      <c r="K6303" t="s">
        <v>32465</v>
      </c>
      <c r="M6303">
        <v>842509</v>
      </c>
      <c r="O6303">
        <v>842509</v>
      </c>
      <c r="P6303">
        <v>1</v>
      </c>
      <c r="Q6303">
        <v>0</v>
      </c>
      <c r="R6303" t="s">
        <v>32466</v>
      </c>
      <c r="S6303">
        <v>358</v>
      </c>
    </row>
    <row r="6304" spans="1:19" x14ac:dyDescent="0.25">
      <c r="A6304">
        <v>32587303</v>
      </c>
      <c r="B6304" t="s">
        <v>32467</v>
      </c>
      <c r="C6304" s="1" t="s">
        <v>32468</v>
      </c>
      <c r="D6304">
        <v>32624589</v>
      </c>
      <c r="E6304">
        <v>1</v>
      </c>
      <c r="F6304">
        <v>0</v>
      </c>
      <c r="H6304" t="s">
        <v>32469</v>
      </c>
      <c r="I6304">
        <v>0</v>
      </c>
      <c r="J6304" t="s">
        <v>32470</v>
      </c>
      <c r="O6304">
        <v>2644947</v>
      </c>
      <c r="P6304">
        <v>1</v>
      </c>
      <c r="Q6304">
        <v>1</v>
      </c>
      <c r="R6304" t="s">
        <v>32471</v>
      </c>
      <c r="S6304">
        <v>61</v>
      </c>
    </row>
    <row r="6305" spans="1:19" x14ac:dyDescent="0.25">
      <c r="A6305">
        <v>28509491</v>
      </c>
      <c r="B6305" t="s">
        <v>32472</v>
      </c>
      <c r="C6305" s="1" t="s">
        <v>32473</v>
      </c>
      <c r="D6305">
        <v>28509604</v>
      </c>
      <c r="E6305">
        <v>1</v>
      </c>
      <c r="F6305">
        <v>2</v>
      </c>
      <c r="H6305" t="s">
        <v>32474</v>
      </c>
      <c r="J6305" t="s">
        <v>32475</v>
      </c>
      <c r="K6305" t="s">
        <v>32476</v>
      </c>
      <c r="M6305">
        <v>500314</v>
      </c>
      <c r="O6305">
        <v>2060558</v>
      </c>
      <c r="P6305">
        <v>1</v>
      </c>
      <c r="Q6305">
        <v>1</v>
      </c>
      <c r="R6305" t="s">
        <v>32477</v>
      </c>
      <c r="S6305">
        <v>1579</v>
      </c>
    </row>
    <row r="6306" spans="1:19" x14ac:dyDescent="0.25">
      <c r="A6306">
        <v>53418139</v>
      </c>
      <c r="B6306" t="s">
        <v>32478</v>
      </c>
      <c r="C6306" s="1" t="s">
        <v>32479</v>
      </c>
      <c r="E6306">
        <v>0</v>
      </c>
      <c r="F6306">
        <v>0</v>
      </c>
      <c r="H6306" t="s">
        <v>32480</v>
      </c>
      <c r="J6306" t="s">
        <v>32481</v>
      </c>
      <c r="K6306" t="s">
        <v>32481</v>
      </c>
      <c r="M6306">
        <v>1684269</v>
      </c>
      <c r="O6306">
        <v>1684269</v>
      </c>
      <c r="P6306">
        <v>1</v>
      </c>
      <c r="Q6306">
        <v>-1</v>
      </c>
      <c r="R6306" t="s">
        <v>32482</v>
      </c>
      <c r="S6306">
        <v>23</v>
      </c>
    </row>
    <row r="6307" spans="1:19" x14ac:dyDescent="0.25">
      <c r="A6307">
        <v>50156202</v>
      </c>
      <c r="B6307" t="s">
        <v>32483</v>
      </c>
      <c r="C6307" s="1" t="s">
        <v>32484</v>
      </c>
      <c r="D6307">
        <v>50157402</v>
      </c>
      <c r="E6307">
        <v>1</v>
      </c>
      <c r="F6307">
        <v>0</v>
      </c>
      <c r="H6307" t="s">
        <v>32485</v>
      </c>
      <c r="J6307" t="s">
        <v>32486</v>
      </c>
      <c r="K6307" t="s">
        <v>32486</v>
      </c>
      <c r="M6307">
        <v>85371</v>
      </c>
      <c r="O6307">
        <v>5360439</v>
      </c>
      <c r="P6307">
        <v>1</v>
      </c>
      <c r="Q6307">
        <v>2</v>
      </c>
      <c r="R6307" t="s">
        <v>32487</v>
      </c>
      <c r="S6307">
        <v>60</v>
      </c>
    </row>
    <row r="6308" spans="1:19" x14ac:dyDescent="0.25">
      <c r="A6308">
        <v>16936435</v>
      </c>
      <c r="B6308" t="s">
        <v>32488</v>
      </c>
      <c r="C6308" s="1" t="s">
        <v>32489</v>
      </c>
      <c r="D6308">
        <v>16938477</v>
      </c>
      <c r="E6308">
        <v>5</v>
      </c>
      <c r="F6308">
        <v>1</v>
      </c>
      <c r="H6308" t="s">
        <v>32490</v>
      </c>
      <c r="J6308" t="s">
        <v>32491</v>
      </c>
      <c r="K6308" t="s">
        <v>32492</v>
      </c>
      <c r="M6308">
        <v>1711796</v>
      </c>
      <c r="O6308">
        <v>2441151</v>
      </c>
      <c r="P6308">
        <v>1</v>
      </c>
      <c r="Q6308">
        <v>2</v>
      </c>
      <c r="R6308" t="s">
        <v>32493</v>
      </c>
      <c r="S6308">
        <v>794</v>
      </c>
    </row>
    <row r="6309" spans="1:19" x14ac:dyDescent="0.25">
      <c r="A6309">
        <v>11823459</v>
      </c>
      <c r="B6309" t="s">
        <v>32494</v>
      </c>
      <c r="C6309" s="1" t="s">
        <v>32495</v>
      </c>
      <c r="E6309">
        <v>1</v>
      </c>
      <c r="F6309">
        <v>1</v>
      </c>
      <c r="H6309" t="s">
        <v>32496</v>
      </c>
      <c r="J6309" t="s">
        <v>32497</v>
      </c>
      <c r="O6309">
        <v>1578428</v>
      </c>
      <c r="P6309">
        <v>1</v>
      </c>
      <c r="Q6309">
        <v>-3</v>
      </c>
      <c r="R6309" t="s">
        <v>32498</v>
      </c>
      <c r="S6309">
        <v>888</v>
      </c>
    </row>
    <row r="6310" spans="1:19" x14ac:dyDescent="0.25">
      <c r="A6310">
        <v>15618260</v>
      </c>
      <c r="B6310" t="s">
        <v>32499</v>
      </c>
      <c r="C6310" s="1" t="s">
        <v>32500</v>
      </c>
      <c r="E6310">
        <v>1</v>
      </c>
      <c r="F6310">
        <v>0</v>
      </c>
      <c r="H6310" t="s">
        <v>32501</v>
      </c>
      <c r="I6310">
        <v>1</v>
      </c>
      <c r="J6310" t="s">
        <v>32502</v>
      </c>
      <c r="K6310" t="s">
        <v>32503</v>
      </c>
      <c r="M6310">
        <v>1908677</v>
      </c>
      <c r="O6310">
        <v>180317</v>
      </c>
      <c r="P6310">
        <v>1</v>
      </c>
      <c r="Q6310">
        <v>17</v>
      </c>
      <c r="R6310" t="s">
        <v>32504</v>
      </c>
      <c r="S6310">
        <v>24270</v>
      </c>
    </row>
    <row r="6311" spans="1:19" x14ac:dyDescent="0.25">
      <c r="A6311">
        <v>45401126</v>
      </c>
      <c r="B6311" t="s">
        <v>32505</v>
      </c>
      <c r="C6311" s="1" t="s">
        <v>32506</v>
      </c>
      <c r="E6311">
        <v>0</v>
      </c>
      <c r="F6311">
        <v>3</v>
      </c>
      <c r="H6311" t="s">
        <v>32507</v>
      </c>
      <c r="J6311" t="s">
        <v>32508</v>
      </c>
      <c r="K6311" t="s">
        <v>32508</v>
      </c>
      <c r="M6311">
        <v>472495</v>
      </c>
      <c r="O6311">
        <v>8389662</v>
      </c>
      <c r="P6311">
        <v>1</v>
      </c>
      <c r="Q6311">
        <v>1</v>
      </c>
      <c r="R6311" t="s">
        <v>11699</v>
      </c>
      <c r="S6311">
        <v>1805</v>
      </c>
    </row>
    <row r="6312" spans="1:19" x14ac:dyDescent="0.25">
      <c r="A6312">
        <v>48844710</v>
      </c>
      <c r="B6312" t="s">
        <v>32509</v>
      </c>
      <c r="C6312" s="1" t="s">
        <v>32510</v>
      </c>
      <c r="E6312">
        <v>1</v>
      </c>
      <c r="F6312">
        <v>4</v>
      </c>
      <c r="H6312" t="s">
        <v>32511</v>
      </c>
      <c r="J6312" t="s">
        <v>32512</v>
      </c>
      <c r="O6312">
        <v>3150153</v>
      </c>
      <c r="P6312">
        <v>1</v>
      </c>
      <c r="Q6312">
        <v>0</v>
      </c>
      <c r="R6312" t="s">
        <v>32513</v>
      </c>
      <c r="S6312">
        <v>277</v>
      </c>
    </row>
    <row r="6313" spans="1:19" x14ac:dyDescent="0.25">
      <c r="A6313">
        <v>7589182</v>
      </c>
      <c r="B6313" t="s">
        <v>32514</v>
      </c>
      <c r="C6313" s="1" t="s">
        <v>32515</v>
      </c>
      <c r="E6313">
        <v>1</v>
      </c>
      <c r="F6313">
        <v>2</v>
      </c>
      <c r="H6313" t="s">
        <v>32516</v>
      </c>
      <c r="J6313" t="s">
        <v>32517</v>
      </c>
      <c r="K6313" t="s">
        <v>32517</v>
      </c>
      <c r="M6313">
        <v>941433</v>
      </c>
      <c r="O6313">
        <v>941433</v>
      </c>
      <c r="P6313">
        <v>1</v>
      </c>
      <c r="Q6313">
        <v>0</v>
      </c>
      <c r="R6313" t="s">
        <v>32518</v>
      </c>
      <c r="S6313">
        <v>2809</v>
      </c>
    </row>
    <row r="6314" spans="1:19" x14ac:dyDescent="0.25">
      <c r="A6314">
        <v>16719499</v>
      </c>
      <c r="B6314" t="s">
        <v>32519</v>
      </c>
      <c r="C6314" s="1" t="s">
        <v>32520</v>
      </c>
      <c r="E6314">
        <v>1</v>
      </c>
      <c r="F6314">
        <v>1</v>
      </c>
      <c r="H6314" t="s">
        <v>32521</v>
      </c>
      <c r="J6314" t="s">
        <v>32522</v>
      </c>
      <c r="O6314">
        <v>957979</v>
      </c>
      <c r="P6314">
        <v>1</v>
      </c>
      <c r="Q6314">
        <v>0</v>
      </c>
      <c r="R6314" t="s">
        <v>32523</v>
      </c>
      <c r="S6314">
        <v>460</v>
      </c>
    </row>
    <row r="6315" spans="1:19" x14ac:dyDescent="0.25">
      <c r="A6315">
        <v>6353331</v>
      </c>
      <c r="B6315" t="s">
        <v>32524</v>
      </c>
      <c r="C6315" s="1" t="s">
        <v>32525</v>
      </c>
      <c r="E6315">
        <v>2</v>
      </c>
      <c r="F6315">
        <v>0</v>
      </c>
      <c r="H6315" t="s">
        <v>32526</v>
      </c>
      <c r="J6315" t="s">
        <v>32527</v>
      </c>
      <c r="O6315">
        <v>798950</v>
      </c>
      <c r="P6315">
        <v>1</v>
      </c>
      <c r="Q6315">
        <v>2</v>
      </c>
      <c r="R6315" t="s">
        <v>32528</v>
      </c>
      <c r="S6315">
        <v>624</v>
      </c>
    </row>
    <row r="6316" spans="1:19" x14ac:dyDescent="0.25">
      <c r="A6316">
        <v>4666431</v>
      </c>
      <c r="B6316" t="s">
        <v>32529</v>
      </c>
      <c r="C6316" s="1" t="s">
        <v>32530</v>
      </c>
      <c r="D6316">
        <v>4667279</v>
      </c>
      <c r="E6316">
        <v>1</v>
      </c>
      <c r="F6316">
        <v>0</v>
      </c>
      <c r="H6316" t="s">
        <v>32531</v>
      </c>
      <c r="J6316" t="s">
        <v>32532</v>
      </c>
      <c r="O6316">
        <v>547894</v>
      </c>
      <c r="P6316">
        <v>1</v>
      </c>
      <c r="Q6316">
        <v>0</v>
      </c>
      <c r="R6316" t="s">
        <v>32533</v>
      </c>
      <c r="S6316">
        <v>618</v>
      </c>
    </row>
    <row r="6317" spans="1:19" x14ac:dyDescent="0.25">
      <c r="A6317">
        <v>25954395</v>
      </c>
      <c r="B6317" t="s">
        <v>32534</v>
      </c>
      <c r="C6317" s="1" t="s">
        <v>32535</v>
      </c>
      <c r="E6317">
        <v>1</v>
      </c>
      <c r="F6317">
        <v>0</v>
      </c>
      <c r="H6317" t="s">
        <v>32536</v>
      </c>
      <c r="I6317">
        <v>1</v>
      </c>
      <c r="J6317" t="s">
        <v>32537</v>
      </c>
      <c r="K6317" t="s">
        <v>32537</v>
      </c>
      <c r="M6317">
        <v>4062339</v>
      </c>
      <c r="O6317">
        <v>4062339</v>
      </c>
      <c r="P6317">
        <v>1</v>
      </c>
      <c r="Q6317">
        <v>3</v>
      </c>
      <c r="R6317" t="s">
        <v>32538</v>
      </c>
      <c r="S6317">
        <v>486</v>
      </c>
    </row>
    <row r="6318" spans="1:19" x14ac:dyDescent="0.25">
      <c r="A6318">
        <v>23647293</v>
      </c>
      <c r="B6318" t="s">
        <v>32539</v>
      </c>
      <c r="C6318" s="1" t="s">
        <v>32540</v>
      </c>
      <c r="E6318">
        <v>0</v>
      </c>
      <c r="F6318">
        <v>4</v>
      </c>
      <c r="H6318" t="s">
        <v>32541</v>
      </c>
      <c r="J6318" t="s">
        <v>32542</v>
      </c>
      <c r="K6318" t="s">
        <v>32543</v>
      </c>
      <c r="M6318">
        <v>-1</v>
      </c>
      <c r="O6318">
        <v>1752613</v>
      </c>
      <c r="P6318">
        <v>1</v>
      </c>
      <c r="Q6318">
        <v>1</v>
      </c>
      <c r="R6318" t="s">
        <v>32544</v>
      </c>
      <c r="S6318">
        <v>105</v>
      </c>
    </row>
    <row r="6319" spans="1:19" x14ac:dyDescent="0.25">
      <c r="A6319">
        <v>48194145</v>
      </c>
      <c r="B6319" t="s">
        <v>32545</v>
      </c>
      <c r="C6319" s="1" t="s">
        <v>32546</v>
      </c>
      <c r="E6319">
        <v>2</v>
      </c>
      <c r="F6319">
        <v>1</v>
      </c>
      <c r="H6319" t="s">
        <v>32547</v>
      </c>
      <c r="J6319" t="s">
        <v>32548</v>
      </c>
      <c r="O6319">
        <v>9187734</v>
      </c>
      <c r="P6319">
        <v>1</v>
      </c>
      <c r="Q6319">
        <v>-2</v>
      </c>
      <c r="R6319" t="s">
        <v>32549</v>
      </c>
      <c r="S6319">
        <v>72</v>
      </c>
    </row>
    <row r="6320" spans="1:19" x14ac:dyDescent="0.25">
      <c r="A6320">
        <v>49364300</v>
      </c>
      <c r="B6320" t="s">
        <v>32550</v>
      </c>
      <c r="C6320" s="1" t="s">
        <v>32551</v>
      </c>
      <c r="E6320">
        <v>2</v>
      </c>
      <c r="F6320">
        <v>2</v>
      </c>
      <c r="H6320" t="s">
        <v>32552</v>
      </c>
      <c r="J6320" t="s">
        <v>32553</v>
      </c>
      <c r="K6320" t="s">
        <v>32554</v>
      </c>
      <c r="M6320">
        <v>9711</v>
      </c>
      <c r="O6320">
        <v>8237266</v>
      </c>
      <c r="P6320">
        <v>1</v>
      </c>
      <c r="Q6320">
        <v>0</v>
      </c>
      <c r="R6320" t="s">
        <v>32555</v>
      </c>
      <c r="S6320">
        <v>358</v>
      </c>
    </row>
    <row r="6321" spans="1:19" x14ac:dyDescent="0.25">
      <c r="A6321">
        <v>5416838</v>
      </c>
      <c r="B6321" t="s">
        <v>32556</v>
      </c>
      <c r="C6321" s="1" t="s">
        <v>32557</v>
      </c>
      <c r="D6321">
        <v>5422548</v>
      </c>
      <c r="E6321">
        <v>1</v>
      </c>
      <c r="F6321">
        <v>0</v>
      </c>
      <c r="H6321" t="s">
        <v>32558</v>
      </c>
      <c r="J6321" t="s">
        <v>32559</v>
      </c>
      <c r="K6321" t="s">
        <v>32560</v>
      </c>
      <c r="M6321">
        <v>671248</v>
      </c>
      <c r="O6321">
        <v>671248</v>
      </c>
      <c r="P6321">
        <v>1</v>
      </c>
      <c r="Q6321">
        <v>2</v>
      </c>
      <c r="R6321" t="s">
        <v>32561</v>
      </c>
      <c r="S6321">
        <v>1754</v>
      </c>
    </row>
    <row r="6322" spans="1:19" x14ac:dyDescent="0.25">
      <c r="A6322">
        <v>1830607</v>
      </c>
      <c r="B6322" t="s">
        <v>32562</v>
      </c>
      <c r="C6322" s="1" t="s">
        <v>32563</v>
      </c>
      <c r="D6322">
        <v>1844776</v>
      </c>
      <c r="E6322">
        <v>4</v>
      </c>
      <c r="F6322">
        <v>8</v>
      </c>
      <c r="H6322" t="s">
        <v>32564</v>
      </c>
      <c r="I6322">
        <v>2</v>
      </c>
      <c r="J6322" t="s">
        <v>32565</v>
      </c>
      <c r="K6322" t="s">
        <v>32566</v>
      </c>
      <c r="M6322">
        <v>-1</v>
      </c>
      <c r="O6322">
        <v>188037</v>
      </c>
      <c r="P6322">
        <v>1</v>
      </c>
      <c r="Q6322">
        <v>3</v>
      </c>
      <c r="R6322" t="s">
        <v>32567</v>
      </c>
      <c r="S6322">
        <v>11921</v>
      </c>
    </row>
    <row r="6323" spans="1:19" x14ac:dyDescent="0.25">
      <c r="A6323">
        <v>49169391</v>
      </c>
      <c r="B6323" t="s">
        <v>32568</v>
      </c>
      <c r="C6323" s="1" t="s">
        <v>32569</v>
      </c>
      <c r="E6323">
        <v>2</v>
      </c>
      <c r="F6323">
        <v>5</v>
      </c>
      <c r="H6323" t="s">
        <v>32570</v>
      </c>
      <c r="J6323" t="s">
        <v>32571</v>
      </c>
      <c r="K6323" t="s">
        <v>32572</v>
      </c>
      <c r="M6323">
        <v>2859678</v>
      </c>
      <c r="O6323">
        <v>2859678</v>
      </c>
      <c r="P6323">
        <v>1</v>
      </c>
      <c r="Q6323">
        <v>1</v>
      </c>
      <c r="R6323" t="s">
        <v>32573</v>
      </c>
      <c r="S6323">
        <v>41</v>
      </c>
    </row>
    <row r="6324" spans="1:19" x14ac:dyDescent="0.25">
      <c r="A6324">
        <v>15164061</v>
      </c>
      <c r="B6324" t="s">
        <v>32574</v>
      </c>
      <c r="C6324" s="1" t="s">
        <v>32575</v>
      </c>
      <c r="E6324">
        <v>1</v>
      </c>
      <c r="F6324">
        <v>13</v>
      </c>
      <c r="H6324" t="s">
        <v>32576</v>
      </c>
      <c r="J6324" t="s">
        <v>32577</v>
      </c>
      <c r="K6324" t="s">
        <v>32577</v>
      </c>
      <c r="M6324">
        <v>1245596</v>
      </c>
      <c r="O6324">
        <v>2124571</v>
      </c>
      <c r="P6324">
        <v>1</v>
      </c>
      <c r="Q6324">
        <v>0</v>
      </c>
      <c r="R6324" t="s">
        <v>32578</v>
      </c>
      <c r="S6324">
        <v>51</v>
      </c>
    </row>
    <row r="6325" spans="1:19" x14ac:dyDescent="0.25">
      <c r="A6325">
        <v>46355601</v>
      </c>
      <c r="B6325" t="s">
        <v>32579</v>
      </c>
      <c r="C6325" s="1" t="s">
        <v>32580</v>
      </c>
      <c r="E6325">
        <v>1</v>
      </c>
      <c r="F6325">
        <v>0</v>
      </c>
      <c r="H6325" t="s">
        <v>32581</v>
      </c>
      <c r="J6325" t="s">
        <v>32582</v>
      </c>
      <c r="K6325" t="s">
        <v>32582</v>
      </c>
      <c r="M6325">
        <v>3728901</v>
      </c>
      <c r="O6325">
        <v>8293342</v>
      </c>
      <c r="P6325">
        <v>1</v>
      </c>
      <c r="Q6325">
        <v>1</v>
      </c>
      <c r="R6325" t="s">
        <v>32583</v>
      </c>
      <c r="S6325">
        <v>71</v>
      </c>
    </row>
    <row r="6326" spans="1:19" x14ac:dyDescent="0.25">
      <c r="A6326">
        <v>7383651</v>
      </c>
      <c r="B6326" t="s">
        <v>32584</v>
      </c>
      <c r="C6326" s="1" t="s">
        <v>32585</v>
      </c>
      <c r="E6326">
        <v>2</v>
      </c>
      <c r="F6326">
        <v>0</v>
      </c>
      <c r="H6326" t="s">
        <v>32586</v>
      </c>
      <c r="J6326" t="s">
        <v>32587</v>
      </c>
      <c r="O6326">
        <v>939921</v>
      </c>
      <c r="P6326">
        <v>1</v>
      </c>
      <c r="Q6326">
        <v>2</v>
      </c>
      <c r="R6326" t="s">
        <v>32588</v>
      </c>
      <c r="S6326">
        <v>176</v>
      </c>
    </row>
    <row r="6327" spans="1:19" x14ac:dyDescent="0.25">
      <c r="A6327">
        <v>52881938</v>
      </c>
      <c r="B6327" t="s">
        <v>32589</v>
      </c>
      <c r="C6327" s="1" t="s">
        <v>32590</v>
      </c>
      <c r="E6327">
        <v>1</v>
      </c>
      <c r="F6327">
        <v>2</v>
      </c>
      <c r="H6327" t="s">
        <v>32591</v>
      </c>
      <c r="J6327" t="s">
        <v>32592</v>
      </c>
      <c r="K6327" t="s">
        <v>32593</v>
      </c>
      <c r="M6327">
        <v>4127542</v>
      </c>
      <c r="O6327">
        <v>4127542</v>
      </c>
      <c r="P6327">
        <v>1</v>
      </c>
      <c r="Q6327">
        <v>0</v>
      </c>
      <c r="R6327" t="s">
        <v>32594</v>
      </c>
      <c r="S6327">
        <v>20</v>
      </c>
    </row>
    <row r="6328" spans="1:19" x14ac:dyDescent="0.25">
      <c r="A6328">
        <v>15478309</v>
      </c>
      <c r="B6328" t="s">
        <v>32595</v>
      </c>
      <c r="C6328" s="1" t="s">
        <v>32596</v>
      </c>
      <c r="E6328">
        <v>1</v>
      </c>
      <c r="F6328">
        <v>0</v>
      </c>
      <c r="H6328" t="s">
        <v>32597</v>
      </c>
      <c r="J6328" t="s">
        <v>32598</v>
      </c>
      <c r="K6328" t="s">
        <v>32599</v>
      </c>
      <c r="M6328">
        <v>1675954</v>
      </c>
      <c r="O6328">
        <v>2182444</v>
      </c>
      <c r="P6328">
        <v>1</v>
      </c>
      <c r="Q6328">
        <v>0</v>
      </c>
      <c r="R6328" t="s">
        <v>32600</v>
      </c>
      <c r="S6328">
        <v>1128</v>
      </c>
    </row>
    <row r="6329" spans="1:19" x14ac:dyDescent="0.25">
      <c r="A6329">
        <v>53372183</v>
      </c>
      <c r="B6329" t="s">
        <v>32601</v>
      </c>
      <c r="C6329" s="1" t="s">
        <v>32602</v>
      </c>
      <c r="D6329">
        <v>53373262</v>
      </c>
      <c r="E6329">
        <v>1</v>
      </c>
      <c r="F6329">
        <v>4</v>
      </c>
      <c r="H6329" t="s">
        <v>32603</v>
      </c>
      <c r="J6329" t="s">
        <v>32604</v>
      </c>
      <c r="K6329" t="s">
        <v>32605</v>
      </c>
      <c r="M6329">
        <v>6177478</v>
      </c>
      <c r="O6329">
        <v>6177478</v>
      </c>
      <c r="P6329">
        <v>1</v>
      </c>
      <c r="Q6329">
        <v>0</v>
      </c>
      <c r="R6329" t="s">
        <v>32606</v>
      </c>
      <c r="S6329">
        <v>38</v>
      </c>
    </row>
    <row r="6330" spans="1:19" x14ac:dyDescent="0.25">
      <c r="A6330">
        <v>48796180</v>
      </c>
      <c r="B6330" t="s">
        <v>32607</v>
      </c>
      <c r="C6330" s="1" t="s">
        <v>32608</v>
      </c>
      <c r="D6330">
        <v>48796653</v>
      </c>
      <c r="E6330">
        <v>2</v>
      </c>
      <c r="F6330">
        <v>0</v>
      </c>
      <c r="H6330" t="s">
        <v>32609</v>
      </c>
      <c r="J6330" t="s">
        <v>32610</v>
      </c>
      <c r="O6330">
        <v>8973844</v>
      </c>
      <c r="P6330">
        <v>1</v>
      </c>
      <c r="Q6330">
        <v>0</v>
      </c>
      <c r="R6330" t="s">
        <v>32611</v>
      </c>
      <c r="S6330">
        <v>49</v>
      </c>
    </row>
    <row r="6331" spans="1:19" x14ac:dyDescent="0.25">
      <c r="A6331">
        <v>46483752</v>
      </c>
      <c r="B6331" t="s">
        <v>32612</v>
      </c>
      <c r="C6331" s="1" t="s">
        <v>32613</v>
      </c>
      <c r="E6331">
        <v>1</v>
      </c>
      <c r="F6331">
        <v>1</v>
      </c>
      <c r="H6331" t="s">
        <v>32614</v>
      </c>
      <c r="J6331" t="s">
        <v>32615</v>
      </c>
      <c r="O6331">
        <v>7795751</v>
      </c>
      <c r="P6331">
        <v>1</v>
      </c>
      <c r="Q6331">
        <v>0</v>
      </c>
      <c r="R6331" t="s">
        <v>32616</v>
      </c>
      <c r="S6331">
        <v>638</v>
      </c>
    </row>
    <row r="6332" spans="1:19" x14ac:dyDescent="0.25">
      <c r="A6332">
        <v>42530824</v>
      </c>
      <c r="B6332" t="s">
        <v>32617</v>
      </c>
      <c r="C6332" s="1" t="s">
        <v>32618</v>
      </c>
      <c r="E6332">
        <v>1</v>
      </c>
      <c r="F6332">
        <v>2</v>
      </c>
      <c r="H6332" t="s">
        <v>32619</v>
      </c>
      <c r="J6332" t="s">
        <v>32620</v>
      </c>
      <c r="K6332" t="s">
        <v>32620</v>
      </c>
      <c r="M6332">
        <v>753739</v>
      </c>
      <c r="O6332">
        <v>2307786</v>
      </c>
      <c r="P6332">
        <v>1</v>
      </c>
      <c r="Q6332">
        <v>-1</v>
      </c>
      <c r="R6332" t="s">
        <v>32621</v>
      </c>
      <c r="S6332">
        <v>88</v>
      </c>
    </row>
    <row r="6333" spans="1:19" x14ac:dyDescent="0.25">
      <c r="A6333">
        <v>50261677</v>
      </c>
      <c r="B6333" t="s">
        <v>32622</v>
      </c>
      <c r="C6333" s="1" t="s">
        <v>32623</v>
      </c>
      <c r="E6333">
        <v>0</v>
      </c>
      <c r="F6333">
        <v>0</v>
      </c>
      <c r="H6333" t="s">
        <v>32624</v>
      </c>
      <c r="J6333" t="s">
        <v>32625</v>
      </c>
      <c r="K6333" t="s">
        <v>32625</v>
      </c>
      <c r="M6333">
        <v>4577067</v>
      </c>
      <c r="O6333">
        <v>4577067</v>
      </c>
      <c r="P6333">
        <v>1</v>
      </c>
      <c r="Q6333">
        <v>0</v>
      </c>
      <c r="R6333" t="s">
        <v>32626</v>
      </c>
      <c r="S6333">
        <v>25</v>
      </c>
    </row>
    <row r="6334" spans="1:19" x14ac:dyDescent="0.25">
      <c r="A6334">
        <v>46582195</v>
      </c>
      <c r="B6334" t="s">
        <v>32627</v>
      </c>
      <c r="C6334" s="1" t="s">
        <v>32628</v>
      </c>
      <c r="D6334">
        <v>46582350</v>
      </c>
      <c r="E6334">
        <v>1</v>
      </c>
      <c r="F6334">
        <v>1</v>
      </c>
      <c r="H6334" t="s">
        <v>32629</v>
      </c>
      <c r="J6334" t="s">
        <v>32630</v>
      </c>
      <c r="O6334">
        <v>7739640</v>
      </c>
      <c r="P6334">
        <v>1</v>
      </c>
      <c r="Q6334">
        <v>0</v>
      </c>
      <c r="R6334" t="s">
        <v>32631</v>
      </c>
      <c r="S6334">
        <v>35</v>
      </c>
    </row>
    <row r="6335" spans="1:19" x14ac:dyDescent="0.25">
      <c r="A6335">
        <v>30751675</v>
      </c>
      <c r="B6335" t="s">
        <v>32632</v>
      </c>
      <c r="C6335" s="1" t="s">
        <v>32633</v>
      </c>
      <c r="D6335">
        <v>30751981</v>
      </c>
      <c r="E6335">
        <v>4</v>
      </c>
      <c r="F6335">
        <v>0</v>
      </c>
      <c r="H6335" t="s">
        <v>32634</v>
      </c>
      <c r="J6335" t="s">
        <v>32635</v>
      </c>
      <c r="K6335" t="s">
        <v>32636</v>
      </c>
      <c r="M6335">
        <v>122005</v>
      </c>
      <c r="O6335">
        <v>999270</v>
      </c>
      <c r="P6335">
        <v>1</v>
      </c>
      <c r="Q6335">
        <v>0</v>
      </c>
      <c r="R6335" t="s">
        <v>5585</v>
      </c>
      <c r="S6335">
        <v>60</v>
      </c>
    </row>
    <row r="6336" spans="1:19" x14ac:dyDescent="0.25">
      <c r="A6336">
        <v>26017226</v>
      </c>
      <c r="B6336" t="s">
        <v>32637</v>
      </c>
      <c r="C6336" s="1" t="s">
        <v>32638</v>
      </c>
      <c r="D6336">
        <v>26017297</v>
      </c>
      <c r="E6336">
        <v>1</v>
      </c>
      <c r="F6336">
        <v>1</v>
      </c>
      <c r="H6336" t="s">
        <v>32639</v>
      </c>
      <c r="J6336" t="s">
        <v>32640</v>
      </c>
      <c r="O6336">
        <v>1744744</v>
      </c>
      <c r="P6336">
        <v>1</v>
      </c>
      <c r="Q6336">
        <v>0</v>
      </c>
      <c r="R6336" t="s">
        <v>12692</v>
      </c>
      <c r="S6336">
        <v>345</v>
      </c>
    </row>
    <row r="6337" spans="1:19" x14ac:dyDescent="0.25">
      <c r="A6337">
        <v>40401465</v>
      </c>
      <c r="B6337" t="s">
        <v>32641</v>
      </c>
      <c r="C6337" s="1" t="s">
        <v>32642</v>
      </c>
      <c r="E6337">
        <v>0</v>
      </c>
      <c r="F6337">
        <v>5</v>
      </c>
      <c r="H6337" t="s">
        <v>32643</v>
      </c>
      <c r="J6337" t="s">
        <v>32643</v>
      </c>
      <c r="O6337">
        <v>3801676</v>
      </c>
      <c r="P6337">
        <v>1</v>
      </c>
      <c r="Q6337">
        <v>0</v>
      </c>
      <c r="R6337" t="s">
        <v>32644</v>
      </c>
      <c r="S6337">
        <v>21</v>
      </c>
    </row>
    <row r="6338" spans="1:19" x14ac:dyDescent="0.25">
      <c r="A6338">
        <v>39066714</v>
      </c>
      <c r="B6338" t="s">
        <v>32645</v>
      </c>
      <c r="C6338" s="1" t="s">
        <v>32646</v>
      </c>
      <c r="E6338">
        <v>1</v>
      </c>
      <c r="F6338">
        <v>3</v>
      </c>
      <c r="H6338" t="s">
        <v>32647</v>
      </c>
      <c r="J6338" t="s">
        <v>32648</v>
      </c>
      <c r="K6338" t="s">
        <v>32648</v>
      </c>
      <c r="M6338">
        <v>1402846</v>
      </c>
      <c r="O6338">
        <v>6356202</v>
      </c>
      <c r="P6338">
        <v>1</v>
      </c>
      <c r="Q6338">
        <v>0</v>
      </c>
      <c r="R6338" t="s">
        <v>32649</v>
      </c>
      <c r="S6338">
        <v>1319</v>
      </c>
    </row>
    <row r="6339" spans="1:19" x14ac:dyDescent="0.25">
      <c r="A6339">
        <v>47239151</v>
      </c>
      <c r="B6339" t="s">
        <v>32650</v>
      </c>
      <c r="C6339" s="1" t="s">
        <v>32651</v>
      </c>
      <c r="D6339">
        <v>47239650</v>
      </c>
      <c r="E6339">
        <v>1</v>
      </c>
      <c r="F6339">
        <v>1</v>
      </c>
      <c r="H6339" t="s">
        <v>32652</v>
      </c>
      <c r="J6339" t="s">
        <v>32653</v>
      </c>
      <c r="O6339">
        <v>294884</v>
      </c>
      <c r="P6339">
        <v>1</v>
      </c>
      <c r="Q6339">
        <v>2</v>
      </c>
      <c r="R6339" t="s">
        <v>32654</v>
      </c>
      <c r="S6339">
        <v>58</v>
      </c>
    </row>
    <row r="6340" spans="1:19" x14ac:dyDescent="0.25">
      <c r="A6340">
        <v>3626969</v>
      </c>
      <c r="B6340" t="s">
        <v>32655</v>
      </c>
      <c r="C6340" s="1" t="s">
        <v>32656</v>
      </c>
      <c r="D6340">
        <v>3626998</v>
      </c>
      <c r="E6340">
        <v>4</v>
      </c>
      <c r="F6340">
        <v>0</v>
      </c>
      <c r="H6340" t="s">
        <v>32657</v>
      </c>
      <c r="J6340" t="s">
        <v>32658</v>
      </c>
      <c r="O6340">
        <v>413076</v>
      </c>
      <c r="P6340">
        <v>1</v>
      </c>
      <c r="Q6340">
        <v>1</v>
      </c>
      <c r="R6340" t="s">
        <v>748</v>
      </c>
      <c r="S6340">
        <v>2491</v>
      </c>
    </row>
    <row r="6341" spans="1:19" x14ac:dyDescent="0.25">
      <c r="A6341">
        <v>38245006</v>
      </c>
      <c r="B6341" t="s">
        <v>32659</v>
      </c>
      <c r="C6341" s="1" t="s">
        <v>32660</v>
      </c>
      <c r="E6341">
        <v>1</v>
      </c>
      <c r="F6341">
        <v>0</v>
      </c>
      <c r="H6341" t="s">
        <v>32661</v>
      </c>
      <c r="J6341" t="s">
        <v>32662</v>
      </c>
      <c r="O6341">
        <v>6560581</v>
      </c>
      <c r="P6341">
        <v>1</v>
      </c>
      <c r="Q6341">
        <v>0</v>
      </c>
      <c r="R6341" t="s">
        <v>32663</v>
      </c>
      <c r="S6341">
        <v>514</v>
      </c>
    </row>
    <row r="6342" spans="1:19" x14ac:dyDescent="0.25">
      <c r="A6342">
        <v>17222590</v>
      </c>
      <c r="B6342" t="s">
        <v>32664</v>
      </c>
      <c r="C6342" s="1" t="s">
        <v>32665</v>
      </c>
      <c r="E6342">
        <v>0</v>
      </c>
      <c r="F6342">
        <v>0</v>
      </c>
      <c r="H6342" t="s">
        <v>32666</v>
      </c>
      <c r="J6342" t="s">
        <v>32667</v>
      </c>
      <c r="K6342" t="s">
        <v>32668</v>
      </c>
      <c r="M6342">
        <v>998158</v>
      </c>
      <c r="O6342">
        <v>1389528</v>
      </c>
      <c r="P6342">
        <v>1</v>
      </c>
      <c r="Q6342">
        <v>1</v>
      </c>
      <c r="R6342" t="s">
        <v>32669</v>
      </c>
      <c r="S6342">
        <v>56</v>
      </c>
    </row>
    <row r="6343" spans="1:19" x14ac:dyDescent="0.25">
      <c r="A6343">
        <v>19903420</v>
      </c>
      <c r="B6343" t="s">
        <v>32670</v>
      </c>
      <c r="C6343" s="1" t="s">
        <v>32671</v>
      </c>
      <c r="D6343">
        <v>27781640</v>
      </c>
      <c r="E6343">
        <v>2</v>
      </c>
      <c r="F6343">
        <v>4</v>
      </c>
      <c r="H6343" t="s">
        <v>32672</v>
      </c>
      <c r="I6343">
        <v>1</v>
      </c>
      <c r="J6343" t="s">
        <v>32673</v>
      </c>
      <c r="K6343" t="s">
        <v>32674</v>
      </c>
      <c r="M6343">
        <v>1624921</v>
      </c>
      <c r="O6343">
        <v>2539828</v>
      </c>
      <c r="P6343">
        <v>1</v>
      </c>
      <c r="Q6343">
        <v>5</v>
      </c>
      <c r="R6343" t="s">
        <v>32675</v>
      </c>
      <c r="S6343">
        <v>1613</v>
      </c>
    </row>
    <row r="6344" spans="1:19" x14ac:dyDescent="0.25">
      <c r="A6344">
        <v>8699882</v>
      </c>
      <c r="B6344" t="s">
        <v>32676</v>
      </c>
      <c r="C6344" s="1" t="s">
        <v>32677</v>
      </c>
      <c r="D6344">
        <v>8700019</v>
      </c>
      <c r="E6344">
        <v>2</v>
      </c>
      <c r="F6344">
        <v>0</v>
      </c>
      <c r="H6344" t="s">
        <v>32678</v>
      </c>
      <c r="I6344">
        <v>1</v>
      </c>
      <c r="J6344" t="s">
        <v>32679</v>
      </c>
      <c r="K6344" t="s">
        <v>32679</v>
      </c>
      <c r="M6344">
        <v>1033581</v>
      </c>
      <c r="O6344">
        <v>888478</v>
      </c>
      <c r="P6344">
        <v>1</v>
      </c>
      <c r="Q6344">
        <v>1</v>
      </c>
      <c r="R6344" t="s">
        <v>32680</v>
      </c>
      <c r="S6344">
        <v>125</v>
      </c>
    </row>
    <row r="6345" spans="1:19" x14ac:dyDescent="0.25">
      <c r="A6345">
        <v>3003046</v>
      </c>
      <c r="B6345" t="s">
        <v>32681</v>
      </c>
      <c r="C6345" s="1" t="s">
        <v>32682</v>
      </c>
      <c r="D6345">
        <v>3003071</v>
      </c>
      <c r="E6345">
        <v>2</v>
      </c>
      <c r="F6345">
        <v>0</v>
      </c>
      <c r="H6345" t="s">
        <v>32683</v>
      </c>
      <c r="J6345" t="s">
        <v>32684</v>
      </c>
      <c r="O6345">
        <v>81785</v>
      </c>
      <c r="P6345">
        <v>1</v>
      </c>
      <c r="Q6345">
        <v>0</v>
      </c>
      <c r="R6345" t="s">
        <v>32685</v>
      </c>
      <c r="S6345">
        <v>48</v>
      </c>
    </row>
    <row r="6346" spans="1:19" x14ac:dyDescent="0.25">
      <c r="A6346">
        <v>30465909</v>
      </c>
      <c r="B6346" t="s">
        <v>32686</v>
      </c>
      <c r="C6346" s="1" t="s">
        <v>32687</v>
      </c>
      <c r="E6346">
        <v>1</v>
      </c>
      <c r="F6346">
        <v>1</v>
      </c>
      <c r="H6346" t="s">
        <v>32688</v>
      </c>
      <c r="J6346" t="s">
        <v>32689</v>
      </c>
      <c r="K6346" t="s">
        <v>32690</v>
      </c>
      <c r="M6346">
        <v>4333555</v>
      </c>
      <c r="O6346">
        <v>4941725</v>
      </c>
      <c r="P6346">
        <v>1</v>
      </c>
      <c r="Q6346">
        <v>0</v>
      </c>
      <c r="R6346" t="s">
        <v>3593</v>
      </c>
      <c r="S6346">
        <v>178</v>
      </c>
    </row>
    <row r="6347" spans="1:19" x14ac:dyDescent="0.25">
      <c r="A6347">
        <v>42401230</v>
      </c>
      <c r="B6347" t="s">
        <v>32691</v>
      </c>
      <c r="C6347" s="1" t="s">
        <v>32692</v>
      </c>
      <c r="D6347">
        <v>42402548</v>
      </c>
      <c r="E6347">
        <v>2</v>
      </c>
      <c r="F6347">
        <v>1</v>
      </c>
      <c r="H6347" t="s">
        <v>32693</v>
      </c>
      <c r="J6347" t="s">
        <v>32694</v>
      </c>
      <c r="O6347">
        <v>3200391</v>
      </c>
      <c r="P6347">
        <v>1</v>
      </c>
      <c r="Q6347">
        <v>0</v>
      </c>
      <c r="R6347" t="s">
        <v>32695</v>
      </c>
      <c r="S6347">
        <v>706</v>
      </c>
    </row>
    <row r="6348" spans="1:19" x14ac:dyDescent="0.25">
      <c r="A6348">
        <v>17977992</v>
      </c>
      <c r="B6348" t="s">
        <v>32696</v>
      </c>
      <c r="C6348" s="1" t="s">
        <v>32697</v>
      </c>
      <c r="E6348">
        <v>1</v>
      </c>
      <c r="F6348">
        <v>2</v>
      </c>
      <c r="H6348" t="s">
        <v>32698</v>
      </c>
      <c r="I6348">
        <v>1</v>
      </c>
      <c r="J6348" t="s">
        <v>32699</v>
      </c>
      <c r="O6348">
        <v>1118358</v>
      </c>
      <c r="P6348">
        <v>1</v>
      </c>
      <c r="Q6348">
        <v>0</v>
      </c>
      <c r="R6348" t="s">
        <v>32700</v>
      </c>
      <c r="S6348">
        <v>38</v>
      </c>
    </row>
    <row r="6349" spans="1:19" x14ac:dyDescent="0.25">
      <c r="A6349">
        <v>49952155</v>
      </c>
      <c r="B6349" t="s">
        <v>32701</v>
      </c>
      <c r="C6349" s="1" t="s">
        <v>32702</v>
      </c>
      <c r="E6349">
        <v>1</v>
      </c>
      <c r="F6349">
        <v>0</v>
      </c>
      <c r="H6349" t="s">
        <v>32703</v>
      </c>
      <c r="J6349" t="s">
        <v>32704</v>
      </c>
      <c r="K6349" t="s">
        <v>32705</v>
      </c>
      <c r="M6349">
        <v>719263</v>
      </c>
      <c r="O6349">
        <v>6892161</v>
      </c>
      <c r="P6349">
        <v>1</v>
      </c>
      <c r="Q6349">
        <v>0</v>
      </c>
      <c r="R6349" t="s">
        <v>759</v>
      </c>
      <c r="S6349">
        <v>71</v>
      </c>
    </row>
    <row r="6350" spans="1:19" x14ac:dyDescent="0.25">
      <c r="A6350">
        <v>10374001</v>
      </c>
      <c r="B6350" t="s">
        <v>32706</v>
      </c>
      <c r="C6350" s="1" t="s">
        <v>32707</v>
      </c>
      <c r="D6350">
        <v>10374585</v>
      </c>
      <c r="E6350">
        <v>2</v>
      </c>
      <c r="F6350">
        <v>1</v>
      </c>
      <c r="H6350" t="s">
        <v>32708</v>
      </c>
      <c r="J6350" t="s">
        <v>32709</v>
      </c>
      <c r="K6350" t="s">
        <v>32709</v>
      </c>
      <c r="M6350">
        <v>450602</v>
      </c>
      <c r="O6350">
        <v>450602</v>
      </c>
      <c r="P6350">
        <v>1</v>
      </c>
      <c r="Q6350">
        <v>0</v>
      </c>
      <c r="R6350" t="s">
        <v>32710</v>
      </c>
      <c r="S6350">
        <v>1739</v>
      </c>
    </row>
    <row r="6351" spans="1:19" x14ac:dyDescent="0.25">
      <c r="A6351">
        <v>12943257</v>
      </c>
      <c r="B6351" t="s">
        <v>32711</v>
      </c>
      <c r="C6351" s="1" t="s">
        <v>32712</v>
      </c>
      <c r="D6351">
        <v>12943369</v>
      </c>
      <c r="E6351">
        <v>1</v>
      </c>
      <c r="F6351">
        <v>0</v>
      </c>
      <c r="H6351" t="s">
        <v>32713</v>
      </c>
      <c r="J6351" t="s">
        <v>32714</v>
      </c>
      <c r="K6351" t="s">
        <v>32715</v>
      </c>
      <c r="M6351">
        <v>1052697</v>
      </c>
      <c r="O6351">
        <v>1286315</v>
      </c>
      <c r="P6351">
        <v>1</v>
      </c>
      <c r="Q6351">
        <v>-1</v>
      </c>
      <c r="R6351" t="s">
        <v>32716</v>
      </c>
      <c r="S6351">
        <v>114</v>
      </c>
    </row>
    <row r="6352" spans="1:19" x14ac:dyDescent="0.25">
      <c r="A6352">
        <v>9826989</v>
      </c>
      <c r="B6352" t="s">
        <v>32717</v>
      </c>
      <c r="C6352" s="1" t="s">
        <v>32718</v>
      </c>
      <c r="D6352">
        <v>9831059</v>
      </c>
      <c r="E6352">
        <v>2</v>
      </c>
      <c r="F6352">
        <v>0</v>
      </c>
      <c r="H6352" t="s">
        <v>32719</v>
      </c>
      <c r="J6352" t="s">
        <v>32720</v>
      </c>
      <c r="K6352" t="s">
        <v>32721</v>
      </c>
      <c r="M6352">
        <v>-1</v>
      </c>
      <c r="O6352">
        <v>270366</v>
      </c>
      <c r="P6352">
        <v>1</v>
      </c>
      <c r="Q6352">
        <v>2</v>
      </c>
      <c r="R6352" t="s">
        <v>14886</v>
      </c>
      <c r="S6352">
        <v>804</v>
      </c>
    </row>
    <row r="6353" spans="1:19" x14ac:dyDescent="0.25">
      <c r="A6353">
        <v>11983253</v>
      </c>
      <c r="B6353" t="s">
        <v>32722</v>
      </c>
      <c r="C6353" s="1" t="s">
        <v>32723</v>
      </c>
      <c r="D6353">
        <v>11992771</v>
      </c>
      <c r="E6353">
        <v>1</v>
      </c>
      <c r="F6353">
        <v>3</v>
      </c>
      <c r="H6353" t="s">
        <v>32724</v>
      </c>
      <c r="J6353" t="s">
        <v>32725</v>
      </c>
      <c r="K6353" t="s">
        <v>32726</v>
      </c>
      <c r="M6353">
        <v>991234</v>
      </c>
      <c r="O6353">
        <v>991234</v>
      </c>
      <c r="P6353">
        <v>1</v>
      </c>
      <c r="Q6353">
        <v>0</v>
      </c>
      <c r="R6353" t="s">
        <v>32727</v>
      </c>
      <c r="S6353">
        <v>192</v>
      </c>
    </row>
    <row r="6354" spans="1:19" x14ac:dyDescent="0.25">
      <c r="A6354">
        <v>43974000</v>
      </c>
      <c r="B6354" t="s">
        <v>32728</v>
      </c>
      <c r="C6354" s="1" t="s">
        <v>32729</v>
      </c>
      <c r="E6354">
        <v>0</v>
      </c>
      <c r="F6354">
        <v>7</v>
      </c>
      <c r="H6354" t="s">
        <v>32730</v>
      </c>
      <c r="J6354" t="s">
        <v>32731</v>
      </c>
      <c r="K6354" t="s">
        <v>32731</v>
      </c>
      <c r="M6354">
        <v>1226963</v>
      </c>
      <c r="O6354">
        <v>2529869</v>
      </c>
      <c r="P6354">
        <v>1</v>
      </c>
      <c r="Q6354">
        <v>0</v>
      </c>
      <c r="R6354" t="s">
        <v>32732</v>
      </c>
      <c r="S6354">
        <v>24</v>
      </c>
    </row>
    <row r="6355" spans="1:19" x14ac:dyDescent="0.25">
      <c r="A6355">
        <v>50783963</v>
      </c>
      <c r="B6355" t="s">
        <v>32733</v>
      </c>
      <c r="C6355" s="1" t="s">
        <v>32734</v>
      </c>
      <c r="E6355">
        <v>0</v>
      </c>
      <c r="F6355">
        <v>4</v>
      </c>
      <c r="H6355" t="s">
        <v>32735</v>
      </c>
      <c r="I6355">
        <v>0</v>
      </c>
      <c r="J6355" t="s">
        <v>32736</v>
      </c>
      <c r="K6355" t="s">
        <v>32736</v>
      </c>
      <c r="M6355">
        <v>7268650</v>
      </c>
      <c r="O6355">
        <v>7268650</v>
      </c>
      <c r="P6355">
        <v>1</v>
      </c>
      <c r="Q6355">
        <v>0</v>
      </c>
      <c r="R6355" t="s">
        <v>32737</v>
      </c>
      <c r="S6355">
        <v>102</v>
      </c>
    </row>
    <row r="6356" spans="1:19" x14ac:dyDescent="0.25">
      <c r="A6356">
        <v>36780389</v>
      </c>
      <c r="B6356" t="s">
        <v>32738</v>
      </c>
      <c r="C6356" s="1" t="s">
        <v>32739</v>
      </c>
      <c r="D6356">
        <v>36876573</v>
      </c>
      <c r="E6356">
        <v>2</v>
      </c>
      <c r="F6356">
        <v>6</v>
      </c>
      <c r="H6356" t="s">
        <v>32740</v>
      </c>
      <c r="I6356">
        <v>1</v>
      </c>
      <c r="J6356" t="s">
        <v>32741</v>
      </c>
      <c r="K6356" t="s">
        <v>32742</v>
      </c>
      <c r="M6356">
        <v>2374157</v>
      </c>
      <c r="O6356">
        <v>2374157</v>
      </c>
      <c r="P6356">
        <v>1</v>
      </c>
      <c r="Q6356">
        <v>1</v>
      </c>
      <c r="R6356" t="s">
        <v>32743</v>
      </c>
      <c r="S6356">
        <v>461</v>
      </c>
    </row>
    <row r="6357" spans="1:19" x14ac:dyDescent="0.25">
      <c r="A6357">
        <v>2819419</v>
      </c>
      <c r="B6357" t="s">
        <v>32744</v>
      </c>
      <c r="C6357" s="1" t="s">
        <v>32745</v>
      </c>
      <c r="D6357">
        <v>2833534</v>
      </c>
      <c r="E6357">
        <v>2</v>
      </c>
      <c r="F6357">
        <v>0</v>
      </c>
      <c r="H6357" t="s">
        <v>32746</v>
      </c>
      <c r="I6357">
        <v>1</v>
      </c>
      <c r="J6357" t="s">
        <v>32747</v>
      </c>
      <c r="O6357">
        <v>71813</v>
      </c>
      <c r="P6357">
        <v>1</v>
      </c>
      <c r="Q6357">
        <v>0</v>
      </c>
      <c r="R6357" t="s">
        <v>32748</v>
      </c>
      <c r="S6357">
        <v>3338</v>
      </c>
    </row>
    <row r="6358" spans="1:19" x14ac:dyDescent="0.25">
      <c r="A6358">
        <v>48982465</v>
      </c>
      <c r="B6358" t="s">
        <v>32749</v>
      </c>
      <c r="C6358" s="1" t="s">
        <v>32750</v>
      </c>
      <c r="E6358">
        <v>0</v>
      </c>
      <c r="F6358">
        <v>0</v>
      </c>
      <c r="H6358" t="s">
        <v>32751</v>
      </c>
      <c r="J6358" t="s">
        <v>32751</v>
      </c>
      <c r="O6358">
        <v>8833196</v>
      </c>
      <c r="P6358">
        <v>1</v>
      </c>
      <c r="Q6358">
        <v>0</v>
      </c>
      <c r="R6358" t="s">
        <v>32752</v>
      </c>
      <c r="S6358">
        <v>18</v>
      </c>
    </row>
    <row r="6359" spans="1:19" x14ac:dyDescent="0.25">
      <c r="A6359">
        <v>51292036</v>
      </c>
      <c r="B6359" t="s">
        <v>32753</v>
      </c>
      <c r="C6359" t="s">
        <v>32754</v>
      </c>
      <c r="D6359">
        <v>51292395</v>
      </c>
      <c r="E6359">
        <v>1</v>
      </c>
      <c r="F6359">
        <v>3</v>
      </c>
      <c r="H6359" t="s">
        <v>32755</v>
      </c>
      <c r="J6359" t="s">
        <v>32756</v>
      </c>
      <c r="O6359">
        <v>9996297</v>
      </c>
      <c r="P6359">
        <v>1</v>
      </c>
      <c r="Q6359">
        <v>-3</v>
      </c>
      <c r="R6359" t="s">
        <v>32757</v>
      </c>
      <c r="S6359">
        <v>68</v>
      </c>
    </row>
    <row r="6360" spans="1:19" x14ac:dyDescent="0.25">
      <c r="A6360">
        <v>24431903</v>
      </c>
      <c r="B6360" t="s">
        <v>32758</v>
      </c>
      <c r="C6360" s="1" t="s">
        <v>32759</v>
      </c>
      <c r="D6360">
        <v>24585649</v>
      </c>
      <c r="E6360">
        <v>1</v>
      </c>
      <c r="F6360">
        <v>0</v>
      </c>
      <c r="H6360" t="s">
        <v>32760</v>
      </c>
      <c r="J6360" t="s">
        <v>32761</v>
      </c>
      <c r="K6360" t="s">
        <v>32762</v>
      </c>
      <c r="M6360">
        <v>1847304</v>
      </c>
      <c r="O6360">
        <v>1847304</v>
      </c>
      <c r="P6360">
        <v>1</v>
      </c>
      <c r="Q6360">
        <v>5</v>
      </c>
      <c r="R6360" t="s">
        <v>32763</v>
      </c>
      <c r="S6360">
        <v>1195</v>
      </c>
    </row>
    <row r="6361" spans="1:19" x14ac:dyDescent="0.25">
      <c r="A6361">
        <v>2940108</v>
      </c>
      <c r="B6361" t="s">
        <v>32764</v>
      </c>
      <c r="C6361" s="1" t="s">
        <v>32765</v>
      </c>
      <c r="E6361">
        <v>1</v>
      </c>
      <c r="F6361">
        <v>2</v>
      </c>
      <c r="H6361" t="s">
        <v>32766</v>
      </c>
      <c r="I6361">
        <v>1</v>
      </c>
      <c r="J6361" t="s">
        <v>32767</v>
      </c>
      <c r="K6361" t="s">
        <v>32768</v>
      </c>
      <c r="M6361">
        <v>33833</v>
      </c>
      <c r="O6361">
        <v>72443</v>
      </c>
      <c r="P6361">
        <v>1</v>
      </c>
      <c r="Q6361">
        <v>5</v>
      </c>
      <c r="R6361" t="s">
        <v>32769</v>
      </c>
      <c r="S6361">
        <v>929</v>
      </c>
    </row>
    <row r="6362" spans="1:19" x14ac:dyDescent="0.25">
      <c r="A6362">
        <v>32193081</v>
      </c>
      <c r="B6362" t="s">
        <v>32770</v>
      </c>
      <c r="C6362" s="1" t="s">
        <v>32771</v>
      </c>
      <c r="E6362">
        <v>1</v>
      </c>
      <c r="F6362">
        <v>0</v>
      </c>
      <c r="H6362" t="s">
        <v>32772</v>
      </c>
      <c r="J6362" t="s">
        <v>32773</v>
      </c>
      <c r="K6362" t="s">
        <v>32773</v>
      </c>
      <c r="M6362">
        <v>6599590</v>
      </c>
      <c r="O6362">
        <v>3988527</v>
      </c>
      <c r="P6362">
        <v>1</v>
      </c>
      <c r="Q6362">
        <v>0</v>
      </c>
      <c r="R6362" t="s">
        <v>32774</v>
      </c>
      <c r="S6362">
        <v>118</v>
      </c>
    </row>
    <row r="6363" spans="1:19" x14ac:dyDescent="0.25">
      <c r="A6363">
        <v>50620600</v>
      </c>
      <c r="B6363" t="s">
        <v>32775</v>
      </c>
      <c r="C6363" s="1" t="s">
        <v>32776</v>
      </c>
      <c r="E6363">
        <v>2</v>
      </c>
      <c r="F6363">
        <v>3</v>
      </c>
      <c r="H6363" t="s">
        <v>32777</v>
      </c>
      <c r="J6363" t="s">
        <v>32778</v>
      </c>
      <c r="K6363" t="s">
        <v>32778</v>
      </c>
      <c r="M6363">
        <v>6405655</v>
      </c>
      <c r="O6363">
        <v>7975982</v>
      </c>
      <c r="P6363">
        <v>1</v>
      </c>
      <c r="Q6363">
        <v>1</v>
      </c>
      <c r="R6363" t="s">
        <v>32779</v>
      </c>
      <c r="S6363">
        <v>64</v>
      </c>
    </row>
    <row r="6364" spans="1:19" x14ac:dyDescent="0.25">
      <c r="A6364">
        <v>11024624</v>
      </c>
      <c r="B6364" t="s">
        <v>32780</v>
      </c>
      <c r="C6364" s="1" t="s">
        <v>32781</v>
      </c>
      <c r="E6364">
        <v>2</v>
      </c>
      <c r="F6364">
        <v>5</v>
      </c>
      <c r="H6364" t="s">
        <v>32782</v>
      </c>
      <c r="I6364">
        <v>1</v>
      </c>
      <c r="J6364" t="s">
        <v>32783</v>
      </c>
      <c r="K6364" t="s">
        <v>32784</v>
      </c>
      <c r="L6364" t="s">
        <v>32785</v>
      </c>
      <c r="M6364">
        <v>-1</v>
      </c>
      <c r="N6364" t="s">
        <v>32785</v>
      </c>
      <c r="P6364">
        <v>1</v>
      </c>
      <c r="Q6364">
        <v>2</v>
      </c>
      <c r="R6364" t="s">
        <v>32786</v>
      </c>
      <c r="S6364">
        <v>779</v>
      </c>
    </row>
    <row r="6365" spans="1:19" x14ac:dyDescent="0.25">
      <c r="A6365">
        <v>11199838</v>
      </c>
      <c r="B6365" t="s">
        <v>32787</v>
      </c>
      <c r="C6365" s="1" t="s">
        <v>32788</v>
      </c>
      <c r="E6365">
        <v>2</v>
      </c>
      <c r="F6365">
        <v>0</v>
      </c>
      <c r="H6365" t="s">
        <v>32789</v>
      </c>
      <c r="I6365">
        <v>1</v>
      </c>
      <c r="J6365" t="s">
        <v>32790</v>
      </c>
      <c r="K6365" t="s">
        <v>32791</v>
      </c>
      <c r="M6365">
        <v>1477622</v>
      </c>
      <c r="O6365">
        <v>1481469</v>
      </c>
      <c r="P6365">
        <v>1</v>
      </c>
      <c r="Q6365">
        <v>1</v>
      </c>
      <c r="R6365" t="s">
        <v>5585</v>
      </c>
      <c r="S6365">
        <v>164</v>
      </c>
    </row>
    <row r="6366" spans="1:19" x14ac:dyDescent="0.25">
      <c r="A6366">
        <v>29162293</v>
      </c>
      <c r="B6366" t="s">
        <v>32792</v>
      </c>
      <c r="C6366" s="1" t="s">
        <v>32793</v>
      </c>
      <c r="D6366">
        <v>29162418</v>
      </c>
      <c r="E6366">
        <v>1</v>
      </c>
      <c r="F6366">
        <v>4</v>
      </c>
      <c r="H6366" t="s">
        <v>32794</v>
      </c>
      <c r="J6366" t="s">
        <v>32795</v>
      </c>
      <c r="N6366" t="s">
        <v>32796</v>
      </c>
      <c r="P6366">
        <v>1</v>
      </c>
      <c r="Q6366">
        <v>1</v>
      </c>
      <c r="R6366" t="s">
        <v>2771</v>
      </c>
      <c r="S6366">
        <v>221</v>
      </c>
    </row>
    <row r="6367" spans="1:19" x14ac:dyDescent="0.25">
      <c r="A6367">
        <v>20134612</v>
      </c>
      <c r="B6367" t="s">
        <v>32797</v>
      </c>
      <c r="C6367" s="1" t="s">
        <v>32798</v>
      </c>
      <c r="E6367">
        <v>2</v>
      </c>
      <c r="F6367">
        <v>0</v>
      </c>
      <c r="H6367" t="s">
        <v>32799</v>
      </c>
      <c r="J6367" t="s">
        <v>32800</v>
      </c>
      <c r="O6367">
        <v>3019810</v>
      </c>
      <c r="P6367">
        <v>1</v>
      </c>
      <c r="Q6367">
        <v>1</v>
      </c>
      <c r="R6367" t="s">
        <v>32801</v>
      </c>
      <c r="S6367">
        <v>4086</v>
      </c>
    </row>
    <row r="6368" spans="1:19" x14ac:dyDescent="0.25">
      <c r="A6368">
        <v>15369251</v>
      </c>
      <c r="B6368" t="s">
        <v>32802</v>
      </c>
      <c r="C6368" s="1" t="s">
        <v>32803</v>
      </c>
      <c r="D6368">
        <v>15369475</v>
      </c>
      <c r="E6368">
        <v>2</v>
      </c>
      <c r="F6368">
        <v>0</v>
      </c>
      <c r="H6368" t="s">
        <v>32804</v>
      </c>
      <c r="J6368" t="s">
        <v>32805</v>
      </c>
      <c r="O6368">
        <v>384706</v>
      </c>
      <c r="P6368">
        <v>1</v>
      </c>
      <c r="Q6368">
        <v>0</v>
      </c>
      <c r="R6368" t="s">
        <v>32806</v>
      </c>
      <c r="S6368">
        <v>104</v>
      </c>
    </row>
    <row r="6369" spans="1:19" x14ac:dyDescent="0.25">
      <c r="A6369">
        <v>36551048</v>
      </c>
      <c r="B6369" t="s">
        <v>32807</v>
      </c>
      <c r="C6369" s="1" t="s">
        <v>32808</v>
      </c>
      <c r="E6369">
        <v>1</v>
      </c>
      <c r="F6369">
        <v>1</v>
      </c>
      <c r="H6369" t="s">
        <v>32809</v>
      </c>
      <c r="I6369">
        <v>1</v>
      </c>
      <c r="J6369" t="s">
        <v>32810</v>
      </c>
      <c r="O6369">
        <v>2897710</v>
      </c>
      <c r="P6369">
        <v>1</v>
      </c>
      <c r="Q6369">
        <v>0</v>
      </c>
      <c r="R6369" t="s">
        <v>32811</v>
      </c>
      <c r="S6369">
        <v>692</v>
      </c>
    </row>
    <row r="6370" spans="1:19" x14ac:dyDescent="0.25">
      <c r="A6370">
        <v>43557354</v>
      </c>
      <c r="B6370" t="s">
        <v>32812</v>
      </c>
      <c r="C6370" s="1" t="s">
        <v>32813</v>
      </c>
      <c r="E6370">
        <v>2</v>
      </c>
      <c r="F6370">
        <v>3</v>
      </c>
      <c r="H6370" t="s">
        <v>32814</v>
      </c>
      <c r="J6370" t="s">
        <v>32815</v>
      </c>
      <c r="K6370" t="s">
        <v>32816</v>
      </c>
      <c r="M6370">
        <v>2740080</v>
      </c>
      <c r="O6370">
        <v>2740080</v>
      </c>
      <c r="P6370">
        <v>1</v>
      </c>
      <c r="Q6370">
        <v>0</v>
      </c>
      <c r="R6370" t="s">
        <v>32817</v>
      </c>
      <c r="S6370">
        <v>883</v>
      </c>
    </row>
    <row r="6371" spans="1:19" x14ac:dyDescent="0.25">
      <c r="A6371">
        <v>45071781</v>
      </c>
      <c r="B6371" t="s">
        <v>32818</v>
      </c>
      <c r="C6371" s="1" t="s">
        <v>32819</v>
      </c>
      <c r="D6371">
        <v>45093111</v>
      </c>
      <c r="E6371">
        <v>2</v>
      </c>
      <c r="F6371">
        <v>2</v>
      </c>
      <c r="H6371" t="s">
        <v>32820</v>
      </c>
      <c r="J6371" t="s">
        <v>32821</v>
      </c>
      <c r="K6371" t="s">
        <v>32822</v>
      </c>
      <c r="M6371">
        <v>1925094</v>
      </c>
      <c r="O6371">
        <v>1925094</v>
      </c>
      <c r="P6371">
        <v>1</v>
      </c>
      <c r="Q6371">
        <v>0</v>
      </c>
      <c r="R6371" t="s">
        <v>32823</v>
      </c>
      <c r="S6371">
        <v>248</v>
      </c>
    </row>
    <row r="6372" spans="1:19" x14ac:dyDescent="0.25">
      <c r="A6372">
        <v>40628794</v>
      </c>
      <c r="B6372" t="s">
        <v>32824</v>
      </c>
      <c r="C6372" s="1" t="s">
        <v>32825</v>
      </c>
      <c r="E6372">
        <v>0</v>
      </c>
      <c r="F6372">
        <v>2</v>
      </c>
      <c r="H6372" t="s">
        <v>32826</v>
      </c>
      <c r="J6372" t="s">
        <v>32826</v>
      </c>
      <c r="O6372">
        <v>650892</v>
      </c>
      <c r="P6372">
        <v>1</v>
      </c>
      <c r="Q6372">
        <v>0</v>
      </c>
      <c r="R6372" t="s">
        <v>32827</v>
      </c>
      <c r="S6372">
        <v>145</v>
      </c>
    </row>
    <row r="6373" spans="1:19" x14ac:dyDescent="0.25">
      <c r="A6373">
        <v>9286799</v>
      </c>
      <c r="B6373" t="s">
        <v>32828</v>
      </c>
      <c r="C6373" s="1" t="s">
        <v>32829</v>
      </c>
      <c r="D6373">
        <v>9286908</v>
      </c>
      <c r="E6373">
        <v>1</v>
      </c>
      <c r="F6373">
        <v>2</v>
      </c>
      <c r="H6373" t="s">
        <v>32830</v>
      </c>
      <c r="I6373">
        <v>27</v>
      </c>
      <c r="J6373" t="s">
        <v>32831</v>
      </c>
      <c r="K6373" t="s">
        <v>32832</v>
      </c>
      <c r="M6373">
        <v>-1</v>
      </c>
      <c r="O6373">
        <v>455610</v>
      </c>
      <c r="P6373">
        <v>1</v>
      </c>
      <c r="Q6373">
        <v>43</v>
      </c>
      <c r="R6373" t="s">
        <v>32833</v>
      </c>
      <c r="S6373">
        <v>3502</v>
      </c>
    </row>
    <row r="6374" spans="1:19" x14ac:dyDescent="0.25">
      <c r="A6374">
        <v>28231263</v>
      </c>
      <c r="B6374" t="s">
        <v>32834</v>
      </c>
      <c r="C6374" s="1" t="s">
        <v>32835</v>
      </c>
      <c r="D6374">
        <v>28232001</v>
      </c>
      <c r="E6374">
        <v>4</v>
      </c>
      <c r="F6374">
        <v>11</v>
      </c>
      <c r="H6374" t="s">
        <v>32836</v>
      </c>
      <c r="J6374" t="s">
        <v>32837</v>
      </c>
      <c r="O6374">
        <v>4385913</v>
      </c>
      <c r="P6374">
        <v>1</v>
      </c>
      <c r="Q6374">
        <v>0</v>
      </c>
      <c r="R6374" t="s">
        <v>32838</v>
      </c>
      <c r="S6374">
        <v>135</v>
      </c>
    </row>
    <row r="6375" spans="1:19" x14ac:dyDescent="0.25">
      <c r="A6375">
        <v>7910287</v>
      </c>
      <c r="B6375" t="s">
        <v>32839</v>
      </c>
      <c r="C6375" t="s">
        <v>32840</v>
      </c>
      <c r="D6375">
        <v>7932849</v>
      </c>
      <c r="E6375">
        <v>3</v>
      </c>
      <c r="F6375">
        <v>0</v>
      </c>
      <c r="H6375" t="s">
        <v>32841</v>
      </c>
      <c r="I6375">
        <v>3</v>
      </c>
      <c r="J6375" t="s">
        <v>32842</v>
      </c>
      <c r="K6375" t="s">
        <v>32843</v>
      </c>
      <c r="M6375">
        <v>297144</v>
      </c>
      <c r="O6375">
        <v>606664</v>
      </c>
      <c r="P6375">
        <v>1</v>
      </c>
      <c r="Q6375">
        <v>3</v>
      </c>
      <c r="R6375" t="s">
        <v>32844</v>
      </c>
      <c r="S6375">
        <v>7457</v>
      </c>
    </row>
    <row r="6376" spans="1:19" x14ac:dyDescent="0.25">
      <c r="A6376">
        <v>46383275</v>
      </c>
      <c r="B6376" t="s">
        <v>32845</v>
      </c>
      <c r="C6376" s="1" t="s">
        <v>32846</v>
      </c>
      <c r="D6376">
        <v>46383361</v>
      </c>
      <c r="E6376">
        <v>1</v>
      </c>
      <c r="F6376">
        <v>0</v>
      </c>
      <c r="H6376" t="s">
        <v>32847</v>
      </c>
      <c r="J6376" t="s">
        <v>32848</v>
      </c>
      <c r="O6376">
        <v>5454419</v>
      </c>
      <c r="P6376">
        <v>1</v>
      </c>
      <c r="Q6376">
        <v>-1</v>
      </c>
      <c r="R6376" t="s">
        <v>2096</v>
      </c>
      <c r="S6376">
        <v>39</v>
      </c>
    </row>
    <row r="6377" spans="1:19" x14ac:dyDescent="0.25">
      <c r="A6377">
        <v>3710350</v>
      </c>
      <c r="B6377" t="s">
        <v>32849</v>
      </c>
      <c r="C6377" s="1" t="s">
        <v>32850</v>
      </c>
      <c r="D6377">
        <v>3710446</v>
      </c>
      <c r="E6377">
        <v>2</v>
      </c>
      <c r="F6377">
        <v>0</v>
      </c>
      <c r="H6377" t="s">
        <v>32851</v>
      </c>
      <c r="J6377" t="s">
        <v>32852</v>
      </c>
      <c r="O6377">
        <v>158008</v>
      </c>
      <c r="P6377">
        <v>1</v>
      </c>
      <c r="Q6377">
        <v>1</v>
      </c>
      <c r="R6377" t="s">
        <v>32853</v>
      </c>
      <c r="S6377">
        <v>3642</v>
      </c>
    </row>
    <row r="6378" spans="1:19" x14ac:dyDescent="0.25">
      <c r="A6378">
        <v>23084176</v>
      </c>
      <c r="B6378" t="s">
        <v>32854</v>
      </c>
      <c r="C6378" s="1" t="s">
        <v>32855</v>
      </c>
      <c r="D6378">
        <v>23086613</v>
      </c>
      <c r="E6378">
        <v>1</v>
      </c>
      <c r="F6378">
        <v>0</v>
      </c>
      <c r="H6378" t="s">
        <v>32856</v>
      </c>
      <c r="I6378">
        <v>4</v>
      </c>
      <c r="J6378" t="s">
        <v>32857</v>
      </c>
      <c r="K6378" t="s">
        <v>32858</v>
      </c>
      <c r="M6378">
        <v>2428062</v>
      </c>
      <c r="O6378">
        <v>2428062</v>
      </c>
      <c r="P6378">
        <v>1</v>
      </c>
      <c r="Q6378">
        <v>3</v>
      </c>
      <c r="R6378" t="s">
        <v>32859</v>
      </c>
      <c r="S6378">
        <v>1955</v>
      </c>
    </row>
    <row r="6379" spans="1:19" x14ac:dyDescent="0.25">
      <c r="A6379">
        <v>2886430</v>
      </c>
      <c r="B6379" t="s">
        <v>32860</v>
      </c>
      <c r="C6379" s="1" t="s">
        <v>32861</v>
      </c>
      <c r="D6379">
        <v>2886460</v>
      </c>
      <c r="E6379">
        <v>1</v>
      </c>
      <c r="F6379">
        <v>0</v>
      </c>
      <c r="H6379" t="s">
        <v>32862</v>
      </c>
      <c r="J6379" t="s">
        <v>32863</v>
      </c>
      <c r="K6379" t="s">
        <v>32864</v>
      </c>
      <c r="M6379">
        <v>13249</v>
      </c>
      <c r="O6379">
        <v>338840</v>
      </c>
      <c r="P6379">
        <v>1</v>
      </c>
      <c r="Q6379">
        <v>4</v>
      </c>
      <c r="R6379" t="s">
        <v>3526</v>
      </c>
      <c r="S6379">
        <v>604</v>
      </c>
    </row>
    <row r="6380" spans="1:19" x14ac:dyDescent="0.25">
      <c r="A6380">
        <v>16118992</v>
      </c>
      <c r="B6380" t="s">
        <v>32865</v>
      </c>
      <c r="C6380" s="1" t="s">
        <v>32866</v>
      </c>
      <c r="E6380">
        <v>2</v>
      </c>
      <c r="F6380">
        <v>2</v>
      </c>
      <c r="H6380" t="s">
        <v>32867</v>
      </c>
      <c r="J6380" t="s">
        <v>32868</v>
      </c>
      <c r="K6380" t="s">
        <v>32869</v>
      </c>
      <c r="M6380">
        <v>2164904</v>
      </c>
      <c r="O6380">
        <v>2164904</v>
      </c>
      <c r="P6380">
        <v>1</v>
      </c>
      <c r="Q6380">
        <v>0</v>
      </c>
      <c r="R6380" t="s">
        <v>32870</v>
      </c>
      <c r="S6380">
        <v>1060</v>
      </c>
    </row>
    <row r="6381" spans="1:19" x14ac:dyDescent="0.25">
      <c r="A6381">
        <v>5245369</v>
      </c>
      <c r="B6381" t="s">
        <v>32871</v>
      </c>
      <c r="C6381" s="1" t="s">
        <v>32872</v>
      </c>
      <c r="D6381">
        <v>5245391</v>
      </c>
      <c r="E6381">
        <v>1</v>
      </c>
      <c r="F6381">
        <v>1</v>
      </c>
      <c r="H6381" t="s">
        <v>32873</v>
      </c>
      <c r="I6381">
        <v>1</v>
      </c>
      <c r="J6381" t="s">
        <v>32874</v>
      </c>
      <c r="O6381">
        <v>608193</v>
      </c>
      <c r="P6381">
        <v>1</v>
      </c>
      <c r="Q6381">
        <v>4</v>
      </c>
      <c r="R6381" t="s">
        <v>32875</v>
      </c>
      <c r="S6381">
        <v>2622</v>
      </c>
    </row>
    <row r="6382" spans="1:19" x14ac:dyDescent="0.25">
      <c r="A6382">
        <v>1433753</v>
      </c>
      <c r="B6382" t="s">
        <v>32876</v>
      </c>
      <c r="C6382" s="1" t="s">
        <v>32877</v>
      </c>
      <c r="D6382">
        <v>1433798</v>
      </c>
      <c r="E6382">
        <v>3</v>
      </c>
      <c r="F6382">
        <v>0</v>
      </c>
      <c r="H6382" t="s">
        <v>32878</v>
      </c>
      <c r="I6382">
        <v>3</v>
      </c>
      <c r="J6382" t="s">
        <v>32879</v>
      </c>
      <c r="N6382" t="s">
        <v>32880</v>
      </c>
      <c r="P6382">
        <v>1</v>
      </c>
      <c r="Q6382">
        <v>3</v>
      </c>
      <c r="R6382" t="s">
        <v>32881</v>
      </c>
      <c r="S6382">
        <v>6768</v>
      </c>
    </row>
    <row r="6383" spans="1:19" x14ac:dyDescent="0.25">
      <c r="A6383">
        <v>6876564</v>
      </c>
      <c r="B6383" t="s">
        <v>32882</v>
      </c>
      <c r="C6383" s="1" t="s">
        <v>32883</v>
      </c>
      <c r="E6383">
        <v>6</v>
      </c>
      <c r="F6383">
        <v>5</v>
      </c>
      <c r="H6383" t="s">
        <v>32884</v>
      </c>
      <c r="J6383" t="s">
        <v>32885</v>
      </c>
      <c r="K6383" t="s">
        <v>32886</v>
      </c>
      <c r="M6383">
        <v>546730</v>
      </c>
      <c r="O6383">
        <v>24566</v>
      </c>
      <c r="P6383">
        <v>1</v>
      </c>
      <c r="Q6383">
        <v>2</v>
      </c>
      <c r="R6383" t="s">
        <v>32887</v>
      </c>
      <c r="S6383">
        <v>3457</v>
      </c>
    </row>
    <row r="6384" spans="1:19" x14ac:dyDescent="0.25">
      <c r="A6384">
        <v>31030625</v>
      </c>
      <c r="B6384" t="s">
        <v>32888</v>
      </c>
      <c r="C6384" s="1" t="s">
        <v>32889</v>
      </c>
      <c r="E6384">
        <v>0</v>
      </c>
      <c r="F6384">
        <v>6</v>
      </c>
      <c r="H6384" t="s">
        <v>32890</v>
      </c>
      <c r="I6384">
        <v>1</v>
      </c>
      <c r="J6384" t="s">
        <v>32890</v>
      </c>
      <c r="O6384">
        <v>2599875</v>
      </c>
      <c r="P6384">
        <v>1</v>
      </c>
      <c r="Q6384">
        <v>0</v>
      </c>
      <c r="R6384" t="s">
        <v>32891</v>
      </c>
      <c r="S6384">
        <v>108</v>
      </c>
    </row>
    <row r="6385" spans="1:19" x14ac:dyDescent="0.25">
      <c r="A6385">
        <v>34676049</v>
      </c>
      <c r="B6385" t="s">
        <v>32892</v>
      </c>
      <c r="C6385" s="1" t="s">
        <v>32893</v>
      </c>
      <c r="E6385">
        <v>2</v>
      </c>
      <c r="F6385">
        <v>0</v>
      </c>
      <c r="H6385" t="s">
        <v>32894</v>
      </c>
      <c r="J6385" t="s">
        <v>32895</v>
      </c>
      <c r="K6385" t="s">
        <v>32895</v>
      </c>
      <c r="M6385">
        <v>5257342</v>
      </c>
      <c r="O6385">
        <v>5762401</v>
      </c>
      <c r="P6385">
        <v>1</v>
      </c>
      <c r="Q6385">
        <v>0</v>
      </c>
      <c r="R6385" t="s">
        <v>2771</v>
      </c>
      <c r="S6385">
        <v>233</v>
      </c>
    </row>
    <row r="6386" spans="1:19" x14ac:dyDescent="0.25">
      <c r="A6386">
        <v>19702070</v>
      </c>
      <c r="B6386" t="s">
        <v>32896</v>
      </c>
      <c r="C6386" s="1" t="s">
        <v>32897</v>
      </c>
      <c r="D6386">
        <v>19702127</v>
      </c>
      <c r="E6386">
        <v>1</v>
      </c>
      <c r="F6386">
        <v>0</v>
      </c>
      <c r="H6386" t="s">
        <v>32898</v>
      </c>
      <c r="J6386" t="s">
        <v>32899</v>
      </c>
      <c r="O6386">
        <v>2695499</v>
      </c>
      <c r="P6386">
        <v>1</v>
      </c>
      <c r="Q6386">
        <v>1</v>
      </c>
      <c r="R6386" t="s">
        <v>32900</v>
      </c>
      <c r="S6386">
        <v>388</v>
      </c>
    </row>
    <row r="6387" spans="1:19" x14ac:dyDescent="0.25">
      <c r="A6387">
        <v>19571182</v>
      </c>
      <c r="B6387" t="s">
        <v>32901</v>
      </c>
      <c r="C6387" s="1" t="s">
        <v>32902</v>
      </c>
      <c r="D6387">
        <v>19571423</v>
      </c>
      <c r="E6387">
        <v>1</v>
      </c>
      <c r="F6387">
        <v>0</v>
      </c>
      <c r="H6387" t="s">
        <v>32903</v>
      </c>
      <c r="J6387" t="s">
        <v>32904</v>
      </c>
      <c r="O6387">
        <v>2123899</v>
      </c>
      <c r="P6387">
        <v>1</v>
      </c>
      <c r="Q6387">
        <v>1</v>
      </c>
      <c r="R6387" t="s">
        <v>32905</v>
      </c>
      <c r="S6387">
        <v>606</v>
      </c>
    </row>
    <row r="6388" spans="1:19" x14ac:dyDescent="0.25">
      <c r="A6388">
        <v>28672550</v>
      </c>
      <c r="B6388" t="s">
        <v>32906</v>
      </c>
      <c r="C6388" s="1" t="s">
        <v>32907</v>
      </c>
      <c r="D6388">
        <v>28676049</v>
      </c>
      <c r="E6388">
        <v>1</v>
      </c>
      <c r="F6388">
        <v>0</v>
      </c>
      <c r="H6388" t="s">
        <v>32908</v>
      </c>
      <c r="J6388" t="s">
        <v>32909</v>
      </c>
      <c r="O6388">
        <v>281121</v>
      </c>
      <c r="P6388">
        <v>1</v>
      </c>
      <c r="Q6388">
        <v>1</v>
      </c>
      <c r="R6388" t="s">
        <v>27586</v>
      </c>
      <c r="S6388">
        <v>518</v>
      </c>
    </row>
    <row r="6389" spans="1:19" x14ac:dyDescent="0.25">
      <c r="A6389">
        <v>32223344</v>
      </c>
      <c r="B6389" t="s">
        <v>32910</v>
      </c>
      <c r="C6389" s="1" t="s">
        <v>32911</v>
      </c>
      <c r="D6389">
        <v>32223613</v>
      </c>
      <c r="E6389">
        <v>2</v>
      </c>
      <c r="F6389">
        <v>5</v>
      </c>
      <c r="H6389" t="s">
        <v>32912</v>
      </c>
      <c r="J6389" t="s">
        <v>32913</v>
      </c>
      <c r="K6389" t="s">
        <v>32913</v>
      </c>
      <c r="M6389">
        <v>4360272</v>
      </c>
      <c r="O6389">
        <v>4360272</v>
      </c>
      <c r="P6389">
        <v>1</v>
      </c>
      <c r="Q6389">
        <v>1</v>
      </c>
      <c r="R6389" t="s">
        <v>32914</v>
      </c>
      <c r="S6389">
        <v>103</v>
      </c>
    </row>
    <row r="6390" spans="1:19" x14ac:dyDescent="0.25">
      <c r="A6390">
        <v>46390719</v>
      </c>
      <c r="B6390" t="s">
        <v>32915</v>
      </c>
      <c r="C6390" s="1" t="s">
        <v>32916</v>
      </c>
      <c r="E6390">
        <v>0</v>
      </c>
      <c r="F6390">
        <v>2</v>
      </c>
      <c r="H6390" t="s">
        <v>32917</v>
      </c>
      <c r="J6390" t="s">
        <v>32917</v>
      </c>
      <c r="O6390">
        <v>3794786</v>
      </c>
      <c r="P6390">
        <v>1</v>
      </c>
      <c r="Q6390">
        <v>0</v>
      </c>
      <c r="R6390" t="s">
        <v>32918</v>
      </c>
      <c r="S6390">
        <v>33</v>
      </c>
    </row>
    <row r="6391" spans="1:19" x14ac:dyDescent="0.25">
      <c r="A6391">
        <v>46474621</v>
      </c>
      <c r="B6391" t="s">
        <v>32919</v>
      </c>
      <c r="C6391" s="1" t="s">
        <v>32920</v>
      </c>
      <c r="D6391">
        <v>46474657</v>
      </c>
      <c r="E6391">
        <v>1</v>
      </c>
      <c r="F6391">
        <v>0</v>
      </c>
      <c r="H6391" t="s">
        <v>32921</v>
      </c>
      <c r="J6391" t="s">
        <v>32922</v>
      </c>
      <c r="O6391">
        <v>156458</v>
      </c>
      <c r="P6391">
        <v>1</v>
      </c>
      <c r="Q6391">
        <v>0</v>
      </c>
      <c r="R6391" t="s">
        <v>32923</v>
      </c>
      <c r="S6391">
        <v>31</v>
      </c>
    </row>
    <row r="6392" spans="1:19" x14ac:dyDescent="0.25">
      <c r="A6392">
        <v>21217768</v>
      </c>
      <c r="B6392" t="s">
        <v>32924</v>
      </c>
      <c r="C6392" s="1" t="s">
        <v>32925</v>
      </c>
      <c r="D6392">
        <v>21217855</v>
      </c>
      <c r="E6392">
        <v>2</v>
      </c>
      <c r="F6392">
        <v>1</v>
      </c>
      <c r="H6392" t="s">
        <v>32926</v>
      </c>
      <c r="J6392" t="s">
        <v>32927</v>
      </c>
      <c r="O6392">
        <v>1379394</v>
      </c>
      <c r="P6392">
        <v>1</v>
      </c>
      <c r="Q6392">
        <v>0</v>
      </c>
      <c r="R6392" t="s">
        <v>32928</v>
      </c>
      <c r="S6392">
        <v>2777</v>
      </c>
    </row>
    <row r="6393" spans="1:19" x14ac:dyDescent="0.25">
      <c r="A6393">
        <v>50518386</v>
      </c>
      <c r="B6393" t="s">
        <v>32929</v>
      </c>
      <c r="C6393" s="1" t="s">
        <v>32930</v>
      </c>
      <c r="D6393">
        <v>50518959</v>
      </c>
      <c r="E6393">
        <v>1</v>
      </c>
      <c r="F6393">
        <v>3</v>
      </c>
      <c r="H6393" t="s">
        <v>32931</v>
      </c>
      <c r="I6393">
        <v>0</v>
      </c>
      <c r="J6393" t="s">
        <v>32932</v>
      </c>
      <c r="O6393">
        <v>7958330</v>
      </c>
      <c r="P6393">
        <v>1</v>
      </c>
      <c r="Q6393">
        <v>-2</v>
      </c>
      <c r="R6393" t="s">
        <v>32933</v>
      </c>
      <c r="S6393">
        <v>47</v>
      </c>
    </row>
    <row r="6394" spans="1:19" x14ac:dyDescent="0.25">
      <c r="A6394">
        <v>39364361</v>
      </c>
      <c r="B6394" t="s">
        <v>32934</v>
      </c>
      <c r="C6394" s="1" t="s">
        <v>32935</v>
      </c>
      <c r="D6394">
        <v>39364570</v>
      </c>
      <c r="E6394">
        <v>3</v>
      </c>
      <c r="F6394">
        <v>1</v>
      </c>
      <c r="H6394" t="s">
        <v>32936</v>
      </c>
      <c r="J6394" t="s">
        <v>32937</v>
      </c>
      <c r="O6394">
        <v>5652029</v>
      </c>
      <c r="P6394">
        <v>1</v>
      </c>
      <c r="Q6394">
        <v>0</v>
      </c>
      <c r="R6394" t="s">
        <v>855</v>
      </c>
      <c r="S6394">
        <v>97</v>
      </c>
    </row>
    <row r="6395" spans="1:19" x14ac:dyDescent="0.25">
      <c r="A6395">
        <v>29351393</v>
      </c>
      <c r="B6395" t="s">
        <v>32938</v>
      </c>
      <c r="C6395" s="1" t="s">
        <v>32939</v>
      </c>
      <c r="E6395">
        <v>0</v>
      </c>
      <c r="F6395">
        <v>0</v>
      </c>
      <c r="H6395" t="s">
        <v>32940</v>
      </c>
      <c r="J6395" t="s">
        <v>32941</v>
      </c>
      <c r="K6395" t="s">
        <v>32941</v>
      </c>
      <c r="M6395">
        <v>204263</v>
      </c>
      <c r="O6395">
        <v>204263</v>
      </c>
      <c r="P6395">
        <v>1</v>
      </c>
      <c r="Q6395">
        <v>1</v>
      </c>
      <c r="R6395" t="s">
        <v>32942</v>
      </c>
      <c r="S6395">
        <v>48</v>
      </c>
    </row>
    <row r="6396" spans="1:19" x14ac:dyDescent="0.25">
      <c r="A6396">
        <v>44083885</v>
      </c>
      <c r="B6396" t="s">
        <v>32943</v>
      </c>
      <c r="C6396" s="1" t="s">
        <v>32944</v>
      </c>
      <c r="E6396">
        <v>1</v>
      </c>
      <c r="F6396">
        <v>2</v>
      </c>
      <c r="H6396" t="s">
        <v>32945</v>
      </c>
      <c r="J6396" t="s">
        <v>32946</v>
      </c>
      <c r="K6396" t="s">
        <v>32947</v>
      </c>
      <c r="M6396">
        <v>3401842</v>
      </c>
      <c r="O6396">
        <v>8040057</v>
      </c>
      <c r="P6396">
        <v>1</v>
      </c>
      <c r="Q6396">
        <v>0</v>
      </c>
      <c r="R6396" t="s">
        <v>32948</v>
      </c>
      <c r="S6396">
        <v>1319</v>
      </c>
    </row>
    <row r="6397" spans="1:19" x14ac:dyDescent="0.25">
      <c r="A6397">
        <v>35023881</v>
      </c>
      <c r="B6397" t="s">
        <v>32949</v>
      </c>
      <c r="C6397" s="1" t="s">
        <v>32950</v>
      </c>
      <c r="E6397">
        <v>0</v>
      </c>
      <c r="F6397">
        <v>3</v>
      </c>
      <c r="H6397" t="s">
        <v>32951</v>
      </c>
      <c r="J6397" t="s">
        <v>32952</v>
      </c>
      <c r="O6397">
        <v>4031083</v>
      </c>
      <c r="P6397">
        <v>1</v>
      </c>
      <c r="Q6397">
        <v>5</v>
      </c>
      <c r="R6397" t="s">
        <v>32953</v>
      </c>
      <c r="S6397">
        <v>1729</v>
      </c>
    </row>
    <row r="6398" spans="1:19" x14ac:dyDescent="0.25">
      <c r="A6398">
        <v>24801738</v>
      </c>
      <c r="B6398" t="s">
        <v>32954</v>
      </c>
      <c r="C6398" s="1" t="s">
        <v>32955</v>
      </c>
      <c r="E6398">
        <v>1</v>
      </c>
      <c r="F6398">
        <v>2</v>
      </c>
      <c r="H6398" t="s">
        <v>32956</v>
      </c>
      <c r="J6398" t="s">
        <v>32957</v>
      </c>
      <c r="O6398">
        <v>3656222</v>
      </c>
      <c r="P6398">
        <v>1</v>
      </c>
      <c r="Q6398">
        <v>1</v>
      </c>
      <c r="R6398" t="s">
        <v>32958</v>
      </c>
      <c r="S6398">
        <v>66</v>
      </c>
    </row>
    <row r="6399" spans="1:19" x14ac:dyDescent="0.25">
      <c r="A6399">
        <v>34361515</v>
      </c>
      <c r="B6399" t="s">
        <v>32959</v>
      </c>
      <c r="C6399" s="1" t="s">
        <v>32960</v>
      </c>
      <c r="D6399">
        <v>34362092</v>
      </c>
      <c r="E6399">
        <v>1</v>
      </c>
      <c r="F6399">
        <v>6</v>
      </c>
      <c r="H6399" t="s">
        <v>32961</v>
      </c>
      <c r="J6399" t="s">
        <v>32962</v>
      </c>
      <c r="K6399" t="s">
        <v>32963</v>
      </c>
      <c r="M6399">
        <v>1070452</v>
      </c>
      <c r="O6399">
        <v>5696201</v>
      </c>
      <c r="P6399">
        <v>1</v>
      </c>
      <c r="Q6399">
        <v>0</v>
      </c>
      <c r="R6399" t="s">
        <v>32964</v>
      </c>
      <c r="S6399">
        <v>53</v>
      </c>
    </row>
    <row r="6400" spans="1:19" x14ac:dyDescent="0.25">
      <c r="A6400">
        <v>15983325</v>
      </c>
      <c r="B6400" t="s">
        <v>32965</v>
      </c>
      <c r="C6400" s="1" t="s">
        <v>32966</v>
      </c>
      <c r="D6400">
        <v>15983964</v>
      </c>
      <c r="E6400">
        <v>3</v>
      </c>
      <c r="F6400">
        <v>1</v>
      </c>
      <c r="H6400" t="s">
        <v>32967</v>
      </c>
      <c r="J6400" t="s">
        <v>32968</v>
      </c>
      <c r="K6400" t="s">
        <v>32969</v>
      </c>
      <c r="M6400">
        <v>1013089</v>
      </c>
      <c r="O6400">
        <v>1933245</v>
      </c>
      <c r="P6400">
        <v>1</v>
      </c>
      <c r="Q6400">
        <v>1</v>
      </c>
      <c r="R6400" t="s">
        <v>6912</v>
      </c>
      <c r="S6400">
        <v>2900</v>
      </c>
    </row>
    <row r="6401" spans="1:19" x14ac:dyDescent="0.25">
      <c r="A6401">
        <v>8531994</v>
      </c>
      <c r="B6401" t="s">
        <v>32970</v>
      </c>
      <c r="C6401" s="1" t="s">
        <v>32971</v>
      </c>
      <c r="D6401">
        <v>8532058</v>
      </c>
      <c r="E6401">
        <v>4</v>
      </c>
      <c r="F6401">
        <v>0</v>
      </c>
      <c r="H6401" t="s">
        <v>32972</v>
      </c>
      <c r="J6401" t="s">
        <v>32973</v>
      </c>
      <c r="K6401" t="s">
        <v>32973</v>
      </c>
      <c r="M6401">
        <v>804506</v>
      </c>
      <c r="O6401">
        <v>804506</v>
      </c>
      <c r="P6401">
        <v>1</v>
      </c>
      <c r="Q6401">
        <v>2</v>
      </c>
      <c r="R6401" t="s">
        <v>15030</v>
      </c>
      <c r="S6401">
        <v>6341</v>
      </c>
    </row>
    <row r="6402" spans="1:19" x14ac:dyDescent="0.25">
      <c r="A6402">
        <v>46731941</v>
      </c>
      <c r="B6402" t="s">
        <v>32974</v>
      </c>
      <c r="C6402" s="1" t="s">
        <v>32975</v>
      </c>
      <c r="D6402">
        <v>46766922</v>
      </c>
      <c r="E6402">
        <v>1</v>
      </c>
      <c r="F6402">
        <v>1</v>
      </c>
      <c r="H6402" t="s">
        <v>32976</v>
      </c>
      <c r="J6402" t="s">
        <v>32977</v>
      </c>
      <c r="K6402" t="s">
        <v>32978</v>
      </c>
      <c r="M6402">
        <v>352640</v>
      </c>
      <c r="O6402">
        <v>5215448</v>
      </c>
      <c r="P6402">
        <v>1</v>
      </c>
      <c r="Q6402">
        <v>2</v>
      </c>
      <c r="R6402" t="s">
        <v>32979</v>
      </c>
      <c r="S6402">
        <v>2399</v>
      </c>
    </row>
    <row r="6403" spans="1:19" x14ac:dyDescent="0.25">
      <c r="A6403">
        <v>31440709</v>
      </c>
      <c r="B6403" t="s">
        <v>32980</v>
      </c>
      <c r="C6403" t="s">
        <v>32981</v>
      </c>
      <c r="D6403">
        <v>34298060</v>
      </c>
      <c r="E6403">
        <v>1</v>
      </c>
      <c r="F6403">
        <v>4</v>
      </c>
      <c r="H6403" t="s">
        <v>32982</v>
      </c>
      <c r="I6403">
        <v>1</v>
      </c>
      <c r="J6403" t="s">
        <v>32983</v>
      </c>
      <c r="O6403">
        <v>5121107</v>
      </c>
      <c r="P6403">
        <v>1</v>
      </c>
      <c r="Q6403">
        <v>0</v>
      </c>
      <c r="R6403" t="s">
        <v>32984</v>
      </c>
      <c r="S6403">
        <v>209</v>
      </c>
    </row>
    <row r="6404" spans="1:19" x14ac:dyDescent="0.25">
      <c r="A6404">
        <v>19410754</v>
      </c>
      <c r="B6404" t="s">
        <v>32985</v>
      </c>
      <c r="C6404" s="1" t="s">
        <v>32986</v>
      </c>
      <c r="E6404">
        <v>0</v>
      </c>
      <c r="F6404">
        <v>3</v>
      </c>
      <c r="H6404" t="s">
        <v>32987</v>
      </c>
      <c r="J6404" t="s">
        <v>32988</v>
      </c>
      <c r="K6404" t="s">
        <v>32988</v>
      </c>
      <c r="M6404">
        <v>592351</v>
      </c>
      <c r="O6404">
        <v>2740599</v>
      </c>
      <c r="P6404">
        <v>1</v>
      </c>
      <c r="Q6404">
        <v>1</v>
      </c>
      <c r="R6404" t="s">
        <v>2771</v>
      </c>
      <c r="S6404">
        <v>410</v>
      </c>
    </row>
    <row r="6405" spans="1:19" x14ac:dyDescent="0.25">
      <c r="A6405">
        <v>40154174</v>
      </c>
      <c r="B6405" t="s">
        <v>32989</v>
      </c>
      <c r="C6405" s="1" t="s">
        <v>32990</v>
      </c>
      <c r="D6405">
        <v>40156652</v>
      </c>
      <c r="E6405">
        <v>3</v>
      </c>
      <c r="F6405">
        <v>2</v>
      </c>
      <c r="H6405" t="s">
        <v>32991</v>
      </c>
      <c r="J6405" t="s">
        <v>32992</v>
      </c>
      <c r="K6405" t="s">
        <v>32993</v>
      </c>
      <c r="M6405">
        <v>3797584</v>
      </c>
      <c r="O6405">
        <v>3797584</v>
      </c>
      <c r="P6405">
        <v>1</v>
      </c>
      <c r="Q6405">
        <v>0</v>
      </c>
      <c r="R6405" t="s">
        <v>32994</v>
      </c>
      <c r="S6405">
        <v>100</v>
      </c>
    </row>
    <row r="6406" spans="1:19" x14ac:dyDescent="0.25">
      <c r="A6406">
        <v>21324440</v>
      </c>
      <c r="B6406" t="s">
        <v>32995</v>
      </c>
      <c r="C6406" s="1" t="s">
        <v>32996</v>
      </c>
      <c r="D6406">
        <v>21324475</v>
      </c>
      <c r="E6406">
        <v>1</v>
      </c>
      <c r="F6406">
        <v>3</v>
      </c>
      <c r="H6406" t="s">
        <v>32997</v>
      </c>
      <c r="J6406" t="s">
        <v>32998</v>
      </c>
      <c r="O6406">
        <v>3189347</v>
      </c>
      <c r="P6406">
        <v>1</v>
      </c>
      <c r="Q6406">
        <v>0</v>
      </c>
      <c r="R6406" t="s">
        <v>32999</v>
      </c>
      <c r="S6406">
        <v>121</v>
      </c>
    </row>
    <row r="6407" spans="1:19" x14ac:dyDescent="0.25">
      <c r="A6407">
        <v>11171045</v>
      </c>
      <c r="B6407" t="s">
        <v>33000</v>
      </c>
      <c r="C6407" s="1" t="s">
        <v>33001</v>
      </c>
      <c r="D6407">
        <v>11171076</v>
      </c>
      <c r="E6407">
        <v>8</v>
      </c>
      <c r="F6407">
        <v>5</v>
      </c>
      <c r="H6407" t="s">
        <v>33002</v>
      </c>
      <c r="I6407">
        <v>6</v>
      </c>
      <c r="J6407" t="s">
        <v>33003</v>
      </c>
      <c r="K6407" t="s">
        <v>33004</v>
      </c>
      <c r="M6407">
        <v>413354</v>
      </c>
      <c r="O6407">
        <v>810555</v>
      </c>
      <c r="P6407">
        <v>1</v>
      </c>
      <c r="Q6407">
        <v>35</v>
      </c>
      <c r="R6407" t="s">
        <v>13018</v>
      </c>
      <c r="S6407">
        <v>79850</v>
      </c>
    </row>
    <row r="6408" spans="1:19" x14ac:dyDescent="0.25">
      <c r="A6408">
        <v>46184197</v>
      </c>
      <c r="B6408" t="s">
        <v>33005</v>
      </c>
      <c r="C6408" s="1" t="s">
        <v>33006</v>
      </c>
      <c r="E6408">
        <v>12</v>
      </c>
      <c r="F6408">
        <v>6</v>
      </c>
      <c r="H6408" t="s">
        <v>33007</v>
      </c>
      <c r="I6408">
        <v>29</v>
      </c>
      <c r="J6408" t="s">
        <v>33008</v>
      </c>
      <c r="K6408" t="s">
        <v>33009</v>
      </c>
      <c r="M6408">
        <v>5638630</v>
      </c>
      <c r="O6408">
        <v>3040446</v>
      </c>
      <c r="P6408">
        <v>1</v>
      </c>
      <c r="Q6408">
        <v>52</v>
      </c>
      <c r="R6408" t="s">
        <v>33010</v>
      </c>
      <c r="S6408">
        <v>41105</v>
      </c>
    </row>
    <row r="6409" spans="1:19" x14ac:dyDescent="0.25">
      <c r="A6409">
        <v>46794383</v>
      </c>
      <c r="B6409" t="s">
        <v>33011</v>
      </c>
      <c r="C6409" s="1" t="s">
        <v>33012</v>
      </c>
      <c r="E6409">
        <v>1</v>
      </c>
      <c r="F6409">
        <v>0</v>
      </c>
      <c r="H6409" t="s">
        <v>33013</v>
      </c>
      <c r="J6409" t="s">
        <v>33014</v>
      </c>
      <c r="K6409" t="s">
        <v>33015</v>
      </c>
      <c r="M6409">
        <v>6947248</v>
      </c>
      <c r="O6409">
        <v>6947248</v>
      </c>
      <c r="P6409">
        <v>1</v>
      </c>
      <c r="Q6409">
        <v>0</v>
      </c>
      <c r="R6409" t="s">
        <v>33016</v>
      </c>
      <c r="S6409">
        <v>60</v>
      </c>
    </row>
    <row r="6410" spans="1:19" x14ac:dyDescent="0.25">
      <c r="A6410">
        <v>52896923</v>
      </c>
      <c r="B6410" t="s">
        <v>33017</v>
      </c>
      <c r="C6410" s="1" t="s">
        <v>33018</v>
      </c>
      <c r="D6410">
        <v>52897141</v>
      </c>
      <c r="E6410">
        <v>1</v>
      </c>
      <c r="F6410">
        <v>1</v>
      </c>
      <c r="H6410" t="s">
        <v>33019</v>
      </c>
      <c r="J6410" t="s">
        <v>33020</v>
      </c>
      <c r="O6410">
        <v>10424980</v>
      </c>
      <c r="P6410">
        <v>1</v>
      </c>
      <c r="Q6410">
        <v>1</v>
      </c>
      <c r="R6410" t="s">
        <v>33021</v>
      </c>
      <c r="S6410">
        <v>36</v>
      </c>
    </row>
    <row r="6411" spans="1:19" x14ac:dyDescent="0.25">
      <c r="A6411">
        <v>4894296</v>
      </c>
      <c r="B6411" t="s">
        <v>33022</v>
      </c>
      <c r="C6411" t="s">
        <v>33023</v>
      </c>
      <c r="D6411">
        <v>4894382</v>
      </c>
      <c r="E6411">
        <v>1</v>
      </c>
      <c r="F6411">
        <v>0</v>
      </c>
      <c r="H6411" t="s">
        <v>33024</v>
      </c>
      <c r="J6411" t="s">
        <v>33025</v>
      </c>
      <c r="O6411">
        <v>344394</v>
      </c>
      <c r="P6411">
        <v>1</v>
      </c>
      <c r="Q6411">
        <v>1</v>
      </c>
      <c r="R6411" t="s">
        <v>33026</v>
      </c>
      <c r="S6411">
        <v>113</v>
      </c>
    </row>
    <row r="6412" spans="1:19" x14ac:dyDescent="0.25">
      <c r="A6412">
        <v>26060717</v>
      </c>
      <c r="B6412" t="s">
        <v>33027</v>
      </c>
      <c r="C6412" s="1" t="s">
        <v>33028</v>
      </c>
      <c r="D6412">
        <v>26122182</v>
      </c>
      <c r="E6412">
        <v>1</v>
      </c>
      <c r="F6412">
        <v>2</v>
      </c>
      <c r="H6412" t="s">
        <v>33029</v>
      </c>
      <c r="J6412" t="s">
        <v>33030</v>
      </c>
      <c r="K6412" t="s">
        <v>33030</v>
      </c>
      <c r="M6412">
        <v>4390212</v>
      </c>
      <c r="O6412">
        <v>2267958</v>
      </c>
      <c r="P6412">
        <v>1</v>
      </c>
      <c r="Q6412">
        <v>1</v>
      </c>
      <c r="R6412" t="s">
        <v>33031</v>
      </c>
      <c r="S6412">
        <v>431</v>
      </c>
    </row>
    <row r="6413" spans="1:19" x14ac:dyDescent="0.25">
      <c r="A6413">
        <v>4830109</v>
      </c>
      <c r="B6413" t="s">
        <v>33032</v>
      </c>
      <c r="C6413" s="1" t="s">
        <v>33033</v>
      </c>
      <c r="D6413">
        <v>4860291</v>
      </c>
      <c r="E6413">
        <v>1</v>
      </c>
      <c r="F6413">
        <v>4</v>
      </c>
      <c r="H6413" t="s">
        <v>33034</v>
      </c>
      <c r="J6413" t="s">
        <v>33035</v>
      </c>
      <c r="O6413">
        <v>317326</v>
      </c>
      <c r="P6413">
        <v>1</v>
      </c>
      <c r="Q6413">
        <v>1</v>
      </c>
      <c r="R6413" t="s">
        <v>33036</v>
      </c>
      <c r="S6413">
        <v>1214</v>
      </c>
    </row>
    <row r="6414" spans="1:19" x14ac:dyDescent="0.25">
      <c r="A6414">
        <v>41539417</v>
      </c>
      <c r="B6414" t="s">
        <v>33037</v>
      </c>
      <c r="C6414" s="1" t="s">
        <v>33038</v>
      </c>
      <c r="D6414">
        <v>41645333</v>
      </c>
      <c r="E6414">
        <v>1</v>
      </c>
      <c r="F6414">
        <v>0</v>
      </c>
      <c r="H6414" t="s">
        <v>33039</v>
      </c>
      <c r="J6414" t="s">
        <v>33040</v>
      </c>
      <c r="O6414">
        <v>6108461</v>
      </c>
      <c r="P6414">
        <v>1</v>
      </c>
      <c r="Q6414">
        <v>0</v>
      </c>
      <c r="R6414" t="s">
        <v>33041</v>
      </c>
      <c r="S6414">
        <v>381</v>
      </c>
    </row>
    <row r="6415" spans="1:19" x14ac:dyDescent="0.25">
      <c r="A6415">
        <v>19452497</v>
      </c>
      <c r="B6415" t="s">
        <v>33042</v>
      </c>
      <c r="C6415" s="1" t="s">
        <v>33043</v>
      </c>
      <c r="E6415">
        <v>2</v>
      </c>
      <c r="F6415">
        <v>0</v>
      </c>
      <c r="H6415" t="s">
        <v>33044</v>
      </c>
      <c r="I6415">
        <v>1</v>
      </c>
      <c r="J6415" t="s">
        <v>33045</v>
      </c>
      <c r="O6415">
        <v>320681</v>
      </c>
      <c r="P6415">
        <v>1</v>
      </c>
      <c r="Q6415">
        <v>0</v>
      </c>
      <c r="R6415" t="s">
        <v>33046</v>
      </c>
      <c r="S6415">
        <v>1739</v>
      </c>
    </row>
    <row r="6416" spans="1:19" x14ac:dyDescent="0.25">
      <c r="A6416">
        <v>21836660</v>
      </c>
      <c r="B6416" t="s">
        <v>33047</v>
      </c>
      <c r="C6416" s="1" t="s">
        <v>33048</v>
      </c>
      <c r="D6416">
        <v>21837526</v>
      </c>
      <c r="E6416">
        <v>1</v>
      </c>
      <c r="F6416">
        <v>0</v>
      </c>
      <c r="H6416" t="s">
        <v>33049</v>
      </c>
      <c r="J6416" t="s">
        <v>33050</v>
      </c>
      <c r="O6416">
        <v>2127039</v>
      </c>
      <c r="P6416">
        <v>1</v>
      </c>
      <c r="Q6416">
        <v>0</v>
      </c>
      <c r="R6416" t="s">
        <v>33051</v>
      </c>
      <c r="S6416">
        <v>170</v>
      </c>
    </row>
    <row r="6417" spans="1:19" x14ac:dyDescent="0.25">
      <c r="A6417">
        <v>17681123</v>
      </c>
      <c r="B6417" t="s">
        <v>33052</v>
      </c>
      <c r="C6417" s="1" t="s">
        <v>33053</v>
      </c>
      <c r="E6417">
        <v>2</v>
      </c>
      <c r="F6417">
        <v>0</v>
      </c>
      <c r="H6417" t="s">
        <v>33054</v>
      </c>
      <c r="I6417">
        <v>1</v>
      </c>
      <c r="J6417" t="s">
        <v>33055</v>
      </c>
      <c r="K6417" t="s">
        <v>33056</v>
      </c>
      <c r="M6417">
        <v>1187022</v>
      </c>
      <c r="O6417">
        <v>1187022</v>
      </c>
      <c r="P6417">
        <v>1</v>
      </c>
      <c r="Q6417">
        <v>1</v>
      </c>
      <c r="R6417" t="s">
        <v>33057</v>
      </c>
      <c r="S6417">
        <v>492</v>
      </c>
    </row>
    <row r="6418" spans="1:19" x14ac:dyDescent="0.25">
      <c r="A6418">
        <v>15745024</v>
      </c>
      <c r="B6418" t="s">
        <v>33058</v>
      </c>
      <c r="C6418" s="1" t="s">
        <v>33059</v>
      </c>
      <c r="D6418">
        <v>15745148</v>
      </c>
      <c r="E6418">
        <v>2</v>
      </c>
      <c r="F6418">
        <v>2</v>
      </c>
      <c r="H6418" t="s">
        <v>33060</v>
      </c>
      <c r="J6418" t="s">
        <v>33061</v>
      </c>
      <c r="O6418">
        <v>1976916</v>
      </c>
      <c r="P6418">
        <v>1</v>
      </c>
      <c r="Q6418">
        <v>0</v>
      </c>
      <c r="R6418" t="s">
        <v>33062</v>
      </c>
      <c r="S6418">
        <v>130</v>
      </c>
    </row>
    <row r="6419" spans="1:19" x14ac:dyDescent="0.25">
      <c r="A6419">
        <v>25491217</v>
      </c>
      <c r="B6419" t="s">
        <v>33063</v>
      </c>
      <c r="C6419" s="1" t="s">
        <v>33064</v>
      </c>
      <c r="D6419">
        <v>25497945</v>
      </c>
      <c r="E6419">
        <v>1</v>
      </c>
      <c r="F6419">
        <v>0</v>
      </c>
      <c r="H6419" t="s">
        <v>33065</v>
      </c>
      <c r="J6419" t="s">
        <v>33066</v>
      </c>
      <c r="O6419">
        <v>677500</v>
      </c>
      <c r="P6419">
        <v>1</v>
      </c>
      <c r="Q6419">
        <v>0</v>
      </c>
      <c r="R6419" t="s">
        <v>33067</v>
      </c>
      <c r="S6419">
        <v>85</v>
      </c>
    </row>
    <row r="6420" spans="1:19" x14ac:dyDescent="0.25">
      <c r="A6420">
        <v>47111409</v>
      </c>
      <c r="B6420" t="s">
        <v>33068</v>
      </c>
      <c r="C6420" s="1" t="s">
        <v>33069</v>
      </c>
      <c r="E6420">
        <v>1</v>
      </c>
      <c r="F6420">
        <v>0</v>
      </c>
      <c r="H6420" t="s">
        <v>33070</v>
      </c>
      <c r="J6420" t="s">
        <v>33071</v>
      </c>
      <c r="O6420">
        <v>8401776</v>
      </c>
      <c r="P6420">
        <v>1</v>
      </c>
      <c r="Q6420">
        <v>-1</v>
      </c>
      <c r="R6420" t="s">
        <v>33072</v>
      </c>
      <c r="S6420">
        <v>49</v>
      </c>
    </row>
    <row r="6421" spans="1:19" x14ac:dyDescent="0.25">
      <c r="A6421">
        <v>46551696</v>
      </c>
      <c r="B6421" t="s">
        <v>33073</v>
      </c>
      <c r="C6421" t="s">
        <v>33074</v>
      </c>
      <c r="E6421">
        <v>3</v>
      </c>
      <c r="F6421">
        <v>5</v>
      </c>
      <c r="H6421" t="s">
        <v>33075</v>
      </c>
      <c r="I6421">
        <v>1</v>
      </c>
      <c r="J6421" t="s">
        <v>33076</v>
      </c>
      <c r="O6421">
        <v>7758477</v>
      </c>
      <c r="P6421">
        <v>1</v>
      </c>
      <c r="Q6421">
        <v>1</v>
      </c>
      <c r="R6421" t="s">
        <v>33077</v>
      </c>
      <c r="S6421">
        <v>472</v>
      </c>
    </row>
    <row r="6422" spans="1:19" x14ac:dyDescent="0.25">
      <c r="A6422">
        <v>37618333</v>
      </c>
      <c r="B6422" t="s">
        <v>33078</v>
      </c>
      <c r="C6422" s="1" t="s">
        <v>33079</v>
      </c>
      <c r="E6422">
        <v>3</v>
      </c>
      <c r="F6422">
        <v>0</v>
      </c>
      <c r="H6422" t="s">
        <v>33080</v>
      </c>
      <c r="J6422" t="s">
        <v>33081</v>
      </c>
      <c r="K6422" t="s">
        <v>33082</v>
      </c>
      <c r="M6422">
        <v>2756409</v>
      </c>
      <c r="O6422">
        <v>4875059</v>
      </c>
      <c r="P6422">
        <v>1</v>
      </c>
      <c r="Q6422">
        <v>-3</v>
      </c>
      <c r="R6422" t="s">
        <v>9673</v>
      </c>
      <c r="S6422">
        <v>89</v>
      </c>
    </row>
    <row r="6423" spans="1:19" x14ac:dyDescent="0.25">
      <c r="A6423">
        <v>12501968</v>
      </c>
      <c r="B6423" t="s">
        <v>33083</v>
      </c>
      <c r="C6423" s="1" t="s">
        <v>33084</v>
      </c>
      <c r="E6423">
        <v>1</v>
      </c>
      <c r="F6423">
        <v>1</v>
      </c>
      <c r="H6423" t="s">
        <v>33085</v>
      </c>
      <c r="I6423">
        <v>1</v>
      </c>
      <c r="J6423" t="s">
        <v>33086</v>
      </c>
      <c r="O6423">
        <v>540589</v>
      </c>
      <c r="P6423">
        <v>1</v>
      </c>
      <c r="Q6423">
        <v>2</v>
      </c>
      <c r="R6423" t="s">
        <v>33087</v>
      </c>
      <c r="S6423">
        <v>287</v>
      </c>
    </row>
    <row r="6424" spans="1:19" x14ac:dyDescent="0.25">
      <c r="A6424">
        <v>9760995</v>
      </c>
      <c r="B6424" t="s">
        <v>33088</v>
      </c>
      <c r="C6424" s="1" t="s">
        <v>33089</v>
      </c>
      <c r="E6424">
        <v>0</v>
      </c>
      <c r="F6424">
        <v>5</v>
      </c>
      <c r="H6424" t="s">
        <v>33090</v>
      </c>
      <c r="J6424" t="s">
        <v>33090</v>
      </c>
      <c r="O6424">
        <v>689777</v>
      </c>
      <c r="P6424">
        <v>1</v>
      </c>
      <c r="Q6424">
        <v>1</v>
      </c>
      <c r="R6424" t="s">
        <v>33091</v>
      </c>
      <c r="S6424">
        <v>901</v>
      </c>
    </row>
    <row r="6425" spans="1:19" x14ac:dyDescent="0.25">
      <c r="A6425">
        <v>40857128</v>
      </c>
      <c r="B6425" t="s">
        <v>33092</v>
      </c>
      <c r="C6425" s="1" t="s">
        <v>33093</v>
      </c>
      <c r="E6425">
        <v>1</v>
      </c>
      <c r="F6425">
        <v>1</v>
      </c>
      <c r="H6425" t="s">
        <v>33094</v>
      </c>
      <c r="I6425">
        <v>0</v>
      </c>
      <c r="J6425" t="s">
        <v>33095</v>
      </c>
      <c r="O6425">
        <v>5586573</v>
      </c>
      <c r="P6425">
        <v>1</v>
      </c>
      <c r="Q6425">
        <v>1</v>
      </c>
      <c r="R6425" t="s">
        <v>33096</v>
      </c>
      <c r="S6425">
        <v>360</v>
      </c>
    </row>
    <row r="6426" spans="1:19" x14ac:dyDescent="0.25">
      <c r="A6426">
        <v>34206841</v>
      </c>
      <c r="B6426" t="s">
        <v>33097</v>
      </c>
      <c r="C6426" s="1" t="s">
        <v>33098</v>
      </c>
      <c r="E6426">
        <v>1</v>
      </c>
      <c r="F6426">
        <v>3</v>
      </c>
      <c r="H6426" t="s">
        <v>33099</v>
      </c>
      <c r="J6426" t="s">
        <v>33100</v>
      </c>
      <c r="K6426" t="s">
        <v>33100</v>
      </c>
      <c r="M6426">
        <v>285587</v>
      </c>
      <c r="O6426">
        <v>5602354</v>
      </c>
      <c r="P6426">
        <v>1</v>
      </c>
      <c r="Q6426">
        <v>0</v>
      </c>
      <c r="R6426" t="s">
        <v>2122</v>
      </c>
      <c r="S6426">
        <v>277</v>
      </c>
    </row>
    <row r="6427" spans="1:19" x14ac:dyDescent="0.25">
      <c r="A6427">
        <v>11359819</v>
      </c>
      <c r="B6427" t="s">
        <v>33101</v>
      </c>
      <c r="C6427" s="1" t="s">
        <v>33102</v>
      </c>
      <c r="E6427">
        <v>1</v>
      </c>
      <c r="F6427">
        <v>0</v>
      </c>
      <c r="H6427" t="s">
        <v>33103</v>
      </c>
      <c r="J6427" t="s">
        <v>33104</v>
      </c>
      <c r="O6427">
        <v>912111</v>
      </c>
      <c r="P6427">
        <v>1</v>
      </c>
      <c r="Q6427">
        <v>0</v>
      </c>
      <c r="R6427" t="s">
        <v>33105</v>
      </c>
      <c r="S6427">
        <v>1635</v>
      </c>
    </row>
    <row r="6428" spans="1:19" x14ac:dyDescent="0.25">
      <c r="A6428">
        <v>15063525</v>
      </c>
      <c r="B6428" t="s">
        <v>33106</v>
      </c>
      <c r="C6428" s="1" t="s">
        <v>33107</v>
      </c>
      <c r="D6428">
        <v>15063597</v>
      </c>
      <c r="E6428">
        <v>2</v>
      </c>
      <c r="F6428">
        <v>0</v>
      </c>
      <c r="H6428" t="s">
        <v>33108</v>
      </c>
      <c r="J6428" t="s">
        <v>33109</v>
      </c>
      <c r="K6428" t="s">
        <v>33110</v>
      </c>
      <c r="M6428">
        <v>2075861</v>
      </c>
      <c r="O6428">
        <v>2075861</v>
      </c>
      <c r="P6428">
        <v>1</v>
      </c>
      <c r="Q6428">
        <v>0</v>
      </c>
      <c r="R6428" t="s">
        <v>33111</v>
      </c>
      <c r="S6428">
        <v>1367</v>
      </c>
    </row>
    <row r="6429" spans="1:19" x14ac:dyDescent="0.25">
      <c r="A6429">
        <v>30361289</v>
      </c>
      <c r="B6429" t="s">
        <v>33112</v>
      </c>
      <c r="C6429" s="1" t="s">
        <v>33113</v>
      </c>
      <c r="E6429">
        <v>1</v>
      </c>
      <c r="F6429">
        <v>0</v>
      </c>
      <c r="H6429" t="s">
        <v>33114</v>
      </c>
      <c r="J6429" t="s">
        <v>33115</v>
      </c>
      <c r="O6429">
        <v>4060263</v>
      </c>
      <c r="P6429">
        <v>1</v>
      </c>
      <c r="Q6429">
        <v>0</v>
      </c>
      <c r="R6429" t="s">
        <v>33116</v>
      </c>
      <c r="S6429">
        <v>3230</v>
      </c>
    </row>
    <row r="6430" spans="1:19" x14ac:dyDescent="0.25">
      <c r="A6430">
        <v>15480204</v>
      </c>
      <c r="B6430" t="s">
        <v>33117</v>
      </c>
      <c r="C6430" s="1" t="s">
        <v>33118</v>
      </c>
      <c r="D6430">
        <v>15480245</v>
      </c>
      <c r="E6430">
        <v>1</v>
      </c>
      <c r="F6430">
        <v>0</v>
      </c>
      <c r="H6430" t="s">
        <v>33119</v>
      </c>
      <c r="J6430" t="s">
        <v>33120</v>
      </c>
      <c r="O6430">
        <v>1718226</v>
      </c>
      <c r="P6430">
        <v>1</v>
      </c>
      <c r="Q6430">
        <v>0</v>
      </c>
      <c r="R6430" t="s">
        <v>33121</v>
      </c>
      <c r="S6430">
        <v>118</v>
      </c>
    </row>
    <row r="6431" spans="1:19" x14ac:dyDescent="0.25">
      <c r="A6431">
        <v>24838688</v>
      </c>
      <c r="B6431" t="s">
        <v>33122</v>
      </c>
      <c r="C6431" s="1" t="s">
        <v>33123</v>
      </c>
      <c r="E6431">
        <v>1</v>
      </c>
      <c r="F6431">
        <v>1</v>
      </c>
      <c r="H6431" t="s">
        <v>33124</v>
      </c>
      <c r="J6431" t="s">
        <v>33125</v>
      </c>
      <c r="K6431" t="s">
        <v>33126</v>
      </c>
      <c r="M6431">
        <v>1809530</v>
      </c>
      <c r="O6431">
        <v>3855495</v>
      </c>
      <c r="P6431">
        <v>1</v>
      </c>
      <c r="Q6431">
        <v>0</v>
      </c>
      <c r="R6431" t="s">
        <v>33127</v>
      </c>
      <c r="S6431">
        <v>57</v>
      </c>
    </row>
    <row r="6432" spans="1:19" x14ac:dyDescent="0.25">
      <c r="A6432">
        <v>20998199</v>
      </c>
      <c r="B6432" t="s">
        <v>33128</v>
      </c>
      <c r="C6432" s="1" t="s">
        <v>33129</v>
      </c>
      <c r="E6432">
        <v>0</v>
      </c>
      <c r="F6432">
        <v>3</v>
      </c>
      <c r="H6432" t="s">
        <v>33130</v>
      </c>
      <c r="J6432" t="s">
        <v>33131</v>
      </c>
      <c r="K6432" t="s">
        <v>33131</v>
      </c>
      <c r="M6432">
        <v>2556655</v>
      </c>
      <c r="O6432">
        <v>2556655</v>
      </c>
      <c r="P6432">
        <v>1</v>
      </c>
      <c r="Q6432">
        <v>0</v>
      </c>
      <c r="R6432" t="s">
        <v>33132</v>
      </c>
      <c r="S6432">
        <v>66</v>
      </c>
    </row>
    <row r="6433" spans="1:19" x14ac:dyDescent="0.25">
      <c r="A6433">
        <v>12459753</v>
      </c>
      <c r="B6433" t="s">
        <v>33133</v>
      </c>
      <c r="C6433" s="1" t="s">
        <v>33134</v>
      </c>
      <c r="D6433">
        <v>12722155</v>
      </c>
      <c r="E6433">
        <v>2</v>
      </c>
      <c r="F6433">
        <v>0</v>
      </c>
      <c r="H6433" t="s">
        <v>33135</v>
      </c>
      <c r="J6433" t="s">
        <v>33136</v>
      </c>
      <c r="K6433" t="s">
        <v>33137</v>
      </c>
      <c r="M6433">
        <v>1437934</v>
      </c>
      <c r="O6433">
        <v>1677636</v>
      </c>
      <c r="P6433">
        <v>1</v>
      </c>
      <c r="Q6433">
        <v>0</v>
      </c>
      <c r="R6433" t="s">
        <v>33138</v>
      </c>
      <c r="S6433">
        <v>461</v>
      </c>
    </row>
    <row r="6434" spans="1:19" x14ac:dyDescent="0.25">
      <c r="A6434">
        <v>2700293</v>
      </c>
      <c r="B6434" t="s">
        <v>33139</v>
      </c>
      <c r="C6434" s="1" t="s">
        <v>33140</v>
      </c>
      <c r="D6434">
        <v>2700309</v>
      </c>
      <c r="E6434">
        <v>1</v>
      </c>
      <c r="F6434">
        <v>0</v>
      </c>
      <c r="H6434" t="s">
        <v>33141</v>
      </c>
      <c r="J6434" t="s">
        <v>33142</v>
      </c>
      <c r="K6434" t="s">
        <v>33142</v>
      </c>
      <c r="M6434">
        <v>28757</v>
      </c>
      <c r="O6434">
        <v>28757</v>
      </c>
      <c r="P6434">
        <v>1</v>
      </c>
      <c r="Q6434">
        <v>1</v>
      </c>
      <c r="R6434" t="s">
        <v>33143</v>
      </c>
      <c r="S6434">
        <v>58</v>
      </c>
    </row>
    <row r="6435" spans="1:19" x14ac:dyDescent="0.25">
      <c r="A6435">
        <v>37430531</v>
      </c>
      <c r="B6435" t="s">
        <v>33144</v>
      </c>
      <c r="C6435" s="1" t="s">
        <v>33145</v>
      </c>
      <c r="D6435">
        <v>37430641</v>
      </c>
      <c r="E6435">
        <v>1</v>
      </c>
      <c r="F6435">
        <v>3</v>
      </c>
      <c r="H6435" t="s">
        <v>33146</v>
      </c>
      <c r="I6435">
        <v>0</v>
      </c>
      <c r="J6435" t="s">
        <v>33147</v>
      </c>
      <c r="K6435" t="s">
        <v>33148</v>
      </c>
      <c r="M6435">
        <v>-1</v>
      </c>
      <c r="O6435">
        <v>4968420</v>
      </c>
      <c r="P6435">
        <v>1</v>
      </c>
      <c r="Q6435">
        <v>0</v>
      </c>
      <c r="R6435" t="s">
        <v>819</v>
      </c>
      <c r="S6435">
        <v>437</v>
      </c>
    </row>
    <row r="6436" spans="1:19" x14ac:dyDescent="0.25">
      <c r="A6436">
        <v>19686521</v>
      </c>
      <c r="B6436" t="s">
        <v>33149</v>
      </c>
      <c r="C6436" s="1" t="s">
        <v>33150</v>
      </c>
      <c r="E6436">
        <v>1</v>
      </c>
      <c r="F6436">
        <v>0</v>
      </c>
      <c r="H6436" t="s">
        <v>33151</v>
      </c>
      <c r="J6436" t="s">
        <v>33152</v>
      </c>
      <c r="K6436" t="s">
        <v>33152</v>
      </c>
      <c r="M6436">
        <v>2937795</v>
      </c>
      <c r="O6436">
        <v>2937795</v>
      </c>
      <c r="P6436">
        <v>1</v>
      </c>
      <c r="Q6436">
        <v>-2</v>
      </c>
      <c r="R6436" t="s">
        <v>14319</v>
      </c>
      <c r="S6436">
        <v>977</v>
      </c>
    </row>
    <row r="6437" spans="1:19" x14ac:dyDescent="0.25">
      <c r="A6437">
        <v>21126424</v>
      </c>
      <c r="B6437" t="s">
        <v>33153</v>
      </c>
      <c r="C6437" s="1" t="s">
        <v>33154</v>
      </c>
      <c r="D6437">
        <v>21126439</v>
      </c>
      <c r="E6437">
        <v>1</v>
      </c>
      <c r="F6437">
        <v>0</v>
      </c>
      <c r="H6437" t="s">
        <v>33155</v>
      </c>
      <c r="J6437" t="s">
        <v>33156</v>
      </c>
      <c r="O6437">
        <v>409020</v>
      </c>
      <c r="P6437">
        <v>1</v>
      </c>
      <c r="Q6437">
        <v>0</v>
      </c>
      <c r="R6437" t="s">
        <v>4631</v>
      </c>
      <c r="S6437">
        <v>53</v>
      </c>
    </row>
    <row r="6438" spans="1:19" x14ac:dyDescent="0.25">
      <c r="A6438">
        <v>30632201</v>
      </c>
      <c r="B6438" t="s">
        <v>33157</v>
      </c>
      <c r="C6438" s="1" t="s">
        <v>33158</v>
      </c>
      <c r="E6438">
        <v>0</v>
      </c>
      <c r="F6438">
        <v>3</v>
      </c>
      <c r="H6438" t="s">
        <v>33159</v>
      </c>
      <c r="J6438" t="s">
        <v>33160</v>
      </c>
      <c r="K6438" t="s">
        <v>33160</v>
      </c>
      <c r="M6438">
        <v>2833965</v>
      </c>
      <c r="O6438">
        <v>4034437</v>
      </c>
      <c r="P6438">
        <v>1</v>
      </c>
      <c r="Q6438">
        <v>0</v>
      </c>
      <c r="R6438" t="s">
        <v>33161</v>
      </c>
      <c r="S6438">
        <v>66</v>
      </c>
    </row>
    <row r="6439" spans="1:19" x14ac:dyDescent="0.25">
      <c r="A6439">
        <v>5082146</v>
      </c>
      <c r="B6439" t="s">
        <v>33162</v>
      </c>
      <c r="C6439" s="1" t="s">
        <v>33163</v>
      </c>
      <c r="E6439">
        <v>1</v>
      </c>
      <c r="F6439">
        <v>0</v>
      </c>
      <c r="H6439" t="s">
        <v>33164</v>
      </c>
      <c r="I6439">
        <v>2</v>
      </c>
      <c r="J6439" t="s">
        <v>33165</v>
      </c>
      <c r="K6439" t="s">
        <v>33165</v>
      </c>
      <c r="M6439">
        <v>1238019</v>
      </c>
      <c r="O6439">
        <v>334465</v>
      </c>
      <c r="P6439">
        <v>1</v>
      </c>
      <c r="Q6439">
        <v>6</v>
      </c>
      <c r="R6439" t="s">
        <v>33166</v>
      </c>
      <c r="S6439">
        <v>3565</v>
      </c>
    </row>
    <row r="6440" spans="1:19" x14ac:dyDescent="0.25">
      <c r="A6440">
        <v>7154047</v>
      </c>
      <c r="B6440" t="s">
        <v>33167</v>
      </c>
      <c r="C6440" s="1" t="s">
        <v>33168</v>
      </c>
      <c r="D6440">
        <v>7155109</v>
      </c>
      <c r="E6440">
        <v>4</v>
      </c>
      <c r="F6440">
        <v>0</v>
      </c>
      <c r="H6440" t="s">
        <v>33169</v>
      </c>
      <c r="I6440">
        <v>1</v>
      </c>
      <c r="J6440" t="s">
        <v>33170</v>
      </c>
      <c r="O6440">
        <v>382906</v>
      </c>
      <c r="P6440">
        <v>1</v>
      </c>
      <c r="Q6440">
        <v>2</v>
      </c>
      <c r="R6440" t="s">
        <v>33171</v>
      </c>
      <c r="S6440">
        <v>906</v>
      </c>
    </row>
    <row r="6441" spans="1:19" x14ac:dyDescent="0.25">
      <c r="A6441">
        <v>30295254</v>
      </c>
      <c r="B6441" t="s">
        <v>33172</v>
      </c>
      <c r="C6441" s="1" t="s">
        <v>33173</v>
      </c>
      <c r="D6441">
        <v>30321383</v>
      </c>
      <c r="E6441">
        <v>1</v>
      </c>
      <c r="F6441">
        <v>0</v>
      </c>
      <c r="H6441" t="s">
        <v>33174</v>
      </c>
      <c r="J6441" t="s">
        <v>33175</v>
      </c>
      <c r="K6441" t="s">
        <v>33176</v>
      </c>
      <c r="M6441">
        <v>1720634</v>
      </c>
      <c r="O6441">
        <v>2768425</v>
      </c>
      <c r="P6441">
        <v>1</v>
      </c>
      <c r="Q6441">
        <v>0</v>
      </c>
      <c r="R6441" t="s">
        <v>33177</v>
      </c>
      <c r="S6441">
        <v>70</v>
      </c>
    </row>
    <row r="6442" spans="1:19" x14ac:dyDescent="0.25">
      <c r="A6442">
        <v>28624999</v>
      </c>
      <c r="B6442" t="s">
        <v>33178</v>
      </c>
      <c r="C6442" s="1" t="s">
        <v>33179</v>
      </c>
      <c r="E6442">
        <v>2</v>
      </c>
      <c r="F6442">
        <v>0</v>
      </c>
      <c r="H6442" t="s">
        <v>33180</v>
      </c>
      <c r="I6442">
        <v>1</v>
      </c>
      <c r="J6442" t="s">
        <v>33181</v>
      </c>
      <c r="O6442">
        <v>2214019</v>
      </c>
      <c r="P6442">
        <v>1</v>
      </c>
      <c r="Q6442">
        <v>1</v>
      </c>
      <c r="R6442" t="s">
        <v>33182</v>
      </c>
      <c r="S6442">
        <v>971</v>
      </c>
    </row>
    <row r="6443" spans="1:19" x14ac:dyDescent="0.25">
      <c r="A6443">
        <v>52482622</v>
      </c>
      <c r="B6443" t="s">
        <v>33183</v>
      </c>
      <c r="C6443" s="1" t="s">
        <v>33184</v>
      </c>
      <c r="E6443">
        <v>0</v>
      </c>
      <c r="F6443">
        <v>0</v>
      </c>
      <c r="H6443" t="s">
        <v>33185</v>
      </c>
      <c r="J6443" t="s">
        <v>33185</v>
      </c>
      <c r="O6443">
        <v>10408697</v>
      </c>
      <c r="P6443">
        <v>1</v>
      </c>
      <c r="Q6443">
        <v>0</v>
      </c>
      <c r="R6443" t="s">
        <v>10252</v>
      </c>
      <c r="S6443">
        <v>54</v>
      </c>
    </row>
    <row r="6444" spans="1:19" x14ac:dyDescent="0.25">
      <c r="A6444">
        <v>6542007</v>
      </c>
      <c r="B6444" t="s">
        <v>33186</v>
      </c>
      <c r="C6444" t="s">
        <v>33187</v>
      </c>
      <c r="D6444">
        <v>6839144</v>
      </c>
      <c r="E6444">
        <v>4</v>
      </c>
      <c r="F6444">
        <v>0</v>
      </c>
      <c r="H6444" t="s">
        <v>33188</v>
      </c>
      <c r="I6444">
        <v>0</v>
      </c>
      <c r="J6444" t="s">
        <v>33189</v>
      </c>
      <c r="O6444">
        <v>59639</v>
      </c>
      <c r="P6444">
        <v>1</v>
      </c>
      <c r="Q6444">
        <v>2</v>
      </c>
      <c r="R6444" t="s">
        <v>33190</v>
      </c>
      <c r="S6444">
        <v>254</v>
      </c>
    </row>
    <row r="6445" spans="1:19" x14ac:dyDescent="0.25">
      <c r="A6445">
        <v>525413</v>
      </c>
      <c r="B6445" t="s">
        <v>33191</v>
      </c>
      <c r="C6445" s="1" t="s">
        <v>33192</v>
      </c>
      <c r="D6445">
        <v>525420</v>
      </c>
      <c r="E6445">
        <v>2</v>
      </c>
      <c r="F6445">
        <v>0</v>
      </c>
      <c r="H6445" t="s">
        <v>33193</v>
      </c>
      <c r="I6445">
        <v>1</v>
      </c>
      <c r="J6445" t="s">
        <v>33194</v>
      </c>
      <c r="N6445" t="s">
        <v>33195</v>
      </c>
      <c r="O6445">
        <v>24451</v>
      </c>
      <c r="P6445">
        <v>1</v>
      </c>
      <c r="Q6445">
        <v>2</v>
      </c>
      <c r="R6445" t="s">
        <v>33196</v>
      </c>
      <c r="S6445">
        <v>1742</v>
      </c>
    </row>
    <row r="6446" spans="1:19" x14ac:dyDescent="0.25">
      <c r="A6446">
        <v>27029791</v>
      </c>
      <c r="B6446" t="s">
        <v>33197</v>
      </c>
      <c r="C6446" s="1" t="s">
        <v>33198</v>
      </c>
      <c r="E6446">
        <v>0</v>
      </c>
      <c r="F6446">
        <v>1</v>
      </c>
      <c r="H6446" t="s">
        <v>33199</v>
      </c>
      <c r="J6446" t="s">
        <v>33200</v>
      </c>
      <c r="K6446" t="s">
        <v>33201</v>
      </c>
      <c r="M6446">
        <v>41956</v>
      </c>
      <c r="O6446">
        <v>3177405</v>
      </c>
      <c r="P6446">
        <v>1</v>
      </c>
      <c r="Q6446">
        <v>1</v>
      </c>
      <c r="R6446" t="s">
        <v>33202</v>
      </c>
      <c r="S6446">
        <v>109</v>
      </c>
    </row>
    <row r="6447" spans="1:19" x14ac:dyDescent="0.25">
      <c r="A6447">
        <v>42106397</v>
      </c>
      <c r="B6447" t="s">
        <v>33203</v>
      </c>
      <c r="C6447" s="1" t="s">
        <v>33204</v>
      </c>
      <c r="E6447">
        <v>0</v>
      </c>
      <c r="F6447">
        <v>0</v>
      </c>
      <c r="H6447" t="s">
        <v>33205</v>
      </c>
      <c r="J6447" t="s">
        <v>33205</v>
      </c>
      <c r="O6447">
        <v>6735593</v>
      </c>
      <c r="P6447">
        <v>1</v>
      </c>
      <c r="Q6447">
        <v>2</v>
      </c>
      <c r="R6447" t="s">
        <v>33206</v>
      </c>
      <c r="S6447">
        <v>387</v>
      </c>
    </row>
    <row r="6448" spans="1:19" x14ac:dyDescent="0.25">
      <c r="A6448">
        <v>33591478</v>
      </c>
      <c r="B6448" t="s">
        <v>33207</v>
      </c>
      <c r="C6448" s="1" t="s">
        <v>33208</v>
      </c>
      <c r="E6448">
        <v>1</v>
      </c>
      <c r="F6448">
        <v>3</v>
      </c>
      <c r="H6448" t="s">
        <v>33209</v>
      </c>
      <c r="J6448" t="s">
        <v>33210</v>
      </c>
      <c r="K6448" t="s">
        <v>33210</v>
      </c>
      <c r="M6448">
        <v>2686013</v>
      </c>
      <c r="O6448">
        <v>1915151</v>
      </c>
      <c r="P6448">
        <v>1</v>
      </c>
      <c r="Q6448">
        <v>-1</v>
      </c>
      <c r="R6448" t="s">
        <v>33211</v>
      </c>
      <c r="S6448">
        <v>236</v>
      </c>
    </row>
    <row r="6449" spans="1:19" x14ac:dyDescent="0.25">
      <c r="A6449">
        <v>45039420</v>
      </c>
      <c r="B6449" t="s">
        <v>33212</v>
      </c>
      <c r="C6449" s="1" t="s">
        <v>33213</v>
      </c>
      <c r="D6449">
        <v>45040186</v>
      </c>
      <c r="E6449">
        <v>2</v>
      </c>
      <c r="F6449">
        <v>8</v>
      </c>
      <c r="H6449" t="s">
        <v>33214</v>
      </c>
      <c r="J6449" t="s">
        <v>33215</v>
      </c>
      <c r="O6449">
        <v>1477407</v>
      </c>
      <c r="P6449">
        <v>1</v>
      </c>
      <c r="Q6449">
        <v>1</v>
      </c>
      <c r="R6449" t="s">
        <v>33216</v>
      </c>
      <c r="S6449">
        <v>285</v>
      </c>
    </row>
    <row r="6450" spans="1:19" x14ac:dyDescent="0.25">
      <c r="A6450">
        <v>22966907</v>
      </c>
      <c r="B6450" t="s">
        <v>33217</v>
      </c>
      <c r="C6450" s="1" t="s">
        <v>33218</v>
      </c>
      <c r="D6450">
        <v>22967302</v>
      </c>
      <c r="E6450">
        <v>1</v>
      </c>
      <c r="F6450">
        <v>1</v>
      </c>
      <c r="H6450" t="s">
        <v>33219</v>
      </c>
      <c r="J6450" t="s">
        <v>33220</v>
      </c>
      <c r="K6450" t="s">
        <v>33221</v>
      </c>
      <c r="M6450">
        <v>580951</v>
      </c>
      <c r="O6450">
        <v>850307</v>
      </c>
      <c r="P6450">
        <v>1</v>
      </c>
      <c r="Q6450">
        <v>0</v>
      </c>
      <c r="R6450" t="s">
        <v>1288</v>
      </c>
      <c r="S6450">
        <v>420</v>
      </c>
    </row>
    <row r="6451" spans="1:19" x14ac:dyDescent="0.25">
      <c r="A6451">
        <v>45875427</v>
      </c>
      <c r="B6451" t="s">
        <v>33222</v>
      </c>
      <c r="C6451" s="1" t="s">
        <v>33223</v>
      </c>
      <c r="E6451">
        <v>1</v>
      </c>
      <c r="F6451">
        <v>0</v>
      </c>
      <c r="H6451" t="s">
        <v>33224</v>
      </c>
      <c r="J6451" t="s">
        <v>33225</v>
      </c>
      <c r="O6451">
        <v>7207508</v>
      </c>
      <c r="P6451">
        <v>1</v>
      </c>
      <c r="Q6451">
        <v>0</v>
      </c>
      <c r="R6451" t="s">
        <v>33226</v>
      </c>
      <c r="S6451">
        <v>52</v>
      </c>
    </row>
    <row r="6452" spans="1:19" x14ac:dyDescent="0.25">
      <c r="A6452">
        <v>35188800</v>
      </c>
      <c r="B6452" t="s">
        <v>33227</v>
      </c>
      <c r="C6452" s="1" t="s">
        <v>33228</v>
      </c>
      <c r="D6452">
        <v>35189423</v>
      </c>
      <c r="E6452">
        <v>1</v>
      </c>
      <c r="F6452">
        <v>1</v>
      </c>
      <c r="H6452" t="s">
        <v>33229</v>
      </c>
      <c r="I6452">
        <v>2</v>
      </c>
      <c r="J6452" t="s">
        <v>33230</v>
      </c>
      <c r="O6452">
        <v>3991462</v>
      </c>
      <c r="P6452">
        <v>1</v>
      </c>
      <c r="Q6452">
        <v>0</v>
      </c>
      <c r="R6452" t="s">
        <v>33231</v>
      </c>
      <c r="S6452">
        <v>400</v>
      </c>
    </row>
    <row r="6453" spans="1:19" x14ac:dyDescent="0.25">
      <c r="A6453">
        <v>38640629</v>
      </c>
      <c r="B6453" t="s">
        <v>33232</v>
      </c>
      <c r="C6453" s="1" t="s">
        <v>33233</v>
      </c>
      <c r="E6453">
        <v>2</v>
      </c>
      <c r="F6453">
        <v>5</v>
      </c>
      <c r="H6453" t="s">
        <v>33234</v>
      </c>
      <c r="J6453" t="s">
        <v>33235</v>
      </c>
      <c r="K6453" t="s">
        <v>33235</v>
      </c>
      <c r="M6453">
        <v>2256028</v>
      </c>
      <c r="O6453">
        <v>2078265</v>
      </c>
      <c r="P6453">
        <v>1</v>
      </c>
      <c r="Q6453">
        <v>1</v>
      </c>
      <c r="R6453" t="s">
        <v>33236</v>
      </c>
      <c r="S6453">
        <v>85</v>
      </c>
    </row>
    <row r="6454" spans="1:19" x14ac:dyDescent="0.25">
      <c r="A6454">
        <v>35467767</v>
      </c>
      <c r="B6454" t="s">
        <v>33237</v>
      </c>
      <c r="C6454" s="1" t="s">
        <v>33238</v>
      </c>
      <c r="E6454">
        <v>1</v>
      </c>
      <c r="F6454">
        <v>0</v>
      </c>
      <c r="H6454" t="s">
        <v>33239</v>
      </c>
      <c r="J6454" t="s">
        <v>33240</v>
      </c>
      <c r="O6454">
        <v>5874211</v>
      </c>
      <c r="P6454">
        <v>1</v>
      </c>
      <c r="Q6454">
        <v>0</v>
      </c>
      <c r="R6454" t="s">
        <v>1333</v>
      </c>
      <c r="S6454">
        <v>12</v>
      </c>
    </row>
    <row r="6455" spans="1:19" x14ac:dyDescent="0.25">
      <c r="A6455">
        <v>15996579</v>
      </c>
      <c r="B6455" t="s">
        <v>33241</v>
      </c>
      <c r="C6455" s="1" t="s">
        <v>33242</v>
      </c>
      <c r="E6455">
        <v>2</v>
      </c>
      <c r="F6455">
        <v>6</v>
      </c>
      <c r="H6455" t="s">
        <v>33243</v>
      </c>
      <c r="J6455" t="s">
        <v>33244</v>
      </c>
      <c r="O6455">
        <v>443219</v>
      </c>
      <c r="P6455">
        <v>1</v>
      </c>
      <c r="Q6455">
        <v>0</v>
      </c>
      <c r="R6455" t="s">
        <v>33245</v>
      </c>
      <c r="S6455">
        <v>194</v>
      </c>
    </row>
    <row r="6456" spans="1:19" x14ac:dyDescent="0.25">
      <c r="A6456">
        <v>14620388</v>
      </c>
      <c r="B6456" t="s">
        <v>33246</v>
      </c>
      <c r="C6456" s="1" t="s">
        <v>33247</v>
      </c>
      <c r="D6456">
        <v>14620753</v>
      </c>
      <c r="E6456">
        <v>1</v>
      </c>
      <c r="F6456">
        <v>0</v>
      </c>
      <c r="H6456" t="s">
        <v>33248</v>
      </c>
      <c r="J6456" t="s">
        <v>33249</v>
      </c>
      <c r="K6456" t="s">
        <v>33250</v>
      </c>
      <c r="M6456">
        <v>418556</v>
      </c>
      <c r="O6456">
        <v>2028101</v>
      </c>
      <c r="P6456">
        <v>1</v>
      </c>
      <c r="Q6456">
        <v>0</v>
      </c>
      <c r="R6456" t="s">
        <v>33251</v>
      </c>
      <c r="S6456">
        <v>77</v>
      </c>
    </row>
    <row r="6457" spans="1:19" x14ac:dyDescent="0.25">
      <c r="A6457">
        <v>19381533</v>
      </c>
      <c r="B6457" t="s">
        <v>33252</v>
      </c>
      <c r="C6457" s="1" t="s">
        <v>33253</v>
      </c>
      <c r="E6457">
        <v>3</v>
      </c>
      <c r="F6457">
        <v>0</v>
      </c>
      <c r="H6457" t="s">
        <v>33254</v>
      </c>
      <c r="J6457" t="s">
        <v>33255</v>
      </c>
      <c r="K6457" t="s">
        <v>33256</v>
      </c>
      <c r="M6457">
        <v>3102264</v>
      </c>
      <c r="O6457">
        <v>2882489</v>
      </c>
      <c r="P6457">
        <v>1</v>
      </c>
      <c r="Q6457">
        <v>1</v>
      </c>
      <c r="R6457" t="s">
        <v>33257</v>
      </c>
      <c r="S6457">
        <v>856</v>
      </c>
    </row>
    <row r="6458" spans="1:19" x14ac:dyDescent="0.25">
      <c r="A6458">
        <v>39876393</v>
      </c>
      <c r="B6458" t="s">
        <v>33258</v>
      </c>
      <c r="C6458" s="1" t="s">
        <v>33259</v>
      </c>
      <c r="E6458">
        <v>3</v>
      </c>
      <c r="F6458">
        <v>2</v>
      </c>
      <c r="H6458" t="s">
        <v>33260</v>
      </c>
      <c r="J6458" t="s">
        <v>33261</v>
      </c>
      <c r="O6458">
        <v>1901265</v>
      </c>
      <c r="P6458">
        <v>1</v>
      </c>
      <c r="Q6458">
        <v>-2</v>
      </c>
      <c r="R6458" t="s">
        <v>759</v>
      </c>
      <c r="S6458">
        <v>82</v>
      </c>
    </row>
    <row r="6459" spans="1:19" x14ac:dyDescent="0.25">
      <c r="A6459">
        <v>28655402</v>
      </c>
      <c r="B6459" t="s">
        <v>33262</v>
      </c>
      <c r="C6459" s="1" t="s">
        <v>33263</v>
      </c>
      <c r="D6459">
        <v>28655441</v>
      </c>
      <c r="E6459">
        <v>3</v>
      </c>
      <c r="F6459">
        <v>3</v>
      </c>
      <c r="H6459" t="s">
        <v>33264</v>
      </c>
      <c r="J6459" t="s">
        <v>33265</v>
      </c>
      <c r="K6459" t="s">
        <v>33265</v>
      </c>
      <c r="M6459">
        <v>2273448</v>
      </c>
      <c r="O6459">
        <v>2273448</v>
      </c>
      <c r="P6459">
        <v>1</v>
      </c>
      <c r="Q6459">
        <v>-2</v>
      </c>
      <c r="R6459" t="s">
        <v>33266</v>
      </c>
      <c r="S6459">
        <v>54</v>
      </c>
    </row>
    <row r="6460" spans="1:19" x14ac:dyDescent="0.25">
      <c r="A6460">
        <v>45525822</v>
      </c>
      <c r="B6460" t="s">
        <v>33267</v>
      </c>
      <c r="C6460" s="1" t="s">
        <v>33268</v>
      </c>
      <c r="D6460">
        <v>45527712</v>
      </c>
      <c r="E6460">
        <v>1</v>
      </c>
      <c r="F6460">
        <v>0</v>
      </c>
      <c r="H6460" t="s">
        <v>33269</v>
      </c>
      <c r="J6460" t="s">
        <v>33270</v>
      </c>
      <c r="O6460">
        <v>8393105</v>
      </c>
      <c r="P6460">
        <v>1</v>
      </c>
      <c r="Q6460">
        <v>0</v>
      </c>
      <c r="R6460" t="s">
        <v>33271</v>
      </c>
      <c r="S6460">
        <v>44</v>
      </c>
    </row>
    <row r="6461" spans="1:19" x14ac:dyDescent="0.25">
      <c r="A6461">
        <v>3339736</v>
      </c>
      <c r="B6461" t="s">
        <v>33272</v>
      </c>
      <c r="C6461" s="1" t="s">
        <v>33273</v>
      </c>
      <c r="D6461">
        <v>3340970</v>
      </c>
      <c r="E6461">
        <v>4</v>
      </c>
      <c r="F6461">
        <v>1</v>
      </c>
      <c r="H6461" t="s">
        <v>33274</v>
      </c>
      <c r="I6461">
        <v>32</v>
      </c>
      <c r="J6461" t="s">
        <v>33275</v>
      </c>
      <c r="K6461" t="s">
        <v>33276</v>
      </c>
      <c r="M6461">
        <v>1399920</v>
      </c>
      <c r="O6461">
        <v>208146</v>
      </c>
      <c r="P6461">
        <v>1</v>
      </c>
      <c r="Q6461">
        <v>56</v>
      </c>
      <c r="R6461" t="s">
        <v>33277</v>
      </c>
      <c r="S6461">
        <v>81142</v>
      </c>
    </row>
    <row r="6462" spans="1:19" x14ac:dyDescent="0.25">
      <c r="A6462">
        <v>4216179</v>
      </c>
      <c r="B6462" t="s">
        <v>33278</v>
      </c>
      <c r="C6462" s="1" t="s">
        <v>33279</v>
      </c>
      <c r="D6462">
        <v>4216270</v>
      </c>
      <c r="E6462">
        <v>2</v>
      </c>
      <c r="F6462">
        <v>0</v>
      </c>
      <c r="H6462" t="s">
        <v>33280</v>
      </c>
      <c r="I6462">
        <v>0</v>
      </c>
      <c r="J6462" t="s">
        <v>33281</v>
      </c>
      <c r="K6462" t="s">
        <v>33282</v>
      </c>
      <c r="M6462">
        <v>1111160</v>
      </c>
      <c r="O6462">
        <v>512282</v>
      </c>
      <c r="P6462">
        <v>1</v>
      </c>
      <c r="Q6462">
        <v>3</v>
      </c>
      <c r="R6462" t="s">
        <v>33283</v>
      </c>
      <c r="S6462">
        <v>3954</v>
      </c>
    </row>
    <row r="6463" spans="1:19" x14ac:dyDescent="0.25">
      <c r="A6463">
        <v>51425497</v>
      </c>
      <c r="B6463" t="s">
        <v>33284</v>
      </c>
      <c r="C6463" s="1" t="s">
        <v>33285</v>
      </c>
      <c r="D6463">
        <v>51429212</v>
      </c>
      <c r="E6463">
        <v>1</v>
      </c>
      <c r="F6463">
        <v>0</v>
      </c>
      <c r="H6463" t="s">
        <v>33286</v>
      </c>
      <c r="J6463" t="s">
        <v>33287</v>
      </c>
      <c r="K6463" t="s">
        <v>33288</v>
      </c>
      <c r="M6463">
        <v>1362485</v>
      </c>
      <c r="O6463">
        <v>1362485</v>
      </c>
      <c r="P6463">
        <v>1</v>
      </c>
      <c r="Q6463">
        <v>0</v>
      </c>
      <c r="R6463" t="s">
        <v>33289</v>
      </c>
      <c r="S6463">
        <v>38</v>
      </c>
    </row>
    <row r="6464" spans="1:19" x14ac:dyDescent="0.25">
      <c r="A6464">
        <v>13683378</v>
      </c>
      <c r="B6464" t="s">
        <v>33290</v>
      </c>
      <c r="C6464" s="1" t="s">
        <v>33291</v>
      </c>
      <c r="D6464">
        <v>13684930</v>
      </c>
      <c r="E6464">
        <v>1</v>
      </c>
      <c r="F6464">
        <v>1</v>
      </c>
      <c r="H6464" t="s">
        <v>33292</v>
      </c>
      <c r="J6464" t="s">
        <v>33293</v>
      </c>
      <c r="O6464">
        <v>195727</v>
      </c>
      <c r="P6464">
        <v>1</v>
      </c>
      <c r="Q6464">
        <v>1</v>
      </c>
      <c r="R6464" t="s">
        <v>33294</v>
      </c>
      <c r="S6464">
        <v>9836</v>
      </c>
    </row>
    <row r="6465" spans="1:19" x14ac:dyDescent="0.25">
      <c r="A6465">
        <v>52453637</v>
      </c>
      <c r="B6465" t="s">
        <v>33295</v>
      </c>
      <c r="C6465" s="1" t="s">
        <v>33296</v>
      </c>
      <c r="E6465">
        <v>2</v>
      </c>
      <c r="F6465">
        <v>0</v>
      </c>
      <c r="H6465" t="s">
        <v>33297</v>
      </c>
      <c r="J6465" t="s">
        <v>33298</v>
      </c>
      <c r="O6465">
        <v>6663815</v>
      </c>
      <c r="P6465">
        <v>1</v>
      </c>
      <c r="Q6465">
        <v>0</v>
      </c>
      <c r="R6465" t="s">
        <v>33299</v>
      </c>
      <c r="S6465">
        <v>26</v>
      </c>
    </row>
    <row r="6466" spans="1:19" x14ac:dyDescent="0.25">
      <c r="A6466">
        <v>5476743</v>
      </c>
      <c r="B6466" t="s">
        <v>33300</v>
      </c>
      <c r="C6466" s="1" t="s">
        <v>33301</v>
      </c>
      <c r="D6466">
        <v>5477761</v>
      </c>
      <c r="E6466">
        <v>1</v>
      </c>
      <c r="F6466">
        <v>0</v>
      </c>
      <c r="H6466" t="s">
        <v>33302</v>
      </c>
      <c r="J6466" t="s">
        <v>33303</v>
      </c>
      <c r="O6466">
        <v>510161</v>
      </c>
      <c r="P6466">
        <v>1</v>
      </c>
      <c r="Q6466">
        <v>1</v>
      </c>
      <c r="R6466" t="s">
        <v>33304</v>
      </c>
      <c r="S6466">
        <v>994</v>
      </c>
    </row>
    <row r="6467" spans="1:19" x14ac:dyDescent="0.25">
      <c r="A6467">
        <v>12385317</v>
      </c>
      <c r="B6467" t="s">
        <v>33305</v>
      </c>
      <c r="C6467" s="1" t="s">
        <v>33306</v>
      </c>
      <c r="D6467">
        <v>12385417</v>
      </c>
      <c r="E6467">
        <v>2</v>
      </c>
      <c r="F6467">
        <v>2</v>
      </c>
      <c r="H6467" t="s">
        <v>33307</v>
      </c>
      <c r="J6467" t="s">
        <v>33308</v>
      </c>
      <c r="O6467">
        <v>1665282</v>
      </c>
      <c r="P6467">
        <v>1</v>
      </c>
      <c r="Q6467">
        <v>1</v>
      </c>
      <c r="R6467" t="s">
        <v>2771</v>
      </c>
      <c r="S6467">
        <v>155</v>
      </c>
    </row>
    <row r="6468" spans="1:19" x14ac:dyDescent="0.25">
      <c r="A6468">
        <v>35576830</v>
      </c>
      <c r="B6468" t="s">
        <v>33309</v>
      </c>
      <c r="C6468" s="1" t="s">
        <v>33310</v>
      </c>
      <c r="D6468">
        <v>35576984</v>
      </c>
      <c r="E6468">
        <v>2</v>
      </c>
      <c r="F6468">
        <v>0</v>
      </c>
      <c r="H6468" t="s">
        <v>33311</v>
      </c>
      <c r="J6468" t="s">
        <v>33312</v>
      </c>
      <c r="K6468" t="s">
        <v>33313</v>
      </c>
      <c r="M6468">
        <v>2134973</v>
      </c>
      <c r="O6468">
        <v>2134973</v>
      </c>
      <c r="P6468">
        <v>1</v>
      </c>
      <c r="Q6468">
        <v>0</v>
      </c>
      <c r="R6468" t="s">
        <v>33314</v>
      </c>
      <c r="S6468">
        <v>814</v>
      </c>
    </row>
    <row r="6469" spans="1:19" x14ac:dyDescent="0.25">
      <c r="A6469">
        <v>30958605</v>
      </c>
      <c r="B6469" t="s">
        <v>33315</v>
      </c>
      <c r="C6469" t="s">
        <v>33316</v>
      </c>
      <c r="E6469">
        <v>1</v>
      </c>
      <c r="F6469">
        <v>0</v>
      </c>
      <c r="H6469" t="s">
        <v>33317</v>
      </c>
      <c r="J6469" t="s">
        <v>33318</v>
      </c>
      <c r="O6469">
        <v>3342215</v>
      </c>
      <c r="P6469">
        <v>1</v>
      </c>
      <c r="Q6469">
        <v>0</v>
      </c>
      <c r="R6469" t="s">
        <v>8052</v>
      </c>
      <c r="S6469">
        <v>77</v>
      </c>
    </row>
    <row r="6470" spans="1:19" x14ac:dyDescent="0.25">
      <c r="A6470">
        <v>25071169</v>
      </c>
      <c r="B6470" t="s">
        <v>33319</v>
      </c>
      <c r="C6470" s="1" t="s">
        <v>33320</v>
      </c>
      <c r="D6470">
        <v>25090178</v>
      </c>
      <c r="E6470">
        <v>2</v>
      </c>
      <c r="F6470">
        <v>0</v>
      </c>
      <c r="H6470" t="s">
        <v>33321</v>
      </c>
      <c r="J6470" t="s">
        <v>33322</v>
      </c>
      <c r="K6470" t="s">
        <v>33323</v>
      </c>
      <c r="M6470">
        <v>949067</v>
      </c>
      <c r="O6470">
        <v>949067</v>
      </c>
      <c r="P6470">
        <v>1</v>
      </c>
      <c r="Q6470">
        <v>1</v>
      </c>
      <c r="R6470" t="s">
        <v>33324</v>
      </c>
      <c r="S6470">
        <v>228</v>
      </c>
    </row>
    <row r="6471" spans="1:19" x14ac:dyDescent="0.25">
      <c r="A6471">
        <v>29306092</v>
      </c>
      <c r="B6471" t="s">
        <v>33325</v>
      </c>
      <c r="C6471" s="1" t="s">
        <v>33326</v>
      </c>
      <c r="D6471">
        <v>29306248</v>
      </c>
      <c r="E6471">
        <v>4</v>
      </c>
      <c r="F6471">
        <v>4</v>
      </c>
      <c r="H6471" t="s">
        <v>33327</v>
      </c>
      <c r="J6471" t="s">
        <v>33328</v>
      </c>
      <c r="K6471" t="s">
        <v>33328</v>
      </c>
      <c r="M6471">
        <v>4682197</v>
      </c>
      <c r="O6471">
        <v>4682197</v>
      </c>
      <c r="P6471">
        <v>1</v>
      </c>
      <c r="Q6471">
        <v>0</v>
      </c>
      <c r="R6471" t="s">
        <v>4668</v>
      </c>
      <c r="S6471">
        <v>81</v>
      </c>
    </row>
    <row r="6472" spans="1:19" x14ac:dyDescent="0.25">
      <c r="A6472">
        <v>23576393</v>
      </c>
      <c r="B6472" t="s">
        <v>33329</v>
      </c>
      <c r="C6472" s="1" t="s">
        <v>33330</v>
      </c>
      <c r="E6472">
        <v>1</v>
      </c>
      <c r="F6472">
        <v>0</v>
      </c>
      <c r="H6472" t="s">
        <v>33331</v>
      </c>
      <c r="J6472" t="s">
        <v>33332</v>
      </c>
      <c r="O6472">
        <v>3538095</v>
      </c>
      <c r="P6472">
        <v>1</v>
      </c>
      <c r="Q6472">
        <v>0</v>
      </c>
      <c r="R6472" t="s">
        <v>33333</v>
      </c>
      <c r="S6472">
        <v>686</v>
      </c>
    </row>
    <row r="6473" spans="1:19" x14ac:dyDescent="0.25">
      <c r="A6473">
        <v>5560173</v>
      </c>
      <c r="B6473" t="s">
        <v>33334</v>
      </c>
      <c r="C6473" s="1" t="s">
        <v>33335</v>
      </c>
      <c r="D6473">
        <v>23958819</v>
      </c>
      <c r="E6473">
        <v>2</v>
      </c>
      <c r="F6473">
        <v>6</v>
      </c>
      <c r="H6473" t="s">
        <v>33336</v>
      </c>
      <c r="J6473" t="s">
        <v>33337</v>
      </c>
      <c r="K6473" t="s">
        <v>33337</v>
      </c>
      <c r="M6473">
        <v>693967</v>
      </c>
      <c r="O6473">
        <v>693967</v>
      </c>
      <c r="P6473">
        <v>1</v>
      </c>
      <c r="Q6473">
        <v>0</v>
      </c>
      <c r="R6473" t="s">
        <v>33338</v>
      </c>
      <c r="S6473">
        <v>6066</v>
      </c>
    </row>
    <row r="6474" spans="1:19" x14ac:dyDescent="0.25">
      <c r="A6474">
        <v>17069367</v>
      </c>
      <c r="B6474" t="s">
        <v>33339</v>
      </c>
      <c r="C6474" s="1" t="s">
        <v>33340</v>
      </c>
      <c r="D6474">
        <v>17089235</v>
      </c>
      <c r="E6474">
        <v>1</v>
      </c>
      <c r="F6474">
        <v>0</v>
      </c>
      <c r="H6474" t="s">
        <v>33341</v>
      </c>
      <c r="J6474" t="s">
        <v>33342</v>
      </c>
      <c r="N6474" t="s">
        <v>33343</v>
      </c>
      <c r="P6474">
        <v>1</v>
      </c>
      <c r="Q6474">
        <v>2</v>
      </c>
      <c r="R6474" t="s">
        <v>33344</v>
      </c>
      <c r="S6474">
        <v>308</v>
      </c>
    </row>
    <row r="6475" spans="1:19" x14ac:dyDescent="0.25">
      <c r="A6475">
        <v>34639725</v>
      </c>
      <c r="B6475" t="s">
        <v>33345</v>
      </c>
      <c r="C6475" s="1" t="s">
        <v>33346</v>
      </c>
      <c r="D6475">
        <v>34662084</v>
      </c>
      <c r="E6475">
        <v>1</v>
      </c>
      <c r="F6475">
        <v>0</v>
      </c>
      <c r="H6475" t="s">
        <v>33347</v>
      </c>
      <c r="J6475" t="s">
        <v>33348</v>
      </c>
      <c r="K6475" t="s">
        <v>33349</v>
      </c>
      <c r="M6475">
        <v>1072187</v>
      </c>
      <c r="O6475">
        <v>1072187</v>
      </c>
      <c r="P6475">
        <v>1</v>
      </c>
      <c r="Q6475">
        <v>1</v>
      </c>
      <c r="R6475" t="s">
        <v>33350</v>
      </c>
      <c r="S6475">
        <v>176</v>
      </c>
    </row>
    <row r="6476" spans="1:19" x14ac:dyDescent="0.25">
      <c r="A6476">
        <v>6030088</v>
      </c>
      <c r="B6476" t="s">
        <v>33351</v>
      </c>
      <c r="C6476" s="1" t="s">
        <v>33352</v>
      </c>
      <c r="E6476">
        <v>1</v>
      </c>
      <c r="F6476">
        <v>4</v>
      </c>
      <c r="H6476" t="s">
        <v>33353</v>
      </c>
      <c r="J6476" t="s">
        <v>33354</v>
      </c>
      <c r="O6476">
        <v>757258</v>
      </c>
      <c r="P6476">
        <v>1</v>
      </c>
      <c r="Q6476">
        <v>1</v>
      </c>
      <c r="R6476" t="s">
        <v>33355</v>
      </c>
      <c r="S6476">
        <v>269</v>
      </c>
    </row>
    <row r="6477" spans="1:19" x14ac:dyDescent="0.25">
      <c r="A6477">
        <v>33977430</v>
      </c>
      <c r="B6477" t="s">
        <v>33356</v>
      </c>
      <c r="C6477" s="1" t="s">
        <v>33357</v>
      </c>
      <c r="D6477">
        <v>33978003</v>
      </c>
      <c r="E6477">
        <v>1</v>
      </c>
      <c r="F6477">
        <v>1</v>
      </c>
      <c r="H6477" t="s">
        <v>33358</v>
      </c>
      <c r="J6477" t="s">
        <v>33359</v>
      </c>
      <c r="K6477" t="s">
        <v>33359</v>
      </c>
      <c r="M6477">
        <v>996114</v>
      </c>
      <c r="O6477">
        <v>3885003</v>
      </c>
      <c r="P6477">
        <v>1</v>
      </c>
      <c r="Q6477">
        <v>0</v>
      </c>
      <c r="R6477" t="s">
        <v>33360</v>
      </c>
      <c r="S6477">
        <v>1522</v>
      </c>
    </row>
    <row r="6478" spans="1:19" x14ac:dyDescent="0.25">
      <c r="A6478">
        <v>30483321</v>
      </c>
      <c r="B6478" t="s">
        <v>33361</v>
      </c>
      <c r="C6478" s="1" t="s">
        <v>33362</v>
      </c>
      <c r="E6478">
        <v>1</v>
      </c>
      <c r="F6478">
        <v>0</v>
      </c>
      <c r="H6478" t="s">
        <v>33363</v>
      </c>
      <c r="J6478" t="s">
        <v>33364</v>
      </c>
      <c r="O6478">
        <v>4061068</v>
      </c>
      <c r="P6478">
        <v>1</v>
      </c>
      <c r="Q6478">
        <v>1</v>
      </c>
      <c r="R6478" t="s">
        <v>7913</v>
      </c>
      <c r="S6478">
        <v>39</v>
      </c>
    </row>
    <row r="6479" spans="1:19" x14ac:dyDescent="0.25">
      <c r="A6479">
        <v>27342251</v>
      </c>
      <c r="B6479" t="s">
        <v>33365</v>
      </c>
      <c r="C6479" s="1" t="s">
        <v>33366</v>
      </c>
      <c r="D6479">
        <v>27342278</v>
      </c>
      <c r="E6479">
        <v>1</v>
      </c>
      <c r="F6479">
        <v>1</v>
      </c>
      <c r="H6479" t="s">
        <v>33367</v>
      </c>
      <c r="J6479" t="s">
        <v>33368</v>
      </c>
      <c r="K6479" t="s">
        <v>33368</v>
      </c>
      <c r="M6479">
        <v>3910193</v>
      </c>
      <c r="O6479">
        <v>3910193</v>
      </c>
      <c r="P6479">
        <v>1</v>
      </c>
      <c r="Q6479">
        <v>1</v>
      </c>
      <c r="R6479" t="s">
        <v>33369</v>
      </c>
      <c r="S6479">
        <v>208</v>
      </c>
    </row>
    <row r="6480" spans="1:19" x14ac:dyDescent="0.25">
      <c r="A6480">
        <v>51366014</v>
      </c>
      <c r="B6480" t="s">
        <v>33370</v>
      </c>
      <c r="C6480" s="1" t="s">
        <v>33371</v>
      </c>
      <c r="E6480">
        <v>0</v>
      </c>
      <c r="F6480">
        <v>0</v>
      </c>
      <c r="H6480" t="s">
        <v>33372</v>
      </c>
      <c r="J6480" t="s">
        <v>33373</v>
      </c>
      <c r="K6480" t="s">
        <v>33373</v>
      </c>
      <c r="M6480">
        <v>6622587</v>
      </c>
      <c r="O6480">
        <v>8049222</v>
      </c>
      <c r="P6480">
        <v>1</v>
      </c>
      <c r="Q6480">
        <v>0</v>
      </c>
      <c r="R6480" t="s">
        <v>33374</v>
      </c>
      <c r="S6480">
        <v>31</v>
      </c>
    </row>
    <row r="6481" spans="1:19" x14ac:dyDescent="0.25">
      <c r="A6481">
        <v>30044252</v>
      </c>
      <c r="B6481" t="s">
        <v>33375</v>
      </c>
      <c r="C6481" s="1" t="s">
        <v>33376</v>
      </c>
      <c r="D6481">
        <v>30044953</v>
      </c>
      <c r="E6481">
        <v>1</v>
      </c>
      <c r="F6481">
        <v>0</v>
      </c>
      <c r="H6481" t="s">
        <v>33377</v>
      </c>
      <c r="J6481" t="s">
        <v>33378</v>
      </c>
      <c r="O6481">
        <v>547198</v>
      </c>
      <c r="P6481">
        <v>1</v>
      </c>
      <c r="Q6481">
        <v>0</v>
      </c>
      <c r="R6481" t="s">
        <v>33379</v>
      </c>
      <c r="S6481">
        <v>52</v>
      </c>
    </row>
    <row r="6482" spans="1:19" x14ac:dyDescent="0.25">
      <c r="A6482">
        <v>49072985</v>
      </c>
      <c r="B6482" t="s">
        <v>33380</v>
      </c>
      <c r="C6482" s="1" t="s">
        <v>33381</v>
      </c>
      <c r="D6482">
        <v>49079865</v>
      </c>
      <c r="E6482">
        <v>3</v>
      </c>
      <c r="F6482">
        <v>4</v>
      </c>
      <c r="H6482" t="s">
        <v>33382</v>
      </c>
      <c r="I6482">
        <v>1</v>
      </c>
      <c r="J6482" t="s">
        <v>33383</v>
      </c>
      <c r="K6482" t="s">
        <v>33384</v>
      </c>
      <c r="M6482">
        <v>1505169</v>
      </c>
      <c r="O6482">
        <v>6238539</v>
      </c>
      <c r="P6482">
        <v>1</v>
      </c>
      <c r="Q6482">
        <v>0</v>
      </c>
      <c r="R6482" t="s">
        <v>33385</v>
      </c>
      <c r="S6482">
        <v>160</v>
      </c>
    </row>
    <row r="6483" spans="1:19" x14ac:dyDescent="0.25">
      <c r="A6483">
        <v>27711769</v>
      </c>
      <c r="B6483" t="s">
        <v>33386</v>
      </c>
      <c r="C6483" s="1" t="s">
        <v>33387</v>
      </c>
      <c r="D6483">
        <v>27711842</v>
      </c>
      <c r="E6483">
        <v>2</v>
      </c>
      <c r="F6483">
        <v>3</v>
      </c>
      <c r="H6483" t="s">
        <v>33388</v>
      </c>
      <c r="J6483" t="s">
        <v>33389</v>
      </c>
      <c r="K6483" t="s">
        <v>33390</v>
      </c>
      <c r="M6483">
        <v>3113558</v>
      </c>
      <c r="N6483" t="s">
        <v>33391</v>
      </c>
      <c r="P6483">
        <v>1</v>
      </c>
      <c r="Q6483">
        <v>0</v>
      </c>
      <c r="R6483" t="s">
        <v>33392</v>
      </c>
      <c r="S6483">
        <v>97</v>
      </c>
    </row>
    <row r="6484" spans="1:19" x14ac:dyDescent="0.25">
      <c r="A6484">
        <v>10901761</v>
      </c>
      <c r="B6484" t="s">
        <v>33393</v>
      </c>
      <c r="C6484" s="1" t="s">
        <v>33394</v>
      </c>
      <c r="D6484">
        <v>10902649</v>
      </c>
      <c r="E6484">
        <v>1</v>
      </c>
      <c r="F6484">
        <v>0</v>
      </c>
      <c r="H6484" t="s">
        <v>33395</v>
      </c>
      <c r="I6484">
        <v>1</v>
      </c>
      <c r="J6484" t="s">
        <v>33396</v>
      </c>
      <c r="K6484" t="s">
        <v>33396</v>
      </c>
      <c r="M6484">
        <v>3714</v>
      </c>
      <c r="O6484">
        <v>904173</v>
      </c>
      <c r="P6484">
        <v>1</v>
      </c>
      <c r="Q6484">
        <v>2</v>
      </c>
      <c r="R6484" t="s">
        <v>21701</v>
      </c>
      <c r="S6484">
        <v>5646</v>
      </c>
    </row>
    <row r="6485" spans="1:19" x14ac:dyDescent="0.25">
      <c r="A6485">
        <v>44395667</v>
      </c>
      <c r="B6485" t="s">
        <v>33397</v>
      </c>
      <c r="C6485" s="1" t="s">
        <v>33398</v>
      </c>
      <c r="D6485">
        <v>44405810</v>
      </c>
      <c r="E6485">
        <v>1</v>
      </c>
      <c r="F6485">
        <v>0</v>
      </c>
      <c r="H6485" t="s">
        <v>33399</v>
      </c>
      <c r="J6485" t="s">
        <v>33400</v>
      </c>
      <c r="O6485">
        <v>2084725</v>
      </c>
      <c r="P6485">
        <v>1</v>
      </c>
      <c r="Q6485">
        <v>0</v>
      </c>
      <c r="R6485" t="s">
        <v>33401</v>
      </c>
      <c r="S6485">
        <v>92</v>
      </c>
    </row>
    <row r="6486" spans="1:19" x14ac:dyDescent="0.25">
      <c r="A6486">
        <v>9828513</v>
      </c>
      <c r="B6486" t="s">
        <v>33402</v>
      </c>
      <c r="C6486" s="1" t="s">
        <v>33403</v>
      </c>
      <c r="D6486">
        <v>9828685</v>
      </c>
      <c r="E6486">
        <v>2</v>
      </c>
      <c r="F6486">
        <v>3</v>
      </c>
      <c r="H6486" t="s">
        <v>33404</v>
      </c>
      <c r="J6486" t="s">
        <v>33405</v>
      </c>
      <c r="K6486" t="s">
        <v>33406</v>
      </c>
      <c r="M6486">
        <v>427309</v>
      </c>
      <c r="O6486">
        <v>964373</v>
      </c>
      <c r="P6486">
        <v>1</v>
      </c>
      <c r="Q6486">
        <v>-1</v>
      </c>
      <c r="R6486" t="s">
        <v>33407</v>
      </c>
      <c r="S6486">
        <v>410</v>
      </c>
    </row>
    <row r="6487" spans="1:19" x14ac:dyDescent="0.25">
      <c r="A6487">
        <v>27086217</v>
      </c>
      <c r="B6487" t="s">
        <v>33408</v>
      </c>
      <c r="C6487" t="s">
        <v>33409</v>
      </c>
      <c r="E6487">
        <v>1</v>
      </c>
      <c r="F6487">
        <v>0</v>
      </c>
      <c r="H6487" t="s">
        <v>33410</v>
      </c>
      <c r="J6487" t="s">
        <v>33411</v>
      </c>
      <c r="O6487">
        <v>2945958</v>
      </c>
      <c r="P6487">
        <v>1</v>
      </c>
      <c r="Q6487">
        <v>1</v>
      </c>
      <c r="R6487" t="s">
        <v>33412</v>
      </c>
      <c r="S6487">
        <v>1095</v>
      </c>
    </row>
    <row r="6488" spans="1:19" x14ac:dyDescent="0.25">
      <c r="A6488">
        <v>12315376</v>
      </c>
      <c r="B6488" t="s">
        <v>33413</v>
      </c>
      <c r="C6488" s="1" t="s">
        <v>33414</v>
      </c>
      <c r="D6488">
        <v>12493341</v>
      </c>
      <c r="E6488">
        <v>1</v>
      </c>
      <c r="F6488">
        <v>3</v>
      </c>
      <c r="H6488" t="s">
        <v>33415</v>
      </c>
      <c r="I6488">
        <v>1</v>
      </c>
      <c r="J6488" t="s">
        <v>33416</v>
      </c>
      <c r="K6488" t="s">
        <v>33417</v>
      </c>
      <c r="M6488">
        <v>1196900</v>
      </c>
      <c r="O6488">
        <v>1654207</v>
      </c>
      <c r="P6488">
        <v>1</v>
      </c>
      <c r="Q6488">
        <v>1</v>
      </c>
      <c r="R6488" t="s">
        <v>33418</v>
      </c>
      <c r="S6488">
        <v>590</v>
      </c>
    </row>
    <row r="6489" spans="1:19" x14ac:dyDescent="0.25">
      <c r="A6489">
        <v>32323951</v>
      </c>
      <c r="B6489" t="s">
        <v>33419</v>
      </c>
      <c r="C6489" s="1" t="s">
        <v>33420</v>
      </c>
      <c r="E6489">
        <v>8</v>
      </c>
      <c r="F6489">
        <v>1</v>
      </c>
      <c r="H6489" t="s">
        <v>33421</v>
      </c>
      <c r="I6489">
        <v>3</v>
      </c>
      <c r="J6489" t="s">
        <v>33422</v>
      </c>
      <c r="K6489" t="s">
        <v>33423</v>
      </c>
      <c r="M6489">
        <v>5638630</v>
      </c>
      <c r="O6489">
        <v>179736</v>
      </c>
      <c r="P6489">
        <v>1</v>
      </c>
      <c r="Q6489">
        <v>11</v>
      </c>
      <c r="R6489" t="s">
        <v>33424</v>
      </c>
      <c r="S6489">
        <v>15508</v>
      </c>
    </row>
    <row r="6490" spans="1:19" x14ac:dyDescent="0.25">
      <c r="A6490">
        <v>33249296</v>
      </c>
      <c r="B6490" t="s">
        <v>33425</v>
      </c>
      <c r="C6490" s="1" t="s">
        <v>33426</v>
      </c>
      <c r="E6490">
        <v>1</v>
      </c>
      <c r="F6490">
        <v>1</v>
      </c>
      <c r="H6490" t="s">
        <v>33427</v>
      </c>
      <c r="J6490" t="s">
        <v>33428</v>
      </c>
      <c r="K6490" t="s">
        <v>33428</v>
      </c>
      <c r="M6490">
        <v>438154</v>
      </c>
      <c r="O6490">
        <v>5469443</v>
      </c>
      <c r="P6490">
        <v>1</v>
      </c>
      <c r="Q6490">
        <v>-1</v>
      </c>
      <c r="R6490" t="s">
        <v>33429</v>
      </c>
      <c r="S6490">
        <v>31</v>
      </c>
    </row>
    <row r="6491" spans="1:19" x14ac:dyDescent="0.25">
      <c r="A6491">
        <v>42765975</v>
      </c>
      <c r="B6491" t="s">
        <v>33430</v>
      </c>
      <c r="C6491" s="1" t="s">
        <v>33431</v>
      </c>
      <c r="E6491">
        <v>0</v>
      </c>
      <c r="F6491">
        <v>5</v>
      </c>
      <c r="H6491" t="s">
        <v>33432</v>
      </c>
      <c r="J6491" t="s">
        <v>33433</v>
      </c>
      <c r="K6491" t="s">
        <v>33433</v>
      </c>
      <c r="M6491">
        <v>7031887</v>
      </c>
      <c r="O6491">
        <v>7031887</v>
      </c>
      <c r="P6491">
        <v>1</v>
      </c>
      <c r="Q6491">
        <v>0</v>
      </c>
      <c r="R6491" t="s">
        <v>33434</v>
      </c>
      <c r="S6491">
        <v>12</v>
      </c>
    </row>
    <row r="6492" spans="1:19" x14ac:dyDescent="0.25">
      <c r="A6492">
        <v>32305807</v>
      </c>
      <c r="B6492" t="s">
        <v>33435</v>
      </c>
      <c r="C6492" s="1" t="s">
        <v>33436</v>
      </c>
      <c r="D6492">
        <v>32305881</v>
      </c>
      <c r="E6492">
        <v>3</v>
      </c>
      <c r="F6492">
        <v>0</v>
      </c>
      <c r="H6492" t="s">
        <v>33437</v>
      </c>
      <c r="J6492" t="s">
        <v>33438</v>
      </c>
      <c r="K6492" t="s">
        <v>33439</v>
      </c>
      <c r="M6492">
        <v>599765</v>
      </c>
      <c r="O6492">
        <v>5232083</v>
      </c>
      <c r="P6492">
        <v>1</v>
      </c>
      <c r="Q6492">
        <v>2</v>
      </c>
      <c r="R6492" t="s">
        <v>2771</v>
      </c>
      <c r="S6492">
        <v>312</v>
      </c>
    </row>
    <row r="6493" spans="1:19" x14ac:dyDescent="0.25">
      <c r="A6493">
        <v>23156560</v>
      </c>
      <c r="B6493" t="s">
        <v>33440</v>
      </c>
      <c r="C6493" s="1" t="s">
        <v>33441</v>
      </c>
      <c r="D6493">
        <v>23171842</v>
      </c>
      <c r="E6493">
        <v>2</v>
      </c>
      <c r="F6493">
        <v>0</v>
      </c>
      <c r="H6493" t="s">
        <v>33442</v>
      </c>
      <c r="I6493">
        <v>1</v>
      </c>
      <c r="J6493" t="s">
        <v>33443</v>
      </c>
      <c r="K6493" t="s">
        <v>33444</v>
      </c>
      <c r="M6493">
        <v>3198471</v>
      </c>
      <c r="O6493">
        <v>3198471</v>
      </c>
      <c r="P6493">
        <v>1</v>
      </c>
      <c r="Q6493">
        <v>1</v>
      </c>
      <c r="R6493" t="s">
        <v>33445</v>
      </c>
      <c r="S6493">
        <v>3498</v>
      </c>
    </row>
    <row r="6494" spans="1:19" x14ac:dyDescent="0.25">
      <c r="A6494">
        <v>39955388</v>
      </c>
      <c r="B6494" t="s">
        <v>33446</v>
      </c>
      <c r="C6494" t="s">
        <v>33447</v>
      </c>
      <c r="E6494">
        <v>0</v>
      </c>
      <c r="F6494">
        <v>4</v>
      </c>
      <c r="H6494" t="s">
        <v>33448</v>
      </c>
      <c r="J6494" t="s">
        <v>33448</v>
      </c>
      <c r="N6494" t="s">
        <v>33449</v>
      </c>
      <c r="P6494">
        <v>1</v>
      </c>
      <c r="Q6494">
        <v>0</v>
      </c>
      <c r="R6494" t="s">
        <v>33450</v>
      </c>
      <c r="S6494">
        <v>150</v>
      </c>
    </row>
    <row r="6495" spans="1:19" x14ac:dyDescent="0.25">
      <c r="A6495">
        <v>1677374</v>
      </c>
      <c r="B6495" t="s">
        <v>33451</v>
      </c>
      <c r="C6495" s="1" t="s">
        <v>33452</v>
      </c>
      <c r="E6495">
        <v>3</v>
      </c>
      <c r="F6495">
        <v>0</v>
      </c>
      <c r="H6495" t="s">
        <v>33453</v>
      </c>
      <c r="J6495" t="s">
        <v>33454</v>
      </c>
      <c r="O6495">
        <v>183174</v>
      </c>
      <c r="P6495">
        <v>1</v>
      </c>
      <c r="Q6495">
        <v>1</v>
      </c>
      <c r="R6495" t="s">
        <v>33455</v>
      </c>
      <c r="S6495">
        <v>357</v>
      </c>
    </row>
    <row r="6496" spans="1:19" x14ac:dyDescent="0.25">
      <c r="A6496">
        <v>36030020</v>
      </c>
      <c r="B6496" t="s">
        <v>33456</v>
      </c>
      <c r="C6496" s="1" t="s">
        <v>33457</v>
      </c>
      <c r="D6496">
        <v>36030086</v>
      </c>
      <c r="E6496">
        <v>2</v>
      </c>
      <c r="F6496">
        <v>0</v>
      </c>
      <c r="H6496" t="s">
        <v>33458</v>
      </c>
      <c r="J6496" t="s">
        <v>33459</v>
      </c>
      <c r="O6496">
        <v>5995960</v>
      </c>
      <c r="P6496">
        <v>1</v>
      </c>
      <c r="Q6496">
        <v>0</v>
      </c>
      <c r="R6496" t="s">
        <v>33460</v>
      </c>
      <c r="S6496">
        <v>767</v>
      </c>
    </row>
    <row r="6497" spans="1:19" x14ac:dyDescent="0.25">
      <c r="A6497">
        <v>47216069</v>
      </c>
      <c r="B6497" t="s">
        <v>33461</v>
      </c>
      <c r="C6497" s="1" t="s">
        <v>33462</v>
      </c>
      <c r="E6497">
        <v>4</v>
      </c>
      <c r="F6497">
        <v>2</v>
      </c>
      <c r="H6497" t="s">
        <v>33463</v>
      </c>
      <c r="J6497" t="s">
        <v>33464</v>
      </c>
      <c r="O6497">
        <v>8917625</v>
      </c>
      <c r="P6497">
        <v>1</v>
      </c>
      <c r="Q6497">
        <v>-2</v>
      </c>
      <c r="R6497" t="s">
        <v>2771</v>
      </c>
      <c r="S6497">
        <v>88</v>
      </c>
    </row>
    <row r="6498" spans="1:19" x14ac:dyDescent="0.25">
      <c r="A6498">
        <v>17904403</v>
      </c>
      <c r="B6498" t="s">
        <v>33465</v>
      </c>
      <c r="C6498" s="1" t="s">
        <v>33466</v>
      </c>
      <c r="D6498">
        <v>17904486</v>
      </c>
      <c r="E6498">
        <v>1</v>
      </c>
      <c r="F6498">
        <v>0</v>
      </c>
      <c r="H6498" t="s">
        <v>33467</v>
      </c>
      <c r="J6498" t="s">
        <v>33468</v>
      </c>
      <c r="K6498" t="s">
        <v>33469</v>
      </c>
      <c r="M6498">
        <v>-1</v>
      </c>
      <c r="O6498">
        <v>904296</v>
      </c>
      <c r="P6498">
        <v>1</v>
      </c>
      <c r="Q6498">
        <v>1</v>
      </c>
      <c r="R6498" t="s">
        <v>33470</v>
      </c>
      <c r="S6498">
        <v>368</v>
      </c>
    </row>
    <row r="6499" spans="1:19" x14ac:dyDescent="0.25">
      <c r="A6499">
        <v>19590297</v>
      </c>
      <c r="B6499" t="s">
        <v>33471</v>
      </c>
      <c r="C6499" s="1" t="s">
        <v>33472</v>
      </c>
      <c r="D6499">
        <v>19695532</v>
      </c>
      <c r="E6499">
        <v>1</v>
      </c>
      <c r="F6499">
        <v>0</v>
      </c>
      <c r="H6499" t="s">
        <v>33473</v>
      </c>
      <c r="J6499" t="s">
        <v>33474</v>
      </c>
      <c r="K6499" t="s">
        <v>33475</v>
      </c>
      <c r="M6499">
        <v>698366</v>
      </c>
      <c r="O6499">
        <v>1558394</v>
      </c>
      <c r="P6499">
        <v>1</v>
      </c>
      <c r="Q6499">
        <v>6</v>
      </c>
      <c r="R6499" t="s">
        <v>33476</v>
      </c>
      <c r="S6499">
        <v>7415</v>
      </c>
    </row>
    <row r="6500" spans="1:19" x14ac:dyDescent="0.25">
      <c r="A6500">
        <v>8915407</v>
      </c>
      <c r="B6500" t="s">
        <v>33477</v>
      </c>
      <c r="C6500" s="1" t="s">
        <v>33478</v>
      </c>
      <c r="D6500">
        <v>8915517</v>
      </c>
      <c r="E6500">
        <v>1</v>
      </c>
      <c r="F6500">
        <v>1</v>
      </c>
      <c r="H6500" t="s">
        <v>33479</v>
      </c>
      <c r="J6500" t="s">
        <v>33480</v>
      </c>
      <c r="K6500" t="s">
        <v>33481</v>
      </c>
      <c r="M6500">
        <v>142162</v>
      </c>
      <c r="O6500">
        <v>1128676</v>
      </c>
      <c r="P6500">
        <v>1</v>
      </c>
      <c r="Q6500">
        <v>0</v>
      </c>
      <c r="R6500" t="s">
        <v>7722</v>
      </c>
      <c r="S6500">
        <v>131</v>
      </c>
    </row>
    <row r="6501" spans="1:19" x14ac:dyDescent="0.25">
      <c r="A6501">
        <v>47415878</v>
      </c>
      <c r="B6501" t="s">
        <v>33482</v>
      </c>
      <c r="C6501" s="1" t="s">
        <v>33483</v>
      </c>
      <c r="D6501">
        <v>47416110</v>
      </c>
      <c r="E6501">
        <v>2</v>
      </c>
      <c r="F6501">
        <v>6</v>
      </c>
      <c r="H6501" t="s">
        <v>33484</v>
      </c>
      <c r="J6501" t="s">
        <v>33485</v>
      </c>
      <c r="K6501" t="s">
        <v>33486</v>
      </c>
      <c r="M6501">
        <v>4686625</v>
      </c>
      <c r="O6501">
        <v>8825929</v>
      </c>
      <c r="P6501">
        <v>1</v>
      </c>
      <c r="Q6501">
        <v>0</v>
      </c>
      <c r="R6501" t="s">
        <v>33487</v>
      </c>
      <c r="S6501">
        <v>26</v>
      </c>
    </row>
    <row r="6502" spans="1:19" x14ac:dyDescent="0.25">
      <c r="A6502">
        <v>53477956</v>
      </c>
      <c r="B6502" t="s">
        <v>33488</v>
      </c>
      <c r="C6502" s="1" t="s">
        <v>33489</v>
      </c>
      <c r="E6502">
        <v>1</v>
      </c>
      <c r="F6502">
        <v>2</v>
      </c>
      <c r="H6502" t="s">
        <v>33490</v>
      </c>
      <c r="J6502" t="s">
        <v>33491</v>
      </c>
      <c r="K6502" t="s">
        <v>33491</v>
      </c>
      <c r="M6502">
        <v>408941</v>
      </c>
      <c r="O6502">
        <v>408941</v>
      </c>
      <c r="P6502">
        <v>1</v>
      </c>
      <c r="Q6502">
        <v>0</v>
      </c>
      <c r="R6502" t="s">
        <v>33492</v>
      </c>
      <c r="S6502">
        <v>30</v>
      </c>
    </row>
    <row r="6503" spans="1:19" x14ac:dyDescent="0.25">
      <c r="A6503">
        <v>944</v>
      </c>
      <c r="B6503" t="s">
        <v>33493</v>
      </c>
      <c r="C6503" s="1" t="s">
        <v>33494</v>
      </c>
      <c r="D6503">
        <v>1016</v>
      </c>
      <c r="E6503">
        <v>5</v>
      </c>
      <c r="F6503">
        <v>0</v>
      </c>
      <c r="H6503" t="s">
        <v>33495</v>
      </c>
      <c r="I6503">
        <v>1</v>
      </c>
      <c r="J6503" t="s">
        <v>33496</v>
      </c>
      <c r="K6503" t="s">
        <v>33497</v>
      </c>
      <c r="L6503" t="s">
        <v>33498</v>
      </c>
      <c r="M6503">
        <v>1033581</v>
      </c>
      <c r="O6503">
        <v>233</v>
      </c>
      <c r="P6503">
        <v>1</v>
      </c>
      <c r="Q6503">
        <v>23</v>
      </c>
      <c r="R6503" t="s">
        <v>33499</v>
      </c>
      <c r="S6503">
        <v>4067</v>
      </c>
    </row>
    <row r="6504" spans="1:19" x14ac:dyDescent="0.25">
      <c r="A6504">
        <v>2722856</v>
      </c>
      <c r="B6504" t="s">
        <v>33500</v>
      </c>
      <c r="C6504" s="1" t="s">
        <v>33501</v>
      </c>
      <c r="D6504">
        <v>2726439</v>
      </c>
      <c r="E6504">
        <v>2</v>
      </c>
      <c r="F6504">
        <v>0</v>
      </c>
      <c r="H6504" t="s">
        <v>33502</v>
      </c>
      <c r="I6504">
        <v>2</v>
      </c>
      <c r="J6504" t="s">
        <v>33503</v>
      </c>
      <c r="K6504" t="s">
        <v>33504</v>
      </c>
      <c r="M6504">
        <v>168225</v>
      </c>
      <c r="O6504">
        <v>326980</v>
      </c>
      <c r="P6504">
        <v>1</v>
      </c>
      <c r="Q6504">
        <v>15</v>
      </c>
      <c r="R6504" t="s">
        <v>33505</v>
      </c>
      <c r="S6504">
        <v>2346</v>
      </c>
    </row>
    <row r="6505" spans="1:19" x14ac:dyDescent="0.25">
      <c r="A6505">
        <v>17197370</v>
      </c>
      <c r="B6505" t="s">
        <v>33506</v>
      </c>
      <c r="C6505" s="1" t="s">
        <v>33507</v>
      </c>
      <c r="E6505">
        <v>1</v>
      </c>
      <c r="F6505">
        <v>0</v>
      </c>
      <c r="H6505" t="s">
        <v>33508</v>
      </c>
      <c r="J6505" t="s">
        <v>33509</v>
      </c>
      <c r="O6505">
        <v>2463319</v>
      </c>
      <c r="P6505">
        <v>1</v>
      </c>
      <c r="Q6505">
        <v>0</v>
      </c>
      <c r="R6505" t="s">
        <v>819</v>
      </c>
      <c r="S6505">
        <v>63</v>
      </c>
    </row>
    <row r="6506" spans="1:19" x14ac:dyDescent="0.25">
      <c r="A6506">
        <v>25213246</v>
      </c>
      <c r="B6506" t="s">
        <v>33510</v>
      </c>
      <c r="C6506" s="1" t="s">
        <v>33511</v>
      </c>
      <c r="D6506">
        <v>25213308</v>
      </c>
      <c r="E6506">
        <v>1</v>
      </c>
      <c r="F6506">
        <v>0</v>
      </c>
      <c r="H6506" t="s">
        <v>33512</v>
      </c>
      <c r="J6506" t="s">
        <v>33513</v>
      </c>
      <c r="O6506">
        <v>1775375</v>
      </c>
      <c r="P6506">
        <v>1</v>
      </c>
      <c r="Q6506">
        <v>0</v>
      </c>
      <c r="R6506" t="s">
        <v>809</v>
      </c>
      <c r="S6506">
        <v>129</v>
      </c>
    </row>
    <row r="6507" spans="1:19" x14ac:dyDescent="0.25">
      <c r="A6507">
        <v>21860853</v>
      </c>
      <c r="B6507" t="s">
        <v>33514</v>
      </c>
      <c r="C6507" s="1" t="s">
        <v>33515</v>
      </c>
      <c r="E6507">
        <v>0</v>
      </c>
      <c r="F6507">
        <v>1</v>
      </c>
      <c r="H6507" t="s">
        <v>33516</v>
      </c>
      <c r="I6507">
        <v>1</v>
      </c>
      <c r="J6507" t="s">
        <v>33517</v>
      </c>
      <c r="K6507" t="s">
        <v>33517</v>
      </c>
      <c r="M6507">
        <v>1654265</v>
      </c>
      <c r="O6507">
        <v>420067</v>
      </c>
      <c r="P6507">
        <v>1</v>
      </c>
      <c r="Q6507">
        <v>1</v>
      </c>
      <c r="R6507" t="s">
        <v>33518</v>
      </c>
      <c r="S6507">
        <v>735</v>
      </c>
    </row>
    <row r="6508" spans="1:19" x14ac:dyDescent="0.25">
      <c r="A6508">
        <v>34405730</v>
      </c>
      <c r="B6508" t="s">
        <v>33519</v>
      </c>
      <c r="C6508" s="1" t="s">
        <v>33520</v>
      </c>
      <c r="D6508">
        <v>34405769</v>
      </c>
      <c r="E6508">
        <v>2</v>
      </c>
      <c r="F6508">
        <v>0</v>
      </c>
      <c r="H6508" t="s">
        <v>33521</v>
      </c>
      <c r="J6508" t="s">
        <v>33522</v>
      </c>
      <c r="K6508" t="s">
        <v>33523</v>
      </c>
      <c r="M6508">
        <v>1755598</v>
      </c>
      <c r="O6508">
        <v>1634292</v>
      </c>
      <c r="P6508">
        <v>1</v>
      </c>
      <c r="Q6508">
        <v>1</v>
      </c>
      <c r="R6508" t="s">
        <v>33524</v>
      </c>
      <c r="S6508">
        <v>36</v>
      </c>
    </row>
    <row r="6509" spans="1:19" x14ac:dyDescent="0.25">
      <c r="A6509">
        <v>47986199</v>
      </c>
      <c r="B6509" t="s">
        <v>33525</v>
      </c>
      <c r="C6509" s="1" t="s">
        <v>33526</v>
      </c>
      <c r="E6509">
        <v>0</v>
      </c>
      <c r="F6509">
        <v>1</v>
      </c>
      <c r="H6509" t="s">
        <v>33527</v>
      </c>
      <c r="J6509" t="s">
        <v>33528</v>
      </c>
      <c r="K6509" t="s">
        <v>33528</v>
      </c>
      <c r="M6509">
        <v>1832058</v>
      </c>
      <c r="O6509">
        <v>5441365</v>
      </c>
      <c r="P6509">
        <v>1</v>
      </c>
      <c r="Q6509">
        <v>0</v>
      </c>
      <c r="R6509" t="s">
        <v>33529</v>
      </c>
      <c r="S6509">
        <v>25</v>
      </c>
    </row>
    <row r="6510" spans="1:19" x14ac:dyDescent="0.25">
      <c r="A6510">
        <v>52118646</v>
      </c>
      <c r="B6510" t="s">
        <v>33530</v>
      </c>
      <c r="C6510" s="1" t="s">
        <v>33531</v>
      </c>
      <c r="D6510">
        <v>52118958</v>
      </c>
      <c r="E6510">
        <v>1</v>
      </c>
      <c r="F6510">
        <v>0</v>
      </c>
      <c r="H6510" t="s">
        <v>33532</v>
      </c>
      <c r="J6510" t="s">
        <v>33533</v>
      </c>
      <c r="O6510">
        <v>10181067</v>
      </c>
      <c r="P6510">
        <v>1</v>
      </c>
      <c r="Q6510">
        <v>1</v>
      </c>
      <c r="R6510" t="s">
        <v>33534</v>
      </c>
      <c r="S6510">
        <v>39</v>
      </c>
    </row>
    <row r="6511" spans="1:19" x14ac:dyDescent="0.25">
      <c r="A6511">
        <v>34149753</v>
      </c>
      <c r="B6511" t="s">
        <v>33535</v>
      </c>
      <c r="C6511" s="1" t="s">
        <v>33536</v>
      </c>
      <c r="E6511">
        <v>0</v>
      </c>
      <c r="F6511">
        <v>10</v>
      </c>
      <c r="H6511" t="s">
        <v>33537</v>
      </c>
      <c r="J6511" t="s">
        <v>33537</v>
      </c>
      <c r="O6511">
        <v>5203104</v>
      </c>
      <c r="P6511">
        <v>1</v>
      </c>
      <c r="Q6511">
        <v>0</v>
      </c>
      <c r="R6511" t="s">
        <v>33538</v>
      </c>
      <c r="S6511">
        <v>323</v>
      </c>
    </row>
    <row r="6512" spans="1:19" x14ac:dyDescent="0.25">
      <c r="A6512">
        <v>10784499</v>
      </c>
      <c r="B6512" t="s">
        <v>33539</v>
      </c>
      <c r="C6512" s="1" t="s">
        <v>33540</v>
      </c>
      <c r="D6512">
        <v>10784940</v>
      </c>
      <c r="E6512">
        <v>1</v>
      </c>
      <c r="F6512">
        <v>11</v>
      </c>
      <c r="H6512" t="s">
        <v>33541</v>
      </c>
      <c r="J6512" t="s">
        <v>33542</v>
      </c>
      <c r="K6512" t="s">
        <v>33543</v>
      </c>
      <c r="M6512">
        <v>425275</v>
      </c>
      <c r="O6512">
        <v>1212924</v>
      </c>
      <c r="P6512">
        <v>1</v>
      </c>
      <c r="Q6512">
        <v>0</v>
      </c>
      <c r="R6512" t="s">
        <v>33544</v>
      </c>
      <c r="S6512">
        <v>4169</v>
      </c>
    </row>
    <row r="6513" spans="1:19" x14ac:dyDescent="0.25">
      <c r="A6513">
        <v>15108602</v>
      </c>
      <c r="B6513" t="s">
        <v>33545</v>
      </c>
      <c r="C6513" s="1" t="s">
        <v>33546</v>
      </c>
      <c r="D6513">
        <v>15108720</v>
      </c>
      <c r="E6513">
        <v>2</v>
      </c>
      <c r="F6513">
        <v>0</v>
      </c>
      <c r="H6513" t="s">
        <v>33547</v>
      </c>
      <c r="I6513">
        <v>4</v>
      </c>
      <c r="J6513" t="s">
        <v>33548</v>
      </c>
      <c r="K6513" t="s">
        <v>33548</v>
      </c>
      <c r="M6513">
        <v>1366033</v>
      </c>
      <c r="O6513">
        <v>1206193</v>
      </c>
      <c r="P6513">
        <v>1</v>
      </c>
      <c r="Q6513">
        <v>12</v>
      </c>
      <c r="R6513" t="s">
        <v>33549</v>
      </c>
      <c r="S6513">
        <v>15416</v>
      </c>
    </row>
    <row r="6514" spans="1:19" x14ac:dyDescent="0.25">
      <c r="A6514">
        <v>37476717</v>
      </c>
      <c r="B6514" t="s">
        <v>33550</v>
      </c>
      <c r="C6514" s="1" t="s">
        <v>33551</v>
      </c>
      <c r="D6514">
        <v>37481495</v>
      </c>
      <c r="E6514">
        <v>1</v>
      </c>
      <c r="F6514">
        <v>3</v>
      </c>
      <c r="H6514" t="s">
        <v>33552</v>
      </c>
      <c r="J6514" t="s">
        <v>33553</v>
      </c>
      <c r="O6514">
        <v>2919875</v>
      </c>
      <c r="P6514">
        <v>1</v>
      </c>
      <c r="Q6514">
        <v>0</v>
      </c>
      <c r="R6514" t="s">
        <v>33554</v>
      </c>
      <c r="S6514">
        <v>138</v>
      </c>
    </row>
    <row r="6515" spans="1:19" x14ac:dyDescent="0.25">
      <c r="A6515">
        <v>39252664</v>
      </c>
      <c r="B6515" t="s">
        <v>33555</v>
      </c>
      <c r="C6515" s="1" t="s">
        <v>33556</v>
      </c>
      <c r="E6515">
        <v>1</v>
      </c>
      <c r="F6515">
        <v>0</v>
      </c>
      <c r="H6515" t="s">
        <v>33557</v>
      </c>
      <c r="J6515" t="s">
        <v>33558</v>
      </c>
      <c r="K6515" t="s">
        <v>33559</v>
      </c>
      <c r="M6515">
        <v>-1</v>
      </c>
      <c r="O6515">
        <v>4991204</v>
      </c>
      <c r="P6515">
        <v>1</v>
      </c>
      <c r="Q6515">
        <v>0</v>
      </c>
      <c r="R6515" t="s">
        <v>33560</v>
      </c>
      <c r="S6515">
        <v>461</v>
      </c>
    </row>
    <row r="6516" spans="1:19" x14ac:dyDescent="0.25">
      <c r="A6516">
        <v>48630176</v>
      </c>
      <c r="B6516" t="s">
        <v>33561</v>
      </c>
      <c r="C6516" s="1" t="s">
        <v>33562</v>
      </c>
      <c r="E6516">
        <v>0</v>
      </c>
      <c r="F6516">
        <v>0</v>
      </c>
      <c r="H6516" t="s">
        <v>33563</v>
      </c>
      <c r="J6516" t="s">
        <v>33564</v>
      </c>
      <c r="O6516">
        <v>7232539</v>
      </c>
      <c r="P6516">
        <v>1</v>
      </c>
      <c r="Q6516">
        <v>0</v>
      </c>
      <c r="R6516" t="s">
        <v>2771</v>
      </c>
      <c r="S6516">
        <v>23</v>
      </c>
    </row>
    <row r="6517" spans="1:19" x14ac:dyDescent="0.25">
      <c r="A6517">
        <v>47532369</v>
      </c>
      <c r="B6517" t="s">
        <v>33565</v>
      </c>
      <c r="C6517" s="1" t="s">
        <v>33566</v>
      </c>
      <c r="E6517">
        <v>0</v>
      </c>
      <c r="F6517">
        <v>2</v>
      </c>
      <c r="H6517" t="s">
        <v>33567</v>
      </c>
      <c r="J6517" t="s">
        <v>33567</v>
      </c>
      <c r="O6517">
        <v>4908821</v>
      </c>
      <c r="P6517">
        <v>1</v>
      </c>
      <c r="Q6517">
        <v>0</v>
      </c>
      <c r="R6517" t="s">
        <v>33568</v>
      </c>
      <c r="S6517">
        <v>29</v>
      </c>
    </row>
    <row r="6518" spans="1:19" x14ac:dyDescent="0.25">
      <c r="A6518">
        <v>21878973</v>
      </c>
      <c r="B6518" t="s">
        <v>33569</v>
      </c>
      <c r="C6518" s="1" t="s">
        <v>33570</v>
      </c>
      <c r="D6518">
        <v>21879131</v>
      </c>
      <c r="E6518">
        <v>1</v>
      </c>
      <c r="F6518">
        <v>0</v>
      </c>
      <c r="H6518" t="s">
        <v>33571</v>
      </c>
      <c r="J6518" t="s">
        <v>33572</v>
      </c>
      <c r="K6518" t="s">
        <v>33572</v>
      </c>
      <c r="M6518">
        <v>2080262</v>
      </c>
      <c r="O6518">
        <v>2080262</v>
      </c>
      <c r="P6518">
        <v>1</v>
      </c>
      <c r="Q6518">
        <v>1</v>
      </c>
      <c r="R6518" t="s">
        <v>33573</v>
      </c>
      <c r="S6518">
        <v>141</v>
      </c>
    </row>
    <row r="6519" spans="1:19" x14ac:dyDescent="0.25">
      <c r="A6519">
        <v>22132504</v>
      </c>
      <c r="B6519" t="s">
        <v>33574</v>
      </c>
      <c r="C6519" s="1" t="s">
        <v>33575</v>
      </c>
      <c r="E6519">
        <v>1</v>
      </c>
      <c r="F6519">
        <v>17</v>
      </c>
      <c r="H6519" t="s">
        <v>33576</v>
      </c>
      <c r="I6519">
        <v>1</v>
      </c>
      <c r="J6519" t="s">
        <v>33577</v>
      </c>
      <c r="K6519" t="s">
        <v>33578</v>
      </c>
      <c r="M6519">
        <v>3133421</v>
      </c>
      <c r="O6519">
        <v>3133421</v>
      </c>
      <c r="P6519">
        <v>1</v>
      </c>
      <c r="Q6519">
        <v>1</v>
      </c>
      <c r="R6519" t="s">
        <v>33579</v>
      </c>
      <c r="S6519">
        <v>1572</v>
      </c>
    </row>
    <row r="6520" spans="1:19" x14ac:dyDescent="0.25">
      <c r="A6520">
        <v>45629015</v>
      </c>
      <c r="B6520" t="s">
        <v>33580</v>
      </c>
      <c r="C6520" s="1" t="s">
        <v>33581</v>
      </c>
      <c r="D6520">
        <v>45638323</v>
      </c>
      <c r="E6520">
        <v>1</v>
      </c>
      <c r="F6520">
        <v>0</v>
      </c>
      <c r="H6520" t="s">
        <v>33582</v>
      </c>
      <c r="J6520" t="s">
        <v>33583</v>
      </c>
      <c r="O6520">
        <v>4342353</v>
      </c>
      <c r="P6520">
        <v>1</v>
      </c>
      <c r="Q6520">
        <v>1</v>
      </c>
      <c r="R6520" t="s">
        <v>33584</v>
      </c>
      <c r="S6520">
        <v>111</v>
      </c>
    </row>
    <row r="6521" spans="1:19" x14ac:dyDescent="0.25">
      <c r="A6521">
        <v>34211947</v>
      </c>
      <c r="B6521" t="s">
        <v>33585</v>
      </c>
      <c r="C6521" s="1" t="s">
        <v>33586</v>
      </c>
      <c r="D6521">
        <v>34212160</v>
      </c>
      <c r="E6521">
        <v>2</v>
      </c>
      <c r="F6521">
        <v>0</v>
      </c>
      <c r="H6521" t="s">
        <v>33587</v>
      </c>
      <c r="J6521" t="s">
        <v>33588</v>
      </c>
      <c r="O6521">
        <v>3156300</v>
      </c>
      <c r="P6521">
        <v>1</v>
      </c>
      <c r="Q6521">
        <v>0</v>
      </c>
      <c r="R6521" t="s">
        <v>33589</v>
      </c>
      <c r="S6521">
        <v>636</v>
      </c>
    </row>
    <row r="6522" spans="1:19" x14ac:dyDescent="0.25">
      <c r="A6522">
        <v>44174179</v>
      </c>
      <c r="B6522" t="s">
        <v>33590</v>
      </c>
      <c r="C6522" s="1" t="s">
        <v>33591</v>
      </c>
      <c r="D6522">
        <v>44175627</v>
      </c>
      <c r="E6522">
        <v>1</v>
      </c>
      <c r="F6522">
        <v>2</v>
      </c>
      <c r="H6522" t="s">
        <v>33592</v>
      </c>
      <c r="J6522" t="s">
        <v>33593</v>
      </c>
      <c r="K6522" t="s">
        <v>33593</v>
      </c>
      <c r="M6522">
        <v>7725621</v>
      </c>
      <c r="O6522">
        <v>8063365</v>
      </c>
      <c r="P6522">
        <v>1</v>
      </c>
      <c r="Q6522">
        <v>0</v>
      </c>
      <c r="R6522" t="s">
        <v>33594</v>
      </c>
      <c r="S6522">
        <v>504</v>
      </c>
    </row>
    <row r="6523" spans="1:19" x14ac:dyDescent="0.25">
      <c r="A6523">
        <v>24043015</v>
      </c>
      <c r="B6523" t="s">
        <v>33595</v>
      </c>
      <c r="C6523" s="1" t="s">
        <v>33596</v>
      </c>
      <c r="E6523">
        <v>1</v>
      </c>
      <c r="F6523">
        <v>1</v>
      </c>
      <c r="H6523" t="s">
        <v>33597</v>
      </c>
      <c r="J6523" t="s">
        <v>33598</v>
      </c>
      <c r="K6523" t="s">
        <v>33598</v>
      </c>
      <c r="M6523">
        <v>886913</v>
      </c>
      <c r="O6523">
        <v>533492</v>
      </c>
      <c r="P6523">
        <v>1</v>
      </c>
      <c r="Q6523">
        <v>2</v>
      </c>
      <c r="R6523" t="s">
        <v>33599</v>
      </c>
      <c r="S6523">
        <v>3235</v>
      </c>
    </row>
    <row r="6524" spans="1:19" x14ac:dyDescent="0.25">
      <c r="A6524">
        <v>45311634</v>
      </c>
      <c r="B6524" t="s">
        <v>33600</v>
      </c>
      <c r="C6524" s="1" t="s">
        <v>33601</v>
      </c>
      <c r="E6524">
        <v>2</v>
      </c>
      <c r="F6524">
        <v>0</v>
      </c>
      <c r="H6524" t="s">
        <v>33602</v>
      </c>
      <c r="J6524" t="s">
        <v>33603</v>
      </c>
      <c r="O6524">
        <v>8246198</v>
      </c>
      <c r="P6524">
        <v>1</v>
      </c>
      <c r="Q6524">
        <v>1</v>
      </c>
      <c r="R6524" t="s">
        <v>33604</v>
      </c>
      <c r="S6524">
        <v>575</v>
      </c>
    </row>
    <row r="6525" spans="1:19" x14ac:dyDescent="0.25">
      <c r="A6525">
        <v>38201292</v>
      </c>
      <c r="B6525" t="s">
        <v>33605</v>
      </c>
      <c r="C6525" s="1" t="s">
        <v>33606</v>
      </c>
      <c r="D6525">
        <v>38201442</v>
      </c>
      <c r="E6525">
        <v>3</v>
      </c>
      <c r="F6525">
        <v>9</v>
      </c>
      <c r="H6525" t="s">
        <v>33607</v>
      </c>
      <c r="J6525" t="s">
        <v>33608</v>
      </c>
      <c r="K6525" t="s">
        <v>33609</v>
      </c>
      <c r="M6525">
        <v>6127411</v>
      </c>
      <c r="O6525">
        <v>4920434</v>
      </c>
      <c r="P6525">
        <v>1</v>
      </c>
      <c r="Q6525">
        <v>1</v>
      </c>
      <c r="R6525" t="s">
        <v>33610</v>
      </c>
      <c r="S6525">
        <v>355</v>
      </c>
    </row>
    <row r="6526" spans="1:19" x14ac:dyDescent="0.25">
      <c r="A6526">
        <v>8986222</v>
      </c>
      <c r="B6526" t="s">
        <v>33611</v>
      </c>
      <c r="C6526" s="1" t="s">
        <v>33612</v>
      </c>
      <c r="D6526">
        <v>8986348</v>
      </c>
      <c r="E6526">
        <v>4</v>
      </c>
      <c r="F6526">
        <v>0</v>
      </c>
      <c r="H6526" t="s">
        <v>33613</v>
      </c>
      <c r="I6526">
        <v>0</v>
      </c>
      <c r="J6526" t="s">
        <v>33614</v>
      </c>
      <c r="O6526">
        <v>1084933</v>
      </c>
      <c r="P6526">
        <v>1</v>
      </c>
      <c r="Q6526">
        <v>1</v>
      </c>
      <c r="R6526" t="s">
        <v>33615</v>
      </c>
      <c r="S6526">
        <v>1907</v>
      </c>
    </row>
    <row r="6527" spans="1:19" x14ac:dyDescent="0.25">
      <c r="A6527">
        <v>10302484</v>
      </c>
      <c r="B6527" t="s">
        <v>33616</v>
      </c>
      <c r="C6527" s="1" t="s">
        <v>33617</v>
      </c>
      <c r="E6527">
        <v>1</v>
      </c>
      <c r="F6527">
        <v>1</v>
      </c>
      <c r="H6527" t="s">
        <v>33618</v>
      </c>
      <c r="J6527" t="s">
        <v>33619</v>
      </c>
      <c r="K6527" t="s">
        <v>33620</v>
      </c>
      <c r="M6527">
        <v>217219</v>
      </c>
      <c r="O6527">
        <v>1354296</v>
      </c>
      <c r="P6527">
        <v>1</v>
      </c>
      <c r="Q6527">
        <v>2</v>
      </c>
      <c r="R6527" t="s">
        <v>33621</v>
      </c>
      <c r="S6527">
        <v>2137</v>
      </c>
    </row>
    <row r="6528" spans="1:19" x14ac:dyDescent="0.25">
      <c r="A6528">
        <v>11783923</v>
      </c>
      <c r="B6528" t="s">
        <v>33622</v>
      </c>
      <c r="C6528" s="1" t="s">
        <v>33623</v>
      </c>
      <c r="D6528">
        <v>11784254</v>
      </c>
      <c r="E6528">
        <v>1</v>
      </c>
      <c r="F6528">
        <v>1</v>
      </c>
      <c r="H6528" t="s">
        <v>33624</v>
      </c>
      <c r="J6528" t="s">
        <v>33625</v>
      </c>
      <c r="O6528">
        <v>649230</v>
      </c>
      <c r="P6528">
        <v>1</v>
      </c>
      <c r="Q6528">
        <v>3</v>
      </c>
      <c r="R6528" t="s">
        <v>33626</v>
      </c>
      <c r="S6528">
        <v>592</v>
      </c>
    </row>
    <row r="6529" spans="1:19" x14ac:dyDescent="0.25">
      <c r="A6529">
        <v>38806940</v>
      </c>
      <c r="B6529" t="s">
        <v>33627</v>
      </c>
      <c r="C6529" s="1" t="s">
        <v>33628</v>
      </c>
      <c r="D6529">
        <v>38807139</v>
      </c>
      <c r="E6529">
        <v>1</v>
      </c>
      <c r="F6529">
        <v>4</v>
      </c>
      <c r="H6529" t="s">
        <v>33629</v>
      </c>
      <c r="J6529" t="s">
        <v>33630</v>
      </c>
      <c r="K6529" t="s">
        <v>33631</v>
      </c>
      <c r="M6529">
        <v>4522329</v>
      </c>
      <c r="O6529">
        <v>4522329</v>
      </c>
      <c r="P6529">
        <v>1</v>
      </c>
      <c r="Q6529">
        <v>1</v>
      </c>
      <c r="R6529" t="s">
        <v>33632</v>
      </c>
      <c r="S6529">
        <v>78</v>
      </c>
    </row>
    <row r="6530" spans="1:19" x14ac:dyDescent="0.25">
      <c r="A6530">
        <v>30083230</v>
      </c>
      <c r="B6530" t="s">
        <v>33633</v>
      </c>
      <c r="C6530" s="1" t="s">
        <v>33634</v>
      </c>
      <c r="E6530">
        <v>1</v>
      </c>
      <c r="F6530">
        <v>0</v>
      </c>
      <c r="H6530" t="s">
        <v>33635</v>
      </c>
      <c r="J6530" t="s">
        <v>33636</v>
      </c>
      <c r="O6530">
        <v>2847816</v>
      </c>
      <c r="P6530">
        <v>1</v>
      </c>
      <c r="Q6530">
        <v>1</v>
      </c>
      <c r="R6530" t="s">
        <v>33637</v>
      </c>
      <c r="S6530">
        <v>303</v>
      </c>
    </row>
    <row r="6531" spans="1:19" x14ac:dyDescent="0.25">
      <c r="A6531">
        <v>2081418</v>
      </c>
      <c r="B6531" t="s">
        <v>33638</v>
      </c>
      <c r="C6531" s="1" t="s">
        <v>33639</v>
      </c>
      <c r="D6531">
        <v>2081425</v>
      </c>
      <c r="E6531">
        <v>16</v>
      </c>
      <c r="F6531">
        <v>0</v>
      </c>
      <c r="H6531" t="s">
        <v>33640</v>
      </c>
      <c r="I6531">
        <v>71</v>
      </c>
      <c r="J6531" t="s">
        <v>33641</v>
      </c>
      <c r="K6531" t="s">
        <v>33642</v>
      </c>
      <c r="M6531">
        <v>202229</v>
      </c>
      <c r="O6531">
        <v>172029</v>
      </c>
      <c r="P6531">
        <v>1</v>
      </c>
      <c r="Q6531">
        <v>215</v>
      </c>
      <c r="R6531" t="s">
        <v>33643</v>
      </c>
      <c r="S6531">
        <v>253445</v>
      </c>
    </row>
    <row r="6532" spans="1:19" x14ac:dyDescent="0.25">
      <c r="A6532">
        <v>11601135</v>
      </c>
      <c r="B6532" t="s">
        <v>33644</v>
      </c>
      <c r="C6532" s="1" t="s">
        <v>33645</v>
      </c>
      <c r="D6532">
        <v>11601194</v>
      </c>
      <c r="E6532">
        <v>2</v>
      </c>
      <c r="F6532">
        <v>8</v>
      </c>
      <c r="H6532" t="s">
        <v>33646</v>
      </c>
      <c r="J6532" t="s">
        <v>33647</v>
      </c>
      <c r="K6532" t="s">
        <v>33648</v>
      </c>
      <c r="M6532">
        <v>995876</v>
      </c>
      <c r="O6532">
        <v>1542249</v>
      </c>
      <c r="P6532">
        <v>1</v>
      </c>
      <c r="Q6532">
        <v>-1</v>
      </c>
      <c r="R6532" t="s">
        <v>989</v>
      </c>
      <c r="S6532">
        <v>538</v>
      </c>
    </row>
    <row r="6533" spans="1:19" x14ac:dyDescent="0.25">
      <c r="A6533">
        <v>12899894</v>
      </c>
      <c r="B6533" t="s">
        <v>33649</v>
      </c>
      <c r="C6533" s="1" t="s">
        <v>33650</v>
      </c>
      <c r="D6533">
        <v>12900670</v>
      </c>
      <c r="E6533">
        <v>1</v>
      </c>
      <c r="F6533">
        <v>0</v>
      </c>
      <c r="H6533" t="s">
        <v>33651</v>
      </c>
      <c r="J6533" t="s">
        <v>33652</v>
      </c>
      <c r="K6533" t="s">
        <v>33653</v>
      </c>
      <c r="M6533">
        <v>964043</v>
      </c>
      <c r="O6533">
        <v>1624069</v>
      </c>
      <c r="P6533">
        <v>1</v>
      </c>
      <c r="Q6533">
        <v>1</v>
      </c>
      <c r="R6533" t="s">
        <v>33654</v>
      </c>
      <c r="S6533">
        <v>1720</v>
      </c>
    </row>
    <row r="6534" spans="1:19" x14ac:dyDescent="0.25">
      <c r="A6534">
        <v>31644148</v>
      </c>
      <c r="B6534" t="s">
        <v>33655</v>
      </c>
      <c r="C6534" s="1" t="s">
        <v>33656</v>
      </c>
      <c r="E6534">
        <v>1</v>
      </c>
      <c r="F6534">
        <v>3</v>
      </c>
      <c r="H6534" t="s">
        <v>33657</v>
      </c>
      <c r="J6534" t="s">
        <v>33658</v>
      </c>
      <c r="K6534" t="s">
        <v>33658</v>
      </c>
      <c r="M6534">
        <v>1185254</v>
      </c>
      <c r="O6534">
        <v>3970937</v>
      </c>
      <c r="P6534">
        <v>1</v>
      </c>
      <c r="Q6534">
        <v>1</v>
      </c>
      <c r="R6534" t="s">
        <v>33659</v>
      </c>
      <c r="S6534">
        <v>1420</v>
      </c>
    </row>
    <row r="6535" spans="1:19" x14ac:dyDescent="0.25">
      <c r="A6535">
        <v>9036036</v>
      </c>
      <c r="B6535" t="s">
        <v>33660</v>
      </c>
      <c r="C6535" s="1" t="s">
        <v>33661</v>
      </c>
      <c r="E6535">
        <v>1</v>
      </c>
      <c r="F6535">
        <v>0</v>
      </c>
      <c r="H6535" t="s">
        <v>33662</v>
      </c>
      <c r="J6535" t="s">
        <v>33663</v>
      </c>
      <c r="K6535" t="s">
        <v>33663</v>
      </c>
      <c r="M6535">
        <v>861684</v>
      </c>
      <c r="O6535">
        <v>861684</v>
      </c>
      <c r="P6535">
        <v>1</v>
      </c>
      <c r="Q6535">
        <v>0</v>
      </c>
      <c r="R6535" t="s">
        <v>33664</v>
      </c>
      <c r="S6535">
        <v>1127</v>
      </c>
    </row>
    <row r="6536" spans="1:19" x14ac:dyDescent="0.25">
      <c r="A6536">
        <v>31394636</v>
      </c>
      <c r="B6536" t="s">
        <v>33665</v>
      </c>
      <c r="C6536" s="1" t="s">
        <v>33666</v>
      </c>
      <c r="E6536">
        <v>1</v>
      </c>
      <c r="F6536">
        <v>4</v>
      </c>
      <c r="H6536" t="s">
        <v>33667</v>
      </c>
      <c r="J6536" t="s">
        <v>33668</v>
      </c>
      <c r="K6536" t="s">
        <v>33669</v>
      </c>
      <c r="M6536">
        <v>3040171</v>
      </c>
      <c r="O6536">
        <v>3040171</v>
      </c>
      <c r="P6536">
        <v>1</v>
      </c>
      <c r="Q6536">
        <v>-1</v>
      </c>
      <c r="R6536" t="s">
        <v>408</v>
      </c>
      <c r="S6536">
        <v>93</v>
      </c>
    </row>
    <row r="6537" spans="1:19" x14ac:dyDescent="0.25">
      <c r="A6537">
        <v>46439325</v>
      </c>
      <c r="B6537" t="s">
        <v>33670</v>
      </c>
      <c r="C6537" s="1" t="s">
        <v>33671</v>
      </c>
      <c r="E6537">
        <v>3</v>
      </c>
      <c r="F6537">
        <v>3</v>
      </c>
      <c r="H6537" t="s">
        <v>33672</v>
      </c>
      <c r="J6537" t="s">
        <v>33673</v>
      </c>
      <c r="K6537" t="s">
        <v>33674</v>
      </c>
      <c r="M6537">
        <v>4696802</v>
      </c>
      <c r="O6537">
        <v>4696802</v>
      </c>
      <c r="P6537">
        <v>1</v>
      </c>
      <c r="Q6537">
        <v>10</v>
      </c>
      <c r="R6537" t="s">
        <v>33675</v>
      </c>
      <c r="S6537">
        <v>857</v>
      </c>
    </row>
    <row r="6538" spans="1:19" x14ac:dyDescent="0.25">
      <c r="A6538">
        <v>36128669</v>
      </c>
      <c r="B6538" t="s">
        <v>33676</v>
      </c>
      <c r="C6538" s="1" t="s">
        <v>33677</v>
      </c>
      <c r="D6538">
        <v>36128791</v>
      </c>
      <c r="E6538">
        <v>2</v>
      </c>
      <c r="F6538">
        <v>2</v>
      </c>
      <c r="H6538" t="s">
        <v>33678</v>
      </c>
      <c r="J6538" t="s">
        <v>33679</v>
      </c>
      <c r="K6538" t="s">
        <v>33680</v>
      </c>
      <c r="M6538">
        <v>-1</v>
      </c>
      <c r="O6538">
        <v>4357680</v>
      </c>
      <c r="P6538">
        <v>1</v>
      </c>
      <c r="Q6538">
        <v>0</v>
      </c>
      <c r="R6538" t="s">
        <v>413</v>
      </c>
      <c r="S6538">
        <v>42</v>
      </c>
    </row>
    <row r="6539" spans="1:19" x14ac:dyDescent="0.25">
      <c r="A6539">
        <v>35684189</v>
      </c>
      <c r="B6539" t="s">
        <v>33681</v>
      </c>
      <c r="C6539" s="1" t="s">
        <v>33682</v>
      </c>
      <c r="E6539">
        <v>1</v>
      </c>
      <c r="F6539">
        <v>2</v>
      </c>
      <c r="H6539" t="s">
        <v>33683</v>
      </c>
      <c r="J6539" t="s">
        <v>33684</v>
      </c>
      <c r="O6539">
        <v>4634250</v>
      </c>
      <c r="P6539">
        <v>1</v>
      </c>
      <c r="Q6539">
        <v>0</v>
      </c>
      <c r="R6539" t="s">
        <v>33685</v>
      </c>
      <c r="S6539">
        <v>236</v>
      </c>
    </row>
    <row r="6540" spans="1:19" x14ac:dyDescent="0.25">
      <c r="A6540">
        <v>22938279</v>
      </c>
      <c r="B6540" t="s">
        <v>33686</v>
      </c>
      <c r="C6540" s="1" t="s">
        <v>33687</v>
      </c>
      <c r="D6540">
        <v>22938519</v>
      </c>
      <c r="E6540">
        <v>1</v>
      </c>
      <c r="F6540">
        <v>1</v>
      </c>
      <c r="H6540" t="s">
        <v>33688</v>
      </c>
      <c r="J6540" t="s">
        <v>33689</v>
      </c>
      <c r="K6540" t="s">
        <v>33690</v>
      </c>
      <c r="M6540">
        <v>1122899</v>
      </c>
      <c r="O6540">
        <v>3338345</v>
      </c>
      <c r="P6540">
        <v>1</v>
      </c>
      <c r="Q6540">
        <v>1</v>
      </c>
      <c r="R6540" t="s">
        <v>33691</v>
      </c>
      <c r="S6540">
        <v>276</v>
      </c>
    </row>
    <row r="6541" spans="1:19" x14ac:dyDescent="0.25">
      <c r="A6541">
        <v>19699900</v>
      </c>
      <c r="B6541" t="s">
        <v>33692</v>
      </c>
      <c r="C6541" s="1" t="s">
        <v>33693</v>
      </c>
      <c r="E6541">
        <v>1</v>
      </c>
      <c r="F6541">
        <v>0</v>
      </c>
      <c r="H6541" t="s">
        <v>33694</v>
      </c>
      <c r="J6541" t="s">
        <v>33695</v>
      </c>
      <c r="O6541">
        <v>2935365</v>
      </c>
      <c r="P6541">
        <v>1</v>
      </c>
      <c r="Q6541">
        <v>0</v>
      </c>
      <c r="R6541" t="s">
        <v>33696</v>
      </c>
      <c r="S6541">
        <v>151</v>
      </c>
    </row>
    <row r="6542" spans="1:19" x14ac:dyDescent="0.25">
      <c r="A6542">
        <v>42567192</v>
      </c>
      <c r="B6542" t="s">
        <v>33697</v>
      </c>
      <c r="C6542" s="1" t="s">
        <v>33698</v>
      </c>
      <c r="D6542">
        <v>42567346</v>
      </c>
      <c r="E6542">
        <v>1</v>
      </c>
      <c r="F6542">
        <v>6</v>
      </c>
      <c r="H6542" t="s">
        <v>33699</v>
      </c>
      <c r="J6542" t="s">
        <v>33700</v>
      </c>
      <c r="K6542" t="s">
        <v>33700</v>
      </c>
      <c r="M6542">
        <v>5181308</v>
      </c>
      <c r="O6542">
        <v>7650046</v>
      </c>
      <c r="P6542">
        <v>1</v>
      </c>
      <c r="Q6542">
        <v>0</v>
      </c>
      <c r="R6542" t="s">
        <v>33701</v>
      </c>
      <c r="S6542">
        <v>44</v>
      </c>
    </row>
    <row r="6543" spans="1:19" x14ac:dyDescent="0.25">
      <c r="A6543">
        <v>4229943</v>
      </c>
      <c r="B6543" t="s">
        <v>33702</v>
      </c>
      <c r="C6543" s="1" t="s">
        <v>33703</v>
      </c>
      <c r="D6543">
        <v>4229962</v>
      </c>
      <c r="E6543">
        <v>1</v>
      </c>
      <c r="F6543">
        <v>0</v>
      </c>
      <c r="H6543" t="s">
        <v>33704</v>
      </c>
      <c r="J6543" t="s">
        <v>33705</v>
      </c>
      <c r="K6543" t="s">
        <v>33705</v>
      </c>
      <c r="M6543">
        <v>469682</v>
      </c>
      <c r="O6543">
        <v>469682</v>
      </c>
      <c r="P6543">
        <v>1</v>
      </c>
      <c r="Q6543">
        <v>1</v>
      </c>
      <c r="R6543" t="s">
        <v>2771</v>
      </c>
      <c r="S6543">
        <v>1396</v>
      </c>
    </row>
    <row r="6544" spans="1:19" x14ac:dyDescent="0.25">
      <c r="A6544">
        <v>45537615</v>
      </c>
      <c r="B6544" t="s">
        <v>33706</v>
      </c>
      <c r="C6544" s="1" t="s">
        <v>33707</v>
      </c>
      <c r="D6544">
        <v>45537807</v>
      </c>
      <c r="E6544">
        <v>1</v>
      </c>
      <c r="F6544">
        <v>6</v>
      </c>
      <c r="H6544" t="s">
        <v>33708</v>
      </c>
      <c r="J6544" t="s">
        <v>33709</v>
      </c>
      <c r="K6544" t="s">
        <v>33710</v>
      </c>
      <c r="M6544">
        <v>2951051</v>
      </c>
      <c r="O6544">
        <v>2951051</v>
      </c>
      <c r="P6544">
        <v>1</v>
      </c>
      <c r="Q6544">
        <v>0</v>
      </c>
      <c r="R6544" t="s">
        <v>33711</v>
      </c>
      <c r="S6544">
        <v>478</v>
      </c>
    </row>
    <row r="6545" spans="1:19" x14ac:dyDescent="0.25">
      <c r="A6545">
        <v>37850396</v>
      </c>
      <c r="B6545" t="s">
        <v>33712</v>
      </c>
      <c r="C6545" s="1" t="s">
        <v>33713</v>
      </c>
      <c r="E6545">
        <v>3</v>
      </c>
      <c r="F6545">
        <v>0</v>
      </c>
      <c r="H6545" t="s">
        <v>33714</v>
      </c>
      <c r="J6545" t="s">
        <v>33715</v>
      </c>
      <c r="O6545">
        <v>3879139</v>
      </c>
      <c r="P6545">
        <v>1</v>
      </c>
      <c r="Q6545">
        <v>1</v>
      </c>
      <c r="R6545" t="s">
        <v>3339</v>
      </c>
      <c r="S6545">
        <v>77</v>
      </c>
    </row>
    <row r="6546" spans="1:19" x14ac:dyDescent="0.25">
      <c r="A6546">
        <v>40567700</v>
      </c>
      <c r="B6546" t="s">
        <v>33716</v>
      </c>
      <c r="C6546" s="1" t="s">
        <v>33717</v>
      </c>
      <c r="D6546">
        <v>40568316</v>
      </c>
      <c r="E6546">
        <v>1</v>
      </c>
      <c r="F6546">
        <v>2</v>
      </c>
      <c r="H6546" t="s">
        <v>33718</v>
      </c>
      <c r="J6546" t="s">
        <v>33719</v>
      </c>
      <c r="K6546" t="s">
        <v>33720</v>
      </c>
      <c r="M6546">
        <v>680068</v>
      </c>
      <c r="O6546">
        <v>7150776</v>
      </c>
      <c r="P6546">
        <v>1</v>
      </c>
      <c r="Q6546">
        <v>1</v>
      </c>
      <c r="R6546" t="s">
        <v>33721</v>
      </c>
      <c r="S6546">
        <v>81</v>
      </c>
    </row>
    <row r="6547" spans="1:19" x14ac:dyDescent="0.25">
      <c r="A6547">
        <v>59838</v>
      </c>
      <c r="B6547" t="s">
        <v>33722</v>
      </c>
      <c r="C6547" t="s">
        <v>33723</v>
      </c>
      <c r="D6547">
        <v>59839</v>
      </c>
      <c r="E6547">
        <v>34</v>
      </c>
      <c r="F6547">
        <v>0</v>
      </c>
      <c r="H6547" t="s">
        <v>33724</v>
      </c>
      <c r="I6547">
        <v>614</v>
      </c>
      <c r="J6547" t="s">
        <v>33725</v>
      </c>
      <c r="K6547" t="s">
        <v>33726</v>
      </c>
      <c r="L6547" t="s">
        <v>33727</v>
      </c>
      <c r="M6547">
        <v>3744681</v>
      </c>
      <c r="N6547" t="s">
        <v>33727</v>
      </c>
      <c r="O6547">
        <v>4120</v>
      </c>
      <c r="P6547">
        <v>1</v>
      </c>
      <c r="Q6547">
        <v>3158</v>
      </c>
      <c r="R6547" t="s">
        <v>33728</v>
      </c>
      <c r="S6547">
        <v>2352441</v>
      </c>
    </row>
    <row r="6548" spans="1:19" x14ac:dyDescent="0.25">
      <c r="A6548">
        <v>22536476</v>
      </c>
      <c r="B6548" t="s">
        <v>33729</v>
      </c>
      <c r="C6548" s="1" t="s">
        <v>33730</v>
      </c>
      <c r="D6548">
        <v>22536783</v>
      </c>
      <c r="E6548">
        <v>3</v>
      </c>
      <c r="F6548">
        <v>1</v>
      </c>
      <c r="H6548" t="s">
        <v>33731</v>
      </c>
      <c r="J6548" t="s">
        <v>33732</v>
      </c>
      <c r="O6548">
        <v>532462</v>
      </c>
      <c r="P6548">
        <v>1</v>
      </c>
      <c r="Q6548">
        <v>0</v>
      </c>
      <c r="R6548" t="s">
        <v>33733</v>
      </c>
      <c r="S6548">
        <v>88</v>
      </c>
    </row>
    <row r="6549" spans="1:19" x14ac:dyDescent="0.25">
      <c r="A6549">
        <v>20648375</v>
      </c>
      <c r="B6549" t="s">
        <v>33734</v>
      </c>
      <c r="C6549" s="1" t="s">
        <v>33735</v>
      </c>
      <c r="D6549">
        <v>20648383</v>
      </c>
      <c r="E6549">
        <v>2</v>
      </c>
      <c r="F6549">
        <v>1</v>
      </c>
      <c r="H6549" t="s">
        <v>33736</v>
      </c>
      <c r="J6549" t="s">
        <v>33737</v>
      </c>
      <c r="K6549" t="s">
        <v>33737</v>
      </c>
      <c r="M6549">
        <v>145279</v>
      </c>
      <c r="O6549">
        <v>2943358</v>
      </c>
      <c r="P6549">
        <v>1</v>
      </c>
      <c r="Q6549">
        <v>1</v>
      </c>
      <c r="R6549" t="s">
        <v>33738</v>
      </c>
      <c r="S6549">
        <v>128</v>
      </c>
    </row>
    <row r="6550" spans="1:19" x14ac:dyDescent="0.25">
      <c r="A6550">
        <v>22434356</v>
      </c>
      <c r="B6550" t="s">
        <v>33739</v>
      </c>
      <c r="C6550" s="1" t="s">
        <v>33740</v>
      </c>
      <c r="D6550">
        <v>22434455</v>
      </c>
      <c r="E6550">
        <v>2</v>
      </c>
      <c r="F6550">
        <v>0</v>
      </c>
      <c r="H6550" t="s">
        <v>33741</v>
      </c>
      <c r="I6550">
        <v>1</v>
      </c>
      <c r="J6550" t="s">
        <v>33742</v>
      </c>
      <c r="O6550">
        <v>2259530</v>
      </c>
      <c r="P6550">
        <v>1</v>
      </c>
      <c r="Q6550">
        <v>1</v>
      </c>
      <c r="R6550" t="s">
        <v>33743</v>
      </c>
      <c r="S6550">
        <v>2154</v>
      </c>
    </row>
    <row r="6551" spans="1:19" x14ac:dyDescent="0.25">
      <c r="A6551">
        <v>14203042</v>
      </c>
      <c r="B6551" t="s">
        <v>33744</v>
      </c>
      <c r="C6551" s="1" t="s">
        <v>33745</v>
      </c>
      <c r="E6551">
        <v>1</v>
      </c>
      <c r="F6551">
        <v>0</v>
      </c>
      <c r="H6551" t="s">
        <v>33746</v>
      </c>
      <c r="J6551" t="s">
        <v>33747</v>
      </c>
      <c r="K6551" t="s">
        <v>33748</v>
      </c>
      <c r="M6551">
        <v>1841973</v>
      </c>
      <c r="O6551">
        <v>969718</v>
      </c>
      <c r="P6551">
        <v>1</v>
      </c>
      <c r="Q6551">
        <v>0</v>
      </c>
      <c r="R6551" t="s">
        <v>33749</v>
      </c>
      <c r="S6551">
        <v>286</v>
      </c>
    </row>
    <row r="6552" spans="1:19" x14ac:dyDescent="0.25">
      <c r="A6552">
        <v>15648677</v>
      </c>
      <c r="B6552" t="s">
        <v>33750</v>
      </c>
      <c r="C6552" s="1" t="s">
        <v>33751</v>
      </c>
      <c r="D6552">
        <v>15648839</v>
      </c>
      <c r="E6552">
        <v>2</v>
      </c>
      <c r="F6552">
        <v>0</v>
      </c>
      <c r="H6552" t="s">
        <v>33752</v>
      </c>
      <c r="J6552" t="s">
        <v>33753</v>
      </c>
      <c r="O6552">
        <v>458968</v>
      </c>
      <c r="P6552">
        <v>1</v>
      </c>
      <c r="Q6552">
        <v>1</v>
      </c>
      <c r="R6552" t="s">
        <v>33754</v>
      </c>
      <c r="S6552">
        <v>66</v>
      </c>
    </row>
    <row r="6553" spans="1:19" x14ac:dyDescent="0.25">
      <c r="A6553">
        <v>44798467</v>
      </c>
      <c r="B6553" t="s">
        <v>33755</v>
      </c>
      <c r="C6553" t="s">
        <v>33756</v>
      </c>
      <c r="D6553">
        <v>44818488</v>
      </c>
      <c r="E6553">
        <v>2</v>
      </c>
      <c r="F6553">
        <v>2</v>
      </c>
      <c r="H6553" t="s">
        <v>33757</v>
      </c>
      <c r="I6553">
        <v>1</v>
      </c>
      <c r="J6553" t="s">
        <v>33758</v>
      </c>
      <c r="O6553">
        <v>7011287</v>
      </c>
      <c r="P6553">
        <v>1</v>
      </c>
      <c r="Q6553">
        <v>1</v>
      </c>
      <c r="R6553" t="s">
        <v>33759</v>
      </c>
      <c r="S6553">
        <v>386</v>
      </c>
    </row>
    <row r="6554" spans="1:19" x14ac:dyDescent="0.25">
      <c r="A6554">
        <v>45508974</v>
      </c>
      <c r="B6554" t="s">
        <v>33760</v>
      </c>
      <c r="C6554" s="1" t="s">
        <v>33761</v>
      </c>
      <c r="E6554">
        <v>2</v>
      </c>
      <c r="F6554">
        <v>0</v>
      </c>
      <c r="H6554" t="s">
        <v>33762</v>
      </c>
      <c r="J6554" t="s">
        <v>33763</v>
      </c>
      <c r="O6554">
        <v>5848495</v>
      </c>
      <c r="P6554">
        <v>1</v>
      </c>
      <c r="Q6554">
        <v>0</v>
      </c>
      <c r="R6554" t="s">
        <v>33764</v>
      </c>
      <c r="S6554">
        <v>1049</v>
      </c>
    </row>
    <row r="6555" spans="1:19" x14ac:dyDescent="0.25">
      <c r="A6555">
        <v>20355677</v>
      </c>
      <c r="B6555" t="s">
        <v>33765</v>
      </c>
      <c r="C6555" s="1" t="s">
        <v>33766</v>
      </c>
      <c r="D6555">
        <v>20356361</v>
      </c>
      <c r="E6555">
        <v>1</v>
      </c>
      <c r="F6555">
        <v>0</v>
      </c>
      <c r="H6555" t="s">
        <v>33767</v>
      </c>
      <c r="J6555" t="s">
        <v>33768</v>
      </c>
      <c r="K6555" t="s">
        <v>33768</v>
      </c>
      <c r="M6555">
        <v>73446</v>
      </c>
      <c r="O6555">
        <v>599528</v>
      </c>
      <c r="P6555">
        <v>1</v>
      </c>
      <c r="Q6555">
        <v>2</v>
      </c>
      <c r="R6555" t="s">
        <v>33769</v>
      </c>
      <c r="S6555">
        <v>1763</v>
      </c>
    </row>
    <row r="6556" spans="1:19" x14ac:dyDescent="0.25">
      <c r="A6556">
        <v>38590844</v>
      </c>
      <c r="B6556" t="s">
        <v>33770</v>
      </c>
      <c r="C6556" t="s">
        <v>33771</v>
      </c>
      <c r="D6556">
        <v>38610077</v>
      </c>
      <c r="E6556">
        <v>1</v>
      </c>
      <c r="F6556">
        <v>0</v>
      </c>
      <c r="H6556" t="s">
        <v>33772</v>
      </c>
      <c r="J6556" t="s">
        <v>33773</v>
      </c>
      <c r="K6556" t="s">
        <v>33773</v>
      </c>
      <c r="M6556">
        <v>388980</v>
      </c>
      <c r="O6556">
        <v>5503201</v>
      </c>
      <c r="P6556">
        <v>1</v>
      </c>
      <c r="Q6556">
        <v>0</v>
      </c>
      <c r="R6556" t="s">
        <v>33774</v>
      </c>
      <c r="S6556">
        <v>97</v>
      </c>
    </row>
    <row r="6557" spans="1:19" x14ac:dyDescent="0.25">
      <c r="A6557">
        <v>52393335</v>
      </c>
      <c r="B6557" t="s">
        <v>33775</v>
      </c>
      <c r="C6557" s="1" t="s">
        <v>33776</v>
      </c>
      <c r="D6557">
        <v>52395495</v>
      </c>
      <c r="E6557">
        <v>1</v>
      </c>
      <c r="F6557">
        <v>5</v>
      </c>
      <c r="H6557" t="s">
        <v>33777</v>
      </c>
      <c r="I6557">
        <v>2</v>
      </c>
      <c r="J6557" t="s">
        <v>33778</v>
      </c>
      <c r="O6557">
        <v>2035207</v>
      </c>
      <c r="P6557">
        <v>1</v>
      </c>
      <c r="Q6557">
        <v>3</v>
      </c>
      <c r="R6557" t="s">
        <v>33779</v>
      </c>
      <c r="S6557">
        <v>69</v>
      </c>
    </row>
    <row r="6558" spans="1:19" x14ac:dyDescent="0.25">
      <c r="A6558">
        <v>29509934</v>
      </c>
      <c r="B6558" t="s">
        <v>33780</v>
      </c>
      <c r="C6558" s="1" t="s">
        <v>33781</v>
      </c>
      <c r="D6558">
        <v>29511152</v>
      </c>
      <c r="E6558">
        <v>3</v>
      </c>
      <c r="F6558">
        <v>3</v>
      </c>
      <c r="H6558" t="s">
        <v>33782</v>
      </c>
      <c r="I6558">
        <v>5</v>
      </c>
      <c r="J6558" t="s">
        <v>33783</v>
      </c>
      <c r="K6558" t="s">
        <v>33784</v>
      </c>
      <c r="M6558">
        <v>1816580</v>
      </c>
      <c r="O6558">
        <v>4382489</v>
      </c>
      <c r="P6558">
        <v>1</v>
      </c>
      <c r="Q6558">
        <v>6</v>
      </c>
      <c r="R6558" t="s">
        <v>33785</v>
      </c>
      <c r="S6558">
        <v>12160</v>
      </c>
    </row>
    <row r="6559" spans="1:19" x14ac:dyDescent="0.25">
      <c r="A6559">
        <v>26226269</v>
      </c>
      <c r="B6559" t="s">
        <v>33786</v>
      </c>
      <c r="C6559" s="1" t="s">
        <v>33787</v>
      </c>
      <c r="E6559">
        <v>1</v>
      </c>
      <c r="F6559">
        <v>0</v>
      </c>
      <c r="H6559" t="s">
        <v>33788</v>
      </c>
      <c r="J6559" t="s">
        <v>33789</v>
      </c>
      <c r="O6559">
        <v>2924472</v>
      </c>
      <c r="P6559">
        <v>1</v>
      </c>
      <c r="Q6559">
        <v>-1</v>
      </c>
      <c r="R6559" t="s">
        <v>33790</v>
      </c>
      <c r="S6559">
        <v>185</v>
      </c>
    </row>
    <row r="6560" spans="1:19" x14ac:dyDescent="0.25">
      <c r="A6560">
        <v>45779609</v>
      </c>
      <c r="B6560" t="s">
        <v>33791</v>
      </c>
      <c r="C6560" s="1" t="s">
        <v>33792</v>
      </c>
      <c r="D6560">
        <v>45779654</v>
      </c>
      <c r="E6560">
        <v>3</v>
      </c>
      <c r="F6560">
        <v>2</v>
      </c>
      <c r="H6560" t="s">
        <v>33793</v>
      </c>
      <c r="J6560" t="s">
        <v>33794</v>
      </c>
      <c r="O6560">
        <v>2768363</v>
      </c>
      <c r="P6560">
        <v>1</v>
      </c>
      <c r="Q6560">
        <v>0</v>
      </c>
      <c r="R6560" t="s">
        <v>3056</v>
      </c>
      <c r="S6560">
        <v>41</v>
      </c>
    </row>
    <row r="6561" spans="1:19" x14ac:dyDescent="0.25">
      <c r="A6561">
        <v>53097793</v>
      </c>
      <c r="B6561" t="s">
        <v>33795</v>
      </c>
      <c r="C6561" s="1" t="s">
        <v>33796</v>
      </c>
      <c r="E6561">
        <v>0</v>
      </c>
      <c r="F6561">
        <v>0</v>
      </c>
      <c r="H6561" t="s">
        <v>33797</v>
      </c>
      <c r="I6561">
        <v>1</v>
      </c>
      <c r="J6561" t="s">
        <v>33797</v>
      </c>
      <c r="O6561">
        <v>6038729</v>
      </c>
      <c r="P6561">
        <v>1</v>
      </c>
      <c r="Q6561">
        <v>0</v>
      </c>
      <c r="R6561" t="s">
        <v>6927</v>
      </c>
      <c r="S6561">
        <v>33</v>
      </c>
    </row>
    <row r="6562" spans="1:19" x14ac:dyDescent="0.25">
      <c r="A6562">
        <v>29234587</v>
      </c>
      <c r="B6562" t="s">
        <v>33798</v>
      </c>
      <c r="C6562" s="1" t="s">
        <v>33799</v>
      </c>
      <c r="E6562">
        <v>4</v>
      </c>
      <c r="F6562">
        <v>6</v>
      </c>
      <c r="H6562" t="s">
        <v>33800</v>
      </c>
      <c r="J6562" t="s">
        <v>33801</v>
      </c>
      <c r="K6562" t="s">
        <v>33802</v>
      </c>
      <c r="M6562">
        <v>1071686</v>
      </c>
      <c r="O6562">
        <v>1071686</v>
      </c>
      <c r="P6562">
        <v>1</v>
      </c>
      <c r="Q6562">
        <v>0</v>
      </c>
      <c r="R6562" t="s">
        <v>33803</v>
      </c>
      <c r="S6562">
        <v>69</v>
      </c>
    </row>
    <row r="6563" spans="1:19" x14ac:dyDescent="0.25">
      <c r="A6563">
        <v>42508324</v>
      </c>
      <c r="B6563" t="s">
        <v>33804</v>
      </c>
      <c r="C6563" s="1" t="s">
        <v>33805</v>
      </c>
      <c r="D6563">
        <v>42513450</v>
      </c>
      <c r="E6563">
        <v>3</v>
      </c>
      <c r="F6563">
        <v>3</v>
      </c>
      <c r="H6563" t="s">
        <v>33806</v>
      </c>
      <c r="J6563" t="s">
        <v>33807</v>
      </c>
      <c r="K6563" t="s">
        <v>33808</v>
      </c>
      <c r="M6563">
        <v>4687348</v>
      </c>
      <c r="O6563">
        <v>478537</v>
      </c>
      <c r="P6563">
        <v>1</v>
      </c>
      <c r="Q6563">
        <v>1</v>
      </c>
      <c r="R6563" t="s">
        <v>33809</v>
      </c>
      <c r="S6563">
        <v>385</v>
      </c>
    </row>
    <row r="6564" spans="1:19" x14ac:dyDescent="0.25">
      <c r="A6564">
        <v>27087810</v>
      </c>
      <c r="B6564" t="s">
        <v>33810</v>
      </c>
      <c r="C6564" s="1" t="s">
        <v>33811</v>
      </c>
      <c r="D6564">
        <v>27142134</v>
      </c>
      <c r="E6564">
        <v>1</v>
      </c>
      <c r="F6564">
        <v>0</v>
      </c>
      <c r="H6564" t="s">
        <v>33812</v>
      </c>
      <c r="J6564" t="s">
        <v>33813</v>
      </c>
      <c r="O6564">
        <v>2459127</v>
      </c>
      <c r="P6564">
        <v>1</v>
      </c>
      <c r="Q6564">
        <v>0</v>
      </c>
      <c r="R6564" t="s">
        <v>33814</v>
      </c>
      <c r="S6564">
        <v>41</v>
      </c>
    </row>
    <row r="6565" spans="1:19" x14ac:dyDescent="0.25">
      <c r="A6565">
        <v>52590944</v>
      </c>
      <c r="B6565" t="s">
        <v>33815</v>
      </c>
      <c r="C6565" s="1" t="s">
        <v>33816</v>
      </c>
      <c r="D6565">
        <v>52645324</v>
      </c>
      <c r="E6565">
        <v>2</v>
      </c>
      <c r="F6565">
        <v>4</v>
      </c>
      <c r="H6565" t="s">
        <v>33817</v>
      </c>
      <c r="I6565">
        <v>1</v>
      </c>
      <c r="J6565" t="s">
        <v>33818</v>
      </c>
      <c r="K6565" t="s">
        <v>33819</v>
      </c>
      <c r="M6565">
        <v>2753863</v>
      </c>
      <c r="O6565">
        <v>5933751</v>
      </c>
      <c r="P6565">
        <v>1</v>
      </c>
      <c r="Q6565">
        <v>1</v>
      </c>
      <c r="R6565" t="s">
        <v>33820</v>
      </c>
      <c r="S6565">
        <v>75</v>
      </c>
    </row>
    <row r="6566" spans="1:19" x14ac:dyDescent="0.25">
      <c r="A6566">
        <v>42701495</v>
      </c>
      <c r="B6566" t="s">
        <v>33821</v>
      </c>
      <c r="C6566" s="1" t="s">
        <v>33822</v>
      </c>
      <c r="E6566">
        <v>2</v>
      </c>
      <c r="F6566">
        <v>4</v>
      </c>
      <c r="H6566" t="s">
        <v>33823</v>
      </c>
      <c r="J6566" t="s">
        <v>33824</v>
      </c>
      <c r="K6566" t="s">
        <v>33825</v>
      </c>
      <c r="M6566">
        <v>7685790</v>
      </c>
      <c r="O6566">
        <v>7685790</v>
      </c>
      <c r="P6566">
        <v>1</v>
      </c>
      <c r="Q6566">
        <v>-1</v>
      </c>
      <c r="R6566" t="s">
        <v>110</v>
      </c>
      <c r="S6566">
        <v>82</v>
      </c>
    </row>
    <row r="6567" spans="1:19" x14ac:dyDescent="0.25">
      <c r="A6567">
        <v>18374691</v>
      </c>
      <c r="B6567" t="s">
        <v>33826</v>
      </c>
      <c r="C6567" s="1" t="s">
        <v>33827</v>
      </c>
      <c r="E6567">
        <v>3</v>
      </c>
      <c r="F6567">
        <v>3</v>
      </c>
      <c r="H6567" t="s">
        <v>33828</v>
      </c>
      <c r="J6567" t="s">
        <v>33829</v>
      </c>
      <c r="K6567" t="s">
        <v>33829</v>
      </c>
      <c r="M6567">
        <v>634003</v>
      </c>
      <c r="O6567">
        <v>634003</v>
      </c>
      <c r="P6567">
        <v>1</v>
      </c>
      <c r="Q6567">
        <v>1</v>
      </c>
      <c r="R6567" t="s">
        <v>4586</v>
      </c>
      <c r="S6567">
        <v>2843</v>
      </c>
    </row>
    <row r="6568" spans="1:19" x14ac:dyDescent="0.25">
      <c r="A6568">
        <v>44293267</v>
      </c>
      <c r="B6568" t="s">
        <v>33830</v>
      </c>
      <c r="C6568" s="1" t="s">
        <v>33831</v>
      </c>
      <c r="E6568">
        <v>1</v>
      </c>
      <c r="F6568">
        <v>2</v>
      </c>
      <c r="H6568" t="s">
        <v>33832</v>
      </c>
      <c r="J6568" t="s">
        <v>33833</v>
      </c>
      <c r="O6568">
        <v>1115307</v>
      </c>
      <c r="P6568">
        <v>1</v>
      </c>
      <c r="Q6568">
        <v>0</v>
      </c>
      <c r="R6568" t="s">
        <v>300</v>
      </c>
      <c r="S6568">
        <v>77</v>
      </c>
    </row>
    <row r="6569" spans="1:19" x14ac:dyDescent="0.25">
      <c r="A6569">
        <v>40021167</v>
      </c>
      <c r="B6569" t="s">
        <v>33834</v>
      </c>
      <c r="C6569" s="1" t="s">
        <v>33835</v>
      </c>
      <c r="E6569">
        <v>1</v>
      </c>
      <c r="F6569">
        <v>0</v>
      </c>
      <c r="H6569" t="s">
        <v>33836</v>
      </c>
      <c r="J6569" t="s">
        <v>33837</v>
      </c>
      <c r="K6569" t="s">
        <v>33837</v>
      </c>
      <c r="M6569">
        <v>2869049</v>
      </c>
      <c r="O6569">
        <v>2869049</v>
      </c>
      <c r="P6569">
        <v>1</v>
      </c>
      <c r="Q6569">
        <v>1</v>
      </c>
      <c r="R6569" t="s">
        <v>33838</v>
      </c>
      <c r="S6569">
        <v>38</v>
      </c>
    </row>
    <row r="6570" spans="1:19" x14ac:dyDescent="0.25">
      <c r="A6570">
        <v>27010999</v>
      </c>
      <c r="B6570" t="s">
        <v>33839</v>
      </c>
      <c r="C6570" s="1" t="s">
        <v>33840</v>
      </c>
      <c r="D6570">
        <v>27011246</v>
      </c>
      <c r="E6570">
        <v>1</v>
      </c>
      <c r="F6570">
        <v>0</v>
      </c>
      <c r="H6570" t="s">
        <v>33841</v>
      </c>
      <c r="J6570" t="s">
        <v>33842</v>
      </c>
      <c r="O6570">
        <v>3573388</v>
      </c>
      <c r="P6570">
        <v>1</v>
      </c>
      <c r="Q6570">
        <v>1</v>
      </c>
      <c r="R6570" t="s">
        <v>33843</v>
      </c>
      <c r="S6570">
        <v>193</v>
      </c>
    </row>
    <row r="6571" spans="1:19" x14ac:dyDescent="0.25">
      <c r="A6571">
        <v>15932361</v>
      </c>
      <c r="B6571" t="s">
        <v>33844</v>
      </c>
      <c r="C6571" s="1" t="s">
        <v>33845</v>
      </c>
      <c r="E6571">
        <v>2</v>
      </c>
      <c r="F6571">
        <v>0</v>
      </c>
      <c r="H6571" t="s">
        <v>33846</v>
      </c>
      <c r="I6571">
        <v>1</v>
      </c>
      <c r="J6571" t="s">
        <v>33847</v>
      </c>
      <c r="K6571" t="s">
        <v>33848</v>
      </c>
      <c r="M6571">
        <v>997696</v>
      </c>
      <c r="O6571">
        <v>997696</v>
      </c>
      <c r="P6571">
        <v>1</v>
      </c>
      <c r="Q6571">
        <v>7</v>
      </c>
      <c r="R6571" t="s">
        <v>33849</v>
      </c>
      <c r="S6571">
        <v>8025</v>
      </c>
    </row>
    <row r="6572" spans="1:19" x14ac:dyDescent="0.25">
      <c r="A6572">
        <v>44201015</v>
      </c>
      <c r="B6572" t="s">
        <v>33850</v>
      </c>
      <c r="C6572" s="1" t="s">
        <v>33851</v>
      </c>
      <c r="E6572">
        <v>3</v>
      </c>
      <c r="F6572">
        <v>0</v>
      </c>
      <c r="H6572" t="s">
        <v>33852</v>
      </c>
      <c r="J6572" t="s">
        <v>33853</v>
      </c>
      <c r="O6572">
        <v>7576897</v>
      </c>
      <c r="P6572">
        <v>1</v>
      </c>
      <c r="Q6572">
        <v>0</v>
      </c>
      <c r="R6572" t="s">
        <v>33854</v>
      </c>
      <c r="S6572">
        <v>368</v>
      </c>
    </row>
    <row r="6573" spans="1:19" x14ac:dyDescent="0.25">
      <c r="A6573">
        <v>4359595</v>
      </c>
      <c r="B6573" t="s">
        <v>33855</v>
      </c>
      <c r="C6573" s="1" t="s">
        <v>33856</v>
      </c>
      <c r="D6573">
        <v>4359782</v>
      </c>
      <c r="E6573">
        <v>3</v>
      </c>
      <c r="F6573">
        <v>0</v>
      </c>
      <c r="H6573" t="s">
        <v>33857</v>
      </c>
      <c r="J6573" t="s">
        <v>33858</v>
      </c>
      <c r="K6573" t="s">
        <v>33859</v>
      </c>
      <c r="M6573">
        <v>531257</v>
      </c>
      <c r="O6573">
        <v>531257</v>
      </c>
      <c r="P6573">
        <v>1</v>
      </c>
      <c r="Q6573">
        <v>2</v>
      </c>
      <c r="R6573" t="s">
        <v>33860</v>
      </c>
      <c r="S6573">
        <v>9600</v>
      </c>
    </row>
    <row r="6574" spans="1:19" x14ac:dyDescent="0.25">
      <c r="A6574">
        <v>35920240</v>
      </c>
      <c r="B6574" t="s">
        <v>33861</v>
      </c>
      <c r="C6574" s="1" t="s">
        <v>33862</v>
      </c>
      <c r="E6574">
        <v>1</v>
      </c>
      <c r="F6574">
        <v>5</v>
      </c>
      <c r="H6574" t="s">
        <v>33863</v>
      </c>
      <c r="I6574">
        <v>0</v>
      </c>
      <c r="J6574" t="s">
        <v>33864</v>
      </c>
      <c r="K6574" t="s">
        <v>33865</v>
      </c>
      <c r="M6574">
        <v>4478047</v>
      </c>
      <c r="O6574">
        <v>3767678</v>
      </c>
      <c r="P6574">
        <v>1</v>
      </c>
      <c r="Q6574">
        <v>0</v>
      </c>
      <c r="R6574" t="s">
        <v>33866</v>
      </c>
      <c r="S6574">
        <v>209</v>
      </c>
    </row>
    <row r="6575" spans="1:19" x14ac:dyDescent="0.25">
      <c r="A6575">
        <v>8158016</v>
      </c>
      <c r="B6575" t="s">
        <v>33867</v>
      </c>
      <c r="C6575" s="1" t="s">
        <v>33868</v>
      </c>
      <c r="D6575">
        <v>8163020</v>
      </c>
      <c r="E6575">
        <v>1</v>
      </c>
      <c r="F6575">
        <v>0</v>
      </c>
      <c r="H6575" t="s">
        <v>33869</v>
      </c>
      <c r="J6575" t="s">
        <v>33870</v>
      </c>
      <c r="O6575">
        <v>347172</v>
      </c>
      <c r="P6575">
        <v>1</v>
      </c>
      <c r="Q6575">
        <v>5</v>
      </c>
      <c r="R6575" t="s">
        <v>33871</v>
      </c>
      <c r="S6575">
        <v>335</v>
      </c>
    </row>
    <row r="6576" spans="1:19" x14ac:dyDescent="0.25">
      <c r="A6576">
        <v>5580751</v>
      </c>
      <c r="B6576" t="s">
        <v>33872</v>
      </c>
      <c r="C6576" s="1" t="s">
        <v>33873</v>
      </c>
      <c r="D6576">
        <v>5583207</v>
      </c>
      <c r="E6576">
        <v>1</v>
      </c>
      <c r="F6576">
        <v>0</v>
      </c>
      <c r="H6576" t="s">
        <v>33874</v>
      </c>
      <c r="I6576">
        <v>1</v>
      </c>
      <c r="J6576" t="s">
        <v>33875</v>
      </c>
      <c r="O6576">
        <v>678793</v>
      </c>
      <c r="P6576">
        <v>1</v>
      </c>
      <c r="Q6576">
        <v>1</v>
      </c>
      <c r="R6576" t="s">
        <v>33876</v>
      </c>
      <c r="S6576">
        <v>383</v>
      </c>
    </row>
    <row r="6577" spans="1:19" x14ac:dyDescent="0.25">
      <c r="A6577">
        <v>37288129</v>
      </c>
      <c r="B6577" t="s">
        <v>33877</v>
      </c>
      <c r="C6577" s="1" t="s">
        <v>33878</v>
      </c>
      <c r="E6577">
        <v>1</v>
      </c>
      <c r="F6577">
        <v>0</v>
      </c>
      <c r="H6577" t="s">
        <v>33879</v>
      </c>
      <c r="J6577" t="s">
        <v>33880</v>
      </c>
      <c r="K6577" t="s">
        <v>33881</v>
      </c>
      <c r="M6577">
        <v>6342764</v>
      </c>
      <c r="O6577">
        <v>6342764</v>
      </c>
      <c r="P6577">
        <v>1</v>
      </c>
      <c r="Q6577">
        <v>1</v>
      </c>
      <c r="R6577" t="s">
        <v>351</v>
      </c>
      <c r="S6577">
        <v>25</v>
      </c>
    </row>
    <row r="6578" spans="1:19" x14ac:dyDescent="0.25">
      <c r="A6578">
        <v>47243623</v>
      </c>
      <c r="B6578" t="s">
        <v>33882</v>
      </c>
      <c r="C6578" t="s">
        <v>33883</v>
      </c>
      <c r="E6578">
        <v>0</v>
      </c>
      <c r="F6578">
        <v>1</v>
      </c>
      <c r="H6578" t="s">
        <v>33884</v>
      </c>
      <c r="J6578" t="s">
        <v>33884</v>
      </c>
      <c r="O6578">
        <v>7659787</v>
      </c>
      <c r="P6578">
        <v>1</v>
      </c>
      <c r="Q6578">
        <v>1</v>
      </c>
      <c r="R6578" t="s">
        <v>33885</v>
      </c>
      <c r="S6578">
        <v>32</v>
      </c>
    </row>
    <row r="6579" spans="1:19" x14ac:dyDescent="0.25">
      <c r="A6579">
        <v>32315417</v>
      </c>
      <c r="B6579" t="s">
        <v>33886</v>
      </c>
      <c r="C6579" s="1" t="s">
        <v>33887</v>
      </c>
      <c r="E6579">
        <v>0</v>
      </c>
      <c r="F6579">
        <v>6</v>
      </c>
      <c r="H6579" t="s">
        <v>33888</v>
      </c>
      <c r="J6579" t="s">
        <v>33889</v>
      </c>
      <c r="K6579" t="s">
        <v>33889</v>
      </c>
      <c r="M6579">
        <v>5171219</v>
      </c>
      <c r="O6579">
        <v>5086766</v>
      </c>
      <c r="P6579">
        <v>1</v>
      </c>
      <c r="Q6579">
        <v>0</v>
      </c>
      <c r="R6579" t="s">
        <v>33890</v>
      </c>
      <c r="S6579">
        <v>221</v>
      </c>
    </row>
    <row r="6580" spans="1:19" x14ac:dyDescent="0.25">
      <c r="A6580">
        <v>47370367</v>
      </c>
      <c r="B6580" t="s">
        <v>33891</v>
      </c>
      <c r="C6580" s="1" t="s">
        <v>33892</v>
      </c>
      <c r="E6580">
        <v>1</v>
      </c>
      <c r="F6580">
        <v>4</v>
      </c>
      <c r="H6580" t="s">
        <v>33893</v>
      </c>
      <c r="J6580" t="s">
        <v>33894</v>
      </c>
      <c r="O6580">
        <v>1591731</v>
      </c>
      <c r="P6580">
        <v>1</v>
      </c>
      <c r="Q6580">
        <v>0</v>
      </c>
      <c r="R6580" t="s">
        <v>33895</v>
      </c>
      <c r="S6580">
        <v>43</v>
      </c>
    </row>
    <row r="6581" spans="1:19" x14ac:dyDescent="0.25">
      <c r="A6581">
        <v>42984306</v>
      </c>
      <c r="B6581" t="s">
        <v>33896</v>
      </c>
      <c r="C6581" s="1" t="s">
        <v>33897</v>
      </c>
      <c r="E6581">
        <v>1</v>
      </c>
      <c r="F6581">
        <v>5</v>
      </c>
      <c r="H6581" t="s">
        <v>33898</v>
      </c>
      <c r="J6581" t="s">
        <v>33899</v>
      </c>
      <c r="O6581">
        <v>4367938</v>
      </c>
      <c r="P6581">
        <v>1</v>
      </c>
      <c r="Q6581">
        <v>1</v>
      </c>
      <c r="R6581" t="s">
        <v>33900</v>
      </c>
      <c r="S6581">
        <v>838</v>
      </c>
    </row>
    <row r="6582" spans="1:19" x14ac:dyDescent="0.25">
      <c r="A6582">
        <v>28887652</v>
      </c>
      <c r="B6582" t="s">
        <v>33901</v>
      </c>
      <c r="C6582" s="1" t="s">
        <v>33902</v>
      </c>
      <c r="D6582">
        <v>28904242</v>
      </c>
      <c r="E6582">
        <v>1</v>
      </c>
      <c r="F6582">
        <v>4</v>
      </c>
      <c r="H6582" t="s">
        <v>33903</v>
      </c>
      <c r="J6582" t="s">
        <v>33904</v>
      </c>
      <c r="O6582">
        <v>1766665</v>
      </c>
      <c r="P6582">
        <v>1</v>
      </c>
      <c r="Q6582">
        <v>0</v>
      </c>
      <c r="R6582" t="s">
        <v>33905</v>
      </c>
      <c r="S6582">
        <v>205</v>
      </c>
    </row>
    <row r="6583" spans="1:19" x14ac:dyDescent="0.25">
      <c r="A6583">
        <v>8201765</v>
      </c>
      <c r="B6583" t="s">
        <v>33906</v>
      </c>
      <c r="C6583" s="1" t="s">
        <v>33907</v>
      </c>
      <c r="D6583">
        <v>8201895</v>
      </c>
      <c r="E6583">
        <v>1</v>
      </c>
      <c r="F6583">
        <v>0</v>
      </c>
      <c r="H6583" t="s">
        <v>33908</v>
      </c>
      <c r="I6583">
        <v>3</v>
      </c>
      <c r="J6583" t="s">
        <v>33909</v>
      </c>
      <c r="O6583">
        <v>283055</v>
      </c>
      <c r="P6583">
        <v>1</v>
      </c>
      <c r="Q6583">
        <v>16</v>
      </c>
      <c r="R6583" t="s">
        <v>11699</v>
      </c>
      <c r="S6583">
        <v>15723</v>
      </c>
    </row>
    <row r="6584" spans="1:19" x14ac:dyDescent="0.25">
      <c r="A6584">
        <v>33810587</v>
      </c>
      <c r="B6584" t="s">
        <v>33910</v>
      </c>
      <c r="C6584" s="1" t="s">
        <v>33911</v>
      </c>
      <c r="E6584">
        <v>1</v>
      </c>
      <c r="F6584">
        <v>1</v>
      </c>
      <c r="H6584" t="s">
        <v>33912</v>
      </c>
      <c r="J6584" t="s">
        <v>33913</v>
      </c>
      <c r="O6584">
        <v>1980238</v>
      </c>
      <c r="P6584">
        <v>1</v>
      </c>
      <c r="Q6584">
        <v>0</v>
      </c>
      <c r="R6584" t="s">
        <v>5654</v>
      </c>
      <c r="S6584">
        <v>255</v>
      </c>
    </row>
    <row r="6585" spans="1:19" x14ac:dyDescent="0.25">
      <c r="A6585">
        <v>28157202</v>
      </c>
      <c r="B6585" t="s">
        <v>33914</v>
      </c>
      <c r="C6585" s="1" t="s">
        <v>33915</v>
      </c>
      <c r="D6585">
        <v>28159305</v>
      </c>
      <c r="E6585">
        <v>2</v>
      </c>
      <c r="F6585">
        <v>1</v>
      </c>
      <c r="H6585" t="s">
        <v>33916</v>
      </c>
      <c r="J6585" t="s">
        <v>33917</v>
      </c>
      <c r="K6585" t="s">
        <v>33918</v>
      </c>
      <c r="M6585">
        <v>4041970</v>
      </c>
      <c r="O6585">
        <v>2258981</v>
      </c>
      <c r="P6585">
        <v>1</v>
      </c>
      <c r="Q6585">
        <v>1</v>
      </c>
      <c r="R6585" t="s">
        <v>28326</v>
      </c>
      <c r="S6585">
        <v>951</v>
      </c>
    </row>
    <row r="6586" spans="1:19" x14ac:dyDescent="0.25">
      <c r="A6586">
        <v>49961068</v>
      </c>
      <c r="B6586" t="s">
        <v>33919</v>
      </c>
      <c r="C6586" s="1" t="s">
        <v>33920</v>
      </c>
      <c r="E6586">
        <v>2</v>
      </c>
      <c r="F6586">
        <v>1</v>
      </c>
      <c r="H6586" t="s">
        <v>33921</v>
      </c>
      <c r="J6586" t="s">
        <v>33922</v>
      </c>
      <c r="O6586">
        <v>198424</v>
      </c>
      <c r="P6586">
        <v>1</v>
      </c>
      <c r="Q6586">
        <v>1</v>
      </c>
      <c r="R6586" t="s">
        <v>33923</v>
      </c>
      <c r="S6586">
        <v>58</v>
      </c>
    </row>
    <row r="6587" spans="1:19" x14ac:dyDescent="0.25">
      <c r="A6587">
        <v>50038338</v>
      </c>
      <c r="B6587" t="s">
        <v>33924</v>
      </c>
      <c r="C6587" s="1" t="s">
        <v>33925</v>
      </c>
      <c r="E6587">
        <v>0</v>
      </c>
      <c r="F6587">
        <v>1</v>
      </c>
      <c r="H6587" t="s">
        <v>33926</v>
      </c>
      <c r="J6587" t="s">
        <v>33926</v>
      </c>
      <c r="O6587">
        <v>9018368</v>
      </c>
      <c r="P6587">
        <v>1</v>
      </c>
      <c r="Q6587">
        <v>0</v>
      </c>
      <c r="R6587" t="s">
        <v>33927</v>
      </c>
      <c r="S6587">
        <v>13</v>
      </c>
    </row>
    <row r="6588" spans="1:19" x14ac:dyDescent="0.25">
      <c r="A6588">
        <v>27170279</v>
      </c>
      <c r="B6588" t="s">
        <v>33928</v>
      </c>
      <c r="C6588" s="1" t="s">
        <v>33929</v>
      </c>
      <c r="E6588">
        <v>1</v>
      </c>
      <c r="F6588">
        <v>1</v>
      </c>
      <c r="H6588" t="s">
        <v>33930</v>
      </c>
      <c r="I6588">
        <v>0</v>
      </c>
      <c r="J6588" t="s">
        <v>33931</v>
      </c>
      <c r="O6588">
        <v>106616</v>
      </c>
      <c r="P6588">
        <v>1</v>
      </c>
      <c r="Q6588">
        <v>0</v>
      </c>
      <c r="R6588" t="s">
        <v>3034</v>
      </c>
      <c r="S6588">
        <v>1110</v>
      </c>
    </row>
    <row r="6589" spans="1:19" x14ac:dyDescent="0.25">
      <c r="A6589">
        <v>23496674</v>
      </c>
      <c r="B6589" t="s">
        <v>33932</v>
      </c>
      <c r="C6589" s="1" t="s">
        <v>33933</v>
      </c>
      <c r="D6589">
        <v>23496739</v>
      </c>
      <c r="E6589">
        <v>1</v>
      </c>
      <c r="F6589">
        <v>2</v>
      </c>
      <c r="H6589" t="s">
        <v>33934</v>
      </c>
      <c r="I6589">
        <v>1</v>
      </c>
      <c r="J6589" t="s">
        <v>33935</v>
      </c>
      <c r="O6589">
        <v>1494043</v>
      </c>
      <c r="P6589">
        <v>1</v>
      </c>
      <c r="Q6589">
        <v>1</v>
      </c>
      <c r="R6589" t="s">
        <v>33936</v>
      </c>
      <c r="S6589">
        <v>90</v>
      </c>
    </row>
    <row r="6590" spans="1:19" x14ac:dyDescent="0.25">
      <c r="A6590">
        <v>34566810</v>
      </c>
      <c r="B6590" t="s">
        <v>33937</v>
      </c>
      <c r="C6590" s="1" t="s">
        <v>33938</v>
      </c>
      <c r="D6590">
        <v>34566946</v>
      </c>
      <c r="E6590">
        <v>2</v>
      </c>
      <c r="F6590">
        <v>3</v>
      </c>
      <c r="H6590" t="s">
        <v>33939</v>
      </c>
      <c r="J6590" t="s">
        <v>33940</v>
      </c>
      <c r="O6590">
        <v>5013573</v>
      </c>
      <c r="P6590">
        <v>1</v>
      </c>
      <c r="Q6590">
        <v>0</v>
      </c>
      <c r="R6590" t="s">
        <v>33941</v>
      </c>
      <c r="S6590">
        <v>702</v>
      </c>
    </row>
    <row r="6591" spans="1:19" x14ac:dyDescent="0.25">
      <c r="A6591">
        <v>5503176</v>
      </c>
      <c r="B6591" t="s">
        <v>33942</v>
      </c>
      <c r="C6591" s="1" t="s">
        <v>33943</v>
      </c>
      <c r="D6591">
        <v>5503222</v>
      </c>
      <c r="E6591">
        <v>1</v>
      </c>
      <c r="F6591">
        <v>0</v>
      </c>
      <c r="H6591" t="s">
        <v>33944</v>
      </c>
      <c r="I6591">
        <v>0</v>
      </c>
      <c r="J6591" t="s">
        <v>33945</v>
      </c>
      <c r="O6591">
        <v>661658</v>
      </c>
      <c r="P6591">
        <v>1</v>
      </c>
      <c r="Q6591">
        <v>3</v>
      </c>
      <c r="R6591" t="s">
        <v>1239</v>
      </c>
      <c r="S6591">
        <v>3807</v>
      </c>
    </row>
    <row r="6592" spans="1:19" x14ac:dyDescent="0.25">
      <c r="A6592">
        <v>52992548</v>
      </c>
      <c r="B6592" t="s">
        <v>33946</v>
      </c>
      <c r="C6592" s="1" t="s">
        <v>33947</v>
      </c>
      <c r="E6592">
        <v>0</v>
      </c>
      <c r="F6592">
        <v>0</v>
      </c>
      <c r="H6592" t="s">
        <v>33948</v>
      </c>
      <c r="J6592" t="s">
        <v>33949</v>
      </c>
      <c r="K6592" t="s">
        <v>33949</v>
      </c>
      <c r="M6592">
        <v>9627057</v>
      </c>
      <c r="O6592">
        <v>9627057</v>
      </c>
      <c r="P6592">
        <v>1</v>
      </c>
      <c r="Q6592">
        <v>0</v>
      </c>
      <c r="R6592" t="s">
        <v>33950</v>
      </c>
      <c r="S6592">
        <v>16</v>
      </c>
    </row>
    <row r="6593" spans="1:19" x14ac:dyDescent="0.25">
      <c r="A6593">
        <v>13226116</v>
      </c>
      <c r="B6593" t="s">
        <v>33951</v>
      </c>
      <c r="C6593" s="1" t="s">
        <v>33952</v>
      </c>
      <c r="D6593">
        <v>13226147</v>
      </c>
      <c r="E6593">
        <v>2</v>
      </c>
      <c r="F6593">
        <v>2</v>
      </c>
      <c r="H6593" t="s">
        <v>33953</v>
      </c>
      <c r="J6593" t="s">
        <v>33954</v>
      </c>
      <c r="K6593" t="s">
        <v>33954</v>
      </c>
      <c r="M6593">
        <v>1334550</v>
      </c>
      <c r="O6593">
        <v>1360096</v>
      </c>
      <c r="P6593">
        <v>1</v>
      </c>
      <c r="Q6593">
        <v>0</v>
      </c>
      <c r="R6593" t="s">
        <v>2771</v>
      </c>
      <c r="S6593">
        <v>2005</v>
      </c>
    </row>
    <row r="6594" spans="1:19" x14ac:dyDescent="0.25">
      <c r="A6594">
        <v>27305779</v>
      </c>
      <c r="B6594" t="s">
        <v>33955</v>
      </c>
      <c r="C6594" s="1" t="s">
        <v>33956</v>
      </c>
      <c r="E6594">
        <v>2</v>
      </c>
      <c r="F6594">
        <v>0</v>
      </c>
      <c r="H6594" t="s">
        <v>33957</v>
      </c>
      <c r="J6594" t="s">
        <v>33958</v>
      </c>
      <c r="O6594">
        <v>3474534</v>
      </c>
      <c r="P6594">
        <v>1</v>
      </c>
      <c r="Q6594">
        <v>0</v>
      </c>
      <c r="R6594" t="s">
        <v>21986</v>
      </c>
      <c r="S6594">
        <v>64</v>
      </c>
    </row>
    <row r="6595" spans="1:19" x14ac:dyDescent="0.25">
      <c r="A6595">
        <v>20547931</v>
      </c>
      <c r="B6595" t="s">
        <v>33959</v>
      </c>
      <c r="C6595" s="1" t="s">
        <v>33960</v>
      </c>
      <c r="D6595">
        <v>20548302</v>
      </c>
      <c r="E6595">
        <v>2</v>
      </c>
      <c r="F6595">
        <v>0</v>
      </c>
      <c r="H6595" t="s">
        <v>33961</v>
      </c>
      <c r="J6595" t="s">
        <v>33962</v>
      </c>
      <c r="K6595" t="s">
        <v>33963</v>
      </c>
      <c r="M6595">
        <v>-1</v>
      </c>
      <c r="O6595">
        <v>1608273</v>
      </c>
      <c r="P6595">
        <v>1</v>
      </c>
      <c r="Q6595">
        <v>0</v>
      </c>
      <c r="R6595" t="s">
        <v>33964</v>
      </c>
      <c r="S6595">
        <v>58</v>
      </c>
    </row>
    <row r="6596" spans="1:19" x14ac:dyDescent="0.25">
      <c r="A6596">
        <v>213068</v>
      </c>
      <c r="B6596" t="s">
        <v>33965</v>
      </c>
      <c r="C6596" s="1" t="s">
        <v>33966</v>
      </c>
      <c r="D6596">
        <v>242492</v>
      </c>
      <c r="E6596">
        <v>1</v>
      </c>
      <c r="F6596">
        <v>2</v>
      </c>
      <c r="H6596" t="s">
        <v>33967</v>
      </c>
      <c r="I6596">
        <v>4</v>
      </c>
      <c r="J6596" t="s">
        <v>33968</v>
      </c>
      <c r="K6596" t="s">
        <v>33968</v>
      </c>
      <c r="L6596" t="s">
        <v>33969</v>
      </c>
      <c r="M6596">
        <v>781754</v>
      </c>
      <c r="N6596" t="s">
        <v>33969</v>
      </c>
      <c r="O6596">
        <v>327</v>
      </c>
      <c r="P6596">
        <v>1</v>
      </c>
      <c r="Q6596">
        <v>12</v>
      </c>
      <c r="R6596" t="s">
        <v>31207</v>
      </c>
      <c r="S6596">
        <v>3985</v>
      </c>
    </row>
    <row r="6597" spans="1:19" x14ac:dyDescent="0.25">
      <c r="A6597">
        <v>41404610</v>
      </c>
      <c r="B6597" t="s">
        <v>33970</v>
      </c>
      <c r="C6597" s="1" t="s">
        <v>33971</v>
      </c>
      <c r="E6597">
        <v>0</v>
      </c>
      <c r="F6597">
        <v>1</v>
      </c>
      <c r="H6597" t="s">
        <v>33972</v>
      </c>
      <c r="J6597" t="s">
        <v>33972</v>
      </c>
      <c r="O6597">
        <v>7359374</v>
      </c>
      <c r="P6597">
        <v>1</v>
      </c>
      <c r="Q6597">
        <v>1</v>
      </c>
      <c r="R6597" t="s">
        <v>33973</v>
      </c>
      <c r="S6597">
        <v>176</v>
      </c>
    </row>
    <row r="6598" spans="1:19" x14ac:dyDescent="0.25">
      <c r="A6598">
        <v>38243910</v>
      </c>
      <c r="B6598" t="s">
        <v>33974</v>
      </c>
      <c r="C6598" s="1" t="s">
        <v>33975</v>
      </c>
      <c r="E6598">
        <v>0</v>
      </c>
      <c r="F6598">
        <v>0</v>
      </c>
      <c r="H6598" t="s">
        <v>33976</v>
      </c>
      <c r="I6598">
        <v>1</v>
      </c>
      <c r="J6598" t="s">
        <v>33976</v>
      </c>
      <c r="O6598">
        <v>1298853</v>
      </c>
      <c r="P6598">
        <v>1</v>
      </c>
      <c r="Q6598">
        <v>1</v>
      </c>
      <c r="R6598" t="s">
        <v>33977</v>
      </c>
      <c r="S6598">
        <v>95</v>
      </c>
    </row>
    <row r="6599" spans="1:19" x14ac:dyDescent="0.25">
      <c r="A6599">
        <v>21567359</v>
      </c>
      <c r="B6599" t="s">
        <v>33978</v>
      </c>
      <c r="C6599" s="1" t="s">
        <v>33979</v>
      </c>
      <c r="E6599">
        <v>1</v>
      </c>
      <c r="F6599">
        <v>3</v>
      </c>
      <c r="H6599" t="s">
        <v>33980</v>
      </c>
      <c r="J6599" t="s">
        <v>33981</v>
      </c>
      <c r="O6599">
        <v>3273345</v>
      </c>
      <c r="P6599">
        <v>1</v>
      </c>
      <c r="Q6599">
        <v>1</v>
      </c>
      <c r="R6599" t="s">
        <v>33982</v>
      </c>
      <c r="S6599">
        <v>354</v>
      </c>
    </row>
    <row r="6600" spans="1:19" x14ac:dyDescent="0.25">
      <c r="A6600">
        <v>46852550</v>
      </c>
      <c r="B6600" t="s">
        <v>33983</v>
      </c>
      <c r="C6600" s="1" t="s">
        <v>33984</v>
      </c>
      <c r="D6600">
        <v>47201229</v>
      </c>
      <c r="E6600">
        <v>1</v>
      </c>
      <c r="F6600">
        <v>1</v>
      </c>
      <c r="H6600" t="s">
        <v>33985</v>
      </c>
      <c r="I6600">
        <v>1</v>
      </c>
      <c r="J6600" t="s">
        <v>33986</v>
      </c>
      <c r="O6600">
        <v>2479634</v>
      </c>
      <c r="P6600">
        <v>1</v>
      </c>
      <c r="Q6600">
        <v>1</v>
      </c>
      <c r="R6600" t="s">
        <v>33987</v>
      </c>
      <c r="S6600">
        <v>1382</v>
      </c>
    </row>
    <row r="6601" spans="1:19" x14ac:dyDescent="0.25">
      <c r="A6601">
        <v>34909456</v>
      </c>
      <c r="B6601" t="s">
        <v>33988</v>
      </c>
      <c r="C6601" s="1" t="s">
        <v>33989</v>
      </c>
      <c r="D6601">
        <v>34910535</v>
      </c>
      <c r="E6601">
        <v>2</v>
      </c>
      <c r="F6601">
        <v>2</v>
      </c>
      <c r="H6601" t="s">
        <v>33990</v>
      </c>
      <c r="J6601" t="s">
        <v>33991</v>
      </c>
      <c r="O6601">
        <v>448844</v>
      </c>
      <c r="P6601">
        <v>1</v>
      </c>
      <c r="Q6601">
        <v>2</v>
      </c>
      <c r="R6601" t="s">
        <v>33992</v>
      </c>
      <c r="S6601">
        <v>335</v>
      </c>
    </row>
    <row r="6602" spans="1:19" x14ac:dyDescent="0.25">
      <c r="A6602">
        <v>18834983</v>
      </c>
      <c r="B6602" t="s">
        <v>33993</v>
      </c>
      <c r="C6602" s="1" t="s">
        <v>33994</v>
      </c>
      <c r="D6602">
        <v>18984087</v>
      </c>
      <c r="E6602">
        <v>2</v>
      </c>
      <c r="F6602">
        <v>3</v>
      </c>
      <c r="H6602" t="s">
        <v>33995</v>
      </c>
      <c r="J6602" t="s">
        <v>33996</v>
      </c>
      <c r="O6602">
        <v>1420892</v>
      </c>
      <c r="P6602">
        <v>1</v>
      </c>
      <c r="Q6602">
        <v>0</v>
      </c>
      <c r="R6602" t="s">
        <v>33997</v>
      </c>
      <c r="S6602">
        <v>1442</v>
      </c>
    </row>
    <row r="6603" spans="1:19" x14ac:dyDescent="0.25">
      <c r="A6603">
        <v>41763226</v>
      </c>
      <c r="B6603" t="s">
        <v>33998</v>
      </c>
      <c r="C6603" s="1" t="s">
        <v>33999</v>
      </c>
      <c r="D6603">
        <v>41764169</v>
      </c>
      <c r="E6603">
        <v>2</v>
      </c>
      <c r="F6603">
        <v>4</v>
      </c>
      <c r="H6603" t="s">
        <v>34000</v>
      </c>
      <c r="J6603" t="s">
        <v>34001</v>
      </c>
      <c r="K6603" t="s">
        <v>34002</v>
      </c>
      <c r="M6603">
        <v>7134112</v>
      </c>
      <c r="O6603">
        <v>7134112</v>
      </c>
      <c r="P6603">
        <v>1</v>
      </c>
      <c r="Q6603">
        <v>0</v>
      </c>
      <c r="R6603" t="s">
        <v>34003</v>
      </c>
      <c r="S6603">
        <v>59</v>
      </c>
    </row>
    <row r="6604" spans="1:19" x14ac:dyDescent="0.25">
      <c r="A6604">
        <v>22268196</v>
      </c>
      <c r="B6604" t="s">
        <v>34004</v>
      </c>
      <c r="C6604" s="1" t="s">
        <v>34005</v>
      </c>
      <c r="D6604">
        <v>22268660</v>
      </c>
      <c r="E6604">
        <v>3</v>
      </c>
      <c r="F6604">
        <v>1</v>
      </c>
      <c r="H6604" t="s">
        <v>34006</v>
      </c>
      <c r="I6604">
        <v>1</v>
      </c>
      <c r="J6604" t="s">
        <v>34007</v>
      </c>
      <c r="O6604">
        <v>1197047</v>
      </c>
      <c r="P6604">
        <v>1</v>
      </c>
      <c r="Q6604">
        <v>1</v>
      </c>
      <c r="R6604" t="s">
        <v>34008</v>
      </c>
      <c r="S6604">
        <v>952</v>
      </c>
    </row>
    <row r="6605" spans="1:19" x14ac:dyDescent="0.25">
      <c r="A6605">
        <v>22950640</v>
      </c>
      <c r="B6605" t="s">
        <v>34009</v>
      </c>
      <c r="C6605" s="1" t="s">
        <v>34010</v>
      </c>
      <c r="E6605">
        <v>1</v>
      </c>
      <c r="F6605">
        <v>2</v>
      </c>
      <c r="H6605" t="s">
        <v>34011</v>
      </c>
      <c r="J6605" t="s">
        <v>34012</v>
      </c>
      <c r="O6605">
        <v>2817587</v>
      </c>
      <c r="P6605">
        <v>1</v>
      </c>
      <c r="Q6605">
        <v>0</v>
      </c>
      <c r="R6605" t="s">
        <v>34013</v>
      </c>
      <c r="S6605">
        <v>51</v>
      </c>
    </row>
    <row r="6606" spans="1:19" x14ac:dyDescent="0.25">
      <c r="A6606">
        <v>22210818</v>
      </c>
      <c r="B6606" t="s">
        <v>34014</v>
      </c>
      <c r="C6606" s="1" t="s">
        <v>34015</v>
      </c>
      <c r="E6606">
        <v>1</v>
      </c>
      <c r="F6606">
        <v>4</v>
      </c>
      <c r="H6606" t="s">
        <v>34016</v>
      </c>
      <c r="J6606" t="s">
        <v>34017</v>
      </c>
      <c r="O6606">
        <v>3312038</v>
      </c>
      <c r="P6606">
        <v>1</v>
      </c>
      <c r="Q6606">
        <v>0</v>
      </c>
      <c r="R6606" t="s">
        <v>34018</v>
      </c>
      <c r="S6606">
        <v>1136</v>
      </c>
    </row>
    <row r="6607" spans="1:19" x14ac:dyDescent="0.25">
      <c r="A6607">
        <v>24370503</v>
      </c>
      <c r="B6607" t="s">
        <v>34019</v>
      </c>
      <c r="C6607" s="1" t="s">
        <v>34020</v>
      </c>
      <c r="E6607">
        <v>2</v>
      </c>
      <c r="F6607">
        <v>1</v>
      </c>
      <c r="H6607" t="s">
        <v>34021</v>
      </c>
      <c r="I6607">
        <v>1</v>
      </c>
      <c r="J6607" t="s">
        <v>34022</v>
      </c>
      <c r="K6607" t="s">
        <v>34023</v>
      </c>
      <c r="M6607">
        <v>3768144</v>
      </c>
      <c r="O6607">
        <v>3768144</v>
      </c>
      <c r="P6607">
        <v>1</v>
      </c>
      <c r="Q6607">
        <v>2</v>
      </c>
      <c r="R6607" t="s">
        <v>34024</v>
      </c>
      <c r="S6607">
        <v>5382</v>
      </c>
    </row>
    <row r="6608" spans="1:19" x14ac:dyDescent="0.25">
      <c r="A6608">
        <v>26880465</v>
      </c>
      <c r="B6608" t="s">
        <v>34025</v>
      </c>
      <c r="C6608" s="1" t="s">
        <v>34026</v>
      </c>
      <c r="E6608">
        <v>2</v>
      </c>
      <c r="F6608">
        <v>5</v>
      </c>
      <c r="H6608" t="s">
        <v>34027</v>
      </c>
      <c r="J6608" t="s">
        <v>34028</v>
      </c>
      <c r="K6608" t="s">
        <v>34029</v>
      </c>
      <c r="M6608">
        <v>2484878</v>
      </c>
      <c r="O6608">
        <v>2484878</v>
      </c>
      <c r="P6608">
        <v>1</v>
      </c>
      <c r="Q6608">
        <v>0</v>
      </c>
      <c r="R6608" t="s">
        <v>8052</v>
      </c>
      <c r="S6608">
        <v>601</v>
      </c>
    </row>
    <row r="6609" spans="1:19" x14ac:dyDescent="0.25">
      <c r="A6609">
        <v>41417173</v>
      </c>
      <c r="B6609" t="s">
        <v>34030</v>
      </c>
      <c r="C6609" s="1" t="s">
        <v>34031</v>
      </c>
      <c r="D6609">
        <v>41417323</v>
      </c>
      <c r="E6609">
        <v>1</v>
      </c>
      <c r="F6609">
        <v>0</v>
      </c>
      <c r="H6609" t="s">
        <v>34032</v>
      </c>
      <c r="I6609">
        <v>1</v>
      </c>
      <c r="J6609" t="s">
        <v>34033</v>
      </c>
      <c r="O6609">
        <v>7225839</v>
      </c>
      <c r="P6609">
        <v>1</v>
      </c>
      <c r="Q6609">
        <v>0</v>
      </c>
      <c r="R6609" t="s">
        <v>34034</v>
      </c>
      <c r="S6609">
        <v>179</v>
      </c>
    </row>
    <row r="6610" spans="1:19" x14ac:dyDescent="0.25">
      <c r="A6610">
        <v>24993488</v>
      </c>
      <c r="B6610" t="s">
        <v>34035</v>
      </c>
      <c r="C6610" s="1" t="s">
        <v>34036</v>
      </c>
      <c r="D6610">
        <v>24994496</v>
      </c>
      <c r="E6610">
        <v>1</v>
      </c>
      <c r="F6610">
        <v>0</v>
      </c>
      <c r="H6610" t="s">
        <v>34037</v>
      </c>
      <c r="J6610" t="s">
        <v>34038</v>
      </c>
      <c r="O6610">
        <v>3853974</v>
      </c>
      <c r="P6610">
        <v>1</v>
      </c>
      <c r="Q6610">
        <v>0</v>
      </c>
      <c r="R6610" t="s">
        <v>34039</v>
      </c>
      <c r="S6610">
        <v>85</v>
      </c>
    </row>
    <row r="6611" spans="1:19" x14ac:dyDescent="0.25">
      <c r="A6611">
        <v>4612316</v>
      </c>
      <c r="B6611" t="s">
        <v>34040</v>
      </c>
      <c r="C6611" s="1" t="s">
        <v>34041</v>
      </c>
      <c r="D6611">
        <v>4613866</v>
      </c>
      <c r="E6611">
        <v>3</v>
      </c>
      <c r="F6611">
        <v>2</v>
      </c>
      <c r="H6611" t="s">
        <v>34042</v>
      </c>
      <c r="I6611">
        <v>1</v>
      </c>
      <c r="J6611" t="s">
        <v>34043</v>
      </c>
      <c r="K6611" t="s">
        <v>34044</v>
      </c>
      <c r="M6611">
        <v>550966</v>
      </c>
      <c r="O6611">
        <v>550966</v>
      </c>
      <c r="P6611">
        <v>1</v>
      </c>
      <c r="Q6611">
        <v>4</v>
      </c>
      <c r="R6611" t="s">
        <v>34045</v>
      </c>
      <c r="S6611">
        <v>23981</v>
      </c>
    </row>
    <row r="6612" spans="1:19" x14ac:dyDescent="0.25">
      <c r="A6612">
        <v>49913080</v>
      </c>
      <c r="B6612" t="s">
        <v>34046</v>
      </c>
      <c r="C6612" s="1" t="s">
        <v>34047</v>
      </c>
      <c r="D6612">
        <v>49918939</v>
      </c>
      <c r="E6612">
        <v>1</v>
      </c>
      <c r="F6612">
        <v>3</v>
      </c>
      <c r="H6612" t="s">
        <v>34048</v>
      </c>
      <c r="J6612" t="s">
        <v>34049</v>
      </c>
      <c r="K6612" t="s">
        <v>34050</v>
      </c>
      <c r="M6612">
        <v>3426630</v>
      </c>
      <c r="O6612">
        <v>3426630</v>
      </c>
      <c r="P6612">
        <v>1</v>
      </c>
      <c r="Q6612">
        <v>1</v>
      </c>
      <c r="R6612" t="s">
        <v>34051</v>
      </c>
      <c r="S6612">
        <v>46</v>
      </c>
    </row>
    <row r="6613" spans="1:19" x14ac:dyDescent="0.25">
      <c r="A6613">
        <v>53399216</v>
      </c>
      <c r="B6613" t="s">
        <v>34052</v>
      </c>
      <c r="C6613" s="1" t="s">
        <v>34053</v>
      </c>
      <c r="D6613">
        <v>53402474</v>
      </c>
      <c r="E6613">
        <v>2</v>
      </c>
      <c r="F6613">
        <v>2</v>
      </c>
      <c r="H6613" t="s">
        <v>34054</v>
      </c>
      <c r="J6613" t="s">
        <v>34055</v>
      </c>
      <c r="K6613" t="s">
        <v>34056</v>
      </c>
      <c r="M6613">
        <v>10681609</v>
      </c>
      <c r="O6613">
        <v>10681609</v>
      </c>
      <c r="P6613">
        <v>1</v>
      </c>
      <c r="Q6613">
        <v>0</v>
      </c>
      <c r="R6613" t="s">
        <v>34057</v>
      </c>
      <c r="S6613">
        <v>64</v>
      </c>
    </row>
    <row r="6614" spans="1:19" x14ac:dyDescent="0.25">
      <c r="A6614">
        <v>50968063</v>
      </c>
      <c r="B6614" t="s">
        <v>34058</v>
      </c>
      <c r="C6614" t="s">
        <v>34059</v>
      </c>
      <c r="E6614">
        <v>1</v>
      </c>
      <c r="F6614">
        <v>4</v>
      </c>
      <c r="H6614" t="s">
        <v>34060</v>
      </c>
      <c r="I6614">
        <v>1</v>
      </c>
      <c r="J6614" t="s">
        <v>34061</v>
      </c>
      <c r="O6614">
        <v>2170269</v>
      </c>
      <c r="P6614">
        <v>1</v>
      </c>
      <c r="Q6614">
        <v>1</v>
      </c>
      <c r="R6614" t="s">
        <v>34062</v>
      </c>
      <c r="S6614">
        <v>49</v>
      </c>
    </row>
    <row r="6615" spans="1:19" x14ac:dyDescent="0.25">
      <c r="A6615">
        <v>5513881</v>
      </c>
      <c r="B6615" t="s">
        <v>34063</v>
      </c>
      <c r="C6615" s="1" t="s">
        <v>34064</v>
      </c>
      <c r="D6615">
        <v>5513928</v>
      </c>
      <c r="E6615">
        <v>8</v>
      </c>
      <c r="F6615">
        <v>2</v>
      </c>
      <c r="H6615" t="s">
        <v>34065</v>
      </c>
      <c r="I6615">
        <v>58</v>
      </c>
      <c r="J6615" t="s">
        <v>34066</v>
      </c>
      <c r="K6615" t="s">
        <v>34067</v>
      </c>
      <c r="M6615">
        <v>2246344</v>
      </c>
      <c r="O6615">
        <v>687632</v>
      </c>
      <c r="P6615">
        <v>1</v>
      </c>
      <c r="Q6615">
        <v>193</v>
      </c>
      <c r="R6615" t="s">
        <v>34068</v>
      </c>
      <c r="S6615">
        <v>79295</v>
      </c>
    </row>
    <row r="6616" spans="1:19" x14ac:dyDescent="0.25">
      <c r="A6616">
        <v>10079645</v>
      </c>
      <c r="B6616" t="s">
        <v>34069</v>
      </c>
      <c r="C6616" s="1" t="s">
        <v>34070</v>
      </c>
      <c r="D6616">
        <v>10079797</v>
      </c>
      <c r="E6616">
        <v>1</v>
      </c>
      <c r="F6616">
        <v>0</v>
      </c>
      <c r="H6616" t="s">
        <v>34071</v>
      </c>
      <c r="J6616" t="s">
        <v>34072</v>
      </c>
      <c r="O6616">
        <v>135786</v>
      </c>
      <c r="P6616">
        <v>1</v>
      </c>
      <c r="Q6616">
        <v>1</v>
      </c>
      <c r="R6616" t="s">
        <v>34073</v>
      </c>
      <c r="S6616">
        <v>98</v>
      </c>
    </row>
    <row r="6617" spans="1:19" x14ac:dyDescent="0.25">
      <c r="A6617">
        <v>26704781</v>
      </c>
      <c r="B6617" t="s">
        <v>34074</v>
      </c>
      <c r="C6617" s="1" t="s">
        <v>34075</v>
      </c>
      <c r="D6617">
        <v>26704955</v>
      </c>
      <c r="E6617">
        <v>1</v>
      </c>
      <c r="F6617">
        <v>6</v>
      </c>
      <c r="H6617" t="s">
        <v>34076</v>
      </c>
      <c r="J6617" t="s">
        <v>34077</v>
      </c>
      <c r="K6617" t="s">
        <v>34078</v>
      </c>
      <c r="M6617">
        <v>1691532</v>
      </c>
      <c r="O6617">
        <v>1691532</v>
      </c>
      <c r="P6617">
        <v>1</v>
      </c>
      <c r="Q6617">
        <v>1</v>
      </c>
      <c r="R6617" t="s">
        <v>34079</v>
      </c>
      <c r="S6617">
        <v>182</v>
      </c>
    </row>
    <row r="6618" spans="1:19" x14ac:dyDescent="0.25">
      <c r="A6618">
        <v>51165077</v>
      </c>
      <c r="B6618" t="s">
        <v>34080</v>
      </c>
      <c r="C6618" s="1" t="s">
        <v>34081</v>
      </c>
      <c r="E6618">
        <v>0</v>
      </c>
      <c r="F6618">
        <v>0</v>
      </c>
      <c r="H6618" t="s">
        <v>34082</v>
      </c>
      <c r="I6618">
        <v>0</v>
      </c>
      <c r="J6618" t="s">
        <v>34082</v>
      </c>
      <c r="O6618">
        <v>10029669</v>
      </c>
      <c r="P6618">
        <v>1</v>
      </c>
      <c r="Q6618">
        <v>0</v>
      </c>
      <c r="R6618" t="s">
        <v>34083</v>
      </c>
      <c r="S6618">
        <v>17</v>
      </c>
    </row>
    <row r="6619" spans="1:19" x14ac:dyDescent="0.25">
      <c r="A6619">
        <v>18569897</v>
      </c>
      <c r="B6619" t="s">
        <v>34084</v>
      </c>
      <c r="C6619" s="1" t="s">
        <v>34085</v>
      </c>
      <c r="D6619">
        <v>18570155</v>
      </c>
      <c r="E6619">
        <v>1</v>
      </c>
      <c r="F6619">
        <v>0</v>
      </c>
      <c r="H6619" t="s">
        <v>34086</v>
      </c>
      <c r="J6619" t="s">
        <v>34087</v>
      </c>
      <c r="K6619" t="s">
        <v>34088</v>
      </c>
      <c r="M6619">
        <v>1315767</v>
      </c>
      <c r="O6619">
        <v>2128736</v>
      </c>
      <c r="P6619">
        <v>1</v>
      </c>
      <c r="Q6619">
        <v>0</v>
      </c>
      <c r="R6619" t="s">
        <v>34089</v>
      </c>
      <c r="S6619">
        <v>40</v>
      </c>
    </row>
    <row r="6620" spans="1:19" x14ac:dyDescent="0.25">
      <c r="A6620">
        <v>45960045</v>
      </c>
      <c r="B6620" t="s">
        <v>34090</v>
      </c>
      <c r="C6620" t="s">
        <v>34091</v>
      </c>
      <c r="E6620">
        <v>0</v>
      </c>
      <c r="F6620">
        <v>3</v>
      </c>
      <c r="H6620" t="s">
        <v>34092</v>
      </c>
      <c r="J6620" t="s">
        <v>34093</v>
      </c>
      <c r="K6620" t="s">
        <v>34093</v>
      </c>
      <c r="M6620">
        <v>8230702</v>
      </c>
      <c r="O6620">
        <v>8230702</v>
      </c>
      <c r="P6620">
        <v>1</v>
      </c>
      <c r="Q6620">
        <v>0</v>
      </c>
      <c r="R6620" t="s">
        <v>34094</v>
      </c>
      <c r="S6620">
        <v>122</v>
      </c>
    </row>
    <row r="6621" spans="1:19" x14ac:dyDescent="0.25">
      <c r="A6621">
        <v>1367180</v>
      </c>
      <c r="B6621" t="s">
        <v>34095</v>
      </c>
      <c r="C6621" s="1" t="s">
        <v>34096</v>
      </c>
      <c r="D6621">
        <v>1367201</v>
      </c>
      <c r="E6621">
        <v>1</v>
      </c>
      <c r="F6621">
        <v>1</v>
      </c>
      <c r="H6621" t="s">
        <v>34097</v>
      </c>
      <c r="J6621" t="s">
        <v>34098</v>
      </c>
      <c r="K6621" t="s">
        <v>34098</v>
      </c>
      <c r="M6621">
        <v>167016</v>
      </c>
      <c r="O6621">
        <v>167016</v>
      </c>
      <c r="P6621">
        <v>1</v>
      </c>
      <c r="Q6621">
        <v>0</v>
      </c>
      <c r="R6621" t="s">
        <v>34099</v>
      </c>
      <c r="S6621">
        <v>1805</v>
      </c>
    </row>
    <row r="6622" spans="1:19" x14ac:dyDescent="0.25">
      <c r="A6622">
        <v>40309552</v>
      </c>
      <c r="B6622" t="s">
        <v>34100</v>
      </c>
      <c r="C6622" s="1" t="s">
        <v>34101</v>
      </c>
      <c r="D6622">
        <v>40309614</v>
      </c>
      <c r="E6622">
        <v>1</v>
      </c>
      <c r="F6622">
        <v>0</v>
      </c>
      <c r="H6622" t="s">
        <v>34102</v>
      </c>
      <c r="I6622">
        <v>1</v>
      </c>
      <c r="J6622" t="s">
        <v>34103</v>
      </c>
      <c r="O6622">
        <v>1013512</v>
      </c>
      <c r="P6622">
        <v>1</v>
      </c>
      <c r="Q6622">
        <v>2</v>
      </c>
      <c r="R6622" t="s">
        <v>34104</v>
      </c>
      <c r="S6622">
        <v>2062</v>
      </c>
    </row>
    <row r="6623" spans="1:19" x14ac:dyDescent="0.25">
      <c r="A6623">
        <v>11268273</v>
      </c>
      <c r="B6623" t="s">
        <v>34105</v>
      </c>
      <c r="C6623" s="1" t="s">
        <v>34106</v>
      </c>
      <c r="E6623">
        <v>1</v>
      </c>
      <c r="F6623">
        <v>1</v>
      </c>
      <c r="H6623" t="s">
        <v>34107</v>
      </c>
      <c r="J6623" t="s">
        <v>34108</v>
      </c>
      <c r="O6623">
        <v>269855</v>
      </c>
      <c r="P6623">
        <v>1</v>
      </c>
      <c r="Q6623">
        <v>1</v>
      </c>
      <c r="R6623" t="s">
        <v>34109</v>
      </c>
      <c r="S6623">
        <v>237</v>
      </c>
    </row>
    <row r="6624" spans="1:19" x14ac:dyDescent="0.25">
      <c r="A6624">
        <v>51919791</v>
      </c>
      <c r="B6624" t="s">
        <v>34110</v>
      </c>
      <c r="C6624" s="1" t="s">
        <v>34111</v>
      </c>
      <c r="E6624">
        <v>0</v>
      </c>
      <c r="F6624">
        <v>2</v>
      </c>
      <c r="H6624" t="s">
        <v>34112</v>
      </c>
      <c r="J6624" t="s">
        <v>34113</v>
      </c>
      <c r="K6624" t="s">
        <v>34113</v>
      </c>
      <c r="M6624">
        <v>472495</v>
      </c>
      <c r="O6624">
        <v>3546343</v>
      </c>
      <c r="P6624">
        <v>1</v>
      </c>
      <c r="Q6624">
        <v>1</v>
      </c>
      <c r="R6624" t="s">
        <v>34114</v>
      </c>
      <c r="S6624">
        <v>90</v>
      </c>
    </row>
    <row r="6625" spans="1:19" x14ac:dyDescent="0.25">
      <c r="A6625">
        <v>23761968</v>
      </c>
      <c r="B6625" t="s">
        <v>34115</v>
      </c>
      <c r="C6625" s="1" t="s">
        <v>34116</v>
      </c>
      <c r="D6625">
        <v>23786328</v>
      </c>
      <c r="E6625">
        <v>2</v>
      </c>
      <c r="F6625">
        <v>0</v>
      </c>
      <c r="H6625" t="s">
        <v>34117</v>
      </c>
      <c r="I6625">
        <v>1</v>
      </c>
      <c r="J6625" t="s">
        <v>34118</v>
      </c>
      <c r="K6625" t="s">
        <v>34119</v>
      </c>
      <c r="M6625">
        <v>317989</v>
      </c>
      <c r="O6625">
        <v>3623608</v>
      </c>
      <c r="P6625">
        <v>1</v>
      </c>
      <c r="Q6625">
        <v>1</v>
      </c>
      <c r="R6625" t="s">
        <v>34120</v>
      </c>
      <c r="S6625">
        <v>1587</v>
      </c>
    </row>
    <row r="6626" spans="1:19" x14ac:dyDescent="0.25">
      <c r="A6626">
        <v>44983763</v>
      </c>
      <c r="B6626" t="s">
        <v>34121</v>
      </c>
      <c r="C6626" s="1" t="s">
        <v>34122</v>
      </c>
      <c r="E6626">
        <v>1</v>
      </c>
      <c r="F6626">
        <v>1</v>
      </c>
      <c r="H6626" t="s">
        <v>34123</v>
      </c>
      <c r="I6626">
        <v>0</v>
      </c>
      <c r="J6626" t="s">
        <v>34124</v>
      </c>
      <c r="K6626" t="s">
        <v>34124</v>
      </c>
      <c r="M6626">
        <v>8274176</v>
      </c>
      <c r="O6626">
        <v>8274176</v>
      </c>
      <c r="P6626">
        <v>1</v>
      </c>
      <c r="Q6626">
        <v>-2</v>
      </c>
      <c r="R6626" t="s">
        <v>34125</v>
      </c>
      <c r="S6626">
        <v>111</v>
      </c>
    </row>
    <row r="6627" spans="1:19" x14ac:dyDescent="0.25">
      <c r="A6627">
        <v>11868518</v>
      </c>
      <c r="B6627" t="s">
        <v>34126</v>
      </c>
      <c r="C6627" s="1" t="s">
        <v>34127</v>
      </c>
      <c r="E6627">
        <v>0</v>
      </c>
      <c r="F6627">
        <v>2</v>
      </c>
      <c r="H6627" t="s">
        <v>34128</v>
      </c>
      <c r="J6627" t="s">
        <v>34128</v>
      </c>
      <c r="O6627">
        <v>1416058</v>
      </c>
      <c r="P6627">
        <v>1</v>
      </c>
      <c r="Q6627">
        <v>0</v>
      </c>
      <c r="R6627" t="s">
        <v>23428</v>
      </c>
      <c r="S6627">
        <v>504</v>
      </c>
    </row>
    <row r="6628" spans="1:19" x14ac:dyDescent="0.25">
      <c r="A6628">
        <v>41338370</v>
      </c>
      <c r="B6628" t="s">
        <v>34129</v>
      </c>
      <c r="C6628" s="1" t="s">
        <v>34130</v>
      </c>
      <c r="E6628">
        <v>3</v>
      </c>
      <c r="F6628">
        <v>0</v>
      </c>
      <c r="H6628" t="s">
        <v>34131</v>
      </c>
      <c r="I6628">
        <v>1</v>
      </c>
      <c r="J6628" t="s">
        <v>34132</v>
      </c>
      <c r="K6628" t="s">
        <v>34133</v>
      </c>
      <c r="M6628">
        <v>2037648</v>
      </c>
      <c r="O6628">
        <v>2037648</v>
      </c>
      <c r="P6628">
        <v>1</v>
      </c>
      <c r="Q6628">
        <v>1</v>
      </c>
      <c r="R6628" t="s">
        <v>34134</v>
      </c>
      <c r="S6628">
        <v>959</v>
      </c>
    </row>
    <row r="6629" spans="1:19" x14ac:dyDescent="0.25">
      <c r="A6629">
        <v>12884168</v>
      </c>
      <c r="B6629" t="s">
        <v>34135</v>
      </c>
      <c r="C6629" s="1" t="s">
        <v>34136</v>
      </c>
      <c r="D6629">
        <v>12884188</v>
      </c>
      <c r="E6629">
        <v>1</v>
      </c>
      <c r="F6629">
        <v>0</v>
      </c>
      <c r="H6629" t="s">
        <v>34137</v>
      </c>
      <c r="J6629" t="s">
        <v>34138</v>
      </c>
      <c r="O6629">
        <v>1570048</v>
      </c>
      <c r="P6629">
        <v>1</v>
      </c>
      <c r="Q6629">
        <v>0</v>
      </c>
      <c r="R6629" t="s">
        <v>34139</v>
      </c>
      <c r="S6629">
        <v>128</v>
      </c>
    </row>
    <row r="6630" spans="1:19" x14ac:dyDescent="0.25">
      <c r="A6630">
        <v>6059028</v>
      </c>
      <c r="B6630" t="s">
        <v>34140</v>
      </c>
      <c r="C6630" s="1" t="s">
        <v>34141</v>
      </c>
      <c r="E6630">
        <v>0</v>
      </c>
      <c r="F6630">
        <v>2</v>
      </c>
      <c r="H6630" t="s">
        <v>34142</v>
      </c>
      <c r="I6630">
        <v>1</v>
      </c>
      <c r="J6630" t="s">
        <v>34143</v>
      </c>
      <c r="K6630" t="s">
        <v>34143</v>
      </c>
      <c r="M6630">
        <v>11182</v>
      </c>
      <c r="O6630">
        <v>715709</v>
      </c>
      <c r="P6630">
        <v>1</v>
      </c>
      <c r="Q6630">
        <v>1</v>
      </c>
      <c r="R6630" t="s">
        <v>34144</v>
      </c>
      <c r="S6630">
        <v>698</v>
      </c>
    </row>
    <row r="6631" spans="1:19" x14ac:dyDescent="0.25">
      <c r="A6631">
        <v>27897178</v>
      </c>
      <c r="B6631" t="s">
        <v>34145</v>
      </c>
      <c r="C6631" s="1" t="s">
        <v>34146</v>
      </c>
      <c r="E6631">
        <v>0</v>
      </c>
      <c r="F6631">
        <v>0</v>
      </c>
      <c r="H6631" t="s">
        <v>34147</v>
      </c>
      <c r="J6631" t="s">
        <v>34147</v>
      </c>
      <c r="O6631">
        <v>2753345</v>
      </c>
      <c r="P6631">
        <v>1</v>
      </c>
      <c r="Q6631">
        <v>1</v>
      </c>
      <c r="R6631" t="s">
        <v>34148</v>
      </c>
      <c r="S6631">
        <v>145</v>
      </c>
    </row>
    <row r="6632" spans="1:19" x14ac:dyDescent="0.25">
      <c r="A6632">
        <v>27541620</v>
      </c>
      <c r="B6632" t="s">
        <v>34149</v>
      </c>
      <c r="C6632" s="1" t="s">
        <v>34150</v>
      </c>
      <c r="D6632">
        <v>27541928</v>
      </c>
      <c r="E6632">
        <v>1</v>
      </c>
      <c r="F6632">
        <v>5</v>
      </c>
      <c r="H6632" t="s">
        <v>34151</v>
      </c>
      <c r="J6632" t="s">
        <v>34152</v>
      </c>
      <c r="O6632">
        <v>3083996</v>
      </c>
      <c r="P6632">
        <v>1</v>
      </c>
      <c r="Q6632">
        <v>-1</v>
      </c>
      <c r="R6632" t="s">
        <v>34153</v>
      </c>
      <c r="S6632">
        <v>1406</v>
      </c>
    </row>
    <row r="6633" spans="1:19" x14ac:dyDescent="0.25">
      <c r="A6633">
        <v>30122013</v>
      </c>
      <c r="B6633" t="s">
        <v>34154</v>
      </c>
      <c r="C6633" s="1" t="s">
        <v>34155</v>
      </c>
      <c r="E6633">
        <v>0</v>
      </c>
      <c r="F6633">
        <v>1</v>
      </c>
      <c r="H6633" t="s">
        <v>34156</v>
      </c>
      <c r="J6633" t="s">
        <v>34156</v>
      </c>
      <c r="O6633">
        <v>4863315</v>
      </c>
      <c r="P6633">
        <v>1</v>
      </c>
      <c r="Q6633">
        <v>1</v>
      </c>
      <c r="R6633" t="s">
        <v>34157</v>
      </c>
      <c r="S6633">
        <v>93</v>
      </c>
    </row>
    <row r="6634" spans="1:19" x14ac:dyDescent="0.25">
      <c r="A6634">
        <v>16698280</v>
      </c>
      <c r="B6634" t="s">
        <v>34158</v>
      </c>
      <c r="C6634" s="1" t="s">
        <v>34159</v>
      </c>
      <c r="E6634">
        <v>1</v>
      </c>
      <c r="F6634">
        <v>0</v>
      </c>
      <c r="H6634" t="s">
        <v>34160</v>
      </c>
      <c r="J6634" t="s">
        <v>34161</v>
      </c>
      <c r="K6634" t="s">
        <v>34161</v>
      </c>
      <c r="M6634">
        <v>1505120</v>
      </c>
      <c r="O6634">
        <v>1653383</v>
      </c>
      <c r="P6634">
        <v>1</v>
      </c>
      <c r="Q6634">
        <v>0</v>
      </c>
      <c r="R6634" t="s">
        <v>34162</v>
      </c>
      <c r="S6634">
        <v>285</v>
      </c>
    </row>
    <row r="6635" spans="1:19" x14ac:dyDescent="0.25">
      <c r="A6635">
        <v>17045217</v>
      </c>
      <c r="B6635" t="s">
        <v>34163</v>
      </c>
      <c r="C6635" s="1" t="s">
        <v>34164</v>
      </c>
      <c r="E6635">
        <v>3</v>
      </c>
      <c r="F6635">
        <v>0</v>
      </c>
      <c r="H6635" t="s">
        <v>34165</v>
      </c>
      <c r="I6635">
        <v>0</v>
      </c>
      <c r="J6635" t="s">
        <v>34166</v>
      </c>
      <c r="K6635" t="s">
        <v>34167</v>
      </c>
      <c r="M6635">
        <v>1391249</v>
      </c>
      <c r="O6635">
        <v>1829962</v>
      </c>
      <c r="P6635">
        <v>1</v>
      </c>
      <c r="Q6635">
        <v>2</v>
      </c>
      <c r="R6635" t="s">
        <v>34168</v>
      </c>
      <c r="S6635">
        <v>457</v>
      </c>
    </row>
    <row r="6636" spans="1:19" x14ac:dyDescent="0.25">
      <c r="A6636">
        <v>4548088</v>
      </c>
      <c r="B6636" t="s">
        <v>34169</v>
      </c>
      <c r="C6636" s="1" t="s">
        <v>34170</v>
      </c>
      <c r="E6636">
        <v>1</v>
      </c>
      <c r="F6636">
        <v>5</v>
      </c>
      <c r="H6636" t="s">
        <v>34171</v>
      </c>
      <c r="I6636">
        <v>1</v>
      </c>
      <c r="J6636" t="s">
        <v>34172</v>
      </c>
      <c r="K6636" t="s">
        <v>34172</v>
      </c>
      <c r="M6636">
        <v>428241</v>
      </c>
      <c r="O6636">
        <v>556254</v>
      </c>
      <c r="P6636">
        <v>1</v>
      </c>
      <c r="Q6636">
        <v>4</v>
      </c>
      <c r="R6636" t="s">
        <v>34173</v>
      </c>
      <c r="S6636">
        <v>1539</v>
      </c>
    </row>
    <row r="6637" spans="1:19" x14ac:dyDescent="0.25">
      <c r="A6637">
        <v>39219856</v>
      </c>
      <c r="B6637" t="s">
        <v>34174</v>
      </c>
      <c r="C6637" s="1" t="s">
        <v>34175</v>
      </c>
      <c r="E6637">
        <v>1</v>
      </c>
      <c r="F6637">
        <v>0</v>
      </c>
      <c r="H6637" t="s">
        <v>34176</v>
      </c>
      <c r="J6637" t="s">
        <v>34177</v>
      </c>
      <c r="O6637">
        <v>4566211</v>
      </c>
      <c r="P6637">
        <v>1</v>
      </c>
      <c r="Q6637">
        <v>1</v>
      </c>
      <c r="R6637" t="s">
        <v>34178</v>
      </c>
      <c r="S6637">
        <v>304</v>
      </c>
    </row>
    <row r="6638" spans="1:19" x14ac:dyDescent="0.25">
      <c r="A6638">
        <v>47462081</v>
      </c>
      <c r="B6638" t="s">
        <v>34179</v>
      </c>
      <c r="C6638" s="1" t="s">
        <v>34180</v>
      </c>
      <c r="D6638">
        <v>47462650</v>
      </c>
      <c r="E6638">
        <v>1</v>
      </c>
      <c r="F6638">
        <v>3</v>
      </c>
      <c r="H6638" t="s">
        <v>34181</v>
      </c>
      <c r="J6638" t="s">
        <v>34182</v>
      </c>
      <c r="K6638" t="s">
        <v>34182</v>
      </c>
      <c r="M6638">
        <v>5410912</v>
      </c>
      <c r="O6638">
        <v>5410912</v>
      </c>
      <c r="P6638">
        <v>1</v>
      </c>
      <c r="Q6638">
        <v>-1</v>
      </c>
      <c r="R6638" t="s">
        <v>34183</v>
      </c>
      <c r="S6638">
        <v>47</v>
      </c>
    </row>
    <row r="6639" spans="1:19" x14ac:dyDescent="0.25">
      <c r="A6639">
        <v>16468602</v>
      </c>
      <c r="B6639" t="s">
        <v>34184</v>
      </c>
      <c r="C6639" s="1" t="s">
        <v>34185</v>
      </c>
      <c r="D6639">
        <v>16492962</v>
      </c>
      <c r="E6639">
        <v>5</v>
      </c>
      <c r="F6639">
        <v>2</v>
      </c>
      <c r="H6639" t="s">
        <v>34186</v>
      </c>
      <c r="I6639">
        <v>6</v>
      </c>
      <c r="J6639" t="s">
        <v>34187</v>
      </c>
      <c r="O6639">
        <v>768435</v>
      </c>
      <c r="P6639">
        <v>1</v>
      </c>
      <c r="Q6639">
        <v>26</v>
      </c>
      <c r="R6639" t="s">
        <v>34188</v>
      </c>
      <c r="S6639">
        <v>20105</v>
      </c>
    </row>
    <row r="6640" spans="1:19" x14ac:dyDescent="0.25">
      <c r="A6640">
        <v>7982359</v>
      </c>
      <c r="B6640" t="s">
        <v>34189</v>
      </c>
      <c r="C6640" s="1" t="s">
        <v>34190</v>
      </c>
      <c r="D6640">
        <v>12307253</v>
      </c>
      <c r="E6640">
        <v>1</v>
      </c>
      <c r="F6640">
        <v>3</v>
      </c>
      <c r="H6640" t="s">
        <v>34191</v>
      </c>
      <c r="I6640">
        <v>1</v>
      </c>
      <c r="J6640" t="s">
        <v>34192</v>
      </c>
      <c r="K6640" t="s">
        <v>34192</v>
      </c>
      <c r="M6640">
        <v>214143</v>
      </c>
      <c r="O6640">
        <v>920844</v>
      </c>
      <c r="P6640">
        <v>1</v>
      </c>
      <c r="Q6640">
        <v>2</v>
      </c>
      <c r="R6640" t="s">
        <v>34193</v>
      </c>
      <c r="S6640">
        <v>2072</v>
      </c>
    </row>
    <row r="6641" spans="1:19" x14ac:dyDescent="0.25">
      <c r="A6641">
        <v>44703631</v>
      </c>
      <c r="B6641" t="s">
        <v>34194</v>
      </c>
      <c r="C6641" s="1" t="s">
        <v>34195</v>
      </c>
      <c r="E6641">
        <v>0</v>
      </c>
      <c r="F6641">
        <v>0</v>
      </c>
      <c r="H6641" t="s">
        <v>34196</v>
      </c>
      <c r="I6641">
        <v>2</v>
      </c>
      <c r="J6641" t="s">
        <v>34197</v>
      </c>
      <c r="K6641" t="s">
        <v>34197</v>
      </c>
      <c r="M6641">
        <v>4416106</v>
      </c>
      <c r="O6641">
        <v>4416106</v>
      </c>
      <c r="P6641">
        <v>1</v>
      </c>
      <c r="Q6641">
        <v>2</v>
      </c>
      <c r="R6641" t="s">
        <v>34198</v>
      </c>
      <c r="S6641">
        <v>149</v>
      </c>
    </row>
    <row r="6642" spans="1:19" x14ac:dyDescent="0.25">
      <c r="A6642">
        <v>48379601</v>
      </c>
      <c r="B6642" t="s">
        <v>34199</v>
      </c>
      <c r="C6642" s="1" t="s">
        <v>34200</v>
      </c>
      <c r="E6642">
        <v>0</v>
      </c>
      <c r="F6642">
        <v>3</v>
      </c>
      <c r="H6642" t="s">
        <v>34201</v>
      </c>
      <c r="J6642" t="s">
        <v>34201</v>
      </c>
      <c r="O6642">
        <v>9250892</v>
      </c>
      <c r="P6642">
        <v>1</v>
      </c>
      <c r="Q6642">
        <v>0</v>
      </c>
      <c r="R6642" t="s">
        <v>34202</v>
      </c>
      <c r="S6642">
        <v>27</v>
      </c>
    </row>
    <row r="6643" spans="1:19" x14ac:dyDescent="0.25">
      <c r="A6643">
        <v>17297355</v>
      </c>
      <c r="B6643" t="s">
        <v>34203</v>
      </c>
      <c r="C6643" s="1" t="s">
        <v>34204</v>
      </c>
      <c r="D6643">
        <v>17364014</v>
      </c>
      <c r="E6643">
        <v>1</v>
      </c>
      <c r="F6643">
        <v>0</v>
      </c>
      <c r="H6643" t="s">
        <v>34205</v>
      </c>
      <c r="J6643" t="s">
        <v>34206</v>
      </c>
      <c r="K6643" t="s">
        <v>34206</v>
      </c>
      <c r="M6643">
        <v>66696</v>
      </c>
      <c r="O6643">
        <v>387484</v>
      </c>
      <c r="P6643">
        <v>1</v>
      </c>
      <c r="Q6643">
        <v>1</v>
      </c>
      <c r="R6643" t="s">
        <v>34207</v>
      </c>
      <c r="S6643">
        <v>228</v>
      </c>
    </row>
    <row r="6644" spans="1:19" x14ac:dyDescent="0.25">
      <c r="A6644">
        <v>51140247</v>
      </c>
      <c r="B6644" t="s">
        <v>34208</v>
      </c>
      <c r="C6644" t="s">
        <v>34209</v>
      </c>
      <c r="E6644">
        <v>1</v>
      </c>
      <c r="F6644">
        <v>1</v>
      </c>
      <c r="H6644" t="s">
        <v>34210</v>
      </c>
      <c r="I6644">
        <v>1</v>
      </c>
      <c r="J6644" t="s">
        <v>34211</v>
      </c>
      <c r="K6644" t="s">
        <v>34211</v>
      </c>
      <c r="M6644">
        <v>2649012</v>
      </c>
      <c r="O6644">
        <v>10022603</v>
      </c>
      <c r="P6644">
        <v>1</v>
      </c>
      <c r="Q6644">
        <v>-3</v>
      </c>
      <c r="R6644" t="s">
        <v>34212</v>
      </c>
      <c r="S6644">
        <v>28</v>
      </c>
    </row>
    <row r="6645" spans="1:19" x14ac:dyDescent="0.25">
      <c r="A6645">
        <v>31507453</v>
      </c>
      <c r="B6645" t="s">
        <v>34213</v>
      </c>
      <c r="C6645" s="1" t="s">
        <v>34214</v>
      </c>
      <c r="D6645">
        <v>31508133</v>
      </c>
      <c r="E6645">
        <v>1</v>
      </c>
      <c r="F6645">
        <v>2</v>
      </c>
      <c r="H6645" t="s">
        <v>34215</v>
      </c>
      <c r="I6645">
        <v>1</v>
      </c>
      <c r="J6645" t="s">
        <v>34216</v>
      </c>
      <c r="K6645" t="s">
        <v>34217</v>
      </c>
      <c r="M6645">
        <v>-1</v>
      </c>
      <c r="O6645">
        <v>4044223</v>
      </c>
      <c r="P6645">
        <v>1</v>
      </c>
      <c r="Q6645">
        <v>3</v>
      </c>
      <c r="R6645" t="s">
        <v>34218</v>
      </c>
      <c r="S6645">
        <v>396</v>
      </c>
    </row>
    <row r="6646" spans="1:19" x14ac:dyDescent="0.25">
      <c r="A6646">
        <v>28665208</v>
      </c>
      <c r="B6646" t="s">
        <v>34219</v>
      </c>
      <c r="C6646" s="1" t="s">
        <v>34220</v>
      </c>
      <c r="E6646">
        <v>1</v>
      </c>
      <c r="F6646">
        <v>2</v>
      </c>
      <c r="H6646" t="s">
        <v>34221</v>
      </c>
      <c r="I6646">
        <v>2</v>
      </c>
      <c r="J6646" t="s">
        <v>34222</v>
      </c>
      <c r="K6646" t="s">
        <v>34223</v>
      </c>
      <c r="M6646">
        <v>4102253</v>
      </c>
      <c r="O6646">
        <v>4102253</v>
      </c>
      <c r="P6646">
        <v>1</v>
      </c>
      <c r="Q6646">
        <v>0</v>
      </c>
      <c r="R6646" t="s">
        <v>34224</v>
      </c>
      <c r="S6646">
        <v>36</v>
      </c>
    </row>
    <row r="6647" spans="1:19" x14ac:dyDescent="0.25">
      <c r="A6647">
        <v>15615330</v>
      </c>
      <c r="B6647" t="s">
        <v>34225</v>
      </c>
      <c r="C6647" s="1" t="s">
        <v>34226</v>
      </c>
      <c r="D6647">
        <v>15615895</v>
      </c>
      <c r="E6647">
        <v>1</v>
      </c>
      <c r="F6647">
        <v>1</v>
      </c>
      <c r="H6647" t="s">
        <v>34227</v>
      </c>
      <c r="J6647" t="s">
        <v>34228</v>
      </c>
      <c r="K6647" t="s">
        <v>34228</v>
      </c>
      <c r="M6647">
        <v>1149928</v>
      </c>
      <c r="O6647">
        <v>1149928</v>
      </c>
      <c r="P6647">
        <v>1</v>
      </c>
      <c r="Q6647">
        <v>0</v>
      </c>
      <c r="R6647" t="s">
        <v>34229</v>
      </c>
      <c r="S6647">
        <v>6333</v>
      </c>
    </row>
    <row r="6648" spans="1:19" x14ac:dyDescent="0.25">
      <c r="A6648">
        <v>3752240</v>
      </c>
      <c r="B6648" t="s">
        <v>34230</v>
      </c>
      <c r="C6648" s="1" t="s">
        <v>34231</v>
      </c>
      <c r="D6648">
        <v>3752273</v>
      </c>
      <c r="E6648">
        <v>3</v>
      </c>
      <c r="F6648">
        <v>0</v>
      </c>
      <c r="H6648" t="s">
        <v>34232</v>
      </c>
      <c r="I6648">
        <v>2</v>
      </c>
      <c r="J6648" t="s">
        <v>34233</v>
      </c>
      <c r="K6648" t="s">
        <v>34233</v>
      </c>
      <c r="M6648">
        <v>154439</v>
      </c>
      <c r="O6648">
        <v>154439</v>
      </c>
      <c r="P6648">
        <v>1</v>
      </c>
      <c r="Q6648">
        <v>12</v>
      </c>
      <c r="R6648" t="s">
        <v>34234</v>
      </c>
      <c r="S6648">
        <v>15560</v>
      </c>
    </row>
    <row r="6649" spans="1:19" x14ac:dyDescent="0.25">
      <c r="A6649">
        <v>24174697</v>
      </c>
      <c r="B6649" t="s">
        <v>34235</v>
      </c>
      <c r="C6649" s="1" t="s">
        <v>34236</v>
      </c>
      <c r="D6649">
        <v>24174739</v>
      </c>
      <c r="E6649">
        <v>4</v>
      </c>
      <c r="F6649">
        <v>2</v>
      </c>
      <c r="H6649" t="s">
        <v>34237</v>
      </c>
      <c r="I6649">
        <v>1</v>
      </c>
      <c r="J6649" t="s">
        <v>34238</v>
      </c>
      <c r="K6649" t="s">
        <v>34239</v>
      </c>
      <c r="M6649">
        <v>1572953</v>
      </c>
      <c r="O6649">
        <v>1572953</v>
      </c>
      <c r="P6649">
        <v>1</v>
      </c>
      <c r="Q6649">
        <v>4</v>
      </c>
      <c r="R6649" t="s">
        <v>275</v>
      </c>
      <c r="S6649">
        <v>3438</v>
      </c>
    </row>
    <row r="6650" spans="1:19" x14ac:dyDescent="0.25">
      <c r="A6650">
        <v>48989139</v>
      </c>
      <c r="B6650" t="s">
        <v>34240</v>
      </c>
      <c r="C6650" s="1" t="s">
        <v>34241</v>
      </c>
      <c r="E6650">
        <v>0</v>
      </c>
      <c r="F6650">
        <v>7</v>
      </c>
      <c r="H6650" t="s">
        <v>34242</v>
      </c>
      <c r="J6650" t="s">
        <v>34243</v>
      </c>
      <c r="K6650" t="s">
        <v>34243</v>
      </c>
      <c r="M6650">
        <v>-1</v>
      </c>
      <c r="O6650">
        <v>7725942</v>
      </c>
      <c r="P6650">
        <v>1</v>
      </c>
      <c r="Q6650">
        <v>0</v>
      </c>
      <c r="R6650" t="s">
        <v>34244</v>
      </c>
      <c r="S6650">
        <v>49</v>
      </c>
    </row>
    <row r="6651" spans="1:19" x14ac:dyDescent="0.25">
      <c r="A6651">
        <v>42735884</v>
      </c>
      <c r="B6651" t="s">
        <v>34245</v>
      </c>
      <c r="C6651" s="1" t="s">
        <v>34246</v>
      </c>
      <c r="E6651">
        <v>1</v>
      </c>
      <c r="F6651">
        <v>2</v>
      </c>
      <c r="H6651" t="s">
        <v>34247</v>
      </c>
      <c r="J6651" t="s">
        <v>34248</v>
      </c>
      <c r="K6651" t="s">
        <v>34248</v>
      </c>
      <c r="M6651">
        <v>154603</v>
      </c>
      <c r="O6651">
        <v>7694870</v>
      </c>
      <c r="P6651">
        <v>1</v>
      </c>
      <c r="Q6651">
        <v>0</v>
      </c>
      <c r="R6651" t="s">
        <v>4631</v>
      </c>
      <c r="S6651">
        <v>26</v>
      </c>
    </row>
    <row r="6652" spans="1:19" x14ac:dyDescent="0.25">
      <c r="A6652">
        <v>9664269</v>
      </c>
      <c r="B6652" t="s">
        <v>34249</v>
      </c>
      <c r="C6652" t="s">
        <v>34250</v>
      </c>
      <c r="D6652">
        <v>9664293</v>
      </c>
      <c r="E6652">
        <v>1</v>
      </c>
      <c r="F6652">
        <v>0</v>
      </c>
      <c r="H6652" t="s">
        <v>34251</v>
      </c>
      <c r="J6652" t="s">
        <v>34252</v>
      </c>
      <c r="K6652" t="s">
        <v>34252</v>
      </c>
      <c r="M6652">
        <v>4370109</v>
      </c>
      <c r="O6652">
        <v>1251883</v>
      </c>
      <c r="P6652">
        <v>1</v>
      </c>
      <c r="Q6652">
        <v>1</v>
      </c>
      <c r="R6652" t="s">
        <v>34253</v>
      </c>
      <c r="S6652">
        <v>1359</v>
      </c>
    </row>
    <row r="6653" spans="1:19" x14ac:dyDescent="0.25">
      <c r="A6653">
        <v>35340742</v>
      </c>
      <c r="B6653" t="s">
        <v>34254</v>
      </c>
      <c r="C6653" s="1" t="s">
        <v>34255</v>
      </c>
      <c r="E6653">
        <v>0</v>
      </c>
      <c r="F6653">
        <v>0</v>
      </c>
      <c r="H6653" t="s">
        <v>34256</v>
      </c>
      <c r="J6653" t="s">
        <v>34257</v>
      </c>
      <c r="K6653" t="s">
        <v>34257</v>
      </c>
      <c r="M6653">
        <v>690573</v>
      </c>
      <c r="O6653">
        <v>151770</v>
      </c>
      <c r="P6653">
        <v>1</v>
      </c>
      <c r="Q6653">
        <v>1</v>
      </c>
      <c r="R6653" t="s">
        <v>34258</v>
      </c>
      <c r="S6653">
        <v>475</v>
      </c>
    </row>
    <row r="6654" spans="1:19" x14ac:dyDescent="0.25">
      <c r="A6654">
        <v>25169585</v>
      </c>
      <c r="B6654" t="s">
        <v>34259</v>
      </c>
      <c r="C6654" s="1" t="s">
        <v>34260</v>
      </c>
      <c r="D6654">
        <v>25169618</v>
      </c>
      <c r="E6654">
        <v>1</v>
      </c>
      <c r="F6654">
        <v>0</v>
      </c>
      <c r="H6654" t="s">
        <v>34261</v>
      </c>
      <c r="J6654" t="s">
        <v>34262</v>
      </c>
      <c r="K6654" t="s">
        <v>34263</v>
      </c>
      <c r="M6654">
        <v>2067991</v>
      </c>
      <c r="O6654">
        <v>2067991</v>
      </c>
      <c r="P6654">
        <v>1</v>
      </c>
      <c r="Q6654">
        <v>1</v>
      </c>
      <c r="R6654" t="s">
        <v>34264</v>
      </c>
      <c r="S6654">
        <v>979</v>
      </c>
    </row>
    <row r="6655" spans="1:19" x14ac:dyDescent="0.25">
      <c r="A6655">
        <v>25084968</v>
      </c>
      <c r="B6655" t="s">
        <v>34265</v>
      </c>
      <c r="C6655" s="1" t="s">
        <v>34266</v>
      </c>
      <c r="E6655">
        <v>1</v>
      </c>
      <c r="F6655">
        <v>0</v>
      </c>
      <c r="H6655" t="s">
        <v>34267</v>
      </c>
      <c r="I6655">
        <v>1</v>
      </c>
      <c r="J6655" t="s">
        <v>34268</v>
      </c>
      <c r="K6655" t="s">
        <v>34269</v>
      </c>
      <c r="L6655" t="s">
        <v>34270</v>
      </c>
      <c r="N6655" t="s">
        <v>34270</v>
      </c>
      <c r="P6655">
        <v>1</v>
      </c>
      <c r="Q6655">
        <v>1</v>
      </c>
      <c r="R6655" t="s">
        <v>34271</v>
      </c>
      <c r="S6655">
        <v>553</v>
      </c>
    </row>
    <row r="6656" spans="1:19" x14ac:dyDescent="0.25">
      <c r="A6656">
        <v>30335108</v>
      </c>
      <c r="B6656" t="s">
        <v>34272</v>
      </c>
      <c r="C6656" s="1" t="s">
        <v>34273</v>
      </c>
      <c r="D6656">
        <v>30335830</v>
      </c>
      <c r="E6656">
        <v>1</v>
      </c>
      <c r="F6656">
        <v>0</v>
      </c>
      <c r="H6656" t="s">
        <v>34274</v>
      </c>
      <c r="J6656" t="s">
        <v>34275</v>
      </c>
      <c r="K6656" t="s">
        <v>34275</v>
      </c>
      <c r="M6656">
        <v>2422776</v>
      </c>
      <c r="O6656">
        <v>4847680</v>
      </c>
      <c r="P6656">
        <v>1</v>
      </c>
      <c r="Q6656">
        <v>-1</v>
      </c>
      <c r="R6656" t="s">
        <v>32838</v>
      </c>
      <c r="S6656">
        <v>120</v>
      </c>
    </row>
    <row r="6657" spans="1:19" x14ac:dyDescent="0.25">
      <c r="A6657">
        <v>51012775</v>
      </c>
      <c r="B6657" t="s">
        <v>34276</v>
      </c>
      <c r="C6657" s="1" t="s">
        <v>34277</v>
      </c>
      <c r="D6657">
        <v>51012794</v>
      </c>
      <c r="E6657">
        <v>1</v>
      </c>
      <c r="F6657">
        <v>0</v>
      </c>
      <c r="H6657" t="s">
        <v>34278</v>
      </c>
      <c r="J6657" t="s">
        <v>34279</v>
      </c>
      <c r="O6657">
        <v>198301</v>
      </c>
      <c r="P6657">
        <v>1</v>
      </c>
      <c r="Q6657">
        <v>2</v>
      </c>
      <c r="R6657" t="s">
        <v>34280</v>
      </c>
      <c r="S6657">
        <v>51</v>
      </c>
    </row>
    <row r="6658" spans="1:19" x14ac:dyDescent="0.25">
      <c r="A6658">
        <v>9680693</v>
      </c>
      <c r="B6658" t="s">
        <v>34281</v>
      </c>
      <c r="C6658" s="1" t="s">
        <v>34282</v>
      </c>
      <c r="D6658">
        <v>9680758</v>
      </c>
      <c r="E6658">
        <v>3</v>
      </c>
      <c r="F6658">
        <v>0</v>
      </c>
      <c r="H6658" t="s">
        <v>34283</v>
      </c>
      <c r="J6658" t="s">
        <v>34284</v>
      </c>
      <c r="O6658">
        <v>86611</v>
      </c>
      <c r="P6658">
        <v>1</v>
      </c>
      <c r="Q6658">
        <v>2</v>
      </c>
      <c r="R6658" t="s">
        <v>34285</v>
      </c>
      <c r="S6658">
        <v>1446</v>
      </c>
    </row>
    <row r="6659" spans="1:19" x14ac:dyDescent="0.25">
      <c r="A6659">
        <v>37577534</v>
      </c>
      <c r="B6659" t="s">
        <v>34286</v>
      </c>
      <c r="C6659" s="1" t="s">
        <v>34287</v>
      </c>
      <c r="E6659">
        <v>1</v>
      </c>
      <c r="F6659">
        <v>7</v>
      </c>
      <c r="H6659" t="s">
        <v>34288</v>
      </c>
      <c r="I6659">
        <v>1</v>
      </c>
      <c r="J6659" t="s">
        <v>34289</v>
      </c>
      <c r="K6659" t="s">
        <v>34290</v>
      </c>
      <c r="M6659">
        <v>-1</v>
      </c>
      <c r="O6659">
        <v>4784683</v>
      </c>
      <c r="P6659">
        <v>1</v>
      </c>
      <c r="Q6659">
        <v>1</v>
      </c>
      <c r="R6659" t="s">
        <v>34291</v>
      </c>
      <c r="S6659">
        <v>137</v>
      </c>
    </row>
    <row r="6660" spans="1:19" x14ac:dyDescent="0.25">
      <c r="A6660">
        <v>49908339</v>
      </c>
      <c r="B6660" t="s">
        <v>34292</v>
      </c>
      <c r="C6660" s="1" t="s">
        <v>34293</v>
      </c>
      <c r="E6660">
        <v>1</v>
      </c>
      <c r="F6660">
        <v>1</v>
      </c>
      <c r="H6660" t="s">
        <v>34294</v>
      </c>
      <c r="J6660" t="s">
        <v>34295</v>
      </c>
      <c r="O6660">
        <v>5979321</v>
      </c>
      <c r="P6660">
        <v>1</v>
      </c>
      <c r="Q6660">
        <v>0</v>
      </c>
      <c r="R6660" t="s">
        <v>34296</v>
      </c>
      <c r="S6660">
        <v>46</v>
      </c>
    </row>
    <row r="6661" spans="1:19" x14ac:dyDescent="0.25">
      <c r="A6661">
        <v>33013542</v>
      </c>
      <c r="B6661" t="s">
        <v>34297</v>
      </c>
      <c r="C6661" s="1" t="s">
        <v>34298</v>
      </c>
      <c r="D6661">
        <v>33013885</v>
      </c>
      <c r="E6661">
        <v>2</v>
      </c>
      <c r="F6661">
        <v>2</v>
      </c>
      <c r="H6661" t="s">
        <v>34299</v>
      </c>
      <c r="J6661" t="s">
        <v>34300</v>
      </c>
      <c r="K6661" t="s">
        <v>34301</v>
      </c>
      <c r="M6661">
        <v>2016562</v>
      </c>
      <c r="O6661">
        <v>4125633</v>
      </c>
      <c r="P6661">
        <v>1</v>
      </c>
      <c r="Q6661">
        <v>1</v>
      </c>
      <c r="R6661" t="s">
        <v>34302</v>
      </c>
      <c r="S6661">
        <v>659</v>
      </c>
    </row>
    <row r="6662" spans="1:19" x14ac:dyDescent="0.25">
      <c r="A6662">
        <v>50626130</v>
      </c>
      <c r="B6662" t="s">
        <v>34303</v>
      </c>
      <c r="C6662" t="s">
        <v>34304</v>
      </c>
      <c r="E6662">
        <v>2</v>
      </c>
      <c r="F6662">
        <v>0</v>
      </c>
      <c r="H6662" t="s">
        <v>34305</v>
      </c>
      <c r="J6662" t="s">
        <v>34306</v>
      </c>
      <c r="O6662">
        <v>5435304</v>
      </c>
      <c r="P6662">
        <v>1</v>
      </c>
      <c r="Q6662">
        <v>1</v>
      </c>
      <c r="R6662" t="s">
        <v>34307</v>
      </c>
      <c r="S6662">
        <v>63</v>
      </c>
    </row>
    <row r="6663" spans="1:19" x14ac:dyDescent="0.25">
      <c r="A6663">
        <v>1266179</v>
      </c>
      <c r="B6663" t="s">
        <v>34308</v>
      </c>
      <c r="C6663" s="1" t="s">
        <v>34309</v>
      </c>
      <c r="D6663">
        <v>6008005</v>
      </c>
      <c r="E6663">
        <v>7</v>
      </c>
      <c r="F6663">
        <v>4</v>
      </c>
      <c r="H6663" t="s">
        <v>34310</v>
      </c>
      <c r="I6663">
        <v>26</v>
      </c>
      <c r="J6663" t="s">
        <v>34311</v>
      </c>
      <c r="K6663" t="s">
        <v>34312</v>
      </c>
      <c r="M6663">
        <v>19679</v>
      </c>
      <c r="O6663">
        <v>112521</v>
      </c>
      <c r="P6663">
        <v>1</v>
      </c>
      <c r="Q6663">
        <v>24</v>
      </c>
      <c r="R6663" t="s">
        <v>34313</v>
      </c>
      <c r="S6663">
        <v>30635</v>
      </c>
    </row>
    <row r="6664" spans="1:19" x14ac:dyDescent="0.25">
      <c r="A6664">
        <v>22656481</v>
      </c>
      <c r="B6664" t="s">
        <v>34314</v>
      </c>
      <c r="C6664" s="1" t="s">
        <v>34315</v>
      </c>
      <c r="E6664">
        <v>1</v>
      </c>
      <c r="F6664">
        <v>0</v>
      </c>
      <c r="H6664" t="s">
        <v>34316</v>
      </c>
      <c r="J6664" t="s">
        <v>34317</v>
      </c>
      <c r="O6664">
        <v>2137653</v>
      </c>
      <c r="P6664">
        <v>1</v>
      </c>
      <c r="Q6664">
        <v>0</v>
      </c>
      <c r="R6664" t="s">
        <v>3056</v>
      </c>
      <c r="S6664">
        <v>148</v>
      </c>
    </row>
    <row r="6665" spans="1:19" x14ac:dyDescent="0.25">
      <c r="A6665">
        <v>18862327</v>
      </c>
      <c r="B6665" t="s">
        <v>34318</v>
      </c>
      <c r="C6665" s="1" t="s">
        <v>34319</v>
      </c>
      <c r="D6665">
        <v>18910106</v>
      </c>
      <c r="E6665">
        <v>1</v>
      </c>
      <c r="F6665">
        <v>7</v>
      </c>
      <c r="H6665" t="s">
        <v>34320</v>
      </c>
      <c r="I6665">
        <v>1</v>
      </c>
      <c r="J6665" t="s">
        <v>34321</v>
      </c>
      <c r="O6665">
        <v>2668831</v>
      </c>
      <c r="P6665">
        <v>1</v>
      </c>
      <c r="Q6665">
        <v>2</v>
      </c>
      <c r="R6665" t="s">
        <v>34322</v>
      </c>
      <c r="S6665">
        <v>156</v>
      </c>
    </row>
    <row r="6666" spans="1:19" x14ac:dyDescent="0.25">
      <c r="A6666">
        <v>21060062</v>
      </c>
      <c r="B6666" t="s">
        <v>34323</v>
      </c>
      <c r="C6666" s="1" t="s">
        <v>34324</v>
      </c>
      <c r="D6666">
        <v>21062808</v>
      </c>
      <c r="E6666">
        <v>1</v>
      </c>
      <c r="F6666">
        <v>0</v>
      </c>
      <c r="H6666" t="s">
        <v>34325</v>
      </c>
      <c r="J6666" t="s">
        <v>34326</v>
      </c>
      <c r="O6666">
        <v>3142484</v>
      </c>
      <c r="P6666">
        <v>1</v>
      </c>
      <c r="Q6666">
        <v>0</v>
      </c>
      <c r="R6666" t="s">
        <v>34327</v>
      </c>
      <c r="S6666">
        <v>68</v>
      </c>
    </row>
    <row r="6667" spans="1:19" x14ac:dyDescent="0.25">
      <c r="A6667">
        <v>37071507</v>
      </c>
      <c r="B6667" t="s">
        <v>34328</v>
      </c>
      <c r="C6667" s="1" t="s">
        <v>34329</v>
      </c>
      <c r="E6667">
        <v>1</v>
      </c>
      <c r="F6667">
        <v>6</v>
      </c>
      <c r="H6667" t="s">
        <v>34330</v>
      </c>
      <c r="J6667" t="s">
        <v>34331</v>
      </c>
      <c r="K6667" t="s">
        <v>34331</v>
      </c>
      <c r="M6667">
        <v>2913372</v>
      </c>
      <c r="O6667">
        <v>2913372</v>
      </c>
      <c r="P6667">
        <v>1</v>
      </c>
      <c r="Q6667">
        <v>0</v>
      </c>
      <c r="R6667" t="s">
        <v>34332</v>
      </c>
      <c r="S6667">
        <v>56</v>
      </c>
    </row>
    <row r="6668" spans="1:19" x14ac:dyDescent="0.25">
      <c r="A6668">
        <v>28427334</v>
      </c>
      <c r="B6668" t="s">
        <v>34333</v>
      </c>
      <c r="C6668" s="1" t="s">
        <v>34334</v>
      </c>
      <c r="D6668">
        <v>29538747</v>
      </c>
      <c r="E6668">
        <v>1</v>
      </c>
      <c r="F6668">
        <v>4</v>
      </c>
      <c r="H6668" t="s">
        <v>34335</v>
      </c>
      <c r="I6668">
        <v>1</v>
      </c>
      <c r="J6668" t="s">
        <v>34336</v>
      </c>
      <c r="O6668">
        <v>2893661</v>
      </c>
      <c r="P6668">
        <v>1</v>
      </c>
      <c r="Q6668">
        <v>1</v>
      </c>
      <c r="R6668" t="s">
        <v>5021</v>
      </c>
      <c r="S6668">
        <v>978</v>
      </c>
    </row>
    <row r="6669" spans="1:19" x14ac:dyDescent="0.25">
      <c r="A6669">
        <v>4374965</v>
      </c>
      <c r="B6669" t="s">
        <v>34337</v>
      </c>
      <c r="C6669" s="1" t="s">
        <v>34338</v>
      </c>
      <c r="D6669">
        <v>4375230</v>
      </c>
      <c r="E6669">
        <v>1</v>
      </c>
      <c r="F6669">
        <v>1</v>
      </c>
      <c r="H6669" t="s">
        <v>34339</v>
      </c>
      <c r="J6669" t="s">
        <v>34340</v>
      </c>
      <c r="K6669" t="s">
        <v>34340</v>
      </c>
      <c r="M6669">
        <v>781754</v>
      </c>
      <c r="O6669">
        <v>411632</v>
      </c>
      <c r="P6669">
        <v>1</v>
      </c>
      <c r="Q6669">
        <v>1</v>
      </c>
      <c r="R6669" t="s">
        <v>18830</v>
      </c>
      <c r="S6669">
        <v>2182</v>
      </c>
    </row>
    <row r="6670" spans="1:19" x14ac:dyDescent="0.25">
      <c r="A6670">
        <v>18445576</v>
      </c>
      <c r="B6670" t="s">
        <v>34341</v>
      </c>
      <c r="C6670" s="1" t="s">
        <v>34342</v>
      </c>
      <c r="E6670">
        <v>1</v>
      </c>
      <c r="F6670">
        <v>0</v>
      </c>
      <c r="H6670" t="s">
        <v>34343</v>
      </c>
      <c r="J6670" t="s">
        <v>34344</v>
      </c>
      <c r="K6670" t="s">
        <v>34344</v>
      </c>
      <c r="L6670" t="s">
        <v>13745</v>
      </c>
      <c r="O6670">
        <v>861210</v>
      </c>
      <c r="P6670">
        <v>1</v>
      </c>
      <c r="Q6670">
        <v>1</v>
      </c>
      <c r="R6670" t="s">
        <v>34345</v>
      </c>
      <c r="S6670">
        <v>229</v>
      </c>
    </row>
    <row r="6671" spans="1:19" x14ac:dyDescent="0.25">
      <c r="A6671">
        <v>33257336</v>
      </c>
      <c r="B6671" t="s">
        <v>34346</v>
      </c>
      <c r="C6671" s="1" t="s">
        <v>34347</v>
      </c>
      <c r="E6671">
        <v>0</v>
      </c>
      <c r="F6671">
        <v>0</v>
      </c>
      <c r="H6671" t="s">
        <v>34348</v>
      </c>
      <c r="I6671">
        <v>1</v>
      </c>
      <c r="J6671" t="s">
        <v>34348</v>
      </c>
      <c r="K6671" t="s">
        <v>34349</v>
      </c>
      <c r="M6671">
        <v>-1</v>
      </c>
      <c r="O6671">
        <v>6297</v>
      </c>
      <c r="P6671">
        <v>1</v>
      </c>
      <c r="Q6671">
        <v>1</v>
      </c>
      <c r="R6671" t="s">
        <v>34350</v>
      </c>
      <c r="S6671">
        <v>808</v>
      </c>
    </row>
    <row r="6672" spans="1:19" x14ac:dyDescent="0.25">
      <c r="A6672">
        <v>53112375</v>
      </c>
      <c r="B6672" t="s">
        <v>34351</v>
      </c>
      <c r="C6672" s="1" t="s">
        <v>34352</v>
      </c>
      <c r="D6672">
        <v>53113857</v>
      </c>
      <c r="E6672">
        <v>1</v>
      </c>
      <c r="F6672">
        <v>0</v>
      </c>
      <c r="H6672" t="s">
        <v>34353</v>
      </c>
      <c r="J6672" t="s">
        <v>34354</v>
      </c>
      <c r="K6672" t="s">
        <v>34354</v>
      </c>
      <c r="M6672">
        <v>9985049</v>
      </c>
      <c r="O6672">
        <v>9985049</v>
      </c>
      <c r="P6672">
        <v>1</v>
      </c>
      <c r="Q6672">
        <v>1</v>
      </c>
      <c r="R6672" t="s">
        <v>34355</v>
      </c>
      <c r="S6672">
        <v>25</v>
      </c>
    </row>
    <row r="6673" spans="1:19" x14ac:dyDescent="0.25">
      <c r="A6673">
        <v>50349481</v>
      </c>
      <c r="B6673" t="s">
        <v>34356</v>
      </c>
      <c r="C6673" s="1" t="s">
        <v>34357</v>
      </c>
      <c r="E6673">
        <v>0</v>
      </c>
      <c r="F6673">
        <v>4</v>
      </c>
      <c r="H6673" t="s">
        <v>34358</v>
      </c>
      <c r="J6673" t="s">
        <v>34359</v>
      </c>
      <c r="O6673">
        <v>6141759</v>
      </c>
      <c r="P6673">
        <v>1</v>
      </c>
      <c r="Q6673">
        <v>0</v>
      </c>
      <c r="R6673" t="s">
        <v>34360</v>
      </c>
      <c r="S6673">
        <v>22</v>
      </c>
    </row>
    <row r="6674" spans="1:19" x14ac:dyDescent="0.25">
      <c r="A6674">
        <v>41643055</v>
      </c>
      <c r="B6674" t="s">
        <v>34361</v>
      </c>
      <c r="C6674" s="1" t="s">
        <v>34362</v>
      </c>
      <c r="E6674">
        <v>1</v>
      </c>
      <c r="F6674">
        <v>2</v>
      </c>
      <c r="H6674" t="s">
        <v>34363</v>
      </c>
      <c r="J6674" t="s">
        <v>34364</v>
      </c>
      <c r="O6674">
        <v>7242550</v>
      </c>
      <c r="P6674">
        <v>1</v>
      </c>
      <c r="Q6674">
        <v>0</v>
      </c>
      <c r="R6674" t="s">
        <v>34365</v>
      </c>
      <c r="S6674">
        <v>1192</v>
      </c>
    </row>
    <row r="6675" spans="1:19" x14ac:dyDescent="0.25">
      <c r="A6675">
        <v>18944523</v>
      </c>
      <c r="B6675" t="s">
        <v>34366</v>
      </c>
      <c r="C6675" s="1" t="s">
        <v>34367</v>
      </c>
      <c r="E6675">
        <v>1</v>
      </c>
      <c r="F6675">
        <v>0</v>
      </c>
      <c r="H6675" t="s">
        <v>34368</v>
      </c>
      <c r="J6675" t="s">
        <v>34369</v>
      </c>
      <c r="K6675" t="s">
        <v>34369</v>
      </c>
      <c r="M6675">
        <v>1581993</v>
      </c>
      <c r="O6675">
        <v>1581993</v>
      </c>
      <c r="P6675">
        <v>1</v>
      </c>
      <c r="Q6675">
        <v>1</v>
      </c>
      <c r="R6675" t="s">
        <v>34370</v>
      </c>
      <c r="S6675">
        <v>1580</v>
      </c>
    </row>
    <row r="6676" spans="1:19" x14ac:dyDescent="0.25">
      <c r="A6676">
        <v>12703200</v>
      </c>
      <c r="B6676" t="s">
        <v>34371</v>
      </c>
      <c r="C6676" s="1" t="s">
        <v>34372</v>
      </c>
      <c r="E6676">
        <v>0</v>
      </c>
      <c r="F6676">
        <v>2</v>
      </c>
      <c r="H6676" t="s">
        <v>34373</v>
      </c>
      <c r="J6676" t="s">
        <v>34373</v>
      </c>
      <c r="O6676">
        <v>257527</v>
      </c>
      <c r="P6676">
        <v>1</v>
      </c>
      <c r="Q6676">
        <v>0</v>
      </c>
      <c r="R6676" t="s">
        <v>34374</v>
      </c>
      <c r="S6676">
        <v>516</v>
      </c>
    </row>
    <row r="6677" spans="1:19" x14ac:dyDescent="0.25">
      <c r="A6677">
        <v>27881176</v>
      </c>
      <c r="B6677" t="s">
        <v>34375</v>
      </c>
      <c r="C6677" s="1" t="s">
        <v>34376</v>
      </c>
      <c r="D6677">
        <v>27970837</v>
      </c>
      <c r="E6677">
        <v>1</v>
      </c>
      <c r="F6677">
        <v>0</v>
      </c>
      <c r="H6677" t="s">
        <v>34377</v>
      </c>
      <c r="J6677" t="s">
        <v>34378</v>
      </c>
      <c r="K6677" t="s">
        <v>34379</v>
      </c>
      <c r="M6677">
        <v>2385101</v>
      </c>
      <c r="O6677">
        <v>2385101</v>
      </c>
      <c r="P6677">
        <v>1</v>
      </c>
      <c r="Q6677">
        <v>1</v>
      </c>
      <c r="R6677" t="s">
        <v>34380</v>
      </c>
      <c r="S6677">
        <v>356</v>
      </c>
    </row>
    <row r="6678" spans="1:19" x14ac:dyDescent="0.25">
      <c r="A6678">
        <v>5553769</v>
      </c>
      <c r="B6678" t="s">
        <v>34381</v>
      </c>
      <c r="C6678" s="1" t="s">
        <v>34382</v>
      </c>
      <c r="E6678">
        <v>3</v>
      </c>
      <c r="F6678">
        <v>0</v>
      </c>
      <c r="H6678" t="s">
        <v>34383</v>
      </c>
      <c r="I6678">
        <v>1</v>
      </c>
      <c r="J6678" t="s">
        <v>34384</v>
      </c>
      <c r="K6678" t="s">
        <v>34385</v>
      </c>
      <c r="M6678">
        <v>2642204</v>
      </c>
      <c r="O6678">
        <v>111002</v>
      </c>
      <c r="P6678">
        <v>1</v>
      </c>
      <c r="Q6678">
        <v>3</v>
      </c>
      <c r="R6678" t="s">
        <v>34386</v>
      </c>
      <c r="S6678">
        <v>624</v>
      </c>
    </row>
    <row r="6679" spans="1:19" x14ac:dyDescent="0.25">
      <c r="A6679">
        <v>49321166</v>
      </c>
      <c r="B6679" t="s">
        <v>34387</v>
      </c>
      <c r="C6679" s="1" t="s">
        <v>34388</v>
      </c>
      <c r="D6679">
        <v>49321310</v>
      </c>
      <c r="E6679">
        <v>2</v>
      </c>
      <c r="F6679">
        <v>0</v>
      </c>
      <c r="H6679" t="s">
        <v>34389</v>
      </c>
      <c r="J6679" t="s">
        <v>34390</v>
      </c>
      <c r="O6679">
        <v>8952023</v>
      </c>
      <c r="P6679">
        <v>1</v>
      </c>
      <c r="Q6679">
        <v>1</v>
      </c>
      <c r="R6679" t="s">
        <v>34391</v>
      </c>
      <c r="S6679">
        <v>223</v>
      </c>
    </row>
    <row r="6680" spans="1:19" x14ac:dyDescent="0.25">
      <c r="A6680">
        <v>38004614</v>
      </c>
      <c r="B6680" t="s">
        <v>34392</v>
      </c>
      <c r="C6680" s="1" t="s">
        <v>34393</v>
      </c>
      <c r="D6680">
        <v>38004764</v>
      </c>
      <c r="E6680">
        <v>1</v>
      </c>
      <c r="F6680">
        <v>13</v>
      </c>
      <c r="H6680" t="s">
        <v>34394</v>
      </c>
      <c r="J6680" t="s">
        <v>34395</v>
      </c>
      <c r="K6680" t="s">
        <v>34395</v>
      </c>
      <c r="M6680">
        <v>6083675</v>
      </c>
      <c r="O6680">
        <v>5717640</v>
      </c>
      <c r="P6680">
        <v>1</v>
      </c>
      <c r="Q6680">
        <v>0</v>
      </c>
      <c r="R6680" t="s">
        <v>34396</v>
      </c>
      <c r="S6680">
        <v>52</v>
      </c>
    </row>
    <row r="6681" spans="1:19" x14ac:dyDescent="0.25">
      <c r="A6681">
        <v>40388058</v>
      </c>
      <c r="B6681" t="s">
        <v>34397</v>
      </c>
      <c r="C6681" s="1" t="s">
        <v>34398</v>
      </c>
      <c r="D6681">
        <v>40388879</v>
      </c>
      <c r="E6681">
        <v>1</v>
      </c>
      <c r="F6681">
        <v>2</v>
      </c>
      <c r="H6681" t="s">
        <v>34399</v>
      </c>
      <c r="J6681" t="s">
        <v>34400</v>
      </c>
      <c r="K6681" t="s">
        <v>34401</v>
      </c>
      <c r="M6681">
        <v>6392779</v>
      </c>
      <c r="O6681">
        <v>6392779</v>
      </c>
      <c r="P6681">
        <v>1</v>
      </c>
      <c r="Q6681">
        <v>0</v>
      </c>
      <c r="R6681" t="s">
        <v>2122</v>
      </c>
      <c r="S6681">
        <v>73</v>
      </c>
    </row>
    <row r="6682" spans="1:19" x14ac:dyDescent="0.25">
      <c r="A6682">
        <v>23468165</v>
      </c>
      <c r="B6682" t="s">
        <v>34402</v>
      </c>
      <c r="C6682" s="1" t="s">
        <v>34403</v>
      </c>
      <c r="D6682">
        <v>23468721</v>
      </c>
      <c r="E6682">
        <v>2</v>
      </c>
      <c r="F6682">
        <v>0</v>
      </c>
      <c r="H6682" t="s">
        <v>34404</v>
      </c>
      <c r="J6682" t="s">
        <v>34405</v>
      </c>
      <c r="K6682" t="s">
        <v>34405</v>
      </c>
      <c r="M6682">
        <v>1033581</v>
      </c>
      <c r="O6682">
        <v>3472503</v>
      </c>
      <c r="P6682">
        <v>1</v>
      </c>
      <c r="Q6682">
        <v>0</v>
      </c>
      <c r="R6682" t="s">
        <v>30301</v>
      </c>
      <c r="S6682">
        <v>57</v>
      </c>
    </row>
    <row r="6683" spans="1:19" x14ac:dyDescent="0.25">
      <c r="A6683">
        <v>756714</v>
      </c>
      <c r="B6683" t="s">
        <v>34406</v>
      </c>
      <c r="C6683" s="1" t="s">
        <v>34407</v>
      </c>
      <c r="D6683">
        <v>761320</v>
      </c>
      <c r="E6683">
        <v>1</v>
      </c>
      <c r="F6683">
        <v>0</v>
      </c>
      <c r="H6683" t="s">
        <v>34408</v>
      </c>
      <c r="I6683">
        <v>1</v>
      </c>
      <c r="J6683" t="s">
        <v>34409</v>
      </c>
      <c r="K6683" t="s">
        <v>34409</v>
      </c>
      <c r="M6683">
        <v>168868</v>
      </c>
      <c r="O6683">
        <v>83304</v>
      </c>
      <c r="P6683">
        <v>1</v>
      </c>
      <c r="Q6683">
        <v>2</v>
      </c>
      <c r="R6683" t="s">
        <v>34410</v>
      </c>
      <c r="S6683">
        <v>1234</v>
      </c>
    </row>
    <row r="6684" spans="1:19" x14ac:dyDescent="0.25">
      <c r="A6684">
        <v>17442879</v>
      </c>
      <c r="B6684" t="s">
        <v>34411</v>
      </c>
      <c r="C6684" s="1" t="s">
        <v>34412</v>
      </c>
      <c r="D6684">
        <v>17444053</v>
      </c>
      <c r="E6684">
        <v>1</v>
      </c>
      <c r="F6684">
        <v>2</v>
      </c>
      <c r="H6684" t="s">
        <v>34413</v>
      </c>
      <c r="I6684">
        <v>2</v>
      </c>
      <c r="J6684" t="s">
        <v>34414</v>
      </c>
      <c r="O6684">
        <v>926099</v>
      </c>
      <c r="P6684">
        <v>1</v>
      </c>
      <c r="Q6684">
        <v>2</v>
      </c>
      <c r="R6684" t="s">
        <v>34415</v>
      </c>
      <c r="S6684">
        <v>57</v>
      </c>
    </row>
    <row r="6685" spans="1:19" x14ac:dyDescent="0.25">
      <c r="A6685">
        <v>49520256</v>
      </c>
      <c r="B6685" t="s">
        <v>34416</v>
      </c>
      <c r="C6685" s="1" t="s">
        <v>34417</v>
      </c>
      <c r="D6685">
        <v>49542081</v>
      </c>
      <c r="E6685">
        <v>1</v>
      </c>
      <c r="F6685">
        <v>3</v>
      </c>
      <c r="H6685" t="s">
        <v>34418</v>
      </c>
      <c r="J6685" t="s">
        <v>34419</v>
      </c>
      <c r="O6685">
        <v>1292050</v>
      </c>
      <c r="P6685">
        <v>1</v>
      </c>
      <c r="Q6685">
        <v>0</v>
      </c>
      <c r="R6685" t="s">
        <v>34420</v>
      </c>
      <c r="S6685">
        <v>1047</v>
      </c>
    </row>
    <row r="6686" spans="1:19" x14ac:dyDescent="0.25">
      <c r="A6686">
        <v>16217999</v>
      </c>
      <c r="B6686" t="s">
        <v>34421</v>
      </c>
      <c r="C6686" s="1" t="s">
        <v>34422</v>
      </c>
      <c r="D6686">
        <v>16221640</v>
      </c>
      <c r="E6686">
        <v>1</v>
      </c>
      <c r="F6686">
        <v>4</v>
      </c>
      <c r="H6686" t="s">
        <v>34423</v>
      </c>
      <c r="J6686" t="s">
        <v>34424</v>
      </c>
      <c r="O6686">
        <v>1960978</v>
      </c>
      <c r="P6686">
        <v>1</v>
      </c>
      <c r="Q6686">
        <v>0</v>
      </c>
      <c r="R6686" t="s">
        <v>34425</v>
      </c>
      <c r="S6686">
        <v>5798</v>
      </c>
    </row>
    <row r="6687" spans="1:19" x14ac:dyDescent="0.25">
      <c r="A6687">
        <v>38251425</v>
      </c>
      <c r="B6687" t="s">
        <v>34426</v>
      </c>
      <c r="C6687" t="s">
        <v>34427</v>
      </c>
      <c r="E6687">
        <v>1</v>
      </c>
      <c r="F6687">
        <v>1</v>
      </c>
      <c r="H6687" t="s">
        <v>34428</v>
      </c>
      <c r="J6687" t="s">
        <v>34429</v>
      </c>
      <c r="O6687">
        <v>6354451</v>
      </c>
      <c r="P6687">
        <v>1</v>
      </c>
      <c r="Q6687">
        <v>-1</v>
      </c>
      <c r="R6687" t="s">
        <v>34430</v>
      </c>
      <c r="S6687">
        <v>176</v>
      </c>
    </row>
    <row r="6688" spans="1:19" x14ac:dyDescent="0.25">
      <c r="A6688">
        <v>32642619</v>
      </c>
      <c r="B6688" t="s">
        <v>34431</v>
      </c>
      <c r="C6688" s="1" t="s">
        <v>34432</v>
      </c>
      <c r="D6688">
        <v>32642851</v>
      </c>
      <c r="E6688">
        <v>1</v>
      </c>
      <c r="F6688">
        <v>0</v>
      </c>
      <c r="H6688" t="s">
        <v>34433</v>
      </c>
      <c r="J6688" t="s">
        <v>34434</v>
      </c>
      <c r="O6688">
        <v>5348649</v>
      </c>
      <c r="P6688">
        <v>1</v>
      </c>
      <c r="Q6688">
        <v>0</v>
      </c>
      <c r="R6688" t="s">
        <v>34435</v>
      </c>
      <c r="S6688">
        <v>317</v>
      </c>
    </row>
    <row r="6689" spans="1:19" x14ac:dyDescent="0.25">
      <c r="A6689">
        <v>10298699</v>
      </c>
      <c r="B6689" t="s">
        <v>34436</v>
      </c>
      <c r="C6689" s="1" t="s">
        <v>34437</v>
      </c>
      <c r="D6689">
        <v>10347894</v>
      </c>
      <c r="E6689">
        <v>6</v>
      </c>
      <c r="F6689">
        <v>0</v>
      </c>
      <c r="H6689" t="s">
        <v>34438</v>
      </c>
      <c r="I6689">
        <v>3</v>
      </c>
      <c r="J6689" t="s">
        <v>34439</v>
      </c>
      <c r="O6689">
        <v>814290</v>
      </c>
      <c r="P6689">
        <v>1</v>
      </c>
      <c r="Q6689">
        <v>4</v>
      </c>
      <c r="R6689" t="s">
        <v>34440</v>
      </c>
      <c r="S6689">
        <v>7841</v>
      </c>
    </row>
    <row r="6690" spans="1:19" x14ac:dyDescent="0.25">
      <c r="A6690">
        <v>46346317</v>
      </c>
      <c r="B6690" t="s">
        <v>34441</v>
      </c>
      <c r="C6690" s="1" t="s">
        <v>34442</v>
      </c>
      <c r="E6690">
        <v>1</v>
      </c>
      <c r="F6690">
        <v>3</v>
      </c>
      <c r="H6690" t="s">
        <v>34443</v>
      </c>
      <c r="J6690" t="s">
        <v>34444</v>
      </c>
      <c r="O6690">
        <v>8001150</v>
      </c>
      <c r="P6690">
        <v>1</v>
      </c>
      <c r="Q6690">
        <v>0</v>
      </c>
      <c r="R6690" t="s">
        <v>34445</v>
      </c>
      <c r="S6690">
        <v>701</v>
      </c>
    </row>
    <row r="6691" spans="1:19" x14ac:dyDescent="0.25">
      <c r="A6691">
        <v>14762311</v>
      </c>
      <c r="B6691" t="s">
        <v>34446</v>
      </c>
      <c r="C6691" s="1" t="s">
        <v>34447</v>
      </c>
      <c r="D6691">
        <v>14762432</v>
      </c>
      <c r="E6691">
        <v>3</v>
      </c>
      <c r="F6691">
        <v>2</v>
      </c>
      <c r="H6691" t="s">
        <v>34448</v>
      </c>
      <c r="I6691">
        <v>2</v>
      </c>
      <c r="J6691" t="s">
        <v>34449</v>
      </c>
      <c r="N6691" t="s">
        <v>34450</v>
      </c>
      <c r="P6691">
        <v>1</v>
      </c>
      <c r="Q6691">
        <v>2</v>
      </c>
      <c r="R6691" t="s">
        <v>34451</v>
      </c>
      <c r="S6691">
        <v>188</v>
      </c>
    </row>
    <row r="6692" spans="1:19" x14ac:dyDescent="0.25">
      <c r="A6692">
        <v>12053608</v>
      </c>
      <c r="B6692" t="s">
        <v>34452</v>
      </c>
      <c r="C6692" s="1" t="s">
        <v>34453</v>
      </c>
      <c r="D6692">
        <v>12119651</v>
      </c>
      <c r="E6692">
        <v>2</v>
      </c>
      <c r="F6692">
        <v>6</v>
      </c>
      <c r="H6692" t="s">
        <v>34454</v>
      </c>
      <c r="J6692" t="s">
        <v>34455</v>
      </c>
      <c r="K6692" t="s">
        <v>34456</v>
      </c>
      <c r="M6692">
        <v>1066031</v>
      </c>
      <c r="O6692">
        <v>1220296</v>
      </c>
      <c r="P6692">
        <v>1</v>
      </c>
      <c r="Q6692">
        <v>2</v>
      </c>
      <c r="R6692" t="s">
        <v>34457</v>
      </c>
      <c r="S6692">
        <v>1549</v>
      </c>
    </row>
    <row r="6693" spans="1:19" x14ac:dyDescent="0.25">
      <c r="A6693">
        <v>10944091</v>
      </c>
      <c r="B6693" t="s">
        <v>34458</v>
      </c>
      <c r="C6693" s="1" t="s">
        <v>34459</v>
      </c>
      <c r="E6693">
        <v>1</v>
      </c>
      <c r="F6693">
        <v>1</v>
      </c>
      <c r="H6693" t="s">
        <v>34460</v>
      </c>
      <c r="J6693" t="s">
        <v>34461</v>
      </c>
      <c r="O6693">
        <v>290082</v>
      </c>
      <c r="P6693">
        <v>1</v>
      </c>
      <c r="Q6693">
        <v>1</v>
      </c>
      <c r="R6693" t="s">
        <v>34462</v>
      </c>
      <c r="S6693">
        <v>199</v>
      </c>
    </row>
    <row r="6694" spans="1:19" x14ac:dyDescent="0.25">
      <c r="A6694">
        <v>38480304</v>
      </c>
      <c r="B6694" t="s">
        <v>34463</v>
      </c>
      <c r="C6694" s="1" t="s">
        <v>34464</v>
      </c>
      <c r="E6694">
        <v>0</v>
      </c>
      <c r="F6694">
        <v>4</v>
      </c>
      <c r="H6694" t="s">
        <v>34465</v>
      </c>
      <c r="J6694" t="s">
        <v>34465</v>
      </c>
      <c r="O6694">
        <v>6613368</v>
      </c>
      <c r="P6694">
        <v>1</v>
      </c>
      <c r="Q6694">
        <v>0</v>
      </c>
      <c r="R6694" t="s">
        <v>34466</v>
      </c>
      <c r="S6694">
        <v>358</v>
      </c>
    </row>
    <row r="6695" spans="1:19" x14ac:dyDescent="0.25">
      <c r="A6695">
        <v>47760893</v>
      </c>
      <c r="B6695" t="s">
        <v>34467</v>
      </c>
      <c r="C6695" s="1" t="s">
        <v>34468</v>
      </c>
      <c r="E6695">
        <v>1</v>
      </c>
      <c r="F6695">
        <v>0</v>
      </c>
      <c r="H6695" t="s">
        <v>34469</v>
      </c>
      <c r="J6695" t="s">
        <v>34470</v>
      </c>
      <c r="O6695">
        <v>9085500</v>
      </c>
      <c r="P6695">
        <v>1</v>
      </c>
      <c r="Q6695">
        <v>0</v>
      </c>
      <c r="R6695" t="s">
        <v>34471</v>
      </c>
      <c r="S6695">
        <v>24</v>
      </c>
    </row>
    <row r="6696" spans="1:19" x14ac:dyDescent="0.25">
      <c r="A6696">
        <v>25119933</v>
      </c>
      <c r="B6696" t="s">
        <v>34472</v>
      </c>
      <c r="C6696" s="1" t="s">
        <v>34473</v>
      </c>
      <c r="D6696">
        <v>25120099</v>
      </c>
      <c r="E6696">
        <v>2</v>
      </c>
      <c r="F6696">
        <v>4</v>
      </c>
      <c r="H6696" t="s">
        <v>34474</v>
      </c>
      <c r="J6696" t="s">
        <v>34475</v>
      </c>
      <c r="K6696" t="s">
        <v>34476</v>
      </c>
      <c r="M6696">
        <v>3906268</v>
      </c>
      <c r="O6696">
        <v>3906268</v>
      </c>
      <c r="P6696">
        <v>1</v>
      </c>
      <c r="Q6696">
        <v>0</v>
      </c>
      <c r="R6696" t="s">
        <v>34477</v>
      </c>
      <c r="S6696">
        <v>144</v>
      </c>
    </row>
    <row r="6697" spans="1:19" x14ac:dyDescent="0.25">
      <c r="A6697">
        <v>18447993</v>
      </c>
      <c r="B6697" t="s">
        <v>34478</v>
      </c>
      <c r="C6697" s="1" t="s">
        <v>34479</v>
      </c>
      <c r="D6697">
        <v>18448059</v>
      </c>
      <c r="E6697">
        <v>2</v>
      </c>
      <c r="F6697">
        <v>0</v>
      </c>
      <c r="H6697" t="s">
        <v>34480</v>
      </c>
      <c r="J6697" t="s">
        <v>34481</v>
      </c>
      <c r="K6697" t="s">
        <v>34482</v>
      </c>
      <c r="M6697">
        <v>15168</v>
      </c>
      <c r="O6697">
        <v>2700469</v>
      </c>
      <c r="P6697">
        <v>1</v>
      </c>
      <c r="Q6697">
        <v>0</v>
      </c>
      <c r="R6697" t="s">
        <v>34483</v>
      </c>
      <c r="S6697">
        <v>921</v>
      </c>
    </row>
    <row r="6698" spans="1:19" x14ac:dyDescent="0.25">
      <c r="A6698">
        <v>50921909</v>
      </c>
      <c r="B6698" t="s">
        <v>34484</v>
      </c>
      <c r="C6698" s="1" t="s">
        <v>34485</v>
      </c>
      <c r="E6698">
        <v>1</v>
      </c>
      <c r="F6698">
        <v>0</v>
      </c>
      <c r="H6698" t="s">
        <v>34486</v>
      </c>
      <c r="I6698">
        <v>2</v>
      </c>
      <c r="J6698" t="s">
        <v>34487</v>
      </c>
      <c r="K6698" t="s">
        <v>34488</v>
      </c>
      <c r="M6698">
        <v>7032930</v>
      </c>
      <c r="O6698">
        <v>7032930</v>
      </c>
      <c r="P6698">
        <v>1</v>
      </c>
      <c r="Q6698">
        <v>2</v>
      </c>
      <c r="R6698" t="s">
        <v>34489</v>
      </c>
      <c r="S6698">
        <v>295</v>
      </c>
    </row>
    <row r="6699" spans="1:19" x14ac:dyDescent="0.25">
      <c r="A6699">
        <v>22871864</v>
      </c>
      <c r="B6699" t="s">
        <v>34490</v>
      </c>
      <c r="C6699" s="1" t="s">
        <v>34491</v>
      </c>
      <c r="D6699">
        <v>22877812</v>
      </c>
      <c r="E6699">
        <v>1</v>
      </c>
      <c r="F6699">
        <v>2</v>
      </c>
      <c r="H6699" t="s">
        <v>34492</v>
      </c>
      <c r="J6699" t="s">
        <v>34493</v>
      </c>
      <c r="K6699" t="s">
        <v>34493</v>
      </c>
      <c r="M6699">
        <v>234175</v>
      </c>
      <c r="O6699">
        <v>756383</v>
      </c>
      <c r="P6699">
        <v>1</v>
      </c>
      <c r="Q6699">
        <v>0</v>
      </c>
      <c r="R6699" t="s">
        <v>34494</v>
      </c>
      <c r="S6699">
        <v>59</v>
      </c>
    </row>
    <row r="6700" spans="1:19" x14ac:dyDescent="0.25">
      <c r="A6700">
        <v>10173041</v>
      </c>
      <c r="B6700" t="s">
        <v>34495</v>
      </c>
      <c r="C6700" s="1" t="s">
        <v>34496</v>
      </c>
      <c r="D6700">
        <v>10173320</v>
      </c>
      <c r="E6700">
        <v>1</v>
      </c>
      <c r="F6700">
        <v>0</v>
      </c>
      <c r="H6700" t="s">
        <v>34497</v>
      </c>
      <c r="J6700" t="s">
        <v>34498</v>
      </c>
      <c r="K6700" t="s">
        <v>34498</v>
      </c>
      <c r="M6700">
        <v>1503476</v>
      </c>
      <c r="O6700">
        <v>983775</v>
      </c>
      <c r="P6700">
        <v>1</v>
      </c>
      <c r="Q6700">
        <v>1</v>
      </c>
      <c r="R6700" t="s">
        <v>34499</v>
      </c>
      <c r="S6700">
        <v>2628</v>
      </c>
    </row>
    <row r="6701" spans="1:19" x14ac:dyDescent="0.25">
      <c r="A6701">
        <v>5052140</v>
      </c>
      <c r="B6701" t="s">
        <v>34500</v>
      </c>
      <c r="C6701" s="1" t="s">
        <v>34501</v>
      </c>
      <c r="E6701">
        <v>3</v>
      </c>
      <c r="F6701">
        <v>0</v>
      </c>
      <c r="H6701" t="s">
        <v>34502</v>
      </c>
      <c r="I6701">
        <v>1</v>
      </c>
      <c r="J6701" t="s">
        <v>34503</v>
      </c>
      <c r="K6701" t="s">
        <v>34503</v>
      </c>
      <c r="M6701">
        <v>714968</v>
      </c>
      <c r="O6701">
        <v>624540</v>
      </c>
      <c r="P6701">
        <v>1</v>
      </c>
      <c r="Q6701">
        <v>0</v>
      </c>
      <c r="R6701" t="s">
        <v>34504</v>
      </c>
      <c r="S6701">
        <v>1302</v>
      </c>
    </row>
    <row r="6702" spans="1:19" x14ac:dyDescent="0.25">
      <c r="A6702">
        <v>24800655</v>
      </c>
      <c r="B6702" t="s">
        <v>34505</v>
      </c>
      <c r="C6702" s="1" t="s">
        <v>34506</v>
      </c>
      <c r="E6702">
        <v>2</v>
      </c>
      <c r="F6702">
        <v>0</v>
      </c>
      <c r="H6702" t="s">
        <v>34507</v>
      </c>
      <c r="J6702" t="s">
        <v>34508</v>
      </c>
      <c r="O6702">
        <v>1968711</v>
      </c>
      <c r="P6702">
        <v>1</v>
      </c>
      <c r="Q6702">
        <v>0</v>
      </c>
      <c r="R6702" t="s">
        <v>34509</v>
      </c>
      <c r="S6702">
        <v>1064</v>
      </c>
    </row>
    <row r="6703" spans="1:19" x14ac:dyDescent="0.25">
      <c r="A6703">
        <v>27723296</v>
      </c>
      <c r="B6703" t="s">
        <v>34510</v>
      </c>
      <c r="C6703" s="1" t="s">
        <v>34511</v>
      </c>
      <c r="E6703">
        <v>1</v>
      </c>
      <c r="F6703">
        <v>0</v>
      </c>
      <c r="H6703" t="s">
        <v>34512</v>
      </c>
      <c r="J6703" t="s">
        <v>34513</v>
      </c>
      <c r="K6703" t="s">
        <v>34514</v>
      </c>
      <c r="M6703">
        <v>3854307</v>
      </c>
      <c r="O6703">
        <v>4053821</v>
      </c>
      <c r="P6703">
        <v>1</v>
      </c>
      <c r="Q6703">
        <v>0</v>
      </c>
      <c r="R6703" t="s">
        <v>34515</v>
      </c>
      <c r="S6703">
        <v>54</v>
      </c>
    </row>
    <row r="6704" spans="1:19" x14ac:dyDescent="0.25">
      <c r="A6704">
        <v>53290288</v>
      </c>
      <c r="B6704" t="s">
        <v>34516</v>
      </c>
      <c r="C6704" s="1" t="s">
        <v>34517</v>
      </c>
      <c r="E6704">
        <v>0</v>
      </c>
      <c r="F6704">
        <v>0</v>
      </c>
      <c r="H6704" t="s">
        <v>34518</v>
      </c>
      <c r="J6704" t="s">
        <v>34518</v>
      </c>
      <c r="O6704">
        <v>10648800</v>
      </c>
      <c r="P6704">
        <v>1</v>
      </c>
      <c r="Q6704">
        <v>1</v>
      </c>
      <c r="R6704" t="s">
        <v>34519</v>
      </c>
      <c r="S6704">
        <v>23</v>
      </c>
    </row>
    <row r="6705" spans="1:19" x14ac:dyDescent="0.25">
      <c r="A6705">
        <v>15465525</v>
      </c>
      <c r="B6705" t="s">
        <v>34520</v>
      </c>
      <c r="C6705" s="1" t="s">
        <v>34521</v>
      </c>
      <c r="D6705">
        <v>16875630</v>
      </c>
      <c r="E6705">
        <v>5</v>
      </c>
      <c r="F6705">
        <v>5</v>
      </c>
      <c r="H6705" t="s">
        <v>34522</v>
      </c>
      <c r="I6705">
        <v>5</v>
      </c>
      <c r="J6705" t="s">
        <v>34523</v>
      </c>
      <c r="O6705">
        <v>1442054</v>
      </c>
      <c r="P6705">
        <v>1</v>
      </c>
      <c r="Q6705">
        <v>6</v>
      </c>
      <c r="R6705" t="s">
        <v>34524</v>
      </c>
      <c r="S6705">
        <v>12988</v>
      </c>
    </row>
    <row r="6706" spans="1:19" x14ac:dyDescent="0.25">
      <c r="A6706">
        <v>49076032</v>
      </c>
      <c r="B6706" t="s">
        <v>34525</v>
      </c>
      <c r="C6706" s="1" t="s">
        <v>34526</v>
      </c>
      <c r="E6706">
        <v>0</v>
      </c>
      <c r="F6706">
        <v>0</v>
      </c>
      <c r="H6706" t="s">
        <v>34527</v>
      </c>
      <c r="I6706">
        <v>1</v>
      </c>
      <c r="J6706" t="s">
        <v>34527</v>
      </c>
      <c r="O6706">
        <v>9435611</v>
      </c>
      <c r="P6706">
        <v>1</v>
      </c>
      <c r="Q6706">
        <v>1</v>
      </c>
      <c r="R6706" t="s">
        <v>34528</v>
      </c>
      <c r="S6706">
        <v>253</v>
      </c>
    </row>
    <row r="6707" spans="1:19" x14ac:dyDescent="0.25">
      <c r="A6707">
        <v>9078214</v>
      </c>
      <c r="B6707" t="s">
        <v>34529</v>
      </c>
      <c r="C6707" s="1" t="s">
        <v>34530</v>
      </c>
      <c r="D6707">
        <v>9078298</v>
      </c>
      <c r="E6707">
        <v>1</v>
      </c>
      <c r="F6707">
        <v>0</v>
      </c>
      <c r="H6707" t="s">
        <v>34531</v>
      </c>
      <c r="J6707" t="s">
        <v>34532</v>
      </c>
      <c r="O6707">
        <v>775698</v>
      </c>
      <c r="P6707">
        <v>1</v>
      </c>
      <c r="Q6707">
        <v>0</v>
      </c>
      <c r="R6707" t="s">
        <v>34533</v>
      </c>
      <c r="S6707">
        <v>110</v>
      </c>
    </row>
    <row r="6708" spans="1:19" x14ac:dyDescent="0.25">
      <c r="A6708">
        <v>3239905</v>
      </c>
      <c r="B6708" t="s">
        <v>34534</v>
      </c>
      <c r="C6708" s="1" t="s">
        <v>34535</v>
      </c>
      <c r="D6708">
        <v>3239934</v>
      </c>
      <c r="E6708">
        <v>2</v>
      </c>
      <c r="F6708">
        <v>7</v>
      </c>
      <c r="H6708" t="s">
        <v>34536</v>
      </c>
      <c r="I6708">
        <v>4</v>
      </c>
      <c r="J6708" t="s">
        <v>34537</v>
      </c>
      <c r="O6708">
        <v>206328</v>
      </c>
      <c r="P6708">
        <v>1</v>
      </c>
      <c r="Q6708">
        <v>33</v>
      </c>
      <c r="R6708" t="s">
        <v>759</v>
      </c>
      <c r="S6708">
        <v>8174</v>
      </c>
    </row>
    <row r="6709" spans="1:19" x14ac:dyDescent="0.25">
      <c r="A6709">
        <v>32672546</v>
      </c>
      <c r="B6709" t="s">
        <v>34538</v>
      </c>
      <c r="C6709" s="1" t="s">
        <v>34539</v>
      </c>
      <c r="D6709">
        <v>32672575</v>
      </c>
      <c r="E6709">
        <v>1</v>
      </c>
      <c r="F6709">
        <v>1</v>
      </c>
      <c r="H6709" t="s">
        <v>34540</v>
      </c>
      <c r="J6709" t="s">
        <v>34541</v>
      </c>
      <c r="O6709">
        <v>3909280</v>
      </c>
      <c r="P6709">
        <v>1</v>
      </c>
      <c r="Q6709">
        <v>0</v>
      </c>
      <c r="R6709" t="s">
        <v>34542</v>
      </c>
      <c r="S6709">
        <v>181</v>
      </c>
    </row>
    <row r="6710" spans="1:19" x14ac:dyDescent="0.25">
      <c r="A6710">
        <v>5664295</v>
      </c>
      <c r="B6710" t="s">
        <v>34543</v>
      </c>
      <c r="C6710" s="1" t="s">
        <v>34544</v>
      </c>
      <c r="D6710">
        <v>5665098</v>
      </c>
      <c r="E6710">
        <v>4</v>
      </c>
      <c r="F6710">
        <v>3</v>
      </c>
      <c r="H6710" t="s">
        <v>34545</v>
      </c>
      <c r="J6710" t="s">
        <v>34546</v>
      </c>
      <c r="O6710">
        <v>447514</v>
      </c>
      <c r="P6710">
        <v>1</v>
      </c>
      <c r="Q6710">
        <v>3</v>
      </c>
      <c r="R6710" t="s">
        <v>34547</v>
      </c>
      <c r="S6710">
        <v>113</v>
      </c>
    </row>
    <row r="6711" spans="1:19" x14ac:dyDescent="0.25">
      <c r="A6711">
        <v>25921988</v>
      </c>
      <c r="B6711" t="s">
        <v>34548</v>
      </c>
      <c r="C6711" s="1" t="s">
        <v>34549</v>
      </c>
      <c r="E6711">
        <v>2</v>
      </c>
      <c r="F6711">
        <v>2</v>
      </c>
      <c r="H6711" t="s">
        <v>34550</v>
      </c>
      <c r="I6711">
        <v>2</v>
      </c>
      <c r="J6711" t="s">
        <v>34551</v>
      </c>
      <c r="O6711">
        <v>2654261</v>
      </c>
      <c r="P6711">
        <v>1</v>
      </c>
      <c r="Q6711">
        <v>1</v>
      </c>
      <c r="R6711" t="s">
        <v>34552</v>
      </c>
      <c r="S6711">
        <v>3935</v>
      </c>
    </row>
    <row r="6712" spans="1:19" x14ac:dyDescent="0.25">
      <c r="A6712">
        <v>33301119</v>
      </c>
      <c r="B6712" t="s">
        <v>34553</v>
      </c>
      <c r="C6712" s="1" t="s">
        <v>34554</v>
      </c>
      <c r="D6712">
        <v>33301234</v>
      </c>
      <c r="E6712">
        <v>1</v>
      </c>
      <c r="F6712">
        <v>0</v>
      </c>
      <c r="H6712" t="s">
        <v>34555</v>
      </c>
      <c r="J6712" t="s">
        <v>34556</v>
      </c>
      <c r="K6712" t="s">
        <v>34556</v>
      </c>
      <c r="M6712">
        <v>4604579</v>
      </c>
      <c r="O6712">
        <v>1696536</v>
      </c>
      <c r="P6712">
        <v>1</v>
      </c>
      <c r="Q6712">
        <v>0</v>
      </c>
      <c r="R6712" t="s">
        <v>1759</v>
      </c>
      <c r="S6712">
        <v>929</v>
      </c>
    </row>
    <row r="6713" spans="1:19" x14ac:dyDescent="0.25">
      <c r="A6713">
        <v>40215336</v>
      </c>
      <c r="B6713" t="s">
        <v>34557</v>
      </c>
      <c r="C6713" s="1" t="s">
        <v>34558</v>
      </c>
      <c r="E6713">
        <v>2</v>
      </c>
      <c r="F6713">
        <v>0</v>
      </c>
      <c r="H6713" t="s">
        <v>34559</v>
      </c>
      <c r="J6713" t="s">
        <v>34560</v>
      </c>
      <c r="O6713">
        <v>143091</v>
      </c>
      <c r="P6713">
        <v>1</v>
      </c>
      <c r="Q6713">
        <v>4</v>
      </c>
      <c r="R6713" t="s">
        <v>34561</v>
      </c>
      <c r="S6713">
        <v>124</v>
      </c>
    </row>
    <row r="6714" spans="1:19" x14ac:dyDescent="0.25">
      <c r="A6714">
        <v>18176550</v>
      </c>
      <c r="B6714" t="s">
        <v>34562</v>
      </c>
      <c r="C6714" s="1" t="s">
        <v>34563</v>
      </c>
      <c r="E6714">
        <v>2</v>
      </c>
      <c r="F6714">
        <v>0</v>
      </c>
      <c r="H6714" t="s">
        <v>34564</v>
      </c>
      <c r="J6714" t="s">
        <v>34565</v>
      </c>
      <c r="O6714">
        <v>1296280</v>
      </c>
      <c r="P6714">
        <v>1</v>
      </c>
      <c r="Q6714">
        <v>0</v>
      </c>
      <c r="R6714" t="s">
        <v>34566</v>
      </c>
      <c r="S6714">
        <v>195</v>
      </c>
    </row>
    <row r="6715" spans="1:19" x14ac:dyDescent="0.25">
      <c r="A6715">
        <v>6679582</v>
      </c>
      <c r="B6715" t="s">
        <v>34567</v>
      </c>
      <c r="C6715" s="1" t="s">
        <v>34568</v>
      </c>
      <c r="D6715">
        <v>6679779</v>
      </c>
      <c r="E6715">
        <v>1</v>
      </c>
      <c r="F6715">
        <v>1</v>
      </c>
      <c r="H6715" t="s">
        <v>34569</v>
      </c>
      <c r="I6715">
        <v>0</v>
      </c>
      <c r="J6715" t="s">
        <v>34570</v>
      </c>
      <c r="O6715">
        <v>798197</v>
      </c>
      <c r="P6715">
        <v>1</v>
      </c>
      <c r="Q6715">
        <v>-6</v>
      </c>
      <c r="R6715" t="s">
        <v>34571</v>
      </c>
      <c r="S6715">
        <v>2976</v>
      </c>
    </row>
    <row r="6716" spans="1:19" x14ac:dyDescent="0.25">
      <c r="A6716">
        <v>23723869</v>
      </c>
      <c r="B6716" t="s">
        <v>34572</v>
      </c>
      <c r="C6716" s="1" t="s">
        <v>34573</v>
      </c>
      <c r="D6716">
        <v>23724019</v>
      </c>
      <c r="E6716">
        <v>1</v>
      </c>
      <c r="F6716">
        <v>2</v>
      </c>
      <c r="H6716" t="s">
        <v>34574</v>
      </c>
      <c r="J6716" t="s">
        <v>34575</v>
      </c>
      <c r="K6716" t="s">
        <v>34576</v>
      </c>
      <c r="M6716">
        <v>3001761</v>
      </c>
      <c r="O6716">
        <v>3120696</v>
      </c>
      <c r="P6716">
        <v>1</v>
      </c>
      <c r="Q6716">
        <v>2</v>
      </c>
      <c r="R6716" t="s">
        <v>34577</v>
      </c>
      <c r="S6716">
        <v>133</v>
      </c>
    </row>
    <row r="6717" spans="1:19" x14ac:dyDescent="0.25">
      <c r="A6717">
        <v>15506083</v>
      </c>
      <c r="B6717" t="s">
        <v>34578</v>
      </c>
      <c r="C6717" s="1" t="s">
        <v>34579</v>
      </c>
      <c r="E6717">
        <v>1</v>
      </c>
      <c r="F6717">
        <v>1</v>
      </c>
      <c r="H6717" t="s">
        <v>34580</v>
      </c>
      <c r="J6717" t="s">
        <v>34581</v>
      </c>
      <c r="K6717" t="s">
        <v>34581</v>
      </c>
      <c r="M6717">
        <v>4032703</v>
      </c>
      <c r="O6717">
        <v>2187586</v>
      </c>
      <c r="P6717">
        <v>1</v>
      </c>
      <c r="Q6717">
        <v>0</v>
      </c>
      <c r="R6717" t="s">
        <v>34582</v>
      </c>
      <c r="S6717">
        <v>979</v>
      </c>
    </row>
    <row r="6718" spans="1:19" x14ac:dyDescent="0.25">
      <c r="A6718">
        <v>33900256</v>
      </c>
      <c r="B6718" t="s">
        <v>34583</v>
      </c>
      <c r="C6718" s="1" t="s">
        <v>34584</v>
      </c>
      <c r="D6718">
        <v>33900434</v>
      </c>
      <c r="E6718">
        <v>2</v>
      </c>
      <c r="F6718">
        <v>3</v>
      </c>
      <c r="H6718" t="s">
        <v>34585</v>
      </c>
      <c r="I6718">
        <v>2</v>
      </c>
      <c r="J6718" t="s">
        <v>34586</v>
      </c>
      <c r="K6718" t="s">
        <v>34587</v>
      </c>
      <c r="M6718">
        <v>626537</v>
      </c>
      <c r="O6718">
        <v>626537</v>
      </c>
      <c r="P6718">
        <v>1</v>
      </c>
      <c r="Q6718">
        <v>3</v>
      </c>
      <c r="R6718" t="s">
        <v>34588</v>
      </c>
      <c r="S6718">
        <v>7195</v>
      </c>
    </row>
    <row r="6719" spans="1:19" x14ac:dyDescent="0.25">
      <c r="A6719">
        <v>52163107</v>
      </c>
      <c r="B6719" t="s">
        <v>34589</v>
      </c>
      <c r="C6719" s="1" t="s">
        <v>34590</v>
      </c>
      <c r="E6719">
        <v>1</v>
      </c>
      <c r="F6719">
        <v>0</v>
      </c>
      <c r="H6719" t="s">
        <v>34591</v>
      </c>
      <c r="J6719" t="s">
        <v>34592</v>
      </c>
      <c r="K6719" t="s">
        <v>34592</v>
      </c>
      <c r="M6719">
        <v>441757</v>
      </c>
      <c r="O6719">
        <v>4060672</v>
      </c>
      <c r="P6719">
        <v>1</v>
      </c>
      <c r="Q6719">
        <v>0</v>
      </c>
      <c r="R6719" t="s">
        <v>34593</v>
      </c>
      <c r="S6719">
        <v>218</v>
      </c>
    </row>
    <row r="6720" spans="1:19" x14ac:dyDescent="0.25">
      <c r="A6720">
        <v>42169478</v>
      </c>
      <c r="B6720" t="s">
        <v>34594</v>
      </c>
      <c r="C6720" s="1" t="s">
        <v>34595</v>
      </c>
      <c r="D6720">
        <v>42169609</v>
      </c>
      <c r="E6720">
        <v>2</v>
      </c>
      <c r="F6720">
        <v>5</v>
      </c>
      <c r="H6720" t="s">
        <v>34596</v>
      </c>
      <c r="J6720" t="s">
        <v>34597</v>
      </c>
      <c r="O6720">
        <v>2651804</v>
      </c>
      <c r="P6720">
        <v>1</v>
      </c>
      <c r="Q6720">
        <v>0</v>
      </c>
      <c r="R6720" t="s">
        <v>34598</v>
      </c>
      <c r="S6720">
        <v>32</v>
      </c>
    </row>
    <row r="6721" spans="1:19" x14ac:dyDescent="0.25">
      <c r="A6721">
        <v>35858226</v>
      </c>
      <c r="B6721" t="s">
        <v>34599</v>
      </c>
      <c r="C6721" s="1" t="s">
        <v>34600</v>
      </c>
      <c r="D6721">
        <v>35952363</v>
      </c>
      <c r="E6721">
        <v>2</v>
      </c>
      <c r="F6721">
        <v>1</v>
      </c>
      <c r="H6721" t="s">
        <v>34601</v>
      </c>
      <c r="I6721">
        <v>2</v>
      </c>
      <c r="J6721" t="s">
        <v>34602</v>
      </c>
      <c r="K6721" t="s">
        <v>34603</v>
      </c>
      <c r="M6721">
        <v>4346603</v>
      </c>
      <c r="O6721">
        <v>129899</v>
      </c>
      <c r="P6721">
        <v>1</v>
      </c>
      <c r="Q6721">
        <v>1</v>
      </c>
      <c r="R6721" t="s">
        <v>34604</v>
      </c>
      <c r="S6721">
        <v>2535</v>
      </c>
    </row>
    <row r="6722" spans="1:19" x14ac:dyDescent="0.25">
      <c r="A6722">
        <v>38601962</v>
      </c>
      <c r="B6722" t="s">
        <v>34605</v>
      </c>
      <c r="C6722" s="1" t="s">
        <v>34606</v>
      </c>
      <c r="D6722">
        <v>38602030</v>
      </c>
      <c r="E6722">
        <v>1</v>
      </c>
      <c r="F6722">
        <v>2</v>
      </c>
      <c r="H6722" t="s">
        <v>34607</v>
      </c>
      <c r="J6722" t="s">
        <v>34608</v>
      </c>
      <c r="O6722">
        <v>3126997</v>
      </c>
      <c r="P6722">
        <v>1</v>
      </c>
      <c r="Q6722">
        <v>0</v>
      </c>
      <c r="R6722" t="s">
        <v>34609</v>
      </c>
      <c r="S6722">
        <v>218</v>
      </c>
    </row>
    <row r="6723" spans="1:19" x14ac:dyDescent="0.25">
      <c r="A6723">
        <v>22673097</v>
      </c>
      <c r="B6723" t="s">
        <v>34610</v>
      </c>
      <c r="C6723" s="1" t="s">
        <v>34611</v>
      </c>
      <c r="E6723">
        <v>3</v>
      </c>
      <c r="F6723">
        <v>4</v>
      </c>
      <c r="H6723" t="s">
        <v>34612</v>
      </c>
      <c r="I6723">
        <v>1</v>
      </c>
      <c r="J6723" t="s">
        <v>34613</v>
      </c>
      <c r="O6723">
        <v>3466122</v>
      </c>
      <c r="P6723">
        <v>1</v>
      </c>
      <c r="Q6723">
        <v>2</v>
      </c>
      <c r="R6723" t="s">
        <v>34614</v>
      </c>
      <c r="S6723">
        <v>2307</v>
      </c>
    </row>
    <row r="6724" spans="1:19" x14ac:dyDescent="0.25">
      <c r="A6724">
        <v>34042380</v>
      </c>
      <c r="B6724" t="s">
        <v>34615</v>
      </c>
      <c r="C6724" s="1" t="s">
        <v>34616</v>
      </c>
      <c r="D6724">
        <v>34042673</v>
      </c>
      <c r="E6724">
        <v>3</v>
      </c>
      <c r="F6724">
        <v>2</v>
      </c>
      <c r="H6724" t="s">
        <v>34617</v>
      </c>
      <c r="J6724" t="s">
        <v>34618</v>
      </c>
      <c r="O6724">
        <v>5555148</v>
      </c>
      <c r="P6724">
        <v>1</v>
      </c>
      <c r="Q6724">
        <v>0</v>
      </c>
      <c r="R6724" t="s">
        <v>34619</v>
      </c>
      <c r="S6724">
        <v>151</v>
      </c>
    </row>
    <row r="6725" spans="1:19" x14ac:dyDescent="0.25">
      <c r="A6725">
        <v>48895722</v>
      </c>
      <c r="B6725" t="s">
        <v>34620</v>
      </c>
      <c r="C6725" s="1" t="s">
        <v>34621</v>
      </c>
      <c r="E6725">
        <v>1</v>
      </c>
      <c r="F6725">
        <v>0</v>
      </c>
      <c r="H6725" t="s">
        <v>34622</v>
      </c>
      <c r="J6725" t="s">
        <v>34623</v>
      </c>
      <c r="K6725" t="s">
        <v>34623</v>
      </c>
      <c r="M6725">
        <v>2517012</v>
      </c>
      <c r="O6725">
        <v>9388269</v>
      </c>
      <c r="P6725">
        <v>1</v>
      </c>
      <c r="Q6725">
        <v>0</v>
      </c>
      <c r="R6725" t="s">
        <v>34624</v>
      </c>
      <c r="S6725">
        <v>37</v>
      </c>
    </row>
    <row r="6726" spans="1:19" x14ac:dyDescent="0.25">
      <c r="A6726">
        <v>49233430</v>
      </c>
      <c r="B6726" t="s">
        <v>34625</v>
      </c>
      <c r="C6726" s="1" t="s">
        <v>34626</v>
      </c>
      <c r="E6726">
        <v>1</v>
      </c>
      <c r="F6726">
        <v>0</v>
      </c>
      <c r="H6726" t="s">
        <v>34627</v>
      </c>
      <c r="J6726" t="s">
        <v>34628</v>
      </c>
      <c r="K6726" t="s">
        <v>34628</v>
      </c>
      <c r="M6726">
        <v>4126933</v>
      </c>
      <c r="O6726">
        <v>9409689</v>
      </c>
      <c r="P6726">
        <v>1</v>
      </c>
      <c r="Q6726">
        <v>0</v>
      </c>
      <c r="R6726" t="s">
        <v>819</v>
      </c>
      <c r="S6726">
        <v>21</v>
      </c>
    </row>
    <row r="6727" spans="1:19" x14ac:dyDescent="0.25">
      <c r="A6727">
        <v>34712375</v>
      </c>
      <c r="B6727" t="s">
        <v>34629</v>
      </c>
      <c r="C6727" s="1" t="s">
        <v>34630</v>
      </c>
      <c r="D6727">
        <v>34712530</v>
      </c>
      <c r="E6727">
        <v>1</v>
      </c>
      <c r="F6727">
        <v>2</v>
      </c>
      <c r="H6727" t="s">
        <v>34631</v>
      </c>
      <c r="J6727" t="s">
        <v>34632</v>
      </c>
      <c r="K6727" t="s">
        <v>34633</v>
      </c>
      <c r="M6727">
        <v>1402846</v>
      </c>
      <c r="O6727">
        <v>4460983</v>
      </c>
      <c r="P6727">
        <v>1</v>
      </c>
      <c r="Q6727">
        <v>0</v>
      </c>
      <c r="R6727" t="s">
        <v>34634</v>
      </c>
      <c r="S6727">
        <v>247</v>
      </c>
    </row>
    <row r="6728" spans="1:19" x14ac:dyDescent="0.25">
      <c r="A6728">
        <v>31445248</v>
      </c>
      <c r="B6728" t="s">
        <v>34635</v>
      </c>
      <c r="C6728" s="1" t="s">
        <v>34636</v>
      </c>
      <c r="E6728">
        <v>2</v>
      </c>
      <c r="F6728">
        <v>0</v>
      </c>
      <c r="H6728" t="s">
        <v>34637</v>
      </c>
      <c r="J6728" t="s">
        <v>34638</v>
      </c>
      <c r="O6728">
        <v>1655238</v>
      </c>
      <c r="P6728">
        <v>1</v>
      </c>
      <c r="Q6728">
        <v>0</v>
      </c>
      <c r="R6728" t="s">
        <v>34639</v>
      </c>
      <c r="S6728">
        <v>325</v>
      </c>
    </row>
    <row r="6729" spans="1:19" x14ac:dyDescent="0.25">
      <c r="A6729">
        <v>29879458</v>
      </c>
      <c r="B6729" t="s">
        <v>34640</v>
      </c>
      <c r="C6729" s="1" t="s">
        <v>34641</v>
      </c>
      <c r="D6729">
        <v>29879522</v>
      </c>
      <c r="E6729">
        <v>1</v>
      </c>
      <c r="F6729">
        <v>0</v>
      </c>
      <c r="H6729" t="s">
        <v>34642</v>
      </c>
      <c r="J6729" t="s">
        <v>34643</v>
      </c>
      <c r="K6729" t="s">
        <v>34643</v>
      </c>
      <c r="M6729">
        <v>3922954</v>
      </c>
      <c r="O6729">
        <v>4834712</v>
      </c>
      <c r="P6729">
        <v>1</v>
      </c>
      <c r="Q6729">
        <v>2</v>
      </c>
      <c r="R6729" t="s">
        <v>34644</v>
      </c>
      <c r="S6729">
        <v>459</v>
      </c>
    </row>
    <row r="6730" spans="1:19" x14ac:dyDescent="0.25">
      <c r="A6730">
        <v>5947208</v>
      </c>
      <c r="B6730" t="s">
        <v>34645</v>
      </c>
      <c r="C6730" s="1" t="s">
        <v>34646</v>
      </c>
      <c r="D6730">
        <v>5947394</v>
      </c>
      <c r="E6730">
        <v>1</v>
      </c>
      <c r="F6730">
        <v>1</v>
      </c>
      <c r="H6730" t="s">
        <v>34647</v>
      </c>
      <c r="J6730" t="s">
        <v>34648</v>
      </c>
      <c r="K6730" t="s">
        <v>34648</v>
      </c>
      <c r="M6730">
        <v>1404505</v>
      </c>
      <c r="O6730">
        <v>739489</v>
      </c>
      <c r="P6730">
        <v>1</v>
      </c>
      <c r="Q6730">
        <v>1</v>
      </c>
      <c r="R6730" t="s">
        <v>34649</v>
      </c>
      <c r="S6730">
        <v>326</v>
      </c>
    </row>
    <row r="6731" spans="1:19" x14ac:dyDescent="0.25">
      <c r="A6731">
        <v>19234191</v>
      </c>
      <c r="B6731" t="s">
        <v>34650</v>
      </c>
      <c r="C6731" s="1" t="s">
        <v>34651</v>
      </c>
      <c r="E6731">
        <v>1</v>
      </c>
      <c r="F6731">
        <v>4</v>
      </c>
      <c r="H6731" t="s">
        <v>34652</v>
      </c>
      <c r="I6731">
        <v>1</v>
      </c>
      <c r="J6731" t="s">
        <v>34653</v>
      </c>
      <c r="O6731">
        <v>1306133</v>
      </c>
      <c r="P6731">
        <v>1</v>
      </c>
      <c r="Q6731">
        <v>2</v>
      </c>
      <c r="R6731" t="s">
        <v>34654</v>
      </c>
      <c r="S6731">
        <v>1253</v>
      </c>
    </row>
    <row r="6732" spans="1:19" x14ac:dyDescent="0.25">
      <c r="A6732">
        <v>21353973</v>
      </c>
      <c r="B6732" t="s">
        <v>34655</v>
      </c>
      <c r="C6732" s="1" t="s">
        <v>34656</v>
      </c>
      <c r="D6732">
        <v>21354085</v>
      </c>
      <c r="E6732">
        <v>1</v>
      </c>
      <c r="F6732">
        <v>3</v>
      </c>
      <c r="H6732" t="s">
        <v>34657</v>
      </c>
      <c r="J6732" t="s">
        <v>34658</v>
      </c>
      <c r="O6732">
        <v>2418012</v>
      </c>
      <c r="P6732">
        <v>1</v>
      </c>
      <c r="Q6732">
        <v>3</v>
      </c>
      <c r="R6732" t="s">
        <v>110</v>
      </c>
      <c r="S6732">
        <v>5003</v>
      </c>
    </row>
    <row r="6733" spans="1:19" x14ac:dyDescent="0.25">
      <c r="A6733">
        <v>37633337</v>
      </c>
      <c r="B6733" t="s">
        <v>34659</v>
      </c>
      <c r="C6733" s="1" t="s">
        <v>34660</v>
      </c>
      <c r="E6733">
        <v>1</v>
      </c>
      <c r="F6733">
        <v>1</v>
      </c>
      <c r="H6733" t="s">
        <v>34661</v>
      </c>
      <c r="I6733">
        <v>1</v>
      </c>
      <c r="J6733" t="s">
        <v>34662</v>
      </c>
      <c r="O6733">
        <v>6060535</v>
      </c>
      <c r="P6733">
        <v>1</v>
      </c>
      <c r="Q6733">
        <v>4</v>
      </c>
      <c r="R6733" t="s">
        <v>34663</v>
      </c>
      <c r="S6733">
        <v>1561</v>
      </c>
    </row>
    <row r="6734" spans="1:19" x14ac:dyDescent="0.25">
      <c r="A6734">
        <v>839775</v>
      </c>
      <c r="B6734" t="s">
        <v>34664</v>
      </c>
      <c r="C6734" s="1" t="s">
        <v>34665</v>
      </c>
      <c r="D6734">
        <v>839845</v>
      </c>
      <c r="E6734">
        <v>1</v>
      </c>
      <c r="F6734">
        <v>0</v>
      </c>
      <c r="H6734" t="s">
        <v>34666</v>
      </c>
      <c r="J6734" t="s">
        <v>34667</v>
      </c>
      <c r="O6734">
        <v>19307</v>
      </c>
      <c r="P6734">
        <v>1</v>
      </c>
      <c r="Q6734">
        <v>0</v>
      </c>
      <c r="R6734" t="s">
        <v>34668</v>
      </c>
      <c r="S6734">
        <v>3411</v>
      </c>
    </row>
    <row r="6735" spans="1:19" x14ac:dyDescent="0.25">
      <c r="A6735">
        <v>42195140</v>
      </c>
      <c r="B6735" t="s">
        <v>34669</v>
      </c>
      <c r="C6735" s="1" t="s">
        <v>34670</v>
      </c>
      <c r="E6735">
        <v>0</v>
      </c>
      <c r="F6735">
        <v>3</v>
      </c>
      <c r="H6735" t="s">
        <v>34671</v>
      </c>
      <c r="J6735" t="s">
        <v>34672</v>
      </c>
      <c r="K6735" t="s">
        <v>34672</v>
      </c>
      <c r="M6735">
        <v>7555267</v>
      </c>
      <c r="O6735">
        <v>7555267</v>
      </c>
      <c r="P6735">
        <v>1</v>
      </c>
      <c r="Q6735">
        <v>0</v>
      </c>
      <c r="R6735" t="s">
        <v>819</v>
      </c>
      <c r="S6735">
        <v>37</v>
      </c>
    </row>
    <row r="6736" spans="1:19" x14ac:dyDescent="0.25">
      <c r="A6736">
        <v>8725807</v>
      </c>
      <c r="B6736" t="s">
        <v>34673</v>
      </c>
      <c r="C6736" s="1" t="s">
        <v>34674</v>
      </c>
      <c r="E6736">
        <v>1</v>
      </c>
      <c r="F6736">
        <v>3</v>
      </c>
      <c r="H6736" t="s">
        <v>34675</v>
      </c>
      <c r="J6736" t="s">
        <v>34676</v>
      </c>
      <c r="O6736">
        <v>951145</v>
      </c>
      <c r="P6736">
        <v>1</v>
      </c>
      <c r="Q6736">
        <v>0</v>
      </c>
      <c r="R6736" t="s">
        <v>34677</v>
      </c>
      <c r="S6736">
        <v>230</v>
      </c>
    </row>
    <row r="6737" spans="1:19" x14ac:dyDescent="0.25">
      <c r="A6737">
        <v>41379135</v>
      </c>
      <c r="B6737" t="s">
        <v>34678</v>
      </c>
      <c r="C6737" s="1" t="s">
        <v>34679</v>
      </c>
      <c r="E6737">
        <v>2</v>
      </c>
      <c r="F6737">
        <v>3</v>
      </c>
      <c r="H6737" t="s">
        <v>34680</v>
      </c>
      <c r="J6737" t="s">
        <v>34681</v>
      </c>
      <c r="K6737" t="s">
        <v>34682</v>
      </c>
      <c r="M6737">
        <v>236247</v>
      </c>
      <c r="O6737">
        <v>7353832</v>
      </c>
      <c r="P6737">
        <v>1</v>
      </c>
      <c r="Q6737">
        <v>-5</v>
      </c>
      <c r="R6737" t="s">
        <v>29707</v>
      </c>
      <c r="S6737">
        <v>427</v>
      </c>
    </row>
    <row r="6738" spans="1:19" x14ac:dyDescent="0.25">
      <c r="A6738">
        <v>10511920</v>
      </c>
      <c r="B6738" t="s">
        <v>34683</v>
      </c>
      <c r="C6738" s="1" t="s">
        <v>34684</v>
      </c>
      <c r="D6738">
        <v>10512379</v>
      </c>
      <c r="E6738">
        <v>2</v>
      </c>
      <c r="F6738">
        <v>3</v>
      </c>
      <c r="H6738" t="s">
        <v>34685</v>
      </c>
      <c r="J6738" t="s">
        <v>34686</v>
      </c>
      <c r="O6738">
        <v>1275997</v>
      </c>
      <c r="P6738">
        <v>1</v>
      </c>
      <c r="Q6738">
        <v>0</v>
      </c>
      <c r="R6738" t="s">
        <v>34687</v>
      </c>
      <c r="S6738">
        <v>81</v>
      </c>
    </row>
    <row r="6739" spans="1:19" x14ac:dyDescent="0.25">
      <c r="A6739">
        <v>52811085</v>
      </c>
      <c r="B6739" t="s">
        <v>34688</v>
      </c>
      <c r="C6739" s="1" t="s">
        <v>34689</v>
      </c>
      <c r="E6739">
        <v>1</v>
      </c>
      <c r="F6739">
        <v>11</v>
      </c>
      <c r="H6739" t="s">
        <v>34690</v>
      </c>
      <c r="J6739" t="s">
        <v>34691</v>
      </c>
      <c r="K6739" t="s">
        <v>34691</v>
      </c>
      <c r="M6739">
        <v>9965266</v>
      </c>
      <c r="O6739">
        <v>9965266</v>
      </c>
      <c r="P6739">
        <v>1</v>
      </c>
      <c r="Q6739">
        <v>-2</v>
      </c>
      <c r="R6739" t="s">
        <v>34692</v>
      </c>
      <c r="S6739">
        <v>46</v>
      </c>
    </row>
    <row r="6740" spans="1:19" x14ac:dyDescent="0.25">
      <c r="A6740">
        <v>23751040</v>
      </c>
      <c r="B6740" t="s">
        <v>34693</v>
      </c>
      <c r="C6740" s="1" t="s">
        <v>34694</v>
      </c>
      <c r="D6740">
        <v>23751086</v>
      </c>
      <c r="E6740">
        <v>1</v>
      </c>
      <c r="F6740">
        <v>0</v>
      </c>
      <c r="H6740" t="s">
        <v>34695</v>
      </c>
      <c r="I6740">
        <v>1</v>
      </c>
      <c r="J6740" t="s">
        <v>34696</v>
      </c>
      <c r="O6740">
        <v>2400445</v>
      </c>
      <c r="P6740">
        <v>1</v>
      </c>
      <c r="Q6740">
        <v>0</v>
      </c>
      <c r="R6740" t="s">
        <v>4357</v>
      </c>
      <c r="S6740">
        <v>34</v>
      </c>
    </row>
    <row r="6741" spans="1:19" x14ac:dyDescent="0.25">
      <c r="A6741">
        <v>3982962</v>
      </c>
      <c r="B6741" t="s">
        <v>34697</v>
      </c>
      <c r="C6741" s="1" t="s">
        <v>34698</v>
      </c>
      <c r="D6741">
        <v>3983286</v>
      </c>
      <c r="E6741">
        <v>2</v>
      </c>
      <c r="F6741">
        <v>0</v>
      </c>
      <c r="H6741" t="s">
        <v>34699</v>
      </c>
      <c r="J6741" t="s">
        <v>34700</v>
      </c>
      <c r="O6741">
        <v>134702</v>
      </c>
      <c r="P6741">
        <v>1</v>
      </c>
      <c r="Q6741">
        <v>0</v>
      </c>
      <c r="R6741" t="s">
        <v>34701</v>
      </c>
      <c r="S6741">
        <v>283</v>
      </c>
    </row>
    <row r="6742" spans="1:19" x14ac:dyDescent="0.25">
      <c r="A6742">
        <v>49881505</v>
      </c>
      <c r="B6742" t="s">
        <v>34702</v>
      </c>
      <c r="C6742" s="1" t="s">
        <v>34703</v>
      </c>
      <c r="D6742">
        <v>49882849</v>
      </c>
      <c r="E6742">
        <v>1</v>
      </c>
      <c r="F6742">
        <v>3</v>
      </c>
      <c r="H6742" t="s">
        <v>34704</v>
      </c>
      <c r="J6742" t="s">
        <v>34705</v>
      </c>
      <c r="O6742">
        <v>9659375</v>
      </c>
      <c r="P6742">
        <v>1</v>
      </c>
      <c r="Q6742">
        <v>0</v>
      </c>
      <c r="R6742" t="s">
        <v>34706</v>
      </c>
      <c r="S6742">
        <v>298</v>
      </c>
    </row>
    <row r="6743" spans="1:19" x14ac:dyDescent="0.25">
      <c r="A6743">
        <v>14229536</v>
      </c>
      <c r="B6743" t="s">
        <v>34707</v>
      </c>
      <c r="C6743" s="1" t="s">
        <v>34708</v>
      </c>
      <c r="D6743">
        <v>14285259</v>
      </c>
      <c r="E6743">
        <v>1</v>
      </c>
      <c r="F6743">
        <v>0</v>
      </c>
      <c r="H6743" t="s">
        <v>34709</v>
      </c>
      <c r="I6743">
        <v>2</v>
      </c>
      <c r="J6743" t="s">
        <v>34710</v>
      </c>
      <c r="O6743">
        <v>253714</v>
      </c>
      <c r="P6743">
        <v>1</v>
      </c>
      <c r="Q6743">
        <v>13</v>
      </c>
      <c r="R6743" t="s">
        <v>34711</v>
      </c>
      <c r="S6743">
        <v>7650</v>
      </c>
    </row>
    <row r="6744" spans="1:19" x14ac:dyDescent="0.25">
      <c r="A6744">
        <v>23959583</v>
      </c>
      <c r="B6744" t="s">
        <v>34712</v>
      </c>
      <c r="C6744" s="1" t="s">
        <v>34713</v>
      </c>
      <c r="E6744">
        <v>0</v>
      </c>
      <c r="F6744">
        <v>4</v>
      </c>
      <c r="H6744" t="s">
        <v>34714</v>
      </c>
      <c r="J6744" t="s">
        <v>34715</v>
      </c>
      <c r="K6744" t="s">
        <v>34716</v>
      </c>
      <c r="M6744">
        <v>-1</v>
      </c>
      <c r="O6744">
        <v>923763</v>
      </c>
      <c r="P6744">
        <v>1</v>
      </c>
      <c r="Q6744">
        <v>0</v>
      </c>
      <c r="R6744" t="s">
        <v>34717</v>
      </c>
      <c r="S6744">
        <v>38</v>
      </c>
    </row>
    <row r="6745" spans="1:19" x14ac:dyDescent="0.25">
      <c r="A6745">
        <v>20868501</v>
      </c>
      <c r="B6745" t="s">
        <v>34718</v>
      </c>
      <c r="C6745" s="1" t="s">
        <v>34719</v>
      </c>
      <c r="D6745">
        <v>20872605</v>
      </c>
      <c r="E6745">
        <v>2</v>
      </c>
      <c r="F6745">
        <v>3</v>
      </c>
      <c r="H6745" t="s">
        <v>34720</v>
      </c>
      <c r="J6745" t="s">
        <v>34721</v>
      </c>
      <c r="O6745">
        <v>2026098</v>
      </c>
      <c r="P6745">
        <v>1</v>
      </c>
      <c r="Q6745">
        <v>1</v>
      </c>
      <c r="R6745" t="s">
        <v>34722</v>
      </c>
      <c r="S6745">
        <v>633</v>
      </c>
    </row>
    <row r="6746" spans="1:19" x14ac:dyDescent="0.25">
      <c r="A6746">
        <v>21384952</v>
      </c>
      <c r="B6746" t="s">
        <v>34723</v>
      </c>
      <c r="C6746" s="1" t="s">
        <v>34724</v>
      </c>
      <c r="D6746">
        <v>21385924</v>
      </c>
      <c r="E6746">
        <v>1</v>
      </c>
      <c r="F6746">
        <v>1</v>
      </c>
      <c r="H6746" t="s">
        <v>34725</v>
      </c>
      <c r="J6746" t="s">
        <v>34726</v>
      </c>
      <c r="O6746">
        <v>1866639</v>
      </c>
      <c r="P6746">
        <v>1</v>
      </c>
      <c r="Q6746">
        <v>0</v>
      </c>
      <c r="R6746" t="s">
        <v>34727</v>
      </c>
      <c r="S6746">
        <v>96</v>
      </c>
    </row>
    <row r="6747" spans="1:19" x14ac:dyDescent="0.25">
      <c r="A6747">
        <v>5015195</v>
      </c>
      <c r="B6747" t="s">
        <v>34728</v>
      </c>
      <c r="C6747" s="1" t="s">
        <v>34729</v>
      </c>
      <c r="E6747">
        <v>1</v>
      </c>
      <c r="F6747">
        <v>0</v>
      </c>
      <c r="H6747" t="s">
        <v>34730</v>
      </c>
      <c r="I6747">
        <v>2</v>
      </c>
      <c r="J6747" t="s">
        <v>34731</v>
      </c>
      <c r="K6747" t="s">
        <v>34731</v>
      </c>
      <c r="M6747">
        <v>3043</v>
      </c>
      <c r="O6747">
        <v>122317</v>
      </c>
      <c r="P6747">
        <v>1</v>
      </c>
      <c r="Q6747">
        <v>5</v>
      </c>
      <c r="R6747" t="s">
        <v>34732</v>
      </c>
      <c r="S6747">
        <v>2559</v>
      </c>
    </row>
    <row r="6748" spans="1:19" x14ac:dyDescent="0.25">
      <c r="A6748">
        <v>27894531</v>
      </c>
      <c r="B6748" t="s">
        <v>34733</v>
      </c>
      <c r="C6748" s="1" t="s">
        <v>34734</v>
      </c>
      <c r="D6748">
        <v>27895072</v>
      </c>
      <c r="E6748">
        <v>1</v>
      </c>
      <c r="F6748">
        <v>0</v>
      </c>
      <c r="H6748" t="s">
        <v>34735</v>
      </c>
      <c r="J6748" t="s">
        <v>34736</v>
      </c>
      <c r="O6748">
        <v>4052583</v>
      </c>
      <c r="P6748">
        <v>1</v>
      </c>
      <c r="Q6748">
        <v>0</v>
      </c>
      <c r="R6748" t="s">
        <v>34737</v>
      </c>
      <c r="S6748">
        <v>122</v>
      </c>
    </row>
    <row r="6749" spans="1:19" x14ac:dyDescent="0.25">
      <c r="A6749">
        <v>36921806</v>
      </c>
      <c r="B6749" t="s">
        <v>34738</v>
      </c>
      <c r="C6749" s="1" t="s">
        <v>34739</v>
      </c>
      <c r="E6749">
        <v>2</v>
      </c>
      <c r="F6749">
        <v>0</v>
      </c>
      <c r="H6749" t="s">
        <v>34740</v>
      </c>
      <c r="J6749" t="s">
        <v>34741</v>
      </c>
      <c r="O6749">
        <v>6018493</v>
      </c>
      <c r="P6749">
        <v>1</v>
      </c>
      <c r="Q6749">
        <v>0</v>
      </c>
      <c r="R6749" t="s">
        <v>34742</v>
      </c>
      <c r="S6749">
        <v>345</v>
      </c>
    </row>
    <row r="6750" spans="1:19" x14ac:dyDescent="0.25">
      <c r="A6750">
        <v>25200076</v>
      </c>
      <c r="B6750" t="s">
        <v>34743</v>
      </c>
      <c r="C6750" t="s">
        <v>34744</v>
      </c>
      <c r="D6750">
        <v>25201801</v>
      </c>
      <c r="E6750">
        <v>1</v>
      </c>
      <c r="F6750">
        <v>1</v>
      </c>
      <c r="H6750" t="s">
        <v>34745</v>
      </c>
      <c r="J6750" t="s">
        <v>34746</v>
      </c>
      <c r="O6750">
        <v>2834730</v>
      </c>
      <c r="P6750">
        <v>1</v>
      </c>
      <c r="Q6750">
        <v>2</v>
      </c>
      <c r="R6750" t="s">
        <v>34747</v>
      </c>
      <c r="S6750">
        <v>72</v>
      </c>
    </row>
    <row r="6751" spans="1:19" x14ac:dyDescent="0.25">
      <c r="A6751">
        <v>9873235</v>
      </c>
      <c r="B6751" t="s">
        <v>34748</v>
      </c>
      <c r="C6751" s="1" t="s">
        <v>34749</v>
      </c>
      <c r="E6751">
        <v>1</v>
      </c>
      <c r="F6751">
        <v>0</v>
      </c>
      <c r="H6751" t="s">
        <v>34750</v>
      </c>
      <c r="J6751" t="s">
        <v>34751</v>
      </c>
      <c r="O6751">
        <v>1078284</v>
      </c>
      <c r="P6751">
        <v>1</v>
      </c>
      <c r="Q6751">
        <v>1</v>
      </c>
      <c r="R6751" t="s">
        <v>34752</v>
      </c>
      <c r="S6751">
        <v>280</v>
      </c>
    </row>
    <row r="6752" spans="1:19" x14ac:dyDescent="0.25">
      <c r="A6752">
        <v>9268413</v>
      </c>
      <c r="B6752" t="s">
        <v>34753</v>
      </c>
      <c r="C6752" s="1" t="s">
        <v>34754</v>
      </c>
      <c r="D6752">
        <v>9270382</v>
      </c>
      <c r="E6752">
        <v>1</v>
      </c>
      <c r="F6752">
        <v>0</v>
      </c>
      <c r="H6752" t="s">
        <v>34755</v>
      </c>
      <c r="J6752" t="s">
        <v>34756</v>
      </c>
      <c r="K6752" t="s">
        <v>34757</v>
      </c>
      <c r="M6752">
        <v>360899</v>
      </c>
      <c r="O6752">
        <v>1102726</v>
      </c>
      <c r="P6752">
        <v>1</v>
      </c>
      <c r="Q6752">
        <v>2</v>
      </c>
      <c r="R6752" t="s">
        <v>34758</v>
      </c>
      <c r="S6752">
        <v>767</v>
      </c>
    </row>
    <row r="6753" spans="1:19" x14ac:dyDescent="0.25">
      <c r="A6753">
        <v>51440543</v>
      </c>
      <c r="B6753" t="s">
        <v>34759</v>
      </c>
      <c r="C6753" s="1" t="s">
        <v>34760</v>
      </c>
      <c r="E6753">
        <v>1</v>
      </c>
      <c r="F6753">
        <v>1</v>
      </c>
      <c r="H6753" t="s">
        <v>34761</v>
      </c>
      <c r="J6753" t="s">
        <v>34762</v>
      </c>
      <c r="K6753" t="s">
        <v>34763</v>
      </c>
      <c r="M6753">
        <v>2886234</v>
      </c>
      <c r="O6753">
        <v>4583509</v>
      </c>
      <c r="P6753">
        <v>1</v>
      </c>
      <c r="Q6753">
        <v>0</v>
      </c>
      <c r="R6753" t="s">
        <v>34764</v>
      </c>
      <c r="S6753">
        <v>69</v>
      </c>
    </row>
    <row r="6754" spans="1:19" x14ac:dyDescent="0.25">
      <c r="A6754">
        <v>23516626</v>
      </c>
      <c r="B6754" t="s">
        <v>34765</v>
      </c>
      <c r="C6754" t="s">
        <v>34766</v>
      </c>
      <c r="D6754">
        <v>23525079</v>
      </c>
      <c r="E6754">
        <v>1</v>
      </c>
      <c r="F6754">
        <v>0</v>
      </c>
      <c r="H6754" t="s">
        <v>34767</v>
      </c>
      <c r="J6754" t="s">
        <v>34768</v>
      </c>
      <c r="O6754">
        <v>3611979</v>
      </c>
      <c r="P6754">
        <v>1</v>
      </c>
      <c r="Q6754">
        <v>1</v>
      </c>
      <c r="R6754" t="s">
        <v>10790</v>
      </c>
      <c r="S6754">
        <v>62</v>
      </c>
    </row>
    <row r="6755" spans="1:19" x14ac:dyDescent="0.25">
      <c r="A6755">
        <v>27321114</v>
      </c>
      <c r="B6755" t="s">
        <v>34769</v>
      </c>
      <c r="C6755" s="1" t="s">
        <v>34770</v>
      </c>
      <c r="E6755">
        <v>0</v>
      </c>
      <c r="F6755">
        <v>7</v>
      </c>
      <c r="H6755" t="s">
        <v>34771</v>
      </c>
      <c r="J6755" t="s">
        <v>34772</v>
      </c>
      <c r="K6755" t="s">
        <v>34772</v>
      </c>
      <c r="M6755">
        <v>44729</v>
      </c>
      <c r="O6755">
        <v>1559666</v>
      </c>
      <c r="P6755">
        <v>1</v>
      </c>
      <c r="Q6755">
        <v>0</v>
      </c>
      <c r="R6755" t="s">
        <v>34773</v>
      </c>
      <c r="S6755">
        <v>480</v>
      </c>
    </row>
    <row r="6756" spans="1:19" x14ac:dyDescent="0.25">
      <c r="A6756">
        <v>32069689</v>
      </c>
      <c r="B6756" t="s">
        <v>34774</v>
      </c>
      <c r="C6756" s="1" t="s">
        <v>34775</v>
      </c>
      <c r="D6756">
        <v>32075528</v>
      </c>
      <c r="E6756">
        <v>1</v>
      </c>
      <c r="F6756">
        <v>1</v>
      </c>
      <c r="H6756" t="s">
        <v>34776</v>
      </c>
      <c r="J6756" t="s">
        <v>34777</v>
      </c>
      <c r="O6756">
        <v>1430500</v>
      </c>
      <c r="P6756">
        <v>1</v>
      </c>
      <c r="Q6756">
        <v>1</v>
      </c>
      <c r="R6756" t="s">
        <v>34778</v>
      </c>
      <c r="S6756">
        <v>59</v>
      </c>
    </row>
    <row r="6757" spans="1:19" x14ac:dyDescent="0.25">
      <c r="A6757">
        <v>13665418</v>
      </c>
      <c r="B6757" t="s">
        <v>34779</v>
      </c>
      <c r="C6757" s="1" t="s">
        <v>34780</v>
      </c>
      <c r="D6757">
        <v>13665579</v>
      </c>
      <c r="E6757">
        <v>2</v>
      </c>
      <c r="F6757">
        <v>0</v>
      </c>
      <c r="H6757" t="s">
        <v>34781</v>
      </c>
      <c r="I6757">
        <v>1</v>
      </c>
      <c r="J6757" t="s">
        <v>34782</v>
      </c>
      <c r="O6757">
        <v>1657490</v>
      </c>
      <c r="P6757">
        <v>1</v>
      </c>
      <c r="Q6757">
        <v>1</v>
      </c>
      <c r="R6757" t="s">
        <v>34783</v>
      </c>
      <c r="S6757">
        <v>17120</v>
      </c>
    </row>
    <row r="6758" spans="1:19" x14ac:dyDescent="0.25">
      <c r="A6758">
        <v>17442474</v>
      </c>
      <c r="B6758" t="s">
        <v>34784</v>
      </c>
      <c r="C6758" s="1" t="s">
        <v>34785</v>
      </c>
      <c r="D6758">
        <v>17442511</v>
      </c>
      <c r="E6758">
        <v>1</v>
      </c>
      <c r="F6758">
        <v>1</v>
      </c>
      <c r="H6758" t="s">
        <v>34786</v>
      </c>
      <c r="J6758" t="s">
        <v>34787</v>
      </c>
      <c r="K6758" t="s">
        <v>34787</v>
      </c>
      <c r="M6758">
        <v>1994167</v>
      </c>
      <c r="O6758">
        <v>1994167</v>
      </c>
      <c r="P6758">
        <v>1</v>
      </c>
      <c r="Q6758">
        <v>-1</v>
      </c>
      <c r="R6758" t="s">
        <v>34788</v>
      </c>
      <c r="S6758">
        <v>713</v>
      </c>
    </row>
    <row r="6759" spans="1:19" x14ac:dyDescent="0.25">
      <c r="A6759">
        <v>5405550</v>
      </c>
      <c r="B6759" t="s">
        <v>34789</v>
      </c>
      <c r="C6759" s="1" t="s">
        <v>34790</v>
      </c>
      <c r="D6759">
        <v>5406283</v>
      </c>
      <c r="E6759">
        <v>3</v>
      </c>
      <c r="F6759">
        <v>0</v>
      </c>
      <c r="H6759" t="s">
        <v>34791</v>
      </c>
      <c r="I6759">
        <v>3</v>
      </c>
      <c r="J6759" t="s">
        <v>34792</v>
      </c>
      <c r="K6759" t="s">
        <v>34793</v>
      </c>
      <c r="M6759">
        <v>454686</v>
      </c>
      <c r="O6759">
        <v>673055</v>
      </c>
      <c r="P6759">
        <v>1</v>
      </c>
      <c r="Q6759">
        <v>9</v>
      </c>
      <c r="R6759" t="s">
        <v>34794</v>
      </c>
      <c r="S6759">
        <v>5439</v>
      </c>
    </row>
    <row r="6760" spans="1:19" x14ac:dyDescent="0.25">
      <c r="A6760">
        <v>30017755</v>
      </c>
      <c r="B6760" t="s">
        <v>34795</v>
      </c>
      <c r="C6760" s="1" t="s">
        <v>34796</v>
      </c>
      <c r="E6760">
        <v>0</v>
      </c>
      <c r="F6760">
        <v>1</v>
      </c>
      <c r="H6760" t="s">
        <v>34797</v>
      </c>
      <c r="J6760" t="s">
        <v>34798</v>
      </c>
      <c r="K6760" t="s">
        <v>34799</v>
      </c>
      <c r="M6760">
        <v>4859905</v>
      </c>
      <c r="O6760">
        <v>4859905</v>
      </c>
      <c r="P6760">
        <v>1</v>
      </c>
      <c r="Q6760">
        <v>2</v>
      </c>
      <c r="R6760" t="s">
        <v>34800</v>
      </c>
      <c r="S6760">
        <v>345</v>
      </c>
    </row>
    <row r="6761" spans="1:19" x14ac:dyDescent="0.25">
      <c r="A6761">
        <v>3580095</v>
      </c>
      <c r="B6761" t="s">
        <v>34801</v>
      </c>
      <c r="C6761" s="1" t="s">
        <v>34802</v>
      </c>
      <c r="D6761">
        <v>3580135</v>
      </c>
      <c r="E6761">
        <v>1</v>
      </c>
      <c r="F6761">
        <v>2</v>
      </c>
      <c r="H6761" t="s">
        <v>34803</v>
      </c>
      <c r="I6761">
        <v>1</v>
      </c>
      <c r="J6761" t="s">
        <v>34804</v>
      </c>
      <c r="K6761" t="s">
        <v>34804</v>
      </c>
      <c r="M6761">
        <v>508666</v>
      </c>
      <c r="O6761">
        <v>53960</v>
      </c>
      <c r="P6761">
        <v>1</v>
      </c>
      <c r="Q6761">
        <v>2</v>
      </c>
      <c r="R6761" t="s">
        <v>34805</v>
      </c>
      <c r="S6761">
        <v>164</v>
      </c>
    </row>
    <row r="6762" spans="1:19" x14ac:dyDescent="0.25">
      <c r="A6762">
        <v>45344576</v>
      </c>
      <c r="B6762" t="s">
        <v>34806</v>
      </c>
      <c r="C6762" s="1" t="s">
        <v>34807</v>
      </c>
      <c r="D6762">
        <v>45344645</v>
      </c>
      <c r="E6762">
        <v>1</v>
      </c>
      <c r="F6762">
        <v>1</v>
      </c>
      <c r="H6762" t="s">
        <v>34808</v>
      </c>
      <c r="J6762" t="s">
        <v>34809</v>
      </c>
      <c r="K6762" t="s">
        <v>34809</v>
      </c>
      <c r="M6762">
        <v>8369803</v>
      </c>
      <c r="O6762">
        <v>8369803</v>
      </c>
      <c r="P6762">
        <v>1</v>
      </c>
      <c r="Q6762">
        <v>-1</v>
      </c>
      <c r="R6762" t="s">
        <v>8946</v>
      </c>
      <c r="S6762">
        <v>27</v>
      </c>
    </row>
    <row r="6763" spans="1:19" x14ac:dyDescent="0.25">
      <c r="A6763">
        <v>17692353</v>
      </c>
      <c r="B6763" t="s">
        <v>34810</v>
      </c>
      <c r="C6763" s="1" t="s">
        <v>34811</v>
      </c>
      <c r="D6763">
        <v>17702851</v>
      </c>
      <c r="E6763">
        <v>2</v>
      </c>
      <c r="F6763">
        <v>1</v>
      </c>
      <c r="H6763" t="s">
        <v>34812</v>
      </c>
      <c r="J6763" t="s">
        <v>34813</v>
      </c>
      <c r="K6763" t="s">
        <v>34813</v>
      </c>
      <c r="M6763">
        <v>1221571</v>
      </c>
      <c r="O6763">
        <v>1541971</v>
      </c>
      <c r="P6763">
        <v>1</v>
      </c>
      <c r="Q6763">
        <v>3</v>
      </c>
      <c r="R6763" t="s">
        <v>34814</v>
      </c>
      <c r="S6763">
        <v>1393</v>
      </c>
    </row>
    <row r="6764" spans="1:19" x14ac:dyDescent="0.25">
      <c r="A6764">
        <v>33732851</v>
      </c>
      <c r="B6764" t="s">
        <v>34815</v>
      </c>
      <c r="C6764" s="1" t="s">
        <v>34816</v>
      </c>
      <c r="E6764">
        <v>0</v>
      </c>
      <c r="F6764">
        <v>2</v>
      </c>
      <c r="H6764" t="s">
        <v>34817</v>
      </c>
      <c r="I6764">
        <v>1</v>
      </c>
      <c r="J6764" t="s">
        <v>34818</v>
      </c>
      <c r="K6764" t="s">
        <v>34818</v>
      </c>
      <c r="M6764">
        <v>885318</v>
      </c>
      <c r="O6764">
        <v>1635734</v>
      </c>
      <c r="P6764">
        <v>1</v>
      </c>
      <c r="Q6764">
        <v>11</v>
      </c>
      <c r="R6764" t="s">
        <v>34819</v>
      </c>
      <c r="S6764">
        <v>77</v>
      </c>
    </row>
    <row r="6765" spans="1:19" x14ac:dyDescent="0.25">
      <c r="A6765">
        <v>52091121</v>
      </c>
      <c r="B6765" t="s">
        <v>34820</v>
      </c>
      <c r="C6765" s="1" t="s">
        <v>34821</v>
      </c>
      <c r="E6765">
        <v>1</v>
      </c>
      <c r="F6765">
        <v>0</v>
      </c>
      <c r="H6765" t="s">
        <v>34822</v>
      </c>
      <c r="J6765" t="s">
        <v>34823</v>
      </c>
      <c r="O6765">
        <v>1099931</v>
      </c>
      <c r="P6765">
        <v>1</v>
      </c>
      <c r="Q6765">
        <v>0</v>
      </c>
      <c r="R6765" t="s">
        <v>34824</v>
      </c>
      <c r="S6765">
        <v>30</v>
      </c>
    </row>
    <row r="6766" spans="1:19" x14ac:dyDescent="0.25">
      <c r="A6766">
        <v>53219038</v>
      </c>
      <c r="B6766" t="s">
        <v>34825</v>
      </c>
      <c r="C6766" s="1" t="s">
        <v>34826</v>
      </c>
      <c r="E6766">
        <v>0</v>
      </c>
      <c r="F6766">
        <v>2</v>
      </c>
      <c r="H6766" t="s">
        <v>34827</v>
      </c>
      <c r="I6766">
        <v>0</v>
      </c>
      <c r="J6766" t="s">
        <v>34827</v>
      </c>
      <c r="O6766">
        <v>10616624</v>
      </c>
      <c r="P6766">
        <v>1</v>
      </c>
      <c r="Q6766">
        <v>0</v>
      </c>
      <c r="R6766" t="s">
        <v>12578</v>
      </c>
      <c r="S6766">
        <v>59</v>
      </c>
    </row>
    <row r="6767" spans="1:19" x14ac:dyDescent="0.25">
      <c r="A6767">
        <v>14771982</v>
      </c>
      <c r="B6767" t="s">
        <v>34828</v>
      </c>
      <c r="C6767" s="1" t="s">
        <v>34829</v>
      </c>
      <c r="E6767">
        <v>3</v>
      </c>
      <c r="F6767">
        <v>3</v>
      </c>
      <c r="H6767" t="s">
        <v>34830</v>
      </c>
      <c r="J6767" t="s">
        <v>34831</v>
      </c>
      <c r="K6767" t="s">
        <v>34831</v>
      </c>
      <c r="M6767">
        <v>1439486</v>
      </c>
      <c r="O6767">
        <v>1439486</v>
      </c>
      <c r="P6767">
        <v>1</v>
      </c>
      <c r="Q6767">
        <v>0</v>
      </c>
      <c r="R6767" t="s">
        <v>34832</v>
      </c>
      <c r="S6767">
        <v>995</v>
      </c>
    </row>
    <row r="6768" spans="1:19" x14ac:dyDescent="0.25">
      <c r="A6768">
        <v>28084771</v>
      </c>
      <c r="B6768" t="s">
        <v>34833</v>
      </c>
      <c r="C6768" s="1" t="s">
        <v>34834</v>
      </c>
      <c r="D6768">
        <v>28085024</v>
      </c>
      <c r="E6768">
        <v>1</v>
      </c>
      <c r="F6768">
        <v>9</v>
      </c>
      <c r="H6768" t="s">
        <v>34835</v>
      </c>
      <c r="J6768" t="s">
        <v>34836</v>
      </c>
      <c r="K6768" t="s">
        <v>34836</v>
      </c>
      <c r="M6768">
        <v>3937035</v>
      </c>
      <c r="O6768">
        <v>3937035</v>
      </c>
      <c r="P6768">
        <v>1</v>
      </c>
      <c r="Q6768">
        <v>0</v>
      </c>
      <c r="R6768" t="s">
        <v>34837</v>
      </c>
      <c r="S6768">
        <v>101</v>
      </c>
    </row>
    <row r="6769" spans="1:19" x14ac:dyDescent="0.25">
      <c r="A6769">
        <v>4571127</v>
      </c>
      <c r="B6769" t="s">
        <v>34838</v>
      </c>
      <c r="C6769" s="1" t="s">
        <v>34839</v>
      </c>
      <c r="D6769">
        <v>4571173</v>
      </c>
      <c r="E6769">
        <v>5</v>
      </c>
      <c r="F6769">
        <v>5</v>
      </c>
      <c r="H6769" t="s">
        <v>34840</v>
      </c>
      <c r="J6769" t="s">
        <v>34841</v>
      </c>
      <c r="K6769" t="s">
        <v>34842</v>
      </c>
      <c r="M6769">
        <v>3973051</v>
      </c>
      <c r="O6769">
        <v>422201</v>
      </c>
      <c r="P6769">
        <v>1</v>
      </c>
      <c r="Q6769">
        <v>3</v>
      </c>
      <c r="R6769" t="s">
        <v>34843</v>
      </c>
      <c r="S6769">
        <v>3494</v>
      </c>
    </row>
    <row r="6770" spans="1:19" x14ac:dyDescent="0.25">
      <c r="A6770">
        <v>33855091</v>
      </c>
      <c r="B6770" t="s">
        <v>34844</v>
      </c>
      <c r="C6770" s="1" t="s">
        <v>34845</v>
      </c>
      <c r="E6770">
        <v>1</v>
      </c>
      <c r="F6770">
        <v>0</v>
      </c>
      <c r="H6770" t="s">
        <v>34846</v>
      </c>
      <c r="J6770" t="s">
        <v>34847</v>
      </c>
      <c r="K6770" t="s">
        <v>34848</v>
      </c>
      <c r="M6770">
        <v>4708077</v>
      </c>
      <c r="O6770">
        <v>1664315</v>
      </c>
      <c r="P6770">
        <v>1</v>
      </c>
      <c r="Q6770">
        <v>0</v>
      </c>
      <c r="R6770" t="s">
        <v>34849</v>
      </c>
      <c r="S6770">
        <v>367</v>
      </c>
    </row>
    <row r="6771" spans="1:19" x14ac:dyDescent="0.25">
      <c r="A6771">
        <v>47522093</v>
      </c>
      <c r="B6771" t="s">
        <v>34850</v>
      </c>
      <c r="C6771" s="1" t="s">
        <v>34851</v>
      </c>
      <c r="D6771">
        <v>47522172</v>
      </c>
      <c r="E6771">
        <v>1</v>
      </c>
      <c r="F6771">
        <v>3</v>
      </c>
      <c r="H6771" t="s">
        <v>34852</v>
      </c>
      <c r="I6771">
        <v>1</v>
      </c>
      <c r="J6771" t="s">
        <v>34853</v>
      </c>
      <c r="O6771">
        <v>561309</v>
      </c>
      <c r="P6771">
        <v>1</v>
      </c>
      <c r="Q6771">
        <v>2</v>
      </c>
      <c r="R6771" t="s">
        <v>34854</v>
      </c>
      <c r="S6771">
        <v>71</v>
      </c>
    </row>
    <row r="6772" spans="1:19" x14ac:dyDescent="0.25">
      <c r="A6772">
        <v>22602342</v>
      </c>
      <c r="B6772" t="s">
        <v>34855</v>
      </c>
      <c r="C6772" s="1" t="s">
        <v>34856</v>
      </c>
      <c r="D6772">
        <v>22603273</v>
      </c>
      <c r="E6772">
        <v>1</v>
      </c>
      <c r="F6772">
        <v>0</v>
      </c>
      <c r="H6772" t="s">
        <v>34857</v>
      </c>
      <c r="J6772" t="s">
        <v>34858</v>
      </c>
      <c r="O6772">
        <v>1923869</v>
      </c>
      <c r="P6772">
        <v>1</v>
      </c>
      <c r="Q6772">
        <v>0</v>
      </c>
      <c r="R6772" t="s">
        <v>34859</v>
      </c>
      <c r="S6772">
        <v>112</v>
      </c>
    </row>
    <row r="6773" spans="1:19" x14ac:dyDescent="0.25">
      <c r="A6773">
        <v>48005706</v>
      </c>
      <c r="B6773" t="s">
        <v>34860</v>
      </c>
      <c r="C6773" s="1" t="s">
        <v>34861</v>
      </c>
      <c r="E6773">
        <v>1</v>
      </c>
      <c r="F6773">
        <v>0</v>
      </c>
      <c r="H6773" t="s">
        <v>34862</v>
      </c>
      <c r="J6773" t="s">
        <v>34863</v>
      </c>
      <c r="K6773" t="s">
        <v>34863</v>
      </c>
      <c r="M6773">
        <v>7745240</v>
      </c>
      <c r="O6773">
        <v>7555983</v>
      </c>
      <c r="P6773">
        <v>1</v>
      </c>
      <c r="Q6773">
        <v>0</v>
      </c>
      <c r="R6773" t="s">
        <v>34864</v>
      </c>
      <c r="S6773">
        <v>52</v>
      </c>
    </row>
    <row r="6774" spans="1:19" x14ac:dyDescent="0.25">
      <c r="A6774">
        <v>30314801</v>
      </c>
      <c r="B6774" t="s">
        <v>34865</v>
      </c>
      <c r="C6774" s="1" t="s">
        <v>34866</v>
      </c>
      <c r="E6774">
        <v>0</v>
      </c>
      <c r="F6774">
        <v>0</v>
      </c>
      <c r="H6774" t="s">
        <v>34867</v>
      </c>
      <c r="J6774" t="s">
        <v>34867</v>
      </c>
      <c r="O6774">
        <v>920261</v>
      </c>
      <c r="P6774">
        <v>1</v>
      </c>
      <c r="Q6774">
        <v>2</v>
      </c>
      <c r="R6774" t="s">
        <v>34868</v>
      </c>
      <c r="S6774">
        <v>99</v>
      </c>
    </row>
    <row r="6775" spans="1:19" x14ac:dyDescent="0.25">
      <c r="A6775">
        <v>10537188</v>
      </c>
      <c r="B6775" t="s">
        <v>34869</v>
      </c>
      <c r="C6775" s="1" t="s">
        <v>34870</v>
      </c>
      <c r="D6775">
        <v>10539040</v>
      </c>
      <c r="E6775">
        <v>1</v>
      </c>
      <c r="F6775">
        <v>0</v>
      </c>
      <c r="H6775" t="s">
        <v>34871</v>
      </c>
      <c r="I6775">
        <v>2</v>
      </c>
      <c r="J6775" t="s">
        <v>34872</v>
      </c>
      <c r="K6775" t="s">
        <v>34873</v>
      </c>
      <c r="M6775">
        <v>7450</v>
      </c>
      <c r="O6775">
        <v>7450</v>
      </c>
      <c r="P6775">
        <v>1</v>
      </c>
      <c r="Q6775">
        <v>4</v>
      </c>
      <c r="R6775" t="s">
        <v>34874</v>
      </c>
      <c r="S6775">
        <v>1463</v>
      </c>
    </row>
    <row r="6776" spans="1:19" x14ac:dyDescent="0.25">
      <c r="A6776">
        <v>42633563</v>
      </c>
      <c r="B6776" t="s">
        <v>34875</v>
      </c>
      <c r="C6776" s="1" t="s">
        <v>34876</v>
      </c>
      <c r="E6776">
        <v>1</v>
      </c>
      <c r="F6776">
        <v>4</v>
      </c>
      <c r="H6776" t="s">
        <v>34877</v>
      </c>
      <c r="J6776" t="s">
        <v>34878</v>
      </c>
      <c r="O6776">
        <v>1816668</v>
      </c>
      <c r="P6776">
        <v>1</v>
      </c>
      <c r="Q6776">
        <v>1</v>
      </c>
      <c r="R6776" t="s">
        <v>34879</v>
      </c>
      <c r="S6776">
        <v>149</v>
      </c>
    </row>
    <row r="6777" spans="1:19" x14ac:dyDescent="0.25">
      <c r="A6777">
        <v>25457585</v>
      </c>
      <c r="B6777" t="s">
        <v>34880</v>
      </c>
      <c r="C6777" s="1" t="s">
        <v>34881</v>
      </c>
      <c r="D6777">
        <v>25457993</v>
      </c>
      <c r="E6777">
        <v>3</v>
      </c>
      <c r="F6777">
        <v>6</v>
      </c>
      <c r="H6777" t="s">
        <v>34882</v>
      </c>
      <c r="J6777" t="s">
        <v>34883</v>
      </c>
      <c r="K6777" t="s">
        <v>34884</v>
      </c>
      <c r="M6777">
        <v>3967992</v>
      </c>
      <c r="O6777">
        <v>3967992</v>
      </c>
      <c r="P6777">
        <v>1</v>
      </c>
      <c r="Q6777">
        <v>0</v>
      </c>
      <c r="R6777" t="s">
        <v>2754</v>
      </c>
      <c r="S6777">
        <v>41</v>
      </c>
    </row>
    <row r="6778" spans="1:19" x14ac:dyDescent="0.25">
      <c r="A6778">
        <v>18038570</v>
      </c>
      <c r="B6778" t="s">
        <v>34885</v>
      </c>
      <c r="C6778" s="1" t="s">
        <v>34886</v>
      </c>
      <c r="D6778">
        <v>18039347</v>
      </c>
      <c r="E6778">
        <v>1</v>
      </c>
      <c r="F6778">
        <v>0</v>
      </c>
      <c r="H6778" t="s">
        <v>34887</v>
      </c>
      <c r="I6778">
        <v>1</v>
      </c>
      <c r="J6778" t="s">
        <v>34888</v>
      </c>
      <c r="K6778" t="s">
        <v>34889</v>
      </c>
      <c r="M6778">
        <v>2649589</v>
      </c>
      <c r="O6778">
        <v>2649589</v>
      </c>
      <c r="P6778">
        <v>1</v>
      </c>
      <c r="Q6778">
        <v>2</v>
      </c>
      <c r="R6778" t="s">
        <v>34890</v>
      </c>
      <c r="S6778">
        <v>15056</v>
      </c>
    </row>
    <row r="6779" spans="1:19" x14ac:dyDescent="0.25">
      <c r="A6779">
        <v>53287161</v>
      </c>
      <c r="B6779" t="s">
        <v>34891</v>
      </c>
      <c r="C6779" s="1" t="s">
        <v>34892</v>
      </c>
      <c r="D6779">
        <v>53299936</v>
      </c>
      <c r="E6779">
        <v>1</v>
      </c>
      <c r="F6779">
        <v>0</v>
      </c>
      <c r="H6779" t="s">
        <v>34893</v>
      </c>
      <c r="J6779" t="s">
        <v>34894</v>
      </c>
      <c r="O6779">
        <v>10647823</v>
      </c>
      <c r="P6779">
        <v>1</v>
      </c>
      <c r="Q6779">
        <v>0</v>
      </c>
      <c r="R6779" t="s">
        <v>345</v>
      </c>
      <c r="S6779">
        <v>16</v>
      </c>
    </row>
    <row r="6780" spans="1:19" x14ac:dyDescent="0.25">
      <c r="A6780">
        <v>23211436</v>
      </c>
      <c r="B6780" t="s">
        <v>34895</v>
      </c>
      <c r="C6780" s="1" t="s">
        <v>34896</v>
      </c>
      <c r="D6780">
        <v>23214153</v>
      </c>
      <c r="E6780">
        <v>1</v>
      </c>
      <c r="F6780">
        <v>9</v>
      </c>
      <c r="H6780" t="s">
        <v>34897</v>
      </c>
      <c r="J6780" t="s">
        <v>34898</v>
      </c>
      <c r="K6780" t="s">
        <v>34899</v>
      </c>
      <c r="M6780">
        <v>3373432</v>
      </c>
      <c r="O6780">
        <v>3373432</v>
      </c>
      <c r="P6780">
        <v>1</v>
      </c>
      <c r="Q6780">
        <v>0</v>
      </c>
      <c r="R6780" t="s">
        <v>34900</v>
      </c>
      <c r="S6780">
        <v>43</v>
      </c>
    </row>
    <row r="6781" spans="1:19" x14ac:dyDescent="0.25">
      <c r="A6781">
        <v>14506406</v>
      </c>
      <c r="B6781" t="s">
        <v>34901</v>
      </c>
      <c r="C6781" s="1" t="s">
        <v>34902</v>
      </c>
      <c r="D6781">
        <v>14702818</v>
      </c>
      <c r="E6781">
        <v>9</v>
      </c>
      <c r="F6781">
        <v>6</v>
      </c>
      <c r="H6781" t="s">
        <v>34903</v>
      </c>
      <c r="I6781">
        <v>28</v>
      </c>
      <c r="J6781" t="s">
        <v>34904</v>
      </c>
      <c r="K6781" t="s">
        <v>34905</v>
      </c>
      <c r="M6781">
        <v>796085</v>
      </c>
      <c r="O6781">
        <v>796085</v>
      </c>
      <c r="P6781">
        <v>1</v>
      </c>
      <c r="Q6781">
        <v>31</v>
      </c>
      <c r="R6781" t="s">
        <v>34906</v>
      </c>
      <c r="S6781">
        <v>37035</v>
      </c>
    </row>
    <row r="6782" spans="1:19" x14ac:dyDescent="0.25">
      <c r="A6782">
        <v>38126670</v>
      </c>
      <c r="B6782" t="s">
        <v>34907</v>
      </c>
      <c r="C6782" s="1" t="s">
        <v>34908</v>
      </c>
      <c r="E6782">
        <v>0</v>
      </c>
      <c r="F6782">
        <v>0</v>
      </c>
      <c r="H6782" t="s">
        <v>34909</v>
      </c>
      <c r="J6782" t="s">
        <v>34910</v>
      </c>
      <c r="K6782" t="s">
        <v>34910</v>
      </c>
      <c r="M6782">
        <v>4974855</v>
      </c>
      <c r="O6782">
        <v>4974855</v>
      </c>
      <c r="P6782">
        <v>1</v>
      </c>
      <c r="Q6782">
        <v>1</v>
      </c>
      <c r="R6782" t="s">
        <v>34911</v>
      </c>
      <c r="S6782">
        <v>94</v>
      </c>
    </row>
    <row r="6783" spans="1:19" x14ac:dyDescent="0.25">
      <c r="A6783">
        <v>1776962</v>
      </c>
      <c r="B6783" t="s">
        <v>34912</v>
      </c>
      <c r="C6783" t="s">
        <v>34913</v>
      </c>
      <c r="E6783">
        <v>2</v>
      </c>
      <c r="F6783">
        <v>5</v>
      </c>
      <c r="H6783" t="s">
        <v>34914</v>
      </c>
      <c r="I6783">
        <v>7</v>
      </c>
      <c r="J6783" t="s">
        <v>34915</v>
      </c>
      <c r="K6783" t="s">
        <v>34916</v>
      </c>
      <c r="M6783">
        <v>205859</v>
      </c>
      <c r="O6783">
        <v>195919</v>
      </c>
      <c r="P6783">
        <v>1</v>
      </c>
      <c r="Q6783">
        <v>16</v>
      </c>
      <c r="R6783" t="s">
        <v>34917</v>
      </c>
      <c r="S6783">
        <v>5977</v>
      </c>
    </row>
    <row r="6784" spans="1:19" x14ac:dyDescent="0.25">
      <c r="A6784">
        <v>20545417</v>
      </c>
      <c r="B6784" t="s">
        <v>34918</v>
      </c>
      <c r="C6784" s="1" t="s">
        <v>34919</v>
      </c>
      <c r="D6784">
        <v>20548805</v>
      </c>
      <c r="E6784">
        <v>1</v>
      </c>
      <c r="F6784">
        <v>1</v>
      </c>
      <c r="H6784" t="s">
        <v>34920</v>
      </c>
      <c r="J6784" t="s">
        <v>34921</v>
      </c>
      <c r="O6784">
        <v>376366</v>
      </c>
      <c r="P6784">
        <v>1</v>
      </c>
      <c r="Q6784">
        <v>1</v>
      </c>
      <c r="R6784" t="s">
        <v>34922</v>
      </c>
      <c r="S6784">
        <v>872</v>
      </c>
    </row>
    <row r="6785" spans="1:19" x14ac:dyDescent="0.25">
      <c r="A6785">
        <v>18317535</v>
      </c>
      <c r="B6785" t="s">
        <v>34923</v>
      </c>
      <c r="C6785" s="1" t="s">
        <v>34924</v>
      </c>
      <c r="E6785">
        <v>2</v>
      </c>
      <c r="F6785">
        <v>1</v>
      </c>
      <c r="H6785" t="s">
        <v>34925</v>
      </c>
      <c r="J6785" t="s">
        <v>34926</v>
      </c>
      <c r="O6785">
        <v>302145</v>
      </c>
      <c r="P6785">
        <v>1</v>
      </c>
      <c r="Q6785">
        <v>0</v>
      </c>
      <c r="R6785" t="s">
        <v>34927</v>
      </c>
      <c r="S6785">
        <v>463</v>
      </c>
    </row>
    <row r="6786" spans="1:19" x14ac:dyDescent="0.25">
      <c r="A6786">
        <v>295993</v>
      </c>
      <c r="B6786" t="s">
        <v>34928</v>
      </c>
      <c r="C6786" s="1" t="s">
        <v>34929</v>
      </c>
      <c r="E6786">
        <v>3</v>
      </c>
      <c r="F6786">
        <v>1</v>
      </c>
      <c r="H6786" t="s">
        <v>34930</v>
      </c>
      <c r="I6786">
        <v>2</v>
      </c>
      <c r="J6786" t="s">
        <v>34931</v>
      </c>
      <c r="K6786" t="s">
        <v>34931</v>
      </c>
      <c r="L6786" t="s">
        <v>34932</v>
      </c>
      <c r="M6786">
        <v>1905949</v>
      </c>
      <c r="N6786" t="s">
        <v>34932</v>
      </c>
      <c r="O6786">
        <v>19601</v>
      </c>
      <c r="P6786">
        <v>1</v>
      </c>
      <c r="Q6786">
        <v>4</v>
      </c>
      <c r="R6786" t="s">
        <v>34933</v>
      </c>
      <c r="S6786">
        <v>4087</v>
      </c>
    </row>
    <row r="6787" spans="1:19" x14ac:dyDescent="0.25">
      <c r="A6787">
        <v>11322475</v>
      </c>
      <c r="B6787" t="s">
        <v>34934</v>
      </c>
      <c r="C6787" s="1" t="s">
        <v>34935</v>
      </c>
      <c r="D6787">
        <v>11330631</v>
      </c>
      <c r="E6787">
        <v>1</v>
      </c>
      <c r="F6787">
        <v>3</v>
      </c>
      <c r="H6787" t="s">
        <v>34936</v>
      </c>
      <c r="I6787">
        <v>0</v>
      </c>
      <c r="J6787" t="s">
        <v>34937</v>
      </c>
      <c r="O6787">
        <v>600247</v>
      </c>
      <c r="P6787">
        <v>1</v>
      </c>
      <c r="Q6787">
        <v>0</v>
      </c>
      <c r="R6787" t="s">
        <v>34938</v>
      </c>
      <c r="S6787">
        <v>77</v>
      </c>
    </row>
    <row r="6788" spans="1:19" x14ac:dyDescent="0.25">
      <c r="A6788">
        <v>14006247</v>
      </c>
      <c r="B6788" t="s">
        <v>34939</v>
      </c>
      <c r="C6788" s="1" t="s">
        <v>34940</v>
      </c>
      <c r="D6788">
        <v>14006318</v>
      </c>
      <c r="E6788">
        <v>2</v>
      </c>
      <c r="F6788">
        <v>0</v>
      </c>
      <c r="H6788" t="s">
        <v>34941</v>
      </c>
      <c r="I6788">
        <v>1</v>
      </c>
      <c r="J6788" t="s">
        <v>34942</v>
      </c>
      <c r="K6788" t="s">
        <v>34943</v>
      </c>
      <c r="M6788">
        <v>1049678</v>
      </c>
      <c r="O6788">
        <v>379028</v>
      </c>
      <c r="P6788">
        <v>1</v>
      </c>
      <c r="Q6788">
        <v>1</v>
      </c>
      <c r="R6788" t="s">
        <v>34944</v>
      </c>
      <c r="S6788">
        <v>318</v>
      </c>
    </row>
    <row r="6789" spans="1:19" x14ac:dyDescent="0.25">
      <c r="A6789">
        <v>20803900</v>
      </c>
      <c r="B6789" t="s">
        <v>34945</v>
      </c>
      <c r="C6789" s="1" t="s">
        <v>34946</v>
      </c>
      <c r="D6789">
        <v>20806452</v>
      </c>
      <c r="E6789">
        <v>2</v>
      </c>
      <c r="F6789">
        <v>2</v>
      </c>
      <c r="H6789" t="s">
        <v>34947</v>
      </c>
      <c r="I6789">
        <v>1</v>
      </c>
      <c r="J6789" t="s">
        <v>34948</v>
      </c>
      <c r="K6789" t="s">
        <v>34949</v>
      </c>
      <c r="M6789">
        <v>-1</v>
      </c>
      <c r="O6789">
        <v>2840184</v>
      </c>
      <c r="P6789">
        <v>1</v>
      </c>
      <c r="Q6789">
        <v>1</v>
      </c>
      <c r="R6789" t="s">
        <v>34950</v>
      </c>
      <c r="S6789">
        <v>17128</v>
      </c>
    </row>
    <row r="6790" spans="1:19" x14ac:dyDescent="0.25">
      <c r="A6790">
        <v>29639110</v>
      </c>
      <c r="B6790" t="s">
        <v>34951</v>
      </c>
      <c r="C6790" s="1" t="s">
        <v>34952</v>
      </c>
      <c r="D6790">
        <v>29639220</v>
      </c>
      <c r="E6790">
        <v>1</v>
      </c>
      <c r="F6790">
        <v>0</v>
      </c>
      <c r="H6790" t="s">
        <v>34953</v>
      </c>
      <c r="I6790">
        <v>0</v>
      </c>
      <c r="J6790" t="s">
        <v>34954</v>
      </c>
      <c r="K6790" t="s">
        <v>34954</v>
      </c>
      <c r="M6790">
        <v>1189885</v>
      </c>
      <c r="O6790">
        <v>4765215</v>
      </c>
      <c r="P6790">
        <v>1</v>
      </c>
      <c r="Q6790">
        <v>0</v>
      </c>
      <c r="R6790" t="s">
        <v>34955</v>
      </c>
      <c r="S6790">
        <v>122</v>
      </c>
    </row>
    <row r="6791" spans="1:19" x14ac:dyDescent="0.25">
      <c r="A6791">
        <v>37152274</v>
      </c>
      <c r="B6791" t="s">
        <v>34956</v>
      </c>
      <c r="C6791" s="1" t="s">
        <v>34957</v>
      </c>
      <c r="E6791">
        <v>0</v>
      </c>
      <c r="F6791">
        <v>3</v>
      </c>
      <c r="H6791" t="s">
        <v>34958</v>
      </c>
      <c r="J6791" t="s">
        <v>34959</v>
      </c>
      <c r="O6791">
        <v>6287649</v>
      </c>
      <c r="P6791">
        <v>1</v>
      </c>
      <c r="Q6791">
        <v>1</v>
      </c>
      <c r="R6791" t="s">
        <v>34960</v>
      </c>
      <c r="S6791">
        <v>26</v>
      </c>
    </row>
    <row r="6792" spans="1:19" x14ac:dyDescent="0.25">
      <c r="A6792">
        <v>53480883</v>
      </c>
      <c r="B6792" t="s">
        <v>34961</v>
      </c>
      <c r="C6792" s="1" t="s">
        <v>34962</v>
      </c>
      <c r="E6792">
        <v>0</v>
      </c>
      <c r="F6792">
        <v>1</v>
      </c>
      <c r="H6792" t="s">
        <v>34963</v>
      </c>
      <c r="J6792" t="s">
        <v>34963</v>
      </c>
      <c r="O6792">
        <v>10027028</v>
      </c>
      <c r="P6792">
        <v>1</v>
      </c>
      <c r="Q6792">
        <v>0</v>
      </c>
      <c r="R6792" t="s">
        <v>34964</v>
      </c>
      <c r="S6792">
        <v>7</v>
      </c>
    </row>
    <row r="6793" spans="1:19" x14ac:dyDescent="0.25">
      <c r="A6793">
        <v>35304615</v>
      </c>
      <c r="B6793" t="s">
        <v>34965</v>
      </c>
      <c r="C6793" s="1" t="s">
        <v>34966</v>
      </c>
      <c r="D6793">
        <v>35304805</v>
      </c>
      <c r="E6793">
        <v>1</v>
      </c>
      <c r="F6793">
        <v>0</v>
      </c>
      <c r="H6793" t="s">
        <v>34967</v>
      </c>
      <c r="I6793">
        <v>3</v>
      </c>
      <c r="J6793" t="s">
        <v>34968</v>
      </c>
      <c r="O6793">
        <v>2861331</v>
      </c>
      <c r="P6793">
        <v>1</v>
      </c>
      <c r="Q6793">
        <v>19</v>
      </c>
      <c r="R6793" t="s">
        <v>34969</v>
      </c>
      <c r="S6793">
        <v>11856</v>
      </c>
    </row>
    <row r="6794" spans="1:19" x14ac:dyDescent="0.25">
      <c r="A6794">
        <v>626196</v>
      </c>
      <c r="B6794" t="s">
        <v>34970</v>
      </c>
      <c r="C6794" s="1" t="s">
        <v>34971</v>
      </c>
      <c r="D6794">
        <v>626207</v>
      </c>
      <c r="E6794">
        <v>4</v>
      </c>
      <c r="F6794">
        <v>0</v>
      </c>
      <c r="H6794" t="s">
        <v>34972</v>
      </c>
      <c r="I6794">
        <v>4</v>
      </c>
      <c r="J6794" t="s">
        <v>34973</v>
      </c>
      <c r="N6794" t="s">
        <v>34974</v>
      </c>
      <c r="O6794">
        <v>24821</v>
      </c>
      <c r="P6794">
        <v>1</v>
      </c>
      <c r="Q6794">
        <v>12</v>
      </c>
      <c r="R6794" t="s">
        <v>34975</v>
      </c>
      <c r="S6794">
        <v>9138</v>
      </c>
    </row>
    <row r="6795" spans="1:19" x14ac:dyDescent="0.25">
      <c r="A6795">
        <v>9181299</v>
      </c>
      <c r="B6795" t="s">
        <v>34976</v>
      </c>
      <c r="C6795" s="1" t="s">
        <v>34977</v>
      </c>
      <c r="D6795">
        <v>9182403</v>
      </c>
      <c r="E6795">
        <v>3</v>
      </c>
      <c r="F6795">
        <v>1</v>
      </c>
      <c r="H6795" t="s">
        <v>34978</v>
      </c>
      <c r="J6795" t="s">
        <v>34979</v>
      </c>
      <c r="K6795" t="s">
        <v>34979</v>
      </c>
      <c r="M6795">
        <v>1409312</v>
      </c>
      <c r="O6795">
        <v>1193717</v>
      </c>
      <c r="P6795">
        <v>1</v>
      </c>
      <c r="Q6795">
        <v>1</v>
      </c>
      <c r="R6795" t="s">
        <v>34980</v>
      </c>
      <c r="S6795">
        <v>4781</v>
      </c>
    </row>
    <row r="6796" spans="1:19" x14ac:dyDescent="0.25">
      <c r="A6796">
        <v>32126147</v>
      </c>
      <c r="B6796" t="s">
        <v>34981</v>
      </c>
      <c r="C6796" s="1" t="s">
        <v>34982</v>
      </c>
      <c r="E6796">
        <v>1</v>
      </c>
      <c r="F6796">
        <v>0</v>
      </c>
      <c r="H6796" t="s">
        <v>34983</v>
      </c>
      <c r="J6796" t="s">
        <v>34984</v>
      </c>
      <c r="O6796">
        <v>1625079</v>
      </c>
      <c r="P6796">
        <v>1</v>
      </c>
      <c r="Q6796">
        <v>3</v>
      </c>
      <c r="R6796" t="s">
        <v>34985</v>
      </c>
      <c r="S6796">
        <v>118</v>
      </c>
    </row>
    <row r="6797" spans="1:19" x14ac:dyDescent="0.25">
      <c r="A6797">
        <v>25049663</v>
      </c>
      <c r="B6797" t="s">
        <v>34986</v>
      </c>
      <c r="C6797" s="1" t="s">
        <v>34987</v>
      </c>
      <c r="D6797">
        <v>25049692</v>
      </c>
      <c r="E6797">
        <v>1</v>
      </c>
      <c r="F6797">
        <v>0</v>
      </c>
      <c r="H6797" t="s">
        <v>34988</v>
      </c>
      <c r="I6797">
        <v>1</v>
      </c>
      <c r="J6797" t="s">
        <v>34989</v>
      </c>
      <c r="O6797">
        <v>2415802</v>
      </c>
      <c r="P6797">
        <v>1</v>
      </c>
      <c r="Q6797">
        <v>1</v>
      </c>
      <c r="R6797" t="s">
        <v>1333</v>
      </c>
      <c r="S6797">
        <v>474</v>
      </c>
    </row>
    <row r="6798" spans="1:19" x14ac:dyDescent="0.25">
      <c r="A6798">
        <v>53243147</v>
      </c>
      <c r="B6798" t="s">
        <v>34990</v>
      </c>
      <c r="C6798" s="1" t="s">
        <v>34991</v>
      </c>
      <c r="D6798">
        <v>53246886</v>
      </c>
      <c r="E6798">
        <v>1</v>
      </c>
      <c r="F6798">
        <v>0</v>
      </c>
      <c r="H6798" t="s">
        <v>34992</v>
      </c>
      <c r="I6798">
        <v>0</v>
      </c>
      <c r="J6798" t="s">
        <v>34993</v>
      </c>
      <c r="K6798" t="s">
        <v>34993</v>
      </c>
      <c r="M6798">
        <v>7254304</v>
      </c>
      <c r="O6798">
        <v>7254304</v>
      </c>
      <c r="P6798">
        <v>1</v>
      </c>
      <c r="Q6798">
        <v>0</v>
      </c>
      <c r="R6798" t="s">
        <v>34994</v>
      </c>
      <c r="S6798">
        <v>70</v>
      </c>
    </row>
    <row r="6799" spans="1:19" x14ac:dyDescent="0.25">
      <c r="A6799">
        <v>53327986</v>
      </c>
      <c r="B6799" t="s">
        <v>34995</v>
      </c>
      <c r="C6799" s="1" t="s">
        <v>34996</v>
      </c>
      <c r="E6799">
        <v>0</v>
      </c>
      <c r="F6799">
        <v>0</v>
      </c>
      <c r="H6799" t="s">
        <v>34997</v>
      </c>
      <c r="J6799" t="s">
        <v>34997</v>
      </c>
      <c r="O6799">
        <v>10565373</v>
      </c>
      <c r="P6799">
        <v>1</v>
      </c>
      <c r="Q6799">
        <v>0</v>
      </c>
      <c r="R6799" t="s">
        <v>34998</v>
      </c>
      <c r="S6799">
        <v>26</v>
      </c>
    </row>
    <row r="6800" spans="1:19" x14ac:dyDescent="0.25">
      <c r="A6800">
        <v>46592310</v>
      </c>
      <c r="B6800" t="s">
        <v>34999</v>
      </c>
      <c r="C6800" s="1" t="s">
        <v>35000</v>
      </c>
      <c r="E6800">
        <v>1</v>
      </c>
      <c r="F6800">
        <v>0</v>
      </c>
      <c r="H6800" t="s">
        <v>35001</v>
      </c>
      <c r="J6800" t="s">
        <v>35002</v>
      </c>
      <c r="O6800">
        <v>590475</v>
      </c>
      <c r="P6800">
        <v>1</v>
      </c>
      <c r="Q6800">
        <v>1</v>
      </c>
      <c r="R6800" t="s">
        <v>35003</v>
      </c>
      <c r="S6800">
        <v>457</v>
      </c>
    </row>
    <row r="6801" spans="1:19" x14ac:dyDescent="0.25">
      <c r="A6801">
        <v>17088913</v>
      </c>
      <c r="B6801" t="s">
        <v>35004</v>
      </c>
      <c r="C6801" s="1" t="s">
        <v>35005</v>
      </c>
      <c r="E6801">
        <v>4</v>
      </c>
      <c r="F6801">
        <v>8</v>
      </c>
      <c r="H6801" t="s">
        <v>35006</v>
      </c>
      <c r="J6801" t="s">
        <v>35007</v>
      </c>
      <c r="K6801" t="s">
        <v>35008</v>
      </c>
      <c r="M6801">
        <v>631619</v>
      </c>
      <c r="O6801">
        <v>1542969</v>
      </c>
      <c r="P6801">
        <v>1</v>
      </c>
      <c r="Q6801">
        <v>3</v>
      </c>
      <c r="R6801" t="s">
        <v>35009</v>
      </c>
      <c r="S6801">
        <v>210</v>
      </c>
    </row>
    <row r="6802" spans="1:19" x14ac:dyDescent="0.25">
      <c r="A6802">
        <v>14566383</v>
      </c>
      <c r="B6802" t="s">
        <v>35010</v>
      </c>
      <c r="C6802" s="1" t="s">
        <v>35011</v>
      </c>
      <c r="E6802">
        <v>0</v>
      </c>
      <c r="F6802">
        <v>2</v>
      </c>
      <c r="H6802" t="s">
        <v>35012</v>
      </c>
      <c r="J6802" t="s">
        <v>35012</v>
      </c>
      <c r="O6802">
        <v>1222651</v>
      </c>
      <c r="P6802">
        <v>1</v>
      </c>
      <c r="Q6802">
        <v>1</v>
      </c>
      <c r="R6802" t="s">
        <v>2771</v>
      </c>
      <c r="S6802">
        <v>560</v>
      </c>
    </row>
    <row r="6803" spans="1:19" x14ac:dyDescent="0.25">
      <c r="A6803">
        <v>21363126</v>
      </c>
      <c r="B6803" t="s">
        <v>35013</v>
      </c>
      <c r="C6803" s="1" t="s">
        <v>35014</v>
      </c>
      <c r="E6803">
        <v>1</v>
      </c>
      <c r="F6803">
        <v>0</v>
      </c>
      <c r="H6803" t="s">
        <v>35015</v>
      </c>
      <c r="J6803" t="s">
        <v>35016</v>
      </c>
      <c r="K6803" t="s">
        <v>35017</v>
      </c>
      <c r="M6803">
        <v>2858044</v>
      </c>
      <c r="O6803">
        <v>2858044</v>
      </c>
      <c r="P6803">
        <v>1</v>
      </c>
      <c r="Q6803">
        <v>0</v>
      </c>
      <c r="R6803" t="s">
        <v>35018</v>
      </c>
      <c r="S6803">
        <v>106</v>
      </c>
    </row>
    <row r="6804" spans="1:19" x14ac:dyDescent="0.25">
      <c r="A6804">
        <v>46944847</v>
      </c>
      <c r="B6804" t="s">
        <v>35019</v>
      </c>
      <c r="C6804" s="1" t="s">
        <v>35020</v>
      </c>
      <c r="E6804">
        <v>1</v>
      </c>
      <c r="F6804">
        <v>3</v>
      </c>
      <c r="H6804" t="s">
        <v>35021</v>
      </c>
      <c r="J6804" t="s">
        <v>35022</v>
      </c>
      <c r="K6804" t="s">
        <v>35022</v>
      </c>
      <c r="M6804">
        <v>13302</v>
      </c>
      <c r="O6804">
        <v>7304059</v>
      </c>
      <c r="P6804">
        <v>1</v>
      </c>
      <c r="Q6804">
        <v>0</v>
      </c>
      <c r="R6804" t="s">
        <v>35023</v>
      </c>
      <c r="S6804">
        <v>30</v>
      </c>
    </row>
    <row r="6805" spans="1:19" x14ac:dyDescent="0.25">
      <c r="A6805">
        <v>25959759</v>
      </c>
      <c r="B6805" t="s">
        <v>35024</v>
      </c>
      <c r="C6805" s="1" t="s">
        <v>35025</v>
      </c>
      <c r="D6805">
        <v>25966859</v>
      </c>
      <c r="E6805">
        <v>2</v>
      </c>
      <c r="F6805">
        <v>0</v>
      </c>
      <c r="H6805" t="s">
        <v>35026</v>
      </c>
      <c r="J6805" t="s">
        <v>35027</v>
      </c>
      <c r="O6805">
        <v>1735774</v>
      </c>
      <c r="P6805">
        <v>1</v>
      </c>
      <c r="Q6805">
        <v>1</v>
      </c>
      <c r="R6805" t="s">
        <v>35028</v>
      </c>
      <c r="S6805">
        <v>84</v>
      </c>
    </row>
    <row r="6806" spans="1:19" x14ac:dyDescent="0.25">
      <c r="A6806">
        <v>44370929</v>
      </c>
      <c r="B6806" t="s">
        <v>35029</v>
      </c>
      <c r="C6806" s="1" t="s">
        <v>35030</v>
      </c>
      <c r="D6806">
        <v>44371263</v>
      </c>
      <c r="E6806">
        <v>3</v>
      </c>
      <c r="F6806">
        <v>0</v>
      </c>
      <c r="H6806" t="s">
        <v>35031</v>
      </c>
      <c r="J6806" t="s">
        <v>35032</v>
      </c>
      <c r="K6806" t="s">
        <v>35033</v>
      </c>
      <c r="M6806">
        <v>3393505</v>
      </c>
      <c r="O6806">
        <v>7325567</v>
      </c>
      <c r="P6806">
        <v>1</v>
      </c>
      <c r="Q6806">
        <v>1</v>
      </c>
      <c r="R6806" t="s">
        <v>4631</v>
      </c>
      <c r="S6806">
        <v>78</v>
      </c>
    </row>
    <row r="6807" spans="1:19" x14ac:dyDescent="0.25">
      <c r="A6807">
        <v>18131623</v>
      </c>
      <c r="B6807" t="s">
        <v>35034</v>
      </c>
      <c r="C6807" s="1" t="s">
        <v>35035</v>
      </c>
      <c r="D6807">
        <v>18133368</v>
      </c>
      <c r="E6807">
        <v>1</v>
      </c>
      <c r="F6807">
        <v>10</v>
      </c>
      <c r="H6807" t="s">
        <v>35036</v>
      </c>
      <c r="J6807" t="s">
        <v>35037</v>
      </c>
      <c r="K6807" t="s">
        <v>35037</v>
      </c>
      <c r="M6807">
        <v>2664004</v>
      </c>
      <c r="O6807">
        <v>2664004</v>
      </c>
      <c r="P6807">
        <v>1</v>
      </c>
      <c r="Q6807">
        <v>2</v>
      </c>
      <c r="R6807" t="s">
        <v>25596</v>
      </c>
      <c r="S6807">
        <v>3035</v>
      </c>
    </row>
    <row r="6808" spans="1:19" x14ac:dyDescent="0.25">
      <c r="A6808">
        <v>4274192</v>
      </c>
      <c r="B6808" t="s">
        <v>35038</v>
      </c>
      <c r="C6808" s="1" t="s">
        <v>35039</v>
      </c>
      <c r="D6808">
        <v>4274672</v>
      </c>
      <c r="E6808">
        <v>2</v>
      </c>
      <c r="F6808">
        <v>1</v>
      </c>
      <c r="H6808" t="s">
        <v>35040</v>
      </c>
      <c r="J6808" t="s">
        <v>35041</v>
      </c>
      <c r="K6808" t="s">
        <v>35042</v>
      </c>
      <c r="M6808">
        <v>392434</v>
      </c>
      <c r="O6808">
        <v>392434</v>
      </c>
      <c r="P6808">
        <v>1</v>
      </c>
      <c r="Q6808">
        <v>2</v>
      </c>
      <c r="R6808" t="s">
        <v>780</v>
      </c>
      <c r="S6808">
        <v>2467</v>
      </c>
    </row>
    <row r="6809" spans="1:19" x14ac:dyDescent="0.25">
      <c r="A6809">
        <v>24689334</v>
      </c>
      <c r="B6809" t="s">
        <v>35043</v>
      </c>
      <c r="C6809" s="1" t="s">
        <v>35044</v>
      </c>
      <c r="D6809">
        <v>24689423</v>
      </c>
      <c r="E6809">
        <v>2</v>
      </c>
      <c r="F6809">
        <v>4</v>
      </c>
      <c r="H6809" t="s">
        <v>35045</v>
      </c>
      <c r="J6809" t="s">
        <v>35046</v>
      </c>
      <c r="K6809" t="s">
        <v>35047</v>
      </c>
      <c r="M6809">
        <v>1294207</v>
      </c>
      <c r="O6809">
        <v>3827734</v>
      </c>
      <c r="P6809">
        <v>1</v>
      </c>
      <c r="Q6809">
        <v>-2</v>
      </c>
      <c r="R6809" t="s">
        <v>35048</v>
      </c>
      <c r="S6809">
        <v>631</v>
      </c>
    </row>
    <row r="6810" spans="1:19" x14ac:dyDescent="0.25">
      <c r="A6810">
        <v>8078637</v>
      </c>
      <c r="B6810" t="s">
        <v>35049</v>
      </c>
      <c r="C6810" s="1" t="s">
        <v>35050</v>
      </c>
      <c r="D6810">
        <v>8078808</v>
      </c>
      <c r="E6810">
        <v>2</v>
      </c>
      <c r="F6810">
        <v>0</v>
      </c>
      <c r="H6810" t="s">
        <v>35051</v>
      </c>
      <c r="J6810" t="s">
        <v>35052</v>
      </c>
      <c r="K6810" t="s">
        <v>35053</v>
      </c>
      <c r="M6810">
        <v>650492</v>
      </c>
      <c r="O6810">
        <v>197442</v>
      </c>
      <c r="P6810">
        <v>1</v>
      </c>
      <c r="Q6810">
        <v>3</v>
      </c>
      <c r="R6810" t="s">
        <v>35054</v>
      </c>
      <c r="S6810">
        <v>3105</v>
      </c>
    </row>
    <row r="6811" spans="1:19" x14ac:dyDescent="0.25">
      <c r="A6811">
        <v>37699561</v>
      </c>
      <c r="B6811" t="s">
        <v>35055</v>
      </c>
      <c r="C6811" s="1" t="s">
        <v>35056</v>
      </c>
      <c r="D6811">
        <v>37702512</v>
      </c>
      <c r="E6811">
        <v>1</v>
      </c>
      <c r="F6811">
        <v>0</v>
      </c>
      <c r="H6811" t="s">
        <v>35057</v>
      </c>
      <c r="J6811" t="s">
        <v>35058</v>
      </c>
      <c r="K6811" t="s">
        <v>35058</v>
      </c>
      <c r="M6811">
        <v>1392379</v>
      </c>
      <c r="O6811">
        <v>6405042</v>
      </c>
      <c r="P6811">
        <v>1</v>
      </c>
      <c r="Q6811">
        <v>1</v>
      </c>
      <c r="R6811" t="s">
        <v>35059</v>
      </c>
      <c r="S6811">
        <v>326</v>
      </c>
    </row>
    <row r="6812" spans="1:19" x14ac:dyDescent="0.25">
      <c r="A6812">
        <v>34769017</v>
      </c>
      <c r="B6812" t="s">
        <v>35060</v>
      </c>
      <c r="C6812" s="1" t="s">
        <v>35061</v>
      </c>
      <c r="E6812">
        <v>0</v>
      </c>
      <c r="F6812">
        <v>4</v>
      </c>
      <c r="H6812" t="s">
        <v>35062</v>
      </c>
      <c r="J6812" t="s">
        <v>35063</v>
      </c>
      <c r="K6812" t="s">
        <v>35063</v>
      </c>
      <c r="M6812">
        <v>472495</v>
      </c>
      <c r="O6812">
        <v>2119111</v>
      </c>
      <c r="P6812">
        <v>1</v>
      </c>
      <c r="Q6812">
        <v>0</v>
      </c>
      <c r="R6812" t="s">
        <v>35064</v>
      </c>
      <c r="S6812">
        <v>502</v>
      </c>
    </row>
    <row r="6813" spans="1:19" x14ac:dyDescent="0.25">
      <c r="A6813">
        <v>23431069</v>
      </c>
      <c r="B6813" t="s">
        <v>35065</v>
      </c>
      <c r="C6813" s="1" t="s">
        <v>35066</v>
      </c>
      <c r="D6813">
        <v>23431204</v>
      </c>
      <c r="E6813">
        <v>3</v>
      </c>
      <c r="F6813">
        <v>1</v>
      </c>
      <c r="H6813" t="s">
        <v>35067</v>
      </c>
      <c r="J6813" t="s">
        <v>35068</v>
      </c>
      <c r="K6813" t="s">
        <v>35069</v>
      </c>
      <c r="M6813">
        <v>3532040</v>
      </c>
      <c r="O6813">
        <v>40106</v>
      </c>
      <c r="P6813">
        <v>1</v>
      </c>
      <c r="Q6813">
        <v>0</v>
      </c>
      <c r="R6813" t="s">
        <v>35070</v>
      </c>
      <c r="S6813">
        <v>163</v>
      </c>
    </row>
    <row r="6814" spans="1:19" x14ac:dyDescent="0.25">
      <c r="A6814">
        <v>31169641</v>
      </c>
      <c r="B6814" t="s">
        <v>35071</v>
      </c>
      <c r="C6814" s="1" t="s">
        <v>35072</v>
      </c>
      <c r="D6814">
        <v>31504786</v>
      </c>
      <c r="E6814">
        <v>1</v>
      </c>
      <c r="F6814">
        <v>0</v>
      </c>
      <c r="H6814" t="s">
        <v>35073</v>
      </c>
      <c r="J6814" t="s">
        <v>35074</v>
      </c>
      <c r="K6814" t="s">
        <v>35075</v>
      </c>
      <c r="M6814">
        <v>4102133</v>
      </c>
      <c r="O6814">
        <v>4102133</v>
      </c>
      <c r="P6814">
        <v>1</v>
      </c>
      <c r="Q6814">
        <v>0</v>
      </c>
      <c r="R6814" t="s">
        <v>35076</v>
      </c>
      <c r="S6814">
        <v>1412</v>
      </c>
    </row>
    <row r="6815" spans="1:19" x14ac:dyDescent="0.25">
      <c r="A6815">
        <v>9998195</v>
      </c>
      <c r="B6815" t="s">
        <v>35077</v>
      </c>
      <c r="C6815" s="1" t="s">
        <v>35078</v>
      </c>
      <c r="E6815">
        <v>3</v>
      </c>
      <c r="F6815">
        <v>2</v>
      </c>
      <c r="H6815" t="s">
        <v>35079</v>
      </c>
      <c r="I6815">
        <v>1</v>
      </c>
      <c r="J6815" t="s">
        <v>35080</v>
      </c>
      <c r="K6815" t="s">
        <v>35081</v>
      </c>
      <c r="M6815">
        <v>1288</v>
      </c>
      <c r="O6815">
        <v>1307658</v>
      </c>
      <c r="P6815">
        <v>1</v>
      </c>
      <c r="Q6815">
        <v>3</v>
      </c>
      <c r="R6815" t="s">
        <v>8544</v>
      </c>
      <c r="S6815">
        <v>11366</v>
      </c>
    </row>
    <row r="6816" spans="1:19" x14ac:dyDescent="0.25">
      <c r="A6816">
        <v>26309318</v>
      </c>
      <c r="B6816" t="s">
        <v>35082</v>
      </c>
      <c r="C6816" s="1" t="s">
        <v>35083</v>
      </c>
      <c r="E6816">
        <v>1</v>
      </c>
      <c r="F6816">
        <v>9</v>
      </c>
      <c r="H6816" t="s">
        <v>35084</v>
      </c>
      <c r="J6816" t="s">
        <v>35085</v>
      </c>
      <c r="K6816" t="s">
        <v>35086</v>
      </c>
      <c r="M6816">
        <v>4131087</v>
      </c>
      <c r="O6816">
        <v>4131087</v>
      </c>
      <c r="P6816">
        <v>1</v>
      </c>
      <c r="Q6816">
        <v>0</v>
      </c>
      <c r="R6816" t="s">
        <v>35087</v>
      </c>
      <c r="S6816">
        <v>1005</v>
      </c>
    </row>
    <row r="6817" spans="1:19" x14ac:dyDescent="0.25">
      <c r="A6817">
        <v>9483299</v>
      </c>
      <c r="B6817" t="s">
        <v>35088</v>
      </c>
      <c r="C6817" s="1" t="s">
        <v>35089</v>
      </c>
      <c r="E6817">
        <v>3</v>
      </c>
      <c r="F6817">
        <v>3</v>
      </c>
      <c r="H6817" t="s">
        <v>35090</v>
      </c>
      <c r="J6817" t="s">
        <v>35091</v>
      </c>
      <c r="K6817" t="s">
        <v>35091</v>
      </c>
      <c r="M6817">
        <v>1194326</v>
      </c>
      <c r="O6817">
        <v>1194326</v>
      </c>
      <c r="P6817">
        <v>1</v>
      </c>
      <c r="Q6817">
        <v>0</v>
      </c>
      <c r="R6817" t="s">
        <v>35092</v>
      </c>
      <c r="S6817">
        <v>2159</v>
      </c>
    </row>
    <row r="6818" spans="1:19" x14ac:dyDescent="0.25">
      <c r="A6818">
        <v>40610173</v>
      </c>
      <c r="B6818" t="s">
        <v>35093</v>
      </c>
      <c r="C6818" s="1" t="s">
        <v>35094</v>
      </c>
      <c r="D6818">
        <v>40610236</v>
      </c>
      <c r="E6818">
        <v>2</v>
      </c>
      <c r="F6818">
        <v>0</v>
      </c>
      <c r="H6818" t="s">
        <v>35095</v>
      </c>
      <c r="J6818" t="s">
        <v>35096</v>
      </c>
      <c r="O6818">
        <v>6754980</v>
      </c>
      <c r="P6818">
        <v>1</v>
      </c>
      <c r="Q6818">
        <v>1</v>
      </c>
      <c r="R6818" t="s">
        <v>3034</v>
      </c>
      <c r="S6818">
        <v>2055</v>
      </c>
    </row>
    <row r="6819" spans="1:19" x14ac:dyDescent="0.25">
      <c r="A6819">
        <v>7412990</v>
      </c>
      <c r="B6819" t="s">
        <v>35097</v>
      </c>
      <c r="C6819" s="1" t="s">
        <v>35098</v>
      </c>
      <c r="E6819">
        <v>0</v>
      </c>
      <c r="F6819">
        <v>5</v>
      </c>
      <c r="H6819" t="s">
        <v>35099</v>
      </c>
      <c r="J6819" t="s">
        <v>35099</v>
      </c>
      <c r="K6819" t="s">
        <v>35100</v>
      </c>
      <c r="M6819">
        <v>-1</v>
      </c>
      <c r="O6819">
        <v>930129</v>
      </c>
      <c r="P6819">
        <v>1</v>
      </c>
      <c r="Q6819">
        <v>1</v>
      </c>
      <c r="R6819" t="s">
        <v>35101</v>
      </c>
      <c r="S6819">
        <v>52</v>
      </c>
    </row>
    <row r="6820" spans="1:19" x14ac:dyDescent="0.25">
      <c r="A6820">
        <v>12404128</v>
      </c>
      <c r="B6820" t="s">
        <v>35102</v>
      </c>
      <c r="C6820" s="1" t="s">
        <v>35103</v>
      </c>
      <c r="E6820">
        <v>0</v>
      </c>
      <c r="F6820">
        <v>4</v>
      </c>
      <c r="H6820" t="s">
        <v>35104</v>
      </c>
      <c r="J6820" t="s">
        <v>35105</v>
      </c>
      <c r="K6820" t="s">
        <v>35105</v>
      </c>
      <c r="M6820">
        <v>1593134</v>
      </c>
      <c r="O6820">
        <v>1593134</v>
      </c>
      <c r="P6820">
        <v>1</v>
      </c>
      <c r="Q6820">
        <v>2</v>
      </c>
      <c r="R6820" t="s">
        <v>35106</v>
      </c>
      <c r="S6820">
        <v>639</v>
      </c>
    </row>
    <row r="6821" spans="1:19" x14ac:dyDescent="0.25">
      <c r="A6821">
        <v>43854522</v>
      </c>
      <c r="B6821" t="s">
        <v>35107</v>
      </c>
      <c r="C6821" s="1" t="s">
        <v>35108</v>
      </c>
      <c r="E6821">
        <v>2</v>
      </c>
      <c r="F6821">
        <v>3</v>
      </c>
      <c r="H6821" t="s">
        <v>35109</v>
      </c>
      <c r="J6821" t="s">
        <v>35110</v>
      </c>
      <c r="O6821">
        <v>2338133</v>
      </c>
      <c r="P6821">
        <v>1</v>
      </c>
      <c r="Q6821">
        <v>0</v>
      </c>
      <c r="R6821" t="s">
        <v>4631</v>
      </c>
      <c r="S6821">
        <v>39</v>
      </c>
    </row>
    <row r="6822" spans="1:19" x14ac:dyDescent="0.25">
      <c r="A6822">
        <v>29777389</v>
      </c>
      <c r="B6822" t="s">
        <v>35111</v>
      </c>
      <c r="C6822" s="1" t="s">
        <v>35112</v>
      </c>
      <c r="E6822">
        <v>1</v>
      </c>
      <c r="F6822">
        <v>0</v>
      </c>
      <c r="H6822" t="s">
        <v>35113</v>
      </c>
      <c r="J6822" t="s">
        <v>35114</v>
      </c>
      <c r="K6822" t="s">
        <v>35115</v>
      </c>
      <c r="M6822">
        <v>4405757</v>
      </c>
      <c r="O6822">
        <v>2194864</v>
      </c>
      <c r="P6822">
        <v>1</v>
      </c>
      <c r="Q6822">
        <v>0</v>
      </c>
      <c r="R6822" t="s">
        <v>35116</v>
      </c>
      <c r="S6822">
        <v>626</v>
      </c>
    </row>
    <row r="6823" spans="1:19" x14ac:dyDescent="0.25">
      <c r="A6823">
        <v>50025627</v>
      </c>
      <c r="B6823" t="s">
        <v>35117</v>
      </c>
      <c r="C6823" s="1" t="s">
        <v>35118</v>
      </c>
      <c r="E6823">
        <v>1</v>
      </c>
      <c r="F6823">
        <v>0</v>
      </c>
      <c r="H6823" t="s">
        <v>35119</v>
      </c>
      <c r="J6823" t="s">
        <v>35120</v>
      </c>
      <c r="O6823">
        <v>1018075</v>
      </c>
      <c r="P6823">
        <v>1</v>
      </c>
      <c r="Q6823">
        <v>0</v>
      </c>
      <c r="R6823" t="s">
        <v>35121</v>
      </c>
      <c r="S6823">
        <v>22</v>
      </c>
    </row>
    <row r="6824" spans="1:19" x14ac:dyDescent="0.25">
      <c r="A6824">
        <v>2378218</v>
      </c>
      <c r="B6824" t="s">
        <v>35122</v>
      </c>
      <c r="C6824" s="1" t="s">
        <v>35123</v>
      </c>
      <c r="D6824">
        <v>2379086</v>
      </c>
      <c r="E6824">
        <v>2</v>
      </c>
      <c r="F6824">
        <v>1</v>
      </c>
      <c r="H6824" t="s">
        <v>35124</v>
      </c>
      <c r="J6824" t="s">
        <v>35125</v>
      </c>
      <c r="O6824">
        <v>181697</v>
      </c>
      <c r="P6824">
        <v>1</v>
      </c>
      <c r="Q6824">
        <v>4</v>
      </c>
      <c r="R6824" t="s">
        <v>35126</v>
      </c>
      <c r="S6824">
        <v>736</v>
      </c>
    </row>
    <row r="6825" spans="1:19" x14ac:dyDescent="0.25">
      <c r="A6825">
        <v>13429148</v>
      </c>
      <c r="B6825" t="s">
        <v>35127</v>
      </c>
      <c r="C6825" s="1" t="s">
        <v>35128</v>
      </c>
      <c r="D6825">
        <v>13430357</v>
      </c>
      <c r="E6825">
        <v>1</v>
      </c>
      <c r="F6825">
        <v>0</v>
      </c>
      <c r="H6825" t="s">
        <v>35129</v>
      </c>
      <c r="I6825">
        <v>1</v>
      </c>
      <c r="J6825" t="s">
        <v>35130</v>
      </c>
      <c r="K6825" t="s">
        <v>35130</v>
      </c>
      <c r="M6825">
        <v>1627235</v>
      </c>
      <c r="O6825">
        <v>1831565</v>
      </c>
      <c r="P6825">
        <v>1</v>
      </c>
      <c r="Q6825">
        <v>4</v>
      </c>
      <c r="R6825" t="s">
        <v>35131</v>
      </c>
      <c r="S6825">
        <v>7178</v>
      </c>
    </row>
    <row r="6826" spans="1:19" x14ac:dyDescent="0.25">
      <c r="A6826">
        <v>18340195</v>
      </c>
      <c r="B6826" t="s">
        <v>35132</v>
      </c>
      <c r="C6826" s="1" t="s">
        <v>35133</v>
      </c>
      <c r="D6826">
        <v>18352897</v>
      </c>
      <c r="E6826">
        <v>1</v>
      </c>
      <c r="F6826">
        <v>0</v>
      </c>
      <c r="H6826" t="s">
        <v>35134</v>
      </c>
      <c r="I6826">
        <v>4</v>
      </c>
      <c r="J6826" t="s">
        <v>35135</v>
      </c>
      <c r="K6826" t="s">
        <v>35136</v>
      </c>
      <c r="M6826">
        <v>975478</v>
      </c>
      <c r="O6826">
        <v>975478</v>
      </c>
      <c r="P6826">
        <v>1</v>
      </c>
      <c r="Q6826">
        <v>4</v>
      </c>
      <c r="R6826" t="s">
        <v>35137</v>
      </c>
      <c r="S6826">
        <v>12297</v>
      </c>
    </row>
    <row r="6827" spans="1:19" x14ac:dyDescent="0.25">
      <c r="A6827">
        <v>33891543</v>
      </c>
      <c r="B6827" t="s">
        <v>35138</v>
      </c>
      <c r="C6827" s="1" t="s">
        <v>35139</v>
      </c>
      <c r="E6827">
        <v>0</v>
      </c>
      <c r="F6827">
        <v>2</v>
      </c>
      <c r="H6827" t="s">
        <v>35140</v>
      </c>
      <c r="J6827" t="s">
        <v>35140</v>
      </c>
      <c r="O6827">
        <v>1041789</v>
      </c>
      <c r="P6827">
        <v>1</v>
      </c>
      <c r="Q6827">
        <v>0</v>
      </c>
      <c r="R6827" t="s">
        <v>35141</v>
      </c>
      <c r="S6827">
        <v>10</v>
      </c>
    </row>
    <row r="6828" spans="1:19" x14ac:dyDescent="0.25">
      <c r="A6828">
        <v>10520082</v>
      </c>
      <c r="B6828" t="s">
        <v>35142</v>
      </c>
      <c r="C6828" s="1" t="s">
        <v>35143</v>
      </c>
      <c r="E6828">
        <v>1</v>
      </c>
      <c r="F6828">
        <v>0</v>
      </c>
      <c r="H6828" t="s">
        <v>35144</v>
      </c>
      <c r="I6828">
        <v>1</v>
      </c>
      <c r="J6828" t="s">
        <v>35145</v>
      </c>
      <c r="O6828">
        <v>1284121</v>
      </c>
      <c r="P6828">
        <v>1</v>
      </c>
      <c r="Q6828">
        <v>2</v>
      </c>
      <c r="R6828" t="s">
        <v>23806</v>
      </c>
      <c r="S6828">
        <v>3709</v>
      </c>
    </row>
    <row r="6829" spans="1:19" x14ac:dyDescent="0.25">
      <c r="A6829">
        <v>17763728</v>
      </c>
      <c r="B6829" t="s">
        <v>35146</v>
      </c>
      <c r="C6829" t="s">
        <v>35147</v>
      </c>
      <c r="D6829">
        <v>17763886</v>
      </c>
      <c r="E6829">
        <v>2</v>
      </c>
      <c r="F6829">
        <v>0</v>
      </c>
      <c r="H6829" t="s">
        <v>35148</v>
      </c>
      <c r="I6829">
        <v>2</v>
      </c>
      <c r="J6829" t="s">
        <v>35149</v>
      </c>
      <c r="K6829" t="s">
        <v>35150</v>
      </c>
      <c r="M6829">
        <v>3063884</v>
      </c>
      <c r="O6829">
        <v>1203524</v>
      </c>
      <c r="P6829">
        <v>1</v>
      </c>
      <c r="Q6829">
        <v>5</v>
      </c>
      <c r="R6829" t="s">
        <v>35151</v>
      </c>
      <c r="S6829">
        <v>6020</v>
      </c>
    </row>
    <row r="6830" spans="1:19" x14ac:dyDescent="0.25">
      <c r="A6830">
        <v>46964475</v>
      </c>
      <c r="B6830" t="s">
        <v>35152</v>
      </c>
      <c r="C6830" s="1" t="s">
        <v>35153</v>
      </c>
      <c r="E6830">
        <v>4</v>
      </c>
      <c r="F6830">
        <v>1</v>
      </c>
      <c r="H6830" t="s">
        <v>35154</v>
      </c>
      <c r="J6830" t="s">
        <v>35155</v>
      </c>
      <c r="K6830" t="s">
        <v>35156</v>
      </c>
      <c r="M6830">
        <v>3962001</v>
      </c>
      <c r="O6830">
        <v>3962001</v>
      </c>
      <c r="P6830">
        <v>1</v>
      </c>
      <c r="Q6830">
        <v>2</v>
      </c>
      <c r="R6830" t="s">
        <v>16508</v>
      </c>
      <c r="S6830">
        <v>306</v>
      </c>
    </row>
    <row r="6831" spans="1:19" x14ac:dyDescent="0.25">
      <c r="A6831">
        <v>40101690</v>
      </c>
      <c r="B6831" t="s">
        <v>35157</v>
      </c>
      <c r="C6831" s="1" t="s">
        <v>35158</v>
      </c>
      <c r="E6831">
        <v>0</v>
      </c>
      <c r="F6831">
        <v>2</v>
      </c>
      <c r="H6831" t="s">
        <v>35159</v>
      </c>
      <c r="J6831" t="s">
        <v>35160</v>
      </c>
      <c r="K6831" t="s">
        <v>35160</v>
      </c>
      <c r="M6831">
        <v>1271279</v>
      </c>
      <c r="O6831">
        <v>1271279</v>
      </c>
      <c r="P6831">
        <v>1</v>
      </c>
      <c r="Q6831">
        <v>0</v>
      </c>
      <c r="R6831" t="s">
        <v>35161</v>
      </c>
      <c r="S6831">
        <v>31</v>
      </c>
    </row>
    <row r="6832" spans="1:19" x14ac:dyDescent="0.25">
      <c r="A6832">
        <v>41283789</v>
      </c>
      <c r="B6832" t="s">
        <v>35162</v>
      </c>
      <c r="C6832" s="1" t="s">
        <v>35163</v>
      </c>
      <c r="D6832">
        <v>41294303</v>
      </c>
      <c r="E6832">
        <v>3</v>
      </c>
      <c r="F6832">
        <v>2</v>
      </c>
      <c r="H6832" t="s">
        <v>35164</v>
      </c>
      <c r="J6832" t="s">
        <v>35165</v>
      </c>
      <c r="K6832" t="s">
        <v>35166</v>
      </c>
      <c r="M6832">
        <v>1225880</v>
      </c>
      <c r="O6832">
        <v>1225880</v>
      </c>
      <c r="P6832">
        <v>1</v>
      </c>
      <c r="Q6832">
        <v>0</v>
      </c>
      <c r="R6832" t="s">
        <v>35167</v>
      </c>
      <c r="S6832">
        <v>34</v>
      </c>
    </row>
    <row r="6833" spans="1:19" x14ac:dyDescent="0.25">
      <c r="A6833">
        <v>29119833</v>
      </c>
      <c r="B6833" t="s">
        <v>35168</v>
      </c>
      <c r="C6833" s="1" t="s">
        <v>35169</v>
      </c>
      <c r="D6833">
        <v>29119898</v>
      </c>
      <c r="E6833">
        <v>3</v>
      </c>
      <c r="F6833">
        <v>0</v>
      </c>
      <c r="H6833" t="s">
        <v>35170</v>
      </c>
      <c r="J6833" t="s">
        <v>35171</v>
      </c>
      <c r="K6833" t="s">
        <v>35171</v>
      </c>
      <c r="M6833">
        <v>1317805</v>
      </c>
      <c r="O6833">
        <v>4533279</v>
      </c>
      <c r="P6833">
        <v>1</v>
      </c>
      <c r="Q6833">
        <v>2</v>
      </c>
      <c r="R6833" t="s">
        <v>14610</v>
      </c>
      <c r="S6833">
        <v>373</v>
      </c>
    </row>
    <row r="6834" spans="1:19" x14ac:dyDescent="0.25">
      <c r="A6834">
        <v>36395187</v>
      </c>
      <c r="B6834" t="s">
        <v>35172</v>
      </c>
      <c r="C6834" s="1" t="s">
        <v>35173</v>
      </c>
      <c r="D6834">
        <v>36397391</v>
      </c>
      <c r="E6834">
        <v>1</v>
      </c>
      <c r="F6834">
        <v>0</v>
      </c>
      <c r="H6834" t="s">
        <v>35174</v>
      </c>
      <c r="J6834" t="s">
        <v>35175</v>
      </c>
      <c r="K6834" t="s">
        <v>35176</v>
      </c>
      <c r="M6834">
        <v>6049384</v>
      </c>
      <c r="O6834">
        <v>6049384</v>
      </c>
      <c r="P6834">
        <v>1</v>
      </c>
      <c r="Q6834">
        <v>0</v>
      </c>
      <c r="R6834" t="s">
        <v>35177</v>
      </c>
      <c r="S6834">
        <v>31</v>
      </c>
    </row>
    <row r="6835" spans="1:19" x14ac:dyDescent="0.25">
      <c r="A6835">
        <v>5086898</v>
      </c>
      <c r="B6835" t="s">
        <v>35178</v>
      </c>
      <c r="C6835" t="s">
        <v>35179</v>
      </c>
      <c r="D6835">
        <v>5086942</v>
      </c>
      <c r="E6835">
        <v>1</v>
      </c>
      <c r="F6835">
        <v>0</v>
      </c>
      <c r="H6835" t="s">
        <v>35180</v>
      </c>
      <c r="J6835" t="s">
        <v>35181</v>
      </c>
      <c r="O6835">
        <v>625878</v>
      </c>
      <c r="P6835">
        <v>1</v>
      </c>
      <c r="Q6835">
        <v>3</v>
      </c>
      <c r="R6835" t="s">
        <v>35182</v>
      </c>
      <c r="S6835">
        <v>3898</v>
      </c>
    </row>
    <row r="6836" spans="1:19" x14ac:dyDescent="0.25">
      <c r="A6836">
        <v>52492482</v>
      </c>
      <c r="B6836" t="s">
        <v>35183</v>
      </c>
      <c r="C6836" s="1" t="s">
        <v>35184</v>
      </c>
      <c r="E6836">
        <v>0</v>
      </c>
      <c r="F6836">
        <v>0</v>
      </c>
      <c r="H6836" t="s">
        <v>35185</v>
      </c>
      <c r="J6836" t="s">
        <v>35186</v>
      </c>
      <c r="K6836" t="s">
        <v>35186</v>
      </c>
      <c r="M6836">
        <v>2458891</v>
      </c>
      <c r="O6836">
        <v>2458891</v>
      </c>
      <c r="P6836">
        <v>1</v>
      </c>
      <c r="Q6836">
        <v>0</v>
      </c>
      <c r="R6836" t="s">
        <v>35187</v>
      </c>
      <c r="S6836">
        <v>35</v>
      </c>
    </row>
    <row r="6837" spans="1:19" x14ac:dyDescent="0.25">
      <c r="A6837">
        <v>27183610</v>
      </c>
      <c r="B6837" t="s">
        <v>35188</v>
      </c>
      <c r="C6837" s="1" t="s">
        <v>35189</v>
      </c>
      <c r="D6837">
        <v>27184510</v>
      </c>
      <c r="E6837">
        <v>1</v>
      </c>
      <c r="F6837">
        <v>4</v>
      </c>
      <c r="H6837" t="s">
        <v>35190</v>
      </c>
      <c r="J6837" t="s">
        <v>35191</v>
      </c>
      <c r="K6837" t="s">
        <v>35192</v>
      </c>
      <c r="M6837">
        <v>335868</v>
      </c>
      <c r="O6837">
        <v>2262370</v>
      </c>
      <c r="P6837">
        <v>1</v>
      </c>
      <c r="Q6837">
        <v>0</v>
      </c>
      <c r="R6837" t="s">
        <v>35193</v>
      </c>
      <c r="S6837">
        <v>69</v>
      </c>
    </row>
    <row r="6838" spans="1:19" x14ac:dyDescent="0.25">
      <c r="A6838">
        <v>29287555</v>
      </c>
      <c r="B6838" t="s">
        <v>35194</v>
      </c>
      <c r="C6838" s="1" t="s">
        <v>35195</v>
      </c>
      <c r="E6838">
        <v>1</v>
      </c>
      <c r="F6838">
        <v>3</v>
      </c>
      <c r="H6838" t="s">
        <v>35196</v>
      </c>
      <c r="J6838" t="s">
        <v>35197</v>
      </c>
      <c r="K6838" t="s">
        <v>35198</v>
      </c>
      <c r="M6838">
        <v>2279170</v>
      </c>
      <c r="O6838">
        <v>2279170</v>
      </c>
      <c r="P6838">
        <v>1</v>
      </c>
      <c r="Q6838">
        <v>0</v>
      </c>
      <c r="R6838" t="s">
        <v>35199</v>
      </c>
      <c r="S6838">
        <v>489</v>
      </c>
    </row>
    <row r="6839" spans="1:19" x14ac:dyDescent="0.25">
      <c r="A6839">
        <v>50991430</v>
      </c>
      <c r="B6839" t="s">
        <v>35200</v>
      </c>
      <c r="C6839" s="1" t="s">
        <v>35201</v>
      </c>
      <c r="E6839">
        <v>0</v>
      </c>
      <c r="F6839">
        <v>0</v>
      </c>
      <c r="H6839" t="s">
        <v>35202</v>
      </c>
      <c r="J6839" t="s">
        <v>35202</v>
      </c>
      <c r="O6839">
        <v>7791722</v>
      </c>
      <c r="P6839">
        <v>1</v>
      </c>
      <c r="Q6839">
        <v>0</v>
      </c>
      <c r="R6839" t="s">
        <v>35203</v>
      </c>
      <c r="S6839">
        <v>33</v>
      </c>
    </row>
    <row r="6840" spans="1:19" x14ac:dyDescent="0.25">
      <c r="A6840">
        <v>37955071</v>
      </c>
      <c r="B6840" t="s">
        <v>35204</v>
      </c>
      <c r="C6840" s="1" t="s">
        <v>35205</v>
      </c>
      <c r="E6840">
        <v>0</v>
      </c>
      <c r="F6840">
        <v>3</v>
      </c>
      <c r="H6840" t="s">
        <v>35206</v>
      </c>
      <c r="J6840" t="s">
        <v>35206</v>
      </c>
      <c r="O6840">
        <v>3493080</v>
      </c>
      <c r="P6840">
        <v>1</v>
      </c>
      <c r="Q6840">
        <v>0</v>
      </c>
      <c r="R6840" t="s">
        <v>35207</v>
      </c>
      <c r="S6840">
        <v>62</v>
      </c>
    </row>
    <row r="6841" spans="1:19" x14ac:dyDescent="0.25">
      <c r="A6841">
        <v>35560660</v>
      </c>
      <c r="B6841" t="s">
        <v>35208</v>
      </c>
      <c r="C6841" s="1" t="s">
        <v>35209</v>
      </c>
      <c r="E6841">
        <v>0</v>
      </c>
      <c r="F6841">
        <v>3</v>
      </c>
      <c r="H6841" t="s">
        <v>35210</v>
      </c>
      <c r="J6841" t="s">
        <v>35211</v>
      </c>
      <c r="K6841" t="s">
        <v>35212</v>
      </c>
      <c r="M6841">
        <v>4950219</v>
      </c>
      <c r="O6841">
        <v>4950219</v>
      </c>
      <c r="P6841">
        <v>1</v>
      </c>
      <c r="Q6841">
        <v>0</v>
      </c>
      <c r="R6841" t="s">
        <v>35213</v>
      </c>
      <c r="S6841">
        <v>774</v>
      </c>
    </row>
    <row r="6842" spans="1:19" x14ac:dyDescent="0.25">
      <c r="A6842">
        <v>24197425</v>
      </c>
      <c r="B6842" t="s">
        <v>35214</v>
      </c>
      <c r="C6842" s="1" t="s">
        <v>35215</v>
      </c>
      <c r="E6842">
        <v>0</v>
      </c>
      <c r="F6842">
        <v>3</v>
      </c>
      <c r="H6842" t="s">
        <v>35216</v>
      </c>
      <c r="J6842" t="s">
        <v>35217</v>
      </c>
      <c r="K6842" t="s">
        <v>35217</v>
      </c>
      <c r="M6842">
        <v>1756636</v>
      </c>
      <c r="O6842">
        <v>3736296</v>
      </c>
      <c r="P6842">
        <v>1</v>
      </c>
      <c r="Q6842">
        <v>0</v>
      </c>
      <c r="R6842" t="s">
        <v>35218</v>
      </c>
      <c r="S6842">
        <v>159</v>
      </c>
    </row>
    <row r="6843" spans="1:19" x14ac:dyDescent="0.25">
      <c r="A6843">
        <v>8564825</v>
      </c>
      <c r="B6843" t="s">
        <v>35219</v>
      </c>
      <c r="C6843" s="1" t="s">
        <v>35220</v>
      </c>
      <c r="E6843">
        <v>1</v>
      </c>
      <c r="F6843">
        <v>3</v>
      </c>
      <c r="H6843" t="s">
        <v>35221</v>
      </c>
      <c r="J6843" t="s">
        <v>35222</v>
      </c>
      <c r="K6843" t="s">
        <v>35222</v>
      </c>
      <c r="M6843">
        <v>1047883</v>
      </c>
      <c r="O6843">
        <v>1047883</v>
      </c>
      <c r="P6843">
        <v>1</v>
      </c>
      <c r="Q6843">
        <v>0</v>
      </c>
      <c r="R6843" t="s">
        <v>961</v>
      </c>
      <c r="S6843">
        <v>713</v>
      </c>
    </row>
    <row r="6844" spans="1:19" x14ac:dyDescent="0.25">
      <c r="A6844">
        <v>44355294</v>
      </c>
      <c r="B6844" t="s">
        <v>35223</v>
      </c>
      <c r="C6844" s="1" t="s">
        <v>35224</v>
      </c>
      <c r="E6844">
        <v>1</v>
      </c>
      <c r="F6844">
        <v>2</v>
      </c>
      <c r="H6844" t="s">
        <v>35225</v>
      </c>
      <c r="I6844">
        <v>3</v>
      </c>
      <c r="J6844" t="s">
        <v>35226</v>
      </c>
      <c r="O6844">
        <v>7503569</v>
      </c>
      <c r="P6844">
        <v>1</v>
      </c>
      <c r="Q6844">
        <v>5</v>
      </c>
      <c r="R6844" t="s">
        <v>35227</v>
      </c>
      <c r="S6844">
        <v>492</v>
      </c>
    </row>
    <row r="6845" spans="1:19" x14ac:dyDescent="0.25">
      <c r="A6845">
        <v>29177304</v>
      </c>
      <c r="B6845" t="s">
        <v>35228</v>
      </c>
      <c r="C6845" s="1" t="s">
        <v>35229</v>
      </c>
      <c r="E6845">
        <v>1</v>
      </c>
      <c r="F6845">
        <v>7</v>
      </c>
      <c r="H6845" t="s">
        <v>35230</v>
      </c>
      <c r="J6845" t="s">
        <v>35231</v>
      </c>
      <c r="O6845">
        <v>2434588</v>
      </c>
      <c r="P6845">
        <v>1</v>
      </c>
      <c r="Q6845">
        <v>0</v>
      </c>
      <c r="R6845" t="s">
        <v>35232</v>
      </c>
      <c r="S6845">
        <v>102</v>
      </c>
    </row>
    <row r="6846" spans="1:19" x14ac:dyDescent="0.25">
      <c r="A6846">
        <v>13811954</v>
      </c>
      <c r="B6846" t="s">
        <v>35233</v>
      </c>
      <c r="C6846" s="1" t="s">
        <v>35234</v>
      </c>
      <c r="E6846">
        <v>3</v>
      </c>
      <c r="F6846">
        <v>0</v>
      </c>
      <c r="H6846" t="s">
        <v>35235</v>
      </c>
      <c r="J6846" t="s">
        <v>35236</v>
      </c>
      <c r="O6846">
        <v>895811</v>
      </c>
      <c r="P6846">
        <v>1</v>
      </c>
      <c r="Q6846">
        <v>0</v>
      </c>
      <c r="R6846" t="s">
        <v>35237</v>
      </c>
      <c r="S6846">
        <v>1007</v>
      </c>
    </row>
    <row r="6847" spans="1:19" x14ac:dyDescent="0.25">
      <c r="A6847">
        <v>4356025</v>
      </c>
      <c r="B6847" t="s">
        <v>35238</v>
      </c>
      <c r="C6847" s="1" t="s">
        <v>35239</v>
      </c>
      <c r="D6847">
        <v>4356044</v>
      </c>
      <c r="E6847">
        <v>4</v>
      </c>
      <c r="F6847">
        <v>0</v>
      </c>
      <c r="H6847" t="s">
        <v>35240</v>
      </c>
      <c r="J6847" t="s">
        <v>35241</v>
      </c>
      <c r="K6847" t="s">
        <v>35241</v>
      </c>
      <c r="M6847">
        <v>83805</v>
      </c>
      <c r="O6847">
        <v>496161</v>
      </c>
      <c r="P6847">
        <v>1</v>
      </c>
      <c r="Q6847">
        <v>5</v>
      </c>
      <c r="R6847" t="s">
        <v>35242</v>
      </c>
      <c r="S6847">
        <v>2486</v>
      </c>
    </row>
    <row r="6848" spans="1:19" x14ac:dyDescent="0.25">
      <c r="A6848">
        <v>5982875</v>
      </c>
      <c r="B6848" t="s">
        <v>35243</v>
      </c>
      <c r="C6848" s="1" t="s">
        <v>35244</v>
      </c>
      <c r="E6848">
        <v>1</v>
      </c>
      <c r="F6848">
        <v>0</v>
      </c>
      <c r="H6848" t="s">
        <v>35245</v>
      </c>
      <c r="I6848">
        <v>1</v>
      </c>
      <c r="J6848" t="s">
        <v>35246</v>
      </c>
      <c r="O6848">
        <v>253832</v>
      </c>
      <c r="P6848">
        <v>1</v>
      </c>
      <c r="Q6848">
        <v>1</v>
      </c>
      <c r="R6848" t="s">
        <v>2771</v>
      </c>
      <c r="S6848">
        <v>7614</v>
      </c>
    </row>
    <row r="6849" spans="1:19" x14ac:dyDescent="0.25">
      <c r="A6849">
        <v>39082159</v>
      </c>
      <c r="B6849" t="s">
        <v>35247</v>
      </c>
      <c r="C6849" s="1" t="s">
        <v>35248</v>
      </c>
      <c r="E6849">
        <v>3</v>
      </c>
      <c r="F6849">
        <v>0</v>
      </c>
      <c r="H6849" t="s">
        <v>35249</v>
      </c>
      <c r="J6849" t="s">
        <v>35250</v>
      </c>
      <c r="O6849">
        <v>6026171</v>
      </c>
      <c r="P6849">
        <v>1</v>
      </c>
      <c r="Q6849">
        <v>0</v>
      </c>
      <c r="R6849" t="s">
        <v>26107</v>
      </c>
      <c r="S6849">
        <v>612</v>
      </c>
    </row>
    <row r="6850" spans="1:19" x14ac:dyDescent="0.25">
      <c r="A6850">
        <v>8518713</v>
      </c>
      <c r="B6850" t="s">
        <v>35251</v>
      </c>
      <c r="C6850" s="1" t="s">
        <v>35252</v>
      </c>
      <c r="E6850">
        <v>1</v>
      </c>
      <c r="F6850">
        <v>1</v>
      </c>
      <c r="H6850" t="s">
        <v>35253</v>
      </c>
      <c r="J6850" t="s">
        <v>35254</v>
      </c>
      <c r="O6850">
        <v>883947</v>
      </c>
      <c r="P6850">
        <v>1</v>
      </c>
      <c r="Q6850">
        <v>0</v>
      </c>
      <c r="R6850" t="s">
        <v>35255</v>
      </c>
      <c r="S6850">
        <v>102</v>
      </c>
    </row>
    <row r="6851" spans="1:19" x14ac:dyDescent="0.25">
      <c r="A6851">
        <v>53082905</v>
      </c>
      <c r="B6851" t="s">
        <v>35256</v>
      </c>
      <c r="C6851" s="1" t="s">
        <v>35257</v>
      </c>
      <c r="E6851">
        <v>1</v>
      </c>
      <c r="F6851">
        <v>2</v>
      </c>
      <c r="H6851" t="s">
        <v>35258</v>
      </c>
      <c r="J6851" t="s">
        <v>35259</v>
      </c>
      <c r="K6851" t="s">
        <v>35260</v>
      </c>
      <c r="M6851">
        <v>1331310</v>
      </c>
      <c r="O6851">
        <v>6155031</v>
      </c>
      <c r="P6851">
        <v>1</v>
      </c>
      <c r="Q6851">
        <v>1</v>
      </c>
      <c r="R6851" t="s">
        <v>35261</v>
      </c>
      <c r="S6851">
        <v>47</v>
      </c>
    </row>
    <row r="6852" spans="1:19" x14ac:dyDescent="0.25">
      <c r="A6852">
        <v>15594663</v>
      </c>
      <c r="B6852" t="s">
        <v>35262</v>
      </c>
      <c r="C6852" s="1" t="s">
        <v>35263</v>
      </c>
      <c r="D6852">
        <v>15595375</v>
      </c>
      <c r="E6852">
        <v>4</v>
      </c>
      <c r="F6852">
        <v>4</v>
      </c>
      <c r="H6852" t="s">
        <v>35264</v>
      </c>
      <c r="I6852">
        <v>1</v>
      </c>
      <c r="J6852" t="s">
        <v>35265</v>
      </c>
      <c r="O6852">
        <v>901899</v>
      </c>
      <c r="P6852">
        <v>1</v>
      </c>
      <c r="Q6852">
        <v>4</v>
      </c>
      <c r="R6852" t="s">
        <v>2648</v>
      </c>
      <c r="S6852">
        <v>1136</v>
      </c>
    </row>
    <row r="6853" spans="1:19" x14ac:dyDescent="0.25">
      <c r="A6853">
        <v>32077325</v>
      </c>
      <c r="B6853" t="s">
        <v>35266</v>
      </c>
      <c r="C6853" t="s">
        <v>35267</v>
      </c>
      <c r="D6853">
        <v>32083755</v>
      </c>
      <c r="E6853">
        <v>1</v>
      </c>
      <c r="F6853">
        <v>0</v>
      </c>
      <c r="H6853" t="s">
        <v>35268</v>
      </c>
      <c r="J6853" t="s">
        <v>35269</v>
      </c>
      <c r="K6853" t="s">
        <v>35270</v>
      </c>
      <c r="M6853">
        <v>4826740</v>
      </c>
      <c r="O6853">
        <v>137404</v>
      </c>
      <c r="P6853">
        <v>1</v>
      </c>
      <c r="Q6853">
        <v>1</v>
      </c>
      <c r="R6853" t="s">
        <v>35271</v>
      </c>
      <c r="S6853">
        <v>108</v>
      </c>
    </row>
    <row r="6854" spans="1:19" x14ac:dyDescent="0.25">
      <c r="A6854">
        <v>28462774</v>
      </c>
      <c r="B6854" t="s">
        <v>35272</v>
      </c>
      <c r="C6854" s="1" t="s">
        <v>35273</v>
      </c>
      <c r="D6854">
        <v>28463060</v>
      </c>
      <c r="E6854">
        <v>1</v>
      </c>
      <c r="F6854">
        <v>0</v>
      </c>
      <c r="H6854" t="s">
        <v>35274</v>
      </c>
      <c r="I6854">
        <v>1</v>
      </c>
      <c r="J6854" t="s">
        <v>35275</v>
      </c>
      <c r="K6854" t="s">
        <v>35275</v>
      </c>
      <c r="M6854">
        <v>3979532</v>
      </c>
      <c r="O6854">
        <v>3979532</v>
      </c>
      <c r="P6854">
        <v>1</v>
      </c>
      <c r="Q6854">
        <v>1</v>
      </c>
      <c r="R6854" t="s">
        <v>35276</v>
      </c>
      <c r="S6854">
        <v>1928</v>
      </c>
    </row>
    <row r="6855" spans="1:19" x14ac:dyDescent="0.25">
      <c r="A6855">
        <v>18090378</v>
      </c>
      <c r="B6855" t="s">
        <v>35277</v>
      </c>
      <c r="C6855" t="s">
        <v>35278</v>
      </c>
      <c r="D6855">
        <v>18090440</v>
      </c>
      <c r="E6855">
        <v>1</v>
      </c>
      <c r="F6855">
        <v>0</v>
      </c>
      <c r="H6855" t="s">
        <v>35279</v>
      </c>
      <c r="J6855" t="s">
        <v>35280</v>
      </c>
      <c r="K6855" t="s">
        <v>35280</v>
      </c>
      <c r="M6855">
        <v>1000551</v>
      </c>
      <c r="O6855">
        <v>1229490</v>
      </c>
      <c r="P6855">
        <v>1</v>
      </c>
      <c r="Q6855">
        <v>3</v>
      </c>
      <c r="R6855" t="s">
        <v>35281</v>
      </c>
      <c r="S6855">
        <v>489</v>
      </c>
    </row>
    <row r="6856" spans="1:19" x14ac:dyDescent="0.25">
      <c r="A6856">
        <v>17858597</v>
      </c>
      <c r="B6856" t="s">
        <v>35282</v>
      </c>
      <c r="C6856" s="1" t="s">
        <v>35283</v>
      </c>
      <c r="D6856">
        <v>17858995</v>
      </c>
      <c r="E6856">
        <v>1</v>
      </c>
      <c r="F6856">
        <v>1</v>
      </c>
      <c r="H6856" t="s">
        <v>35284</v>
      </c>
      <c r="J6856" t="s">
        <v>35285</v>
      </c>
      <c r="K6856" t="s">
        <v>35285</v>
      </c>
      <c r="M6856">
        <v>2064206</v>
      </c>
      <c r="O6856">
        <v>1302114</v>
      </c>
      <c r="P6856">
        <v>1</v>
      </c>
      <c r="Q6856">
        <v>-1</v>
      </c>
      <c r="R6856" t="s">
        <v>35286</v>
      </c>
      <c r="S6856">
        <v>525</v>
      </c>
    </row>
    <row r="6857" spans="1:19" x14ac:dyDescent="0.25">
      <c r="A6857">
        <v>51611549</v>
      </c>
      <c r="B6857" t="s">
        <v>35287</v>
      </c>
      <c r="C6857" s="1" t="s">
        <v>35288</v>
      </c>
      <c r="D6857">
        <v>51612179</v>
      </c>
      <c r="E6857">
        <v>2</v>
      </c>
      <c r="F6857">
        <v>3</v>
      </c>
      <c r="H6857" t="s">
        <v>35289</v>
      </c>
      <c r="J6857" t="s">
        <v>35290</v>
      </c>
      <c r="O6857">
        <v>9851955</v>
      </c>
      <c r="P6857">
        <v>1</v>
      </c>
      <c r="Q6857">
        <v>-1</v>
      </c>
      <c r="R6857" t="s">
        <v>35291</v>
      </c>
      <c r="S6857">
        <v>285</v>
      </c>
    </row>
    <row r="6858" spans="1:19" x14ac:dyDescent="0.25">
      <c r="A6858">
        <v>15280511</v>
      </c>
      <c r="B6858" t="s">
        <v>35292</v>
      </c>
      <c r="C6858" s="1" t="s">
        <v>35293</v>
      </c>
      <c r="D6858">
        <v>15280630</v>
      </c>
      <c r="E6858">
        <v>5</v>
      </c>
      <c r="F6858">
        <v>7</v>
      </c>
      <c r="H6858" t="s">
        <v>35294</v>
      </c>
      <c r="J6858" t="s">
        <v>35295</v>
      </c>
      <c r="K6858" t="s">
        <v>35296</v>
      </c>
      <c r="M6858">
        <v>1467891</v>
      </c>
      <c r="O6858">
        <v>1467891</v>
      </c>
      <c r="P6858">
        <v>1</v>
      </c>
      <c r="Q6858">
        <v>12</v>
      </c>
      <c r="R6858" t="s">
        <v>213</v>
      </c>
      <c r="S6858">
        <v>2474</v>
      </c>
    </row>
    <row r="6859" spans="1:19" x14ac:dyDescent="0.25">
      <c r="A6859">
        <v>46742125</v>
      </c>
      <c r="B6859" t="s">
        <v>35297</v>
      </c>
      <c r="C6859" s="1" t="s">
        <v>35298</v>
      </c>
      <c r="D6859">
        <v>46742408</v>
      </c>
      <c r="E6859">
        <v>2</v>
      </c>
      <c r="F6859">
        <v>1</v>
      </c>
      <c r="H6859" t="s">
        <v>35299</v>
      </c>
      <c r="J6859" t="s">
        <v>35300</v>
      </c>
      <c r="K6859" t="s">
        <v>35301</v>
      </c>
      <c r="M6859">
        <v>155423</v>
      </c>
      <c r="O6859">
        <v>6557347</v>
      </c>
      <c r="P6859">
        <v>1</v>
      </c>
      <c r="Q6859">
        <v>0</v>
      </c>
      <c r="R6859" t="s">
        <v>35302</v>
      </c>
      <c r="S6859">
        <v>51</v>
      </c>
    </row>
    <row r="6860" spans="1:19" x14ac:dyDescent="0.25">
      <c r="A6860">
        <v>36483068</v>
      </c>
      <c r="B6860" t="s">
        <v>35303</v>
      </c>
      <c r="C6860" s="1" t="s">
        <v>35304</v>
      </c>
      <c r="D6860">
        <v>36485110</v>
      </c>
      <c r="E6860">
        <v>1</v>
      </c>
      <c r="F6860">
        <v>3</v>
      </c>
      <c r="H6860" t="s">
        <v>35305</v>
      </c>
      <c r="J6860" t="s">
        <v>35306</v>
      </c>
      <c r="O6860">
        <v>756659</v>
      </c>
      <c r="P6860">
        <v>1</v>
      </c>
      <c r="Q6860">
        <v>0</v>
      </c>
      <c r="R6860" t="s">
        <v>35307</v>
      </c>
      <c r="S6860">
        <v>1608</v>
      </c>
    </row>
    <row r="6861" spans="1:19" x14ac:dyDescent="0.25">
      <c r="A6861">
        <v>41025770</v>
      </c>
      <c r="B6861" t="s">
        <v>35308</v>
      </c>
      <c r="C6861" s="1" t="s">
        <v>35309</v>
      </c>
      <c r="E6861">
        <v>1</v>
      </c>
      <c r="F6861">
        <v>0</v>
      </c>
      <c r="H6861" t="s">
        <v>35310</v>
      </c>
      <c r="J6861" t="s">
        <v>35311</v>
      </c>
      <c r="K6861" t="s">
        <v>35312</v>
      </c>
      <c r="M6861">
        <v>2165342</v>
      </c>
      <c r="O6861">
        <v>2165342</v>
      </c>
      <c r="P6861">
        <v>1</v>
      </c>
      <c r="Q6861">
        <v>0</v>
      </c>
      <c r="R6861" t="s">
        <v>35313</v>
      </c>
      <c r="S6861">
        <v>103</v>
      </c>
    </row>
    <row r="6862" spans="1:19" x14ac:dyDescent="0.25">
      <c r="A6862">
        <v>37601486</v>
      </c>
      <c r="B6862" t="s">
        <v>35314</v>
      </c>
      <c r="C6862" s="1" t="s">
        <v>35315</v>
      </c>
      <c r="E6862">
        <v>2</v>
      </c>
      <c r="F6862">
        <v>2</v>
      </c>
      <c r="H6862" t="s">
        <v>35316</v>
      </c>
      <c r="J6862" t="s">
        <v>35317</v>
      </c>
      <c r="K6862" t="s">
        <v>35318</v>
      </c>
      <c r="M6862">
        <v>6403303</v>
      </c>
      <c r="O6862">
        <v>6403303</v>
      </c>
      <c r="P6862">
        <v>1</v>
      </c>
      <c r="Q6862">
        <v>0</v>
      </c>
      <c r="R6862" t="s">
        <v>35319</v>
      </c>
      <c r="S6862">
        <v>433</v>
      </c>
    </row>
    <row r="6863" spans="1:19" x14ac:dyDescent="0.25">
      <c r="A6863">
        <v>40655965</v>
      </c>
      <c r="B6863" t="s">
        <v>35320</v>
      </c>
      <c r="C6863" s="1" t="s">
        <v>35321</v>
      </c>
      <c r="D6863">
        <v>40657286</v>
      </c>
      <c r="E6863">
        <v>1</v>
      </c>
      <c r="F6863">
        <v>1</v>
      </c>
      <c r="H6863" t="s">
        <v>35322</v>
      </c>
      <c r="J6863" t="s">
        <v>35323</v>
      </c>
      <c r="K6863" t="s">
        <v>35324</v>
      </c>
      <c r="M6863">
        <v>998046</v>
      </c>
      <c r="O6863">
        <v>998046</v>
      </c>
      <c r="P6863">
        <v>1</v>
      </c>
      <c r="Q6863">
        <v>0</v>
      </c>
      <c r="R6863" t="s">
        <v>35325</v>
      </c>
      <c r="S6863">
        <v>341</v>
      </c>
    </row>
    <row r="6864" spans="1:19" x14ac:dyDescent="0.25">
      <c r="A6864">
        <v>11094950</v>
      </c>
      <c r="B6864" t="s">
        <v>35326</v>
      </c>
      <c r="C6864" s="1" t="s">
        <v>35327</v>
      </c>
      <c r="D6864">
        <v>11095019</v>
      </c>
      <c r="E6864">
        <v>1</v>
      </c>
      <c r="F6864">
        <v>2</v>
      </c>
      <c r="H6864" t="s">
        <v>35328</v>
      </c>
      <c r="I6864">
        <v>1</v>
      </c>
      <c r="J6864" t="s">
        <v>35329</v>
      </c>
      <c r="K6864" t="s">
        <v>35329</v>
      </c>
      <c r="M6864">
        <v>50049</v>
      </c>
      <c r="O6864">
        <v>1117424</v>
      </c>
      <c r="P6864">
        <v>1</v>
      </c>
      <c r="Q6864">
        <v>1</v>
      </c>
      <c r="R6864" t="s">
        <v>35330</v>
      </c>
      <c r="S6864">
        <v>3177</v>
      </c>
    </row>
    <row r="6865" spans="1:19" x14ac:dyDescent="0.25">
      <c r="A6865">
        <v>33098568</v>
      </c>
      <c r="B6865" t="s">
        <v>35331</v>
      </c>
      <c r="C6865" s="1" t="s">
        <v>35332</v>
      </c>
      <c r="D6865">
        <v>33099136</v>
      </c>
      <c r="E6865">
        <v>1</v>
      </c>
      <c r="F6865">
        <v>0</v>
      </c>
      <c r="H6865" t="s">
        <v>35333</v>
      </c>
      <c r="J6865" t="s">
        <v>35334</v>
      </c>
      <c r="O6865">
        <v>1033422</v>
      </c>
      <c r="P6865">
        <v>1</v>
      </c>
      <c r="Q6865">
        <v>2</v>
      </c>
      <c r="R6865" t="s">
        <v>35335</v>
      </c>
      <c r="S6865">
        <v>641</v>
      </c>
    </row>
    <row r="6866" spans="1:19" x14ac:dyDescent="0.25">
      <c r="A6866">
        <v>50915307</v>
      </c>
      <c r="B6866" t="s">
        <v>35336</v>
      </c>
      <c r="C6866" s="1" t="s">
        <v>35337</v>
      </c>
      <c r="E6866">
        <v>0</v>
      </c>
      <c r="F6866">
        <v>5</v>
      </c>
      <c r="H6866" t="s">
        <v>35338</v>
      </c>
      <c r="I6866">
        <v>1</v>
      </c>
      <c r="J6866" t="s">
        <v>35339</v>
      </c>
      <c r="K6866" t="s">
        <v>35339</v>
      </c>
      <c r="M6866">
        <v>3780040</v>
      </c>
      <c r="O6866">
        <v>5737380</v>
      </c>
      <c r="P6866">
        <v>1</v>
      </c>
      <c r="Q6866">
        <v>1</v>
      </c>
      <c r="R6866" t="s">
        <v>35340</v>
      </c>
      <c r="S6866">
        <v>150</v>
      </c>
    </row>
    <row r="6867" spans="1:19" x14ac:dyDescent="0.25">
      <c r="A6867">
        <v>47300353</v>
      </c>
      <c r="B6867" t="s">
        <v>35341</v>
      </c>
      <c r="C6867" s="1" t="s">
        <v>35342</v>
      </c>
      <c r="E6867">
        <v>0</v>
      </c>
      <c r="F6867">
        <v>2</v>
      </c>
      <c r="H6867" t="s">
        <v>35343</v>
      </c>
      <c r="J6867" t="s">
        <v>35343</v>
      </c>
      <c r="O6867">
        <v>8943129</v>
      </c>
      <c r="P6867">
        <v>1</v>
      </c>
      <c r="Q6867">
        <v>0</v>
      </c>
      <c r="R6867" t="s">
        <v>35344</v>
      </c>
      <c r="S6867">
        <v>23</v>
      </c>
    </row>
    <row r="6868" spans="1:19" x14ac:dyDescent="0.25">
      <c r="A6868">
        <v>26914078</v>
      </c>
      <c r="B6868" t="s">
        <v>35345</v>
      </c>
      <c r="C6868" s="1" t="s">
        <v>35346</v>
      </c>
      <c r="E6868">
        <v>1</v>
      </c>
      <c r="F6868">
        <v>2</v>
      </c>
      <c r="H6868" t="s">
        <v>35347</v>
      </c>
      <c r="J6868" t="s">
        <v>35348</v>
      </c>
      <c r="O6868">
        <v>4051344</v>
      </c>
      <c r="P6868">
        <v>1</v>
      </c>
      <c r="Q6868">
        <v>0</v>
      </c>
      <c r="R6868" t="s">
        <v>35349</v>
      </c>
      <c r="S6868">
        <v>320</v>
      </c>
    </row>
    <row r="6869" spans="1:19" x14ac:dyDescent="0.25">
      <c r="A6869">
        <v>31438238</v>
      </c>
      <c r="B6869" t="s">
        <v>35350</v>
      </c>
      <c r="C6869" s="1" t="s">
        <v>35351</v>
      </c>
      <c r="D6869">
        <v>31438439</v>
      </c>
      <c r="E6869">
        <v>1</v>
      </c>
      <c r="F6869">
        <v>0</v>
      </c>
      <c r="H6869" t="s">
        <v>35352</v>
      </c>
      <c r="I6869">
        <v>1</v>
      </c>
      <c r="J6869" t="s">
        <v>35353</v>
      </c>
      <c r="O6869">
        <v>4293516</v>
      </c>
      <c r="P6869">
        <v>1</v>
      </c>
      <c r="Q6869">
        <v>3</v>
      </c>
      <c r="R6869" t="s">
        <v>35354</v>
      </c>
      <c r="S6869">
        <v>1457</v>
      </c>
    </row>
    <row r="6870" spans="1:19" x14ac:dyDescent="0.25">
      <c r="A6870">
        <v>5812486</v>
      </c>
      <c r="B6870" t="s">
        <v>35355</v>
      </c>
      <c r="C6870" s="1" t="s">
        <v>35356</v>
      </c>
      <c r="D6870">
        <v>5812535</v>
      </c>
      <c r="E6870">
        <v>2</v>
      </c>
      <c r="F6870">
        <v>5</v>
      </c>
      <c r="H6870" t="s">
        <v>35357</v>
      </c>
      <c r="J6870" t="s">
        <v>35358</v>
      </c>
      <c r="K6870" t="s">
        <v>35358</v>
      </c>
      <c r="M6870">
        <v>2302862</v>
      </c>
      <c r="O6870">
        <v>652246</v>
      </c>
      <c r="P6870">
        <v>1</v>
      </c>
      <c r="Q6870">
        <v>1</v>
      </c>
      <c r="R6870" t="s">
        <v>35359</v>
      </c>
      <c r="S6870">
        <v>1567</v>
      </c>
    </row>
    <row r="6871" spans="1:19" x14ac:dyDescent="0.25">
      <c r="A6871">
        <v>23986689</v>
      </c>
      <c r="B6871" t="s">
        <v>35360</v>
      </c>
      <c r="C6871" s="1" t="s">
        <v>35361</v>
      </c>
      <c r="D6871">
        <v>23986725</v>
      </c>
      <c r="E6871">
        <v>2</v>
      </c>
      <c r="F6871">
        <v>3</v>
      </c>
      <c r="H6871" t="s">
        <v>35362</v>
      </c>
      <c r="J6871" t="s">
        <v>35363</v>
      </c>
      <c r="O6871">
        <v>2997369</v>
      </c>
      <c r="P6871">
        <v>1</v>
      </c>
      <c r="Q6871">
        <v>0</v>
      </c>
      <c r="R6871" t="s">
        <v>351</v>
      </c>
      <c r="S6871">
        <v>54</v>
      </c>
    </row>
    <row r="6872" spans="1:19" x14ac:dyDescent="0.25">
      <c r="A6872">
        <v>7205514</v>
      </c>
      <c r="B6872" t="s">
        <v>35364</v>
      </c>
      <c r="C6872" s="1" t="s">
        <v>35365</v>
      </c>
      <c r="D6872">
        <v>7205533</v>
      </c>
      <c r="E6872">
        <v>4</v>
      </c>
      <c r="F6872">
        <v>1</v>
      </c>
      <c r="H6872" t="s">
        <v>35366</v>
      </c>
      <c r="J6872" t="s">
        <v>35367</v>
      </c>
      <c r="O6872">
        <v>914188</v>
      </c>
      <c r="P6872">
        <v>1</v>
      </c>
      <c r="Q6872">
        <v>1</v>
      </c>
      <c r="R6872" t="s">
        <v>35368</v>
      </c>
      <c r="S6872">
        <v>704</v>
      </c>
    </row>
    <row r="6873" spans="1:19" x14ac:dyDescent="0.25">
      <c r="A6873">
        <v>28065108</v>
      </c>
      <c r="B6873" t="s">
        <v>35369</v>
      </c>
      <c r="C6873" s="1" t="s">
        <v>35370</v>
      </c>
      <c r="D6873">
        <v>28065662</v>
      </c>
      <c r="E6873">
        <v>2</v>
      </c>
      <c r="F6873">
        <v>1</v>
      </c>
      <c r="H6873" t="s">
        <v>35371</v>
      </c>
      <c r="I6873">
        <v>2</v>
      </c>
      <c r="J6873" t="s">
        <v>35372</v>
      </c>
      <c r="O6873">
        <v>4068461</v>
      </c>
      <c r="P6873">
        <v>1</v>
      </c>
      <c r="Q6873">
        <v>2</v>
      </c>
      <c r="R6873" t="s">
        <v>1239</v>
      </c>
      <c r="S6873">
        <v>87</v>
      </c>
    </row>
    <row r="6874" spans="1:19" x14ac:dyDescent="0.25">
      <c r="A6874">
        <v>26220316</v>
      </c>
      <c r="B6874" t="s">
        <v>35373</v>
      </c>
      <c r="C6874" s="1" t="s">
        <v>35374</v>
      </c>
      <c r="E6874">
        <v>1</v>
      </c>
      <c r="F6874">
        <v>3</v>
      </c>
      <c r="H6874" t="s">
        <v>35375</v>
      </c>
      <c r="J6874" t="s">
        <v>35376</v>
      </c>
      <c r="K6874" t="s">
        <v>35376</v>
      </c>
      <c r="L6874" t="s">
        <v>9422</v>
      </c>
      <c r="O6874">
        <v>1354850</v>
      </c>
      <c r="P6874">
        <v>1</v>
      </c>
      <c r="Q6874">
        <v>-1</v>
      </c>
      <c r="R6874" t="s">
        <v>35377</v>
      </c>
      <c r="S6874">
        <v>31</v>
      </c>
    </row>
    <row r="6875" spans="1:19" x14ac:dyDescent="0.25">
      <c r="A6875">
        <v>30688492</v>
      </c>
      <c r="B6875" t="s">
        <v>35378</v>
      </c>
      <c r="C6875" s="1" t="s">
        <v>35379</v>
      </c>
      <c r="D6875">
        <v>30716804</v>
      </c>
      <c r="E6875">
        <v>1</v>
      </c>
      <c r="F6875">
        <v>2</v>
      </c>
      <c r="H6875" t="s">
        <v>35380</v>
      </c>
      <c r="J6875" t="s">
        <v>35381</v>
      </c>
      <c r="K6875" t="s">
        <v>35382</v>
      </c>
      <c r="M6875">
        <v>1684118</v>
      </c>
      <c r="O6875">
        <v>1684118</v>
      </c>
      <c r="P6875">
        <v>1</v>
      </c>
      <c r="Q6875">
        <v>2</v>
      </c>
      <c r="R6875" t="s">
        <v>35383</v>
      </c>
      <c r="S6875">
        <v>63</v>
      </c>
    </row>
    <row r="6876" spans="1:19" x14ac:dyDescent="0.25">
      <c r="A6876">
        <v>19593824</v>
      </c>
      <c r="B6876" t="s">
        <v>35384</v>
      </c>
      <c r="C6876" s="1" t="s">
        <v>35385</v>
      </c>
      <c r="E6876">
        <v>1</v>
      </c>
      <c r="F6876">
        <v>0</v>
      </c>
      <c r="H6876" t="s">
        <v>35386</v>
      </c>
      <c r="J6876" t="s">
        <v>35387</v>
      </c>
      <c r="O6876">
        <v>2873766</v>
      </c>
      <c r="P6876">
        <v>1</v>
      </c>
      <c r="Q6876">
        <v>1</v>
      </c>
      <c r="R6876" t="s">
        <v>35388</v>
      </c>
      <c r="S6876">
        <v>1229</v>
      </c>
    </row>
    <row r="6877" spans="1:19" x14ac:dyDescent="0.25">
      <c r="A6877">
        <v>41605322</v>
      </c>
      <c r="B6877" t="s">
        <v>35389</v>
      </c>
      <c r="C6877" s="1" t="s">
        <v>35390</v>
      </c>
      <c r="E6877">
        <v>1</v>
      </c>
      <c r="F6877">
        <v>3</v>
      </c>
      <c r="H6877" t="s">
        <v>35391</v>
      </c>
      <c r="J6877" t="s">
        <v>35392</v>
      </c>
      <c r="K6877" t="s">
        <v>35392</v>
      </c>
      <c r="M6877">
        <v>949991</v>
      </c>
      <c r="O6877">
        <v>6821568</v>
      </c>
      <c r="P6877">
        <v>1</v>
      </c>
      <c r="Q6877">
        <v>-2</v>
      </c>
      <c r="R6877" t="s">
        <v>472</v>
      </c>
      <c r="S6877">
        <v>33</v>
      </c>
    </row>
    <row r="6878" spans="1:19" x14ac:dyDescent="0.25">
      <c r="A6878">
        <v>28374656</v>
      </c>
      <c r="B6878" t="s">
        <v>35393</v>
      </c>
      <c r="C6878" s="1" t="s">
        <v>35394</v>
      </c>
      <c r="E6878">
        <v>3</v>
      </c>
      <c r="F6878">
        <v>0</v>
      </c>
      <c r="H6878" t="s">
        <v>35395</v>
      </c>
      <c r="J6878" t="s">
        <v>35396</v>
      </c>
      <c r="O6878">
        <v>98215</v>
      </c>
      <c r="P6878">
        <v>1</v>
      </c>
      <c r="Q6878">
        <v>1</v>
      </c>
      <c r="R6878" t="s">
        <v>35397</v>
      </c>
      <c r="S6878">
        <v>43</v>
      </c>
    </row>
    <row r="6879" spans="1:19" x14ac:dyDescent="0.25">
      <c r="A6879">
        <v>11705035</v>
      </c>
      <c r="B6879" t="s">
        <v>35398</v>
      </c>
      <c r="C6879" s="1" t="s">
        <v>35399</v>
      </c>
      <c r="D6879">
        <v>11705054</v>
      </c>
      <c r="E6879">
        <v>3</v>
      </c>
      <c r="F6879">
        <v>0</v>
      </c>
      <c r="H6879" t="s">
        <v>35400</v>
      </c>
      <c r="I6879">
        <v>2</v>
      </c>
      <c r="J6879" t="s">
        <v>35401</v>
      </c>
      <c r="K6879" t="s">
        <v>35402</v>
      </c>
      <c r="M6879">
        <v>1283043</v>
      </c>
      <c r="O6879">
        <v>1283043</v>
      </c>
      <c r="P6879">
        <v>1</v>
      </c>
      <c r="Q6879">
        <v>7</v>
      </c>
      <c r="R6879" t="s">
        <v>2494</v>
      </c>
      <c r="S6879">
        <v>11816</v>
      </c>
    </row>
    <row r="6880" spans="1:19" x14ac:dyDescent="0.25">
      <c r="A6880">
        <v>19433841</v>
      </c>
      <c r="B6880" t="s">
        <v>35403</v>
      </c>
      <c r="C6880" s="1" t="s">
        <v>35404</v>
      </c>
      <c r="D6880">
        <v>19433971</v>
      </c>
      <c r="E6880">
        <v>1</v>
      </c>
      <c r="F6880">
        <v>2</v>
      </c>
      <c r="H6880" t="s">
        <v>35405</v>
      </c>
      <c r="J6880" t="s">
        <v>35406</v>
      </c>
      <c r="K6880" t="s">
        <v>35407</v>
      </c>
      <c r="M6880">
        <v>649811</v>
      </c>
      <c r="O6880">
        <v>1071156</v>
      </c>
      <c r="P6880">
        <v>1</v>
      </c>
      <c r="Q6880">
        <v>0</v>
      </c>
      <c r="R6880" t="s">
        <v>35408</v>
      </c>
      <c r="S6880">
        <v>574</v>
      </c>
    </row>
    <row r="6881" spans="1:19" x14ac:dyDescent="0.25">
      <c r="A6881">
        <v>49671678</v>
      </c>
      <c r="B6881" t="s">
        <v>35409</v>
      </c>
      <c r="C6881" s="1" t="s">
        <v>35410</v>
      </c>
      <c r="E6881">
        <v>1</v>
      </c>
      <c r="F6881">
        <v>4</v>
      </c>
      <c r="H6881" t="s">
        <v>35411</v>
      </c>
      <c r="J6881" t="s">
        <v>35412</v>
      </c>
      <c r="O6881">
        <v>2374783</v>
      </c>
      <c r="P6881">
        <v>1</v>
      </c>
      <c r="Q6881">
        <v>-2</v>
      </c>
      <c r="R6881" t="s">
        <v>35413</v>
      </c>
      <c r="S6881">
        <v>747</v>
      </c>
    </row>
    <row r="6882" spans="1:19" x14ac:dyDescent="0.25">
      <c r="A6882">
        <v>53261945</v>
      </c>
      <c r="B6882" t="s">
        <v>35414</v>
      </c>
      <c r="C6882" s="1" t="s">
        <v>35415</v>
      </c>
      <c r="E6882">
        <v>0</v>
      </c>
      <c r="F6882">
        <v>6</v>
      </c>
      <c r="H6882" t="s">
        <v>35416</v>
      </c>
      <c r="J6882" t="s">
        <v>35417</v>
      </c>
      <c r="K6882" t="s">
        <v>35417</v>
      </c>
      <c r="M6882">
        <v>7200115</v>
      </c>
      <c r="O6882">
        <v>7200115</v>
      </c>
      <c r="P6882">
        <v>1</v>
      </c>
      <c r="Q6882">
        <v>0</v>
      </c>
      <c r="R6882" t="s">
        <v>35418</v>
      </c>
      <c r="S6882">
        <v>25</v>
      </c>
    </row>
    <row r="6883" spans="1:19" x14ac:dyDescent="0.25">
      <c r="A6883">
        <v>53249446</v>
      </c>
      <c r="B6883" t="s">
        <v>35419</v>
      </c>
      <c r="C6883" s="1" t="s">
        <v>35420</v>
      </c>
      <c r="E6883">
        <v>0</v>
      </c>
      <c r="F6883">
        <v>0</v>
      </c>
      <c r="H6883" t="s">
        <v>35421</v>
      </c>
      <c r="J6883" t="s">
        <v>35421</v>
      </c>
      <c r="O6883">
        <v>4655859</v>
      </c>
      <c r="P6883">
        <v>1</v>
      </c>
      <c r="Q6883">
        <v>0</v>
      </c>
      <c r="R6883" t="s">
        <v>35422</v>
      </c>
      <c r="S6883">
        <v>17</v>
      </c>
    </row>
    <row r="6884" spans="1:19" x14ac:dyDescent="0.25">
      <c r="A6884">
        <v>21324369</v>
      </c>
      <c r="B6884" t="s">
        <v>35423</v>
      </c>
      <c r="C6884" s="1" t="s">
        <v>35424</v>
      </c>
      <c r="E6884">
        <v>1</v>
      </c>
      <c r="F6884">
        <v>0</v>
      </c>
      <c r="H6884" t="s">
        <v>35425</v>
      </c>
      <c r="J6884" t="s">
        <v>35426</v>
      </c>
      <c r="O6884">
        <v>367562</v>
      </c>
      <c r="P6884">
        <v>1</v>
      </c>
      <c r="Q6884">
        <v>0</v>
      </c>
      <c r="R6884" t="s">
        <v>35427</v>
      </c>
      <c r="S6884">
        <v>1403</v>
      </c>
    </row>
    <row r="6885" spans="1:19" x14ac:dyDescent="0.25">
      <c r="A6885">
        <v>14773709</v>
      </c>
      <c r="B6885" t="s">
        <v>35428</v>
      </c>
      <c r="C6885" s="1" t="s">
        <v>35429</v>
      </c>
      <c r="E6885">
        <v>1</v>
      </c>
      <c r="F6885">
        <v>3</v>
      </c>
      <c r="H6885" t="s">
        <v>35430</v>
      </c>
      <c r="J6885" t="s">
        <v>35431</v>
      </c>
      <c r="K6885" t="s">
        <v>35431</v>
      </c>
      <c r="M6885">
        <v>713901</v>
      </c>
      <c r="O6885">
        <v>713901</v>
      </c>
      <c r="P6885">
        <v>1</v>
      </c>
      <c r="Q6885">
        <v>0</v>
      </c>
      <c r="R6885" t="s">
        <v>35432</v>
      </c>
      <c r="S6885">
        <v>98</v>
      </c>
    </row>
    <row r="6886" spans="1:19" x14ac:dyDescent="0.25">
      <c r="A6886">
        <v>4919080</v>
      </c>
      <c r="B6886" t="s">
        <v>35433</v>
      </c>
      <c r="C6886" s="1" t="s">
        <v>35434</v>
      </c>
      <c r="E6886">
        <v>1</v>
      </c>
      <c r="F6886">
        <v>1</v>
      </c>
      <c r="H6886" t="s">
        <v>35435</v>
      </c>
      <c r="I6886">
        <v>1</v>
      </c>
      <c r="J6886" t="s">
        <v>35436</v>
      </c>
      <c r="K6886" t="s">
        <v>35437</v>
      </c>
      <c r="M6886">
        <v>599286</v>
      </c>
      <c r="O6886">
        <v>599286</v>
      </c>
      <c r="P6886">
        <v>1</v>
      </c>
      <c r="Q6886">
        <v>1</v>
      </c>
      <c r="R6886" t="s">
        <v>35438</v>
      </c>
      <c r="S6886">
        <v>444</v>
      </c>
    </row>
    <row r="6887" spans="1:19" x14ac:dyDescent="0.25">
      <c r="A6887">
        <v>25958518</v>
      </c>
      <c r="B6887" t="s">
        <v>35439</v>
      </c>
      <c r="C6887" s="1" t="s">
        <v>35440</v>
      </c>
      <c r="D6887">
        <v>25958570</v>
      </c>
      <c r="E6887">
        <v>5</v>
      </c>
      <c r="F6887">
        <v>1</v>
      </c>
      <c r="H6887" t="s">
        <v>35441</v>
      </c>
      <c r="J6887" t="s">
        <v>35442</v>
      </c>
      <c r="O6887">
        <v>1136709</v>
      </c>
      <c r="P6887">
        <v>1</v>
      </c>
      <c r="Q6887">
        <v>1</v>
      </c>
      <c r="R6887" t="s">
        <v>2122</v>
      </c>
      <c r="S6887">
        <v>2346</v>
      </c>
    </row>
    <row r="6888" spans="1:19" x14ac:dyDescent="0.25">
      <c r="A6888">
        <v>44597100</v>
      </c>
      <c r="B6888" t="s">
        <v>35443</v>
      </c>
      <c r="C6888" s="1" t="s">
        <v>35444</v>
      </c>
      <c r="D6888">
        <v>44597151</v>
      </c>
      <c r="E6888">
        <v>2</v>
      </c>
      <c r="F6888">
        <v>2</v>
      </c>
      <c r="H6888" t="s">
        <v>35445</v>
      </c>
      <c r="J6888" t="s">
        <v>35446</v>
      </c>
      <c r="K6888" t="s">
        <v>35446</v>
      </c>
      <c r="M6888">
        <v>131433</v>
      </c>
      <c r="O6888">
        <v>8173510</v>
      </c>
      <c r="P6888">
        <v>1</v>
      </c>
      <c r="Q6888">
        <v>0</v>
      </c>
      <c r="R6888" t="s">
        <v>351</v>
      </c>
      <c r="S6888">
        <v>754</v>
      </c>
    </row>
    <row r="6889" spans="1:19" x14ac:dyDescent="0.25">
      <c r="A6889">
        <v>4879253</v>
      </c>
      <c r="B6889" t="s">
        <v>35447</v>
      </c>
      <c r="C6889" s="1" t="s">
        <v>35448</v>
      </c>
      <c r="D6889">
        <v>4879872</v>
      </c>
      <c r="E6889">
        <v>1</v>
      </c>
      <c r="F6889">
        <v>0</v>
      </c>
      <c r="H6889" t="s">
        <v>35449</v>
      </c>
      <c r="I6889">
        <v>2</v>
      </c>
      <c r="J6889" t="s">
        <v>35450</v>
      </c>
      <c r="K6889" t="s">
        <v>35451</v>
      </c>
      <c r="M6889">
        <v>964135</v>
      </c>
      <c r="O6889">
        <v>964135</v>
      </c>
      <c r="P6889">
        <v>1</v>
      </c>
      <c r="Q6889">
        <v>1</v>
      </c>
      <c r="R6889" t="s">
        <v>35452</v>
      </c>
      <c r="S6889">
        <v>2913</v>
      </c>
    </row>
    <row r="6890" spans="1:19" x14ac:dyDescent="0.25">
      <c r="A6890">
        <v>25640499</v>
      </c>
      <c r="B6890" t="s">
        <v>35453</v>
      </c>
      <c r="C6890" s="1" t="s">
        <v>35454</v>
      </c>
      <c r="D6890">
        <v>25640682</v>
      </c>
      <c r="E6890">
        <v>2</v>
      </c>
      <c r="F6890">
        <v>0</v>
      </c>
      <c r="H6890" t="s">
        <v>35455</v>
      </c>
      <c r="J6890" t="s">
        <v>35456</v>
      </c>
      <c r="O6890">
        <v>1643537</v>
      </c>
      <c r="P6890">
        <v>1</v>
      </c>
      <c r="Q6890">
        <v>0</v>
      </c>
      <c r="R6890" t="s">
        <v>35457</v>
      </c>
      <c r="S6890">
        <v>427</v>
      </c>
    </row>
    <row r="6891" spans="1:19" x14ac:dyDescent="0.25">
      <c r="A6891">
        <v>8712862</v>
      </c>
      <c r="B6891" t="s">
        <v>35458</v>
      </c>
      <c r="C6891" s="1" t="s">
        <v>35459</v>
      </c>
      <c r="D6891">
        <v>8716127</v>
      </c>
      <c r="E6891">
        <v>1</v>
      </c>
      <c r="F6891">
        <v>4</v>
      </c>
      <c r="H6891" t="s">
        <v>35460</v>
      </c>
      <c r="I6891">
        <v>2</v>
      </c>
      <c r="J6891" t="s">
        <v>35461</v>
      </c>
      <c r="K6891" t="s">
        <v>35462</v>
      </c>
      <c r="M6891">
        <v>-1</v>
      </c>
      <c r="O6891">
        <v>923780</v>
      </c>
      <c r="P6891">
        <v>1</v>
      </c>
      <c r="Q6891">
        <v>3</v>
      </c>
      <c r="R6891" t="s">
        <v>35463</v>
      </c>
      <c r="S6891">
        <v>2969</v>
      </c>
    </row>
    <row r="6892" spans="1:19" x14ac:dyDescent="0.25">
      <c r="A6892">
        <v>26259087</v>
      </c>
      <c r="B6892" t="s">
        <v>35464</v>
      </c>
      <c r="C6892" s="1" t="s">
        <v>35465</v>
      </c>
      <c r="E6892">
        <v>1</v>
      </c>
      <c r="F6892">
        <v>10</v>
      </c>
      <c r="H6892" t="s">
        <v>35466</v>
      </c>
      <c r="J6892" t="s">
        <v>35467</v>
      </c>
      <c r="K6892" t="s">
        <v>35467</v>
      </c>
      <c r="M6892">
        <v>156648</v>
      </c>
      <c r="O6892">
        <v>3114352</v>
      </c>
      <c r="P6892">
        <v>1</v>
      </c>
      <c r="Q6892">
        <v>0</v>
      </c>
      <c r="R6892" t="s">
        <v>1466</v>
      </c>
      <c r="S6892">
        <v>1207</v>
      </c>
    </row>
    <row r="6893" spans="1:19" x14ac:dyDescent="0.25">
      <c r="A6893">
        <v>47957255</v>
      </c>
      <c r="B6893" t="s">
        <v>35468</v>
      </c>
      <c r="C6893" s="1" t="s">
        <v>35469</v>
      </c>
      <c r="D6893">
        <v>47960135</v>
      </c>
      <c r="E6893">
        <v>1</v>
      </c>
      <c r="F6893">
        <v>6</v>
      </c>
      <c r="H6893" t="s">
        <v>35470</v>
      </c>
      <c r="J6893" t="s">
        <v>35471</v>
      </c>
      <c r="K6893" t="s">
        <v>35472</v>
      </c>
      <c r="M6893">
        <v>1694861</v>
      </c>
      <c r="O6893">
        <v>1694861</v>
      </c>
      <c r="P6893">
        <v>1</v>
      </c>
      <c r="Q6893">
        <v>0</v>
      </c>
      <c r="R6893" t="s">
        <v>35473</v>
      </c>
      <c r="S6893">
        <v>210</v>
      </c>
    </row>
    <row r="6894" spans="1:19" x14ac:dyDescent="0.25">
      <c r="A6894">
        <v>46599363</v>
      </c>
      <c r="B6894" t="s">
        <v>35474</v>
      </c>
      <c r="C6894" s="1" t="s">
        <v>35475</v>
      </c>
      <c r="D6894">
        <v>46659769</v>
      </c>
      <c r="E6894">
        <v>2</v>
      </c>
      <c r="F6894">
        <v>2</v>
      </c>
      <c r="H6894" t="s">
        <v>35476</v>
      </c>
      <c r="I6894">
        <v>1</v>
      </c>
      <c r="J6894" t="s">
        <v>35477</v>
      </c>
      <c r="K6894" t="s">
        <v>35477</v>
      </c>
      <c r="M6894">
        <v>293099</v>
      </c>
      <c r="O6894">
        <v>6255303</v>
      </c>
      <c r="P6894">
        <v>1</v>
      </c>
      <c r="Q6894">
        <v>4</v>
      </c>
      <c r="R6894" t="s">
        <v>35478</v>
      </c>
      <c r="S6894">
        <v>351</v>
      </c>
    </row>
    <row r="6895" spans="1:19" x14ac:dyDescent="0.25">
      <c r="A6895">
        <v>46367008</v>
      </c>
      <c r="B6895" t="s">
        <v>35479</v>
      </c>
      <c r="C6895" s="1" t="s">
        <v>35480</v>
      </c>
      <c r="D6895">
        <v>46367337</v>
      </c>
      <c r="E6895">
        <v>4</v>
      </c>
      <c r="F6895">
        <v>5</v>
      </c>
      <c r="H6895" t="s">
        <v>35481</v>
      </c>
      <c r="J6895" t="s">
        <v>35482</v>
      </c>
      <c r="O6895">
        <v>2911241</v>
      </c>
      <c r="P6895">
        <v>1</v>
      </c>
      <c r="Q6895">
        <v>1</v>
      </c>
      <c r="R6895" t="s">
        <v>1466</v>
      </c>
      <c r="S6895">
        <v>93</v>
      </c>
    </row>
    <row r="6896" spans="1:19" x14ac:dyDescent="0.25">
      <c r="A6896">
        <v>6120841</v>
      </c>
      <c r="B6896" t="s">
        <v>35483</v>
      </c>
      <c r="C6896" s="1" t="s">
        <v>35484</v>
      </c>
      <c r="D6896">
        <v>6121101</v>
      </c>
      <c r="E6896">
        <v>4</v>
      </c>
      <c r="F6896">
        <v>1</v>
      </c>
      <c r="H6896" t="s">
        <v>35485</v>
      </c>
      <c r="I6896">
        <v>4</v>
      </c>
      <c r="J6896" t="s">
        <v>35486</v>
      </c>
      <c r="K6896" t="s">
        <v>35487</v>
      </c>
      <c r="M6896">
        <v>160206</v>
      </c>
      <c r="O6896">
        <v>326017</v>
      </c>
      <c r="P6896">
        <v>1</v>
      </c>
      <c r="Q6896">
        <v>16</v>
      </c>
      <c r="R6896" t="s">
        <v>35488</v>
      </c>
      <c r="S6896">
        <v>12320</v>
      </c>
    </row>
    <row r="6897" spans="1:19" x14ac:dyDescent="0.25">
      <c r="A6897">
        <v>2027056</v>
      </c>
      <c r="B6897" t="s">
        <v>35489</v>
      </c>
      <c r="C6897" s="1" t="s">
        <v>35490</v>
      </c>
      <c r="E6897">
        <v>1</v>
      </c>
      <c r="F6897">
        <v>0</v>
      </c>
      <c r="H6897" t="s">
        <v>35491</v>
      </c>
      <c r="I6897">
        <v>1</v>
      </c>
      <c r="J6897" t="s">
        <v>35492</v>
      </c>
      <c r="O6897">
        <v>391760</v>
      </c>
      <c r="P6897">
        <v>1</v>
      </c>
      <c r="Q6897">
        <v>1</v>
      </c>
      <c r="R6897" t="s">
        <v>35493</v>
      </c>
      <c r="S6897">
        <v>289</v>
      </c>
    </row>
    <row r="6898" spans="1:19" x14ac:dyDescent="0.25">
      <c r="A6898">
        <v>53562410</v>
      </c>
      <c r="B6898" t="s">
        <v>35494</v>
      </c>
      <c r="C6898" s="1" t="s">
        <v>35495</v>
      </c>
      <c r="E6898">
        <v>0</v>
      </c>
      <c r="F6898">
        <v>4</v>
      </c>
      <c r="H6898" t="s">
        <v>35496</v>
      </c>
      <c r="J6898" t="s">
        <v>35496</v>
      </c>
      <c r="O6898">
        <v>10456030</v>
      </c>
      <c r="P6898">
        <v>1</v>
      </c>
      <c r="Q6898">
        <v>0</v>
      </c>
      <c r="R6898" t="s">
        <v>35497</v>
      </c>
      <c r="S6898">
        <v>14</v>
      </c>
    </row>
    <row r="6899" spans="1:19" x14ac:dyDescent="0.25">
      <c r="A6899">
        <v>14551285</v>
      </c>
      <c r="B6899" t="s">
        <v>35498</v>
      </c>
      <c r="C6899" s="1" t="s">
        <v>35499</v>
      </c>
      <c r="D6899">
        <v>14551300</v>
      </c>
      <c r="E6899">
        <v>2</v>
      </c>
      <c r="F6899">
        <v>0</v>
      </c>
      <c r="H6899" t="s">
        <v>35500</v>
      </c>
      <c r="J6899" t="s">
        <v>35501</v>
      </c>
      <c r="O6899">
        <v>1974749</v>
      </c>
      <c r="P6899">
        <v>1</v>
      </c>
      <c r="Q6899">
        <v>0</v>
      </c>
      <c r="R6899" t="s">
        <v>213</v>
      </c>
      <c r="S6899">
        <v>1590</v>
      </c>
    </row>
    <row r="6900" spans="1:19" x14ac:dyDescent="0.25">
      <c r="A6900">
        <v>33376227</v>
      </c>
      <c r="B6900" t="s">
        <v>35502</v>
      </c>
      <c r="C6900" s="1" t="s">
        <v>35503</v>
      </c>
      <c r="E6900">
        <v>0</v>
      </c>
      <c r="F6900">
        <v>4</v>
      </c>
      <c r="H6900" t="s">
        <v>35504</v>
      </c>
      <c r="J6900" t="s">
        <v>35504</v>
      </c>
      <c r="O6900">
        <v>3217930</v>
      </c>
      <c r="P6900">
        <v>1</v>
      </c>
      <c r="Q6900">
        <v>0</v>
      </c>
      <c r="R6900" t="s">
        <v>35505</v>
      </c>
      <c r="S6900">
        <v>16</v>
      </c>
    </row>
    <row r="6901" spans="1:19" x14ac:dyDescent="0.25">
      <c r="A6901">
        <v>9625101</v>
      </c>
      <c r="B6901" t="s">
        <v>35506</v>
      </c>
      <c r="C6901" s="1" t="s">
        <v>35507</v>
      </c>
      <c r="E6901">
        <v>1</v>
      </c>
      <c r="F6901">
        <v>2</v>
      </c>
      <c r="H6901" t="s">
        <v>35508</v>
      </c>
      <c r="J6901" t="s">
        <v>35509</v>
      </c>
      <c r="K6901" t="s">
        <v>35510</v>
      </c>
      <c r="M6901">
        <v>635766</v>
      </c>
      <c r="O6901">
        <v>1257993</v>
      </c>
      <c r="P6901">
        <v>1</v>
      </c>
      <c r="Q6901">
        <v>0</v>
      </c>
      <c r="R6901" t="s">
        <v>35511</v>
      </c>
      <c r="S6901">
        <v>538</v>
      </c>
    </row>
    <row r="6902" spans="1:19" x14ac:dyDescent="0.25">
      <c r="A6902">
        <v>40427483</v>
      </c>
      <c r="B6902" t="s">
        <v>35512</v>
      </c>
      <c r="C6902" s="1" t="s">
        <v>35513</v>
      </c>
      <c r="D6902">
        <v>40460497</v>
      </c>
      <c r="E6902">
        <v>1</v>
      </c>
      <c r="F6902">
        <v>4</v>
      </c>
      <c r="H6902" t="s">
        <v>35514</v>
      </c>
      <c r="I6902">
        <v>0</v>
      </c>
      <c r="J6902" t="s">
        <v>35515</v>
      </c>
      <c r="O6902">
        <v>7029724</v>
      </c>
      <c r="P6902">
        <v>1</v>
      </c>
      <c r="Q6902">
        <v>0</v>
      </c>
      <c r="R6902" t="s">
        <v>35516</v>
      </c>
      <c r="S6902">
        <v>2892</v>
      </c>
    </row>
    <row r="6903" spans="1:19" x14ac:dyDescent="0.25">
      <c r="A6903">
        <v>45639224</v>
      </c>
      <c r="B6903" t="s">
        <v>35517</v>
      </c>
      <c r="C6903" s="1" t="s">
        <v>35518</v>
      </c>
      <c r="E6903">
        <v>3</v>
      </c>
      <c r="F6903">
        <v>3</v>
      </c>
      <c r="H6903" t="s">
        <v>35519</v>
      </c>
      <c r="J6903" t="s">
        <v>35520</v>
      </c>
      <c r="O6903">
        <v>1706504</v>
      </c>
      <c r="P6903">
        <v>1</v>
      </c>
      <c r="Q6903">
        <v>0</v>
      </c>
      <c r="R6903" t="s">
        <v>35521</v>
      </c>
      <c r="S6903">
        <v>279</v>
      </c>
    </row>
    <row r="6904" spans="1:19" x14ac:dyDescent="0.25">
      <c r="A6904">
        <v>9714506</v>
      </c>
      <c r="B6904" t="s">
        <v>35522</v>
      </c>
      <c r="C6904" s="1" t="s">
        <v>35523</v>
      </c>
      <c r="D6904">
        <v>9727411</v>
      </c>
      <c r="E6904">
        <v>1</v>
      </c>
      <c r="F6904">
        <v>2</v>
      </c>
      <c r="H6904" t="s">
        <v>35524</v>
      </c>
      <c r="J6904" t="s">
        <v>35525</v>
      </c>
      <c r="K6904" t="s">
        <v>35526</v>
      </c>
      <c r="M6904">
        <v>816824</v>
      </c>
      <c r="O6904">
        <v>816824</v>
      </c>
      <c r="P6904">
        <v>1</v>
      </c>
      <c r="Q6904">
        <v>0</v>
      </c>
      <c r="R6904" t="s">
        <v>35527</v>
      </c>
      <c r="S6904">
        <v>207</v>
      </c>
    </row>
    <row r="6905" spans="1:19" x14ac:dyDescent="0.25">
      <c r="A6905">
        <v>5912578</v>
      </c>
      <c r="B6905" t="s">
        <v>35528</v>
      </c>
      <c r="C6905" s="1" t="s">
        <v>35529</v>
      </c>
      <c r="D6905">
        <v>5934855</v>
      </c>
      <c r="E6905">
        <v>1</v>
      </c>
      <c r="F6905">
        <v>6</v>
      </c>
      <c r="H6905" t="s">
        <v>35530</v>
      </c>
      <c r="I6905">
        <v>1</v>
      </c>
      <c r="J6905" t="s">
        <v>35531</v>
      </c>
      <c r="K6905" t="s">
        <v>35531</v>
      </c>
      <c r="M6905">
        <v>702023</v>
      </c>
      <c r="O6905">
        <v>702023</v>
      </c>
      <c r="P6905">
        <v>1</v>
      </c>
      <c r="Q6905">
        <v>2</v>
      </c>
      <c r="R6905" t="s">
        <v>35532</v>
      </c>
      <c r="S6905">
        <v>501</v>
      </c>
    </row>
    <row r="6906" spans="1:19" x14ac:dyDescent="0.25">
      <c r="A6906">
        <v>11791689</v>
      </c>
      <c r="B6906" t="s">
        <v>35533</v>
      </c>
      <c r="C6906" s="1" t="s">
        <v>35534</v>
      </c>
      <c r="D6906">
        <v>18780088</v>
      </c>
      <c r="E6906">
        <v>3</v>
      </c>
      <c r="F6906">
        <v>4</v>
      </c>
      <c r="H6906" t="s">
        <v>35535</v>
      </c>
      <c r="J6906" t="s">
        <v>35536</v>
      </c>
      <c r="O6906">
        <v>847200</v>
      </c>
      <c r="P6906">
        <v>1</v>
      </c>
      <c r="Q6906">
        <v>2</v>
      </c>
      <c r="R6906" t="s">
        <v>35537</v>
      </c>
      <c r="S6906">
        <v>9709</v>
      </c>
    </row>
    <row r="6907" spans="1:19" x14ac:dyDescent="0.25">
      <c r="A6907">
        <v>2972659</v>
      </c>
      <c r="B6907" t="s">
        <v>35538</v>
      </c>
      <c r="C6907" s="1" t="s">
        <v>35539</v>
      </c>
      <c r="E6907">
        <v>1</v>
      </c>
      <c r="F6907">
        <v>1</v>
      </c>
      <c r="H6907" t="s">
        <v>35540</v>
      </c>
      <c r="J6907" t="s">
        <v>35541</v>
      </c>
      <c r="K6907" t="s">
        <v>35542</v>
      </c>
      <c r="M6907">
        <v>136861</v>
      </c>
      <c r="O6907">
        <v>136861</v>
      </c>
      <c r="P6907">
        <v>1</v>
      </c>
      <c r="Q6907">
        <v>3</v>
      </c>
      <c r="R6907" t="s">
        <v>3328</v>
      </c>
      <c r="S6907">
        <v>429</v>
      </c>
    </row>
    <row r="6908" spans="1:19" x14ac:dyDescent="0.25">
      <c r="A6908">
        <v>8901920</v>
      </c>
      <c r="B6908" t="s">
        <v>35543</v>
      </c>
      <c r="C6908" s="1" t="s">
        <v>35544</v>
      </c>
      <c r="D6908">
        <v>8901928</v>
      </c>
      <c r="E6908">
        <v>2</v>
      </c>
      <c r="F6908">
        <v>0</v>
      </c>
      <c r="H6908" t="s">
        <v>35545</v>
      </c>
      <c r="J6908" t="s">
        <v>35546</v>
      </c>
      <c r="O6908">
        <v>26130</v>
      </c>
      <c r="P6908">
        <v>1</v>
      </c>
      <c r="Q6908">
        <v>1</v>
      </c>
      <c r="R6908" t="s">
        <v>1359</v>
      </c>
      <c r="S6908">
        <v>80</v>
      </c>
    </row>
    <row r="6909" spans="1:19" x14ac:dyDescent="0.25">
      <c r="A6909">
        <v>49918210</v>
      </c>
      <c r="B6909" t="s">
        <v>35547</v>
      </c>
      <c r="C6909" s="1" t="s">
        <v>35548</v>
      </c>
      <c r="E6909">
        <v>1</v>
      </c>
      <c r="F6909">
        <v>0</v>
      </c>
      <c r="H6909" t="s">
        <v>35549</v>
      </c>
      <c r="J6909" t="s">
        <v>35549</v>
      </c>
      <c r="O6909">
        <v>457268</v>
      </c>
      <c r="P6909">
        <v>1</v>
      </c>
      <c r="Q6909">
        <v>0</v>
      </c>
      <c r="R6909" t="s">
        <v>35550</v>
      </c>
      <c r="S6909">
        <v>142</v>
      </c>
    </row>
    <row r="6910" spans="1:19" x14ac:dyDescent="0.25">
      <c r="A6910">
        <v>43586005</v>
      </c>
      <c r="B6910" t="s">
        <v>35551</v>
      </c>
      <c r="C6910" s="1" t="s">
        <v>35552</v>
      </c>
      <c r="D6910">
        <v>43619639</v>
      </c>
      <c r="E6910">
        <v>1</v>
      </c>
      <c r="F6910">
        <v>0</v>
      </c>
      <c r="H6910" t="s">
        <v>35553</v>
      </c>
      <c r="I6910">
        <v>1</v>
      </c>
      <c r="J6910" t="s">
        <v>35554</v>
      </c>
      <c r="O6910">
        <v>5868035</v>
      </c>
      <c r="P6910">
        <v>1</v>
      </c>
      <c r="Q6910">
        <v>0</v>
      </c>
      <c r="R6910" t="s">
        <v>35555</v>
      </c>
      <c r="S6910">
        <v>1716</v>
      </c>
    </row>
    <row r="6911" spans="1:19" x14ac:dyDescent="0.25">
      <c r="A6911">
        <v>34261653</v>
      </c>
      <c r="B6911" t="s">
        <v>35556</v>
      </c>
      <c r="C6911" s="1" t="s">
        <v>35557</v>
      </c>
      <c r="E6911">
        <v>0</v>
      </c>
      <c r="F6911">
        <v>4</v>
      </c>
      <c r="H6911" t="s">
        <v>35558</v>
      </c>
      <c r="J6911" t="s">
        <v>35558</v>
      </c>
      <c r="O6911">
        <v>2234704</v>
      </c>
      <c r="P6911">
        <v>1</v>
      </c>
      <c r="Q6911">
        <v>1</v>
      </c>
      <c r="R6911" t="s">
        <v>35559</v>
      </c>
      <c r="S6911">
        <v>37</v>
      </c>
    </row>
    <row r="6912" spans="1:19" x14ac:dyDescent="0.25">
      <c r="A6912">
        <v>18066819</v>
      </c>
      <c r="B6912" t="s">
        <v>35560</v>
      </c>
      <c r="C6912" s="1" t="s">
        <v>35561</v>
      </c>
      <c r="E6912">
        <v>1</v>
      </c>
      <c r="F6912">
        <v>0</v>
      </c>
      <c r="H6912" t="s">
        <v>35562</v>
      </c>
      <c r="J6912" t="s">
        <v>35563</v>
      </c>
      <c r="O6912">
        <v>2577809</v>
      </c>
      <c r="P6912">
        <v>1</v>
      </c>
      <c r="Q6912">
        <v>0</v>
      </c>
      <c r="R6912" t="s">
        <v>35564</v>
      </c>
      <c r="S6912">
        <v>383</v>
      </c>
    </row>
    <row r="6913" spans="1:19" x14ac:dyDescent="0.25">
      <c r="A6913">
        <v>41038782</v>
      </c>
      <c r="B6913" t="s">
        <v>35565</v>
      </c>
      <c r="C6913" s="1" t="s">
        <v>35566</v>
      </c>
      <c r="D6913">
        <v>41038964</v>
      </c>
      <c r="E6913">
        <v>1</v>
      </c>
      <c r="F6913">
        <v>0</v>
      </c>
      <c r="H6913" t="s">
        <v>35567</v>
      </c>
      <c r="J6913" t="s">
        <v>35568</v>
      </c>
      <c r="O6913">
        <v>995014</v>
      </c>
      <c r="P6913">
        <v>1</v>
      </c>
      <c r="Q6913">
        <v>1</v>
      </c>
      <c r="R6913" t="s">
        <v>35569</v>
      </c>
      <c r="S6913">
        <v>97</v>
      </c>
    </row>
    <row r="6914" spans="1:19" x14ac:dyDescent="0.25">
      <c r="A6914">
        <v>18365248</v>
      </c>
      <c r="B6914" t="s">
        <v>35570</v>
      </c>
      <c r="C6914" s="1" t="s">
        <v>35571</v>
      </c>
      <c r="D6914">
        <v>18365447</v>
      </c>
      <c r="E6914">
        <v>1</v>
      </c>
      <c r="F6914">
        <v>1</v>
      </c>
      <c r="H6914" t="s">
        <v>35572</v>
      </c>
      <c r="J6914" t="s">
        <v>35573</v>
      </c>
      <c r="K6914" t="s">
        <v>35573</v>
      </c>
      <c r="M6914">
        <v>272735</v>
      </c>
      <c r="O6914">
        <v>2405778</v>
      </c>
      <c r="P6914">
        <v>1</v>
      </c>
      <c r="Q6914">
        <v>1</v>
      </c>
      <c r="R6914" t="s">
        <v>35574</v>
      </c>
      <c r="S6914">
        <v>2736</v>
      </c>
    </row>
    <row r="6915" spans="1:19" x14ac:dyDescent="0.25">
      <c r="A6915">
        <v>38032635</v>
      </c>
      <c r="B6915" t="s">
        <v>35575</v>
      </c>
      <c r="C6915" s="1" t="s">
        <v>35576</v>
      </c>
      <c r="D6915">
        <v>38032778</v>
      </c>
      <c r="E6915">
        <v>4</v>
      </c>
      <c r="F6915">
        <v>3</v>
      </c>
      <c r="H6915" t="s">
        <v>35577</v>
      </c>
      <c r="I6915">
        <v>8</v>
      </c>
      <c r="J6915" t="s">
        <v>35578</v>
      </c>
      <c r="K6915" t="s">
        <v>35579</v>
      </c>
      <c r="M6915">
        <v>3960264</v>
      </c>
      <c r="O6915">
        <v>5285894</v>
      </c>
      <c r="P6915">
        <v>1</v>
      </c>
      <c r="Q6915">
        <v>11</v>
      </c>
      <c r="R6915" t="s">
        <v>35580</v>
      </c>
      <c r="S6915">
        <v>82315</v>
      </c>
    </row>
    <row r="6916" spans="1:19" x14ac:dyDescent="0.25">
      <c r="A6916">
        <v>52143665</v>
      </c>
      <c r="B6916" t="s">
        <v>35581</v>
      </c>
      <c r="C6916" t="s">
        <v>35582</v>
      </c>
      <c r="E6916">
        <v>5</v>
      </c>
      <c r="F6916">
        <v>2</v>
      </c>
      <c r="H6916" t="s">
        <v>35583</v>
      </c>
      <c r="I6916">
        <v>0</v>
      </c>
      <c r="J6916" t="s">
        <v>35584</v>
      </c>
      <c r="O6916">
        <v>8770603</v>
      </c>
      <c r="P6916">
        <v>1</v>
      </c>
      <c r="Q6916">
        <v>-1</v>
      </c>
      <c r="R6916" t="s">
        <v>35585</v>
      </c>
      <c r="S6916">
        <v>72</v>
      </c>
    </row>
    <row r="6917" spans="1:19" x14ac:dyDescent="0.25">
      <c r="A6917">
        <v>22670236</v>
      </c>
      <c r="B6917" t="s">
        <v>35586</v>
      </c>
      <c r="C6917" s="1" t="s">
        <v>35587</v>
      </c>
      <c r="E6917">
        <v>0</v>
      </c>
      <c r="F6917">
        <v>11</v>
      </c>
      <c r="H6917" t="s">
        <v>35588</v>
      </c>
      <c r="J6917" t="s">
        <v>35588</v>
      </c>
      <c r="O6917">
        <v>2407531</v>
      </c>
      <c r="P6917">
        <v>1</v>
      </c>
      <c r="Q6917">
        <v>0</v>
      </c>
      <c r="R6917" t="s">
        <v>35589</v>
      </c>
      <c r="S6917">
        <v>294</v>
      </c>
    </row>
    <row r="6918" spans="1:19" x14ac:dyDescent="0.25">
      <c r="A6918">
        <v>25672337</v>
      </c>
      <c r="B6918" t="s">
        <v>35590</v>
      </c>
      <c r="C6918" s="1" t="s">
        <v>35591</v>
      </c>
      <c r="D6918">
        <v>25672486</v>
      </c>
      <c r="E6918">
        <v>1</v>
      </c>
      <c r="F6918">
        <v>0</v>
      </c>
      <c r="H6918" t="s">
        <v>35592</v>
      </c>
      <c r="J6918" t="s">
        <v>35593</v>
      </c>
      <c r="K6918" t="s">
        <v>35593</v>
      </c>
      <c r="M6918">
        <v>650492</v>
      </c>
      <c r="O6918">
        <v>4009065</v>
      </c>
      <c r="P6918">
        <v>1</v>
      </c>
      <c r="Q6918">
        <v>1</v>
      </c>
      <c r="R6918" t="s">
        <v>18090</v>
      </c>
      <c r="S6918">
        <v>1157</v>
      </c>
    </row>
    <row r="6919" spans="1:19" x14ac:dyDescent="0.25">
      <c r="A6919">
        <v>37165890</v>
      </c>
      <c r="B6919" t="s">
        <v>35594</v>
      </c>
      <c r="C6919" s="1" t="s">
        <v>35595</v>
      </c>
      <c r="E6919">
        <v>1</v>
      </c>
      <c r="F6919">
        <v>1</v>
      </c>
      <c r="H6919" t="s">
        <v>35596</v>
      </c>
      <c r="I6919">
        <v>3</v>
      </c>
      <c r="J6919" t="s">
        <v>35597</v>
      </c>
      <c r="K6919" t="s">
        <v>35597</v>
      </c>
      <c r="M6919">
        <v>2515701</v>
      </c>
      <c r="O6919">
        <v>2515701</v>
      </c>
      <c r="P6919">
        <v>1</v>
      </c>
      <c r="Q6919">
        <v>5</v>
      </c>
      <c r="R6919" t="s">
        <v>35598</v>
      </c>
      <c r="S6919">
        <v>465</v>
      </c>
    </row>
    <row r="6920" spans="1:19" x14ac:dyDescent="0.25">
      <c r="A6920">
        <v>50822241</v>
      </c>
      <c r="B6920" t="s">
        <v>35599</v>
      </c>
      <c r="C6920" s="1" t="s">
        <v>35600</v>
      </c>
      <c r="E6920">
        <v>0</v>
      </c>
      <c r="F6920">
        <v>2</v>
      </c>
      <c r="H6920" t="s">
        <v>35601</v>
      </c>
      <c r="J6920" t="s">
        <v>35602</v>
      </c>
      <c r="K6920" t="s">
        <v>35602</v>
      </c>
      <c r="M6920">
        <v>1210329</v>
      </c>
      <c r="O6920">
        <v>1848077</v>
      </c>
      <c r="P6920">
        <v>1</v>
      </c>
      <c r="Q6920">
        <v>1</v>
      </c>
      <c r="R6920" t="s">
        <v>35603</v>
      </c>
      <c r="S6920">
        <v>121</v>
      </c>
    </row>
    <row r="6921" spans="1:19" x14ac:dyDescent="0.25">
      <c r="A6921">
        <v>46109884</v>
      </c>
      <c r="B6921" t="s">
        <v>35604</v>
      </c>
      <c r="C6921" s="1" t="s">
        <v>35605</v>
      </c>
      <c r="E6921">
        <v>2</v>
      </c>
      <c r="F6921">
        <v>3</v>
      </c>
      <c r="H6921" t="s">
        <v>35606</v>
      </c>
      <c r="J6921" t="s">
        <v>35607</v>
      </c>
      <c r="K6921" t="s">
        <v>35608</v>
      </c>
      <c r="M6921">
        <v>1491895</v>
      </c>
      <c r="O6921">
        <v>5769698</v>
      </c>
      <c r="P6921">
        <v>1</v>
      </c>
      <c r="Q6921">
        <v>0</v>
      </c>
      <c r="R6921" t="s">
        <v>24070</v>
      </c>
      <c r="S6921">
        <v>26</v>
      </c>
    </row>
    <row r="6922" spans="1:19" x14ac:dyDescent="0.25">
      <c r="A6922">
        <v>43043266</v>
      </c>
      <c r="B6922" t="s">
        <v>35609</v>
      </c>
      <c r="C6922" s="1" t="s">
        <v>35610</v>
      </c>
      <c r="E6922">
        <v>1</v>
      </c>
      <c r="F6922">
        <v>2</v>
      </c>
      <c r="H6922" t="s">
        <v>35611</v>
      </c>
      <c r="J6922" t="s">
        <v>35612</v>
      </c>
      <c r="O6922">
        <v>2336205</v>
      </c>
      <c r="P6922">
        <v>1</v>
      </c>
      <c r="Q6922">
        <v>0</v>
      </c>
      <c r="R6922" t="s">
        <v>35613</v>
      </c>
      <c r="S6922">
        <v>150</v>
      </c>
    </row>
    <row r="6923" spans="1:19" x14ac:dyDescent="0.25">
      <c r="A6923">
        <v>14765441</v>
      </c>
      <c r="B6923" t="s">
        <v>35614</v>
      </c>
      <c r="C6923" s="1" t="s">
        <v>35615</v>
      </c>
      <c r="D6923">
        <v>14765843</v>
      </c>
      <c r="E6923">
        <v>1</v>
      </c>
      <c r="F6923">
        <v>2</v>
      </c>
      <c r="H6923" t="s">
        <v>35616</v>
      </c>
      <c r="I6923">
        <v>1</v>
      </c>
      <c r="J6923" t="s">
        <v>35617</v>
      </c>
      <c r="O6923">
        <v>976139</v>
      </c>
      <c r="P6923">
        <v>1</v>
      </c>
      <c r="Q6923">
        <v>0</v>
      </c>
      <c r="R6923" t="s">
        <v>35618</v>
      </c>
      <c r="S6923">
        <v>4604</v>
      </c>
    </row>
    <row r="6924" spans="1:19" x14ac:dyDescent="0.25">
      <c r="A6924">
        <v>16169645</v>
      </c>
      <c r="B6924" t="s">
        <v>35619</v>
      </c>
      <c r="C6924" s="1" t="s">
        <v>35620</v>
      </c>
      <c r="D6924">
        <v>29321431</v>
      </c>
      <c r="E6924">
        <v>2</v>
      </c>
      <c r="F6924">
        <v>0</v>
      </c>
      <c r="H6924" t="s">
        <v>35621</v>
      </c>
      <c r="I6924">
        <v>1</v>
      </c>
      <c r="J6924" t="s">
        <v>35622</v>
      </c>
      <c r="O6924">
        <v>476660</v>
      </c>
      <c r="P6924">
        <v>1</v>
      </c>
      <c r="Q6924">
        <v>12</v>
      </c>
      <c r="R6924" t="s">
        <v>35623</v>
      </c>
      <c r="S6924">
        <v>4916</v>
      </c>
    </row>
    <row r="6925" spans="1:19" x14ac:dyDescent="0.25">
      <c r="A6925">
        <v>30688113</v>
      </c>
      <c r="B6925" t="s">
        <v>35624</v>
      </c>
      <c r="C6925" s="1" t="s">
        <v>35625</v>
      </c>
      <c r="E6925">
        <v>1</v>
      </c>
      <c r="F6925">
        <v>0</v>
      </c>
      <c r="H6925" t="s">
        <v>35626</v>
      </c>
      <c r="J6925" t="s">
        <v>35627</v>
      </c>
      <c r="K6925" t="s">
        <v>35628</v>
      </c>
      <c r="M6925">
        <v>1905949</v>
      </c>
      <c r="O6925">
        <v>4826286</v>
      </c>
      <c r="P6925">
        <v>1</v>
      </c>
      <c r="Q6925">
        <v>0</v>
      </c>
      <c r="R6925" t="s">
        <v>35629</v>
      </c>
      <c r="S6925">
        <v>2512</v>
      </c>
    </row>
    <row r="6926" spans="1:19" x14ac:dyDescent="0.25">
      <c r="A6926">
        <v>1793411</v>
      </c>
      <c r="B6926" t="s">
        <v>35630</v>
      </c>
      <c r="C6926" s="1" t="s">
        <v>35631</v>
      </c>
      <c r="D6926">
        <v>1793555</v>
      </c>
      <c r="E6926">
        <v>5</v>
      </c>
      <c r="F6926">
        <v>3</v>
      </c>
      <c r="H6926" t="s">
        <v>35632</v>
      </c>
      <c r="I6926">
        <v>4</v>
      </c>
      <c r="J6926" t="s">
        <v>35633</v>
      </c>
      <c r="K6926" t="s">
        <v>35634</v>
      </c>
      <c r="M6926">
        <v>23903</v>
      </c>
      <c r="O6926">
        <v>23903</v>
      </c>
      <c r="P6926">
        <v>1</v>
      </c>
      <c r="Q6926">
        <v>4</v>
      </c>
      <c r="R6926" t="s">
        <v>35635</v>
      </c>
      <c r="S6926">
        <v>3473</v>
      </c>
    </row>
    <row r="6927" spans="1:19" x14ac:dyDescent="0.25">
      <c r="A6927">
        <v>5421069</v>
      </c>
      <c r="B6927" t="s">
        <v>35636</v>
      </c>
      <c r="C6927" s="1" t="s">
        <v>35637</v>
      </c>
      <c r="E6927">
        <v>1</v>
      </c>
      <c r="F6927">
        <v>2</v>
      </c>
      <c r="H6927" t="s">
        <v>35638</v>
      </c>
      <c r="J6927" t="s">
        <v>35639</v>
      </c>
      <c r="O6927">
        <v>651280</v>
      </c>
      <c r="P6927">
        <v>1</v>
      </c>
      <c r="Q6927">
        <v>0</v>
      </c>
      <c r="R6927" t="s">
        <v>2771</v>
      </c>
      <c r="S6927">
        <v>188</v>
      </c>
    </row>
    <row r="6928" spans="1:19" x14ac:dyDescent="0.25">
      <c r="A6928">
        <v>23838658</v>
      </c>
      <c r="B6928" t="s">
        <v>35640</v>
      </c>
      <c r="C6928" s="1" t="s">
        <v>35641</v>
      </c>
      <c r="D6928">
        <v>23844539</v>
      </c>
      <c r="E6928">
        <v>1</v>
      </c>
      <c r="F6928">
        <v>2</v>
      </c>
      <c r="H6928" t="s">
        <v>35642</v>
      </c>
      <c r="J6928" t="s">
        <v>35643</v>
      </c>
      <c r="K6928" t="s">
        <v>35644</v>
      </c>
      <c r="M6928">
        <v>461887</v>
      </c>
      <c r="O6928">
        <v>461887</v>
      </c>
      <c r="P6928">
        <v>1</v>
      </c>
      <c r="Q6928">
        <v>0</v>
      </c>
      <c r="R6928" t="s">
        <v>35645</v>
      </c>
      <c r="S6928">
        <v>1991</v>
      </c>
    </row>
    <row r="6929" spans="1:19" x14ac:dyDescent="0.25">
      <c r="A6929">
        <v>45529714</v>
      </c>
      <c r="B6929" t="s">
        <v>35646</v>
      </c>
      <c r="C6929" s="1" t="s">
        <v>35647</v>
      </c>
      <c r="D6929">
        <v>45530171</v>
      </c>
      <c r="E6929">
        <v>1</v>
      </c>
      <c r="F6929">
        <v>0</v>
      </c>
      <c r="H6929" t="s">
        <v>35648</v>
      </c>
      <c r="J6929" t="s">
        <v>35649</v>
      </c>
      <c r="K6929" t="s">
        <v>35649</v>
      </c>
      <c r="M6929">
        <v>3599535</v>
      </c>
      <c r="O6929">
        <v>7797288</v>
      </c>
      <c r="P6929">
        <v>1</v>
      </c>
      <c r="Q6929">
        <v>1</v>
      </c>
      <c r="R6929" t="s">
        <v>7995</v>
      </c>
      <c r="S6929">
        <v>78</v>
      </c>
    </row>
    <row r="6930" spans="1:19" x14ac:dyDescent="0.25">
      <c r="A6930">
        <v>4502346</v>
      </c>
      <c r="B6930" t="s">
        <v>35650</v>
      </c>
      <c r="C6930" s="1" t="s">
        <v>35651</v>
      </c>
      <c r="D6930">
        <v>4503634</v>
      </c>
      <c r="E6930">
        <v>1</v>
      </c>
      <c r="F6930">
        <v>0</v>
      </c>
      <c r="H6930" t="s">
        <v>35652</v>
      </c>
      <c r="I6930">
        <v>3</v>
      </c>
      <c r="J6930" t="s">
        <v>35653</v>
      </c>
      <c r="O6930">
        <v>375958</v>
      </c>
      <c r="P6930">
        <v>1</v>
      </c>
      <c r="Q6930">
        <v>6</v>
      </c>
      <c r="R6930" t="s">
        <v>35654</v>
      </c>
      <c r="S6930">
        <v>6371</v>
      </c>
    </row>
    <row r="6931" spans="1:19" x14ac:dyDescent="0.25">
      <c r="A6931">
        <v>35632367</v>
      </c>
      <c r="B6931" t="s">
        <v>35655</v>
      </c>
      <c r="C6931" s="1" t="s">
        <v>35656</v>
      </c>
      <c r="D6931">
        <v>35632574</v>
      </c>
      <c r="E6931">
        <v>1</v>
      </c>
      <c r="F6931">
        <v>10</v>
      </c>
      <c r="H6931" t="s">
        <v>35657</v>
      </c>
      <c r="J6931" t="s">
        <v>35658</v>
      </c>
      <c r="O6931">
        <v>3599549</v>
      </c>
      <c r="P6931">
        <v>1</v>
      </c>
      <c r="Q6931">
        <v>-4</v>
      </c>
      <c r="R6931" t="s">
        <v>35659</v>
      </c>
      <c r="S6931">
        <v>79</v>
      </c>
    </row>
    <row r="6932" spans="1:19" x14ac:dyDescent="0.25">
      <c r="A6932">
        <v>31777606</v>
      </c>
      <c r="B6932" t="s">
        <v>35660</v>
      </c>
      <c r="C6932" s="1" t="s">
        <v>35661</v>
      </c>
      <c r="D6932">
        <v>31777633</v>
      </c>
      <c r="E6932">
        <v>1</v>
      </c>
      <c r="F6932">
        <v>0</v>
      </c>
      <c r="H6932" t="s">
        <v>35662</v>
      </c>
      <c r="J6932" t="s">
        <v>35663</v>
      </c>
      <c r="O6932">
        <v>5183700</v>
      </c>
      <c r="P6932">
        <v>1</v>
      </c>
      <c r="Q6932">
        <v>2</v>
      </c>
      <c r="R6932" t="s">
        <v>6962</v>
      </c>
      <c r="S6932">
        <v>45</v>
      </c>
    </row>
    <row r="6933" spans="1:19" x14ac:dyDescent="0.25">
      <c r="A6933">
        <v>38832991</v>
      </c>
      <c r="B6933" t="s">
        <v>35664</v>
      </c>
      <c r="C6933" s="1" t="s">
        <v>35665</v>
      </c>
      <c r="E6933">
        <v>1</v>
      </c>
      <c r="F6933">
        <v>0</v>
      </c>
      <c r="H6933" t="s">
        <v>35666</v>
      </c>
      <c r="J6933" t="s">
        <v>35667</v>
      </c>
      <c r="K6933" t="s">
        <v>35668</v>
      </c>
      <c r="M6933">
        <v>13302</v>
      </c>
      <c r="O6933">
        <v>456332</v>
      </c>
      <c r="P6933">
        <v>1</v>
      </c>
      <c r="Q6933">
        <v>0</v>
      </c>
      <c r="R6933" t="s">
        <v>35669</v>
      </c>
      <c r="S6933">
        <v>46</v>
      </c>
    </row>
    <row r="6934" spans="1:19" x14ac:dyDescent="0.25">
      <c r="A6934">
        <v>30226530</v>
      </c>
      <c r="B6934" t="s">
        <v>35670</v>
      </c>
      <c r="C6934" s="1" t="s">
        <v>35671</v>
      </c>
      <c r="D6934">
        <v>30226841</v>
      </c>
      <c r="E6934">
        <v>1</v>
      </c>
      <c r="F6934">
        <v>1</v>
      </c>
      <c r="H6934" t="s">
        <v>35672</v>
      </c>
      <c r="I6934">
        <v>1</v>
      </c>
      <c r="J6934" t="s">
        <v>35673</v>
      </c>
      <c r="O6934">
        <v>4897415</v>
      </c>
      <c r="P6934">
        <v>1</v>
      </c>
      <c r="Q6934">
        <v>1</v>
      </c>
      <c r="R6934" t="s">
        <v>35674</v>
      </c>
      <c r="S6934">
        <v>2017</v>
      </c>
    </row>
    <row r="6935" spans="1:19" x14ac:dyDescent="0.25">
      <c r="A6935">
        <v>51573524</v>
      </c>
      <c r="B6935" t="s">
        <v>35675</v>
      </c>
      <c r="C6935" s="1" t="s">
        <v>35676</v>
      </c>
      <c r="E6935">
        <v>0</v>
      </c>
      <c r="F6935">
        <v>1</v>
      </c>
      <c r="H6935" t="s">
        <v>35677</v>
      </c>
      <c r="J6935" t="s">
        <v>35677</v>
      </c>
      <c r="O6935">
        <v>9649680</v>
      </c>
      <c r="P6935">
        <v>1</v>
      </c>
      <c r="Q6935">
        <v>0</v>
      </c>
      <c r="R6935" t="s">
        <v>35678</v>
      </c>
      <c r="S6935">
        <v>58</v>
      </c>
    </row>
    <row r="6936" spans="1:19" x14ac:dyDescent="0.25">
      <c r="A6936">
        <v>10047449</v>
      </c>
      <c r="B6936" t="s">
        <v>35679</v>
      </c>
      <c r="C6936" s="1" t="s">
        <v>35680</v>
      </c>
      <c r="E6936">
        <v>2</v>
      </c>
      <c r="F6936">
        <v>1</v>
      </c>
      <c r="H6936" t="s">
        <v>35681</v>
      </c>
      <c r="J6936" t="s">
        <v>35682</v>
      </c>
      <c r="K6936" t="s">
        <v>35683</v>
      </c>
      <c r="M6936">
        <v>1010691</v>
      </c>
      <c r="O6936">
        <v>1010691</v>
      </c>
      <c r="P6936">
        <v>1</v>
      </c>
      <c r="Q6936">
        <v>2</v>
      </c>
      <c r="R6936" t="s">
        <v>35684</v>
      </c>
      <c r="S6936">
        <v>1005</v>
      </c>
    </row>
    <row r="6937" spans="1:19" x14ac:dyDescent="0.25">
      <c r="A6937">
        <v>21587350</v>
      </c>
      <c r="B6937" t="s">
        <v>35685</v>
      </c>
      <c r="C6937" s="1" t="s">
        <v>35686</v>
      </c>
      <c r="D6937">
        <v>21588022</v>
      </c>
      <c r="E6937">
        <v>1</v>
      </c>
      <c r="F6937">
        <v>11</v>
      </c>
      <c r="H6937" t="s">
        <v>35687</v>
      </c>
      <c r="J6937" t="s">
        <v>35688</v>
      </c>
      <c r="K6937" t="s">
        <v>35689</v>
      </c>
      <c r="M6937">
        <v>1822704</v>
      </c>
      <c r="O6937">
        <v>1822704</v>
      </c>
      <c r="P6937">
        <v>1</v>
      </c>
      <c r="Q6937">
        <v>0</v>
      </c>
      <c r="R6937" t="s">
        <v>35690</v>
      </c>
      <c r="S6937">
        <v>474</v>
      </c>
    </row>
    <row r="6938" spans="1:19" x14ac:dyDescent="0.25">
      <c r="A6938">
        <v>9192020</v>
      </c>
      <c r="B6938" t="s">
        <v>35691</v>
      </c>
      <c r="C6938" s="1" t="s">
        <v>35692</v>
      </c>
      <c r="D6938">
        <v>9196058</v>
      </c>
      <c r="E6938">
        <v>1</v>
      </c>
      <c r="F6938">
        <v>0</v>
      </c>
      <c r="H6938" t="s">
        <v>35693</v>
      </c>
      <c r="I6938">
        <v>1</v>
      </c>
      <c r="J6938" t="s">
        <v>35694</v>
      </c>
      <c r="K6938" t="s">
        <v>35695</v>
      </c>
      <c r="M6938">
        <v>185412</v>
      </c>
      <c r="O6938">
        <v>185412</v>
      </c>
      <c r="P6938">
        <v>1</v>
      </c>
      <c r="Q6938">
        <v>0</v>
      </c>
      <c r="R6938" t="s">
        <v>35696</v>
      </c>
      <c r="S6938">
        <v>315</v>
      </c>
    </row>
    <row r="6939" spans="1:19" x14ac:dyDescent="0.25">
      <c r="A6939">
        <v>28402724</v>
      </c>
      <c r="B6939" t="s">
        <v>35697</v>
      </c>
      <c r="C6939" s="1" t="s">
        <v>35698</v>
      </c>
      <c r="E6939">
        <v>1</v>
      </c>
      <c r="F6939">
        <v>3</v>
      </c>
      <c r="H6939" t="s">
        <v>35699</v>
      </c>
      <c r="J6939" t="s">
        <v>35700</v>
      </c>
      <c r="O6939">
        <v>71422</v>
      </c>
      <c r="P6939">
        <v>1</v>
      </c>
      <c r="Q6939">
        <v>0</v>
      </c>
      <c r="R6939" t="s">
        <v>35701</v>
      </c>
      <c r="S6939">
        <v>304</v>
      </c>
    </row>
    <row r="6940" spans="1:19" x14ac:dyDescent="0.25">
      <c r="A6940">
        <v>18638807</v>
      </c>
      <c r="B6940" t="s">
        <v>35702</v>
      </c>
      <c r="C6940" s="1" t="s">
        <v>35703</v>
      </c>
      <c r="E6940">
        <v>1</v>
      </c>
      <c r="F6940">
        <v>0</v>
      </c>
      <c r="H6940" t="s">
        <v>35704</v>
      </c>
      <c r="J6940" t="s">
        <v>35705</v>
      </c>
      <c r="O6940">
        <v>451678</v>
      </c>
      <c r="P6940">
        <v>1</v>
      </c>
      <c r="Q6940">
        <v>2</v>
      </c>
      <c r="R6940" t="s">
        <v>35706</v>
      </c>
      <c r="S6940">
        <v>1410</v>
      </c>
    </row>
    <row r="6941" spans="1:19" x14ac:dyDescent="0.25">
      <c r="A6941">
        <v>52096751</v>
      </c>
      <c r="B6941" t="s">
        <v>35707</v>
      </c>
      <c r="C6941" s="1" t="s">
        <v>35708</v>
      </c>
      <c r="E6941">
        <v>0</v>
      </c>
      <c r="F6941">
        <v>4</v>
      </c>
      <c r="H6941" t="s">
        <v>35709</v>
      </c>
      <c r="J6941" t="s">
        <v>35710</v>
      </c>
      <c r="K6941" t="s">
        <v>35710</v>
      </c>
      <c r="M6941">
        <v>10294810</v>
      </c>
      <c r="O6941">
        <v>10294810</v>
      </c>
      <c r="P6941">
        <v>1</v>
      </c>
      <c r="Q6941">
        <v>0</v>
      </c>
      <c r="R6941" t="s">
        <v>35711</v>
      </c>
      <c r="S6941">
        <v>72</v>
      </c>
    </row>
    <row r="6942" spans="1:19" x14ac:dyDescent="0.25">
      <c r="A6942">
        <v>25553940</v>
      </c>
      <c r="B6942" t="s">
        <v>35712</v>
      </c>
      <c r="C6942" s="1" t="s">
        <v>35713</v>
      </c>
      <c r="E6942">
        <v>0</v>
      </c>
      <c r="F6942">
        <v>0</v>
      </c>
      <c r="H6942" t="s">
        <v>35714</v>
      </c>
      <c r="I6942">
        <v>1</v>
      </c>
      <c r="J6942" t="s">
        <v>35714</v>
      </c>
      <c r="O6942">
        <v>3789629</v>
      </c>
      <c r="P6942">
        <v>1</v>
      </c>
      <c r="Q6942">
        <v>1</v>
      </c>
      <c r="R6942" t="s">
        <v>35715</v>
      </c>
      <c r="S6942">
        <v>202</v>
      </c>
    </row>
    <row r="6943" spans="1:19" x14ac:dyDescent="0.25">
      <c r="A6943">
        <v>43188492</v>
      </c>
      <c r="B6943" t="s">
        <v>35716</v>
      </c>
      <c r="C6943" s="1" t="s">
        <v>35717</v>
      </c>
      <c r="D6943">
        <v>43188614</v>
      </c>
      <c r="E6943">
        <v>1</v>
      </c>
      <c r="F6943">
        <v>0</v>
      </c>
      <c r="H6943" t="s">
        <v>35718</v>
      </c>
      <c r="J6943" t="s">
        <v>35719</v>
      </c>
      <c r="K6943" t="s">
        <v>35720</v>
      </c>
      <c r="M6943">
        <v>2976878</v>
      </c>
      <c r="O6943">
        <v>4470206</v>
      </c>
      <c r="P6943">
        <v>1</v>
      </c>
      <c r="Q6943">
        <v>2</v>
      </c>
      <c r="R6943" t="s">
        <v>35721</v>
      </c>
      <c r="S6943">
        <v>62</v>
      </c>
    </row>
    <row r="6944" spans="1:19" x14ac:dyDescent="0.25">
      <c r="A6944">
        <v>7384212</v>
      </c>
      <c r="B6944" t="s">
        <v>35722</v>
      </c>
      <c r="C6944" s="1" t="s">
        <v>35723</v>
      </c>
      <c r="D6944">
        <v>7384697</v>
      </c>
      <c r="E6944">
        <v>2</v>
      </c>
      <c r="F6944">
        <v>1</v>
      </c>
      <c r="H6944" t="s">
        <v>35724</v>
      </c>
      <c r="I6944">
        <v>0</v>
      </c>
      <c r="J6944" t="s">
        <v>35725</v>
      </c>
      <c r="K6944" t="s">
        <v>35725</v>
      </c>
      <c r="M6944">
        <v>64046</v>
      </c>
      <c r="O6944">
        <v>940001</v>
      </c>
      <c r="P6944">
        <v>1</v>
      </c>
      <c r="Q6944">
        <v>2</v>
      </c>
      <c r="R6944" t="s">
        <v>35726</v>
      </c>
      <c r="S6944">
        <v>240</v>
      </c>
    </row>
    <row r="6945" spans="1:19" x14ac:dyDescent="0.25">
      <c r="A6945">
        <v>47183288</v>
      </c>
      <c r="B6945" t="s">
        <v>35727</v>
      </c>
      <c r="C6945" s="1" t="s">
        <v>35728</v>
      </c>
      <c r="D6945">
        <v>47183450</v>
      </c>
      <c r="E6945">
        <v>2</v>
      </c>
      <c r="F6945">
        <v>4</v>
      </c>
      <c r="H6945" t="s">
        <v>35729</v>
      </c>
      <c r="J6945" t="s">
        <v>35730</v>
      </c>
      <c r="K6945" t="s">
        <v>35731</v>
      </c>
      <c r="M6945">
        <v>2067991</v>
      </c>
      <c r="O6945">
        <v>2067991</v>
      </c>
      <c r="P6945">
        <v>1</v>
      </c>
      <c r="Q6945">
        <v>-2</v>
      </c>
      <c r="R6945" t="s">
        <v>9846</v>
      </c>
      <c r="S6945">
        <v>264</v>
      </c>
    </row>
    <row r="6946" spans="1:19" x14ac:dyDescent="0.25">
      <c r="A6946">
        <v>16109471</v>
      </c>
      <c r="B6946" t="s">
        <v>35732</v>
      </c>
      <c r="C6946" s="1" t="s">
        <v>35733</v>
      </c>
      <c r="E6946">
        <v>4</v>
      </c>
      <c r="F6946">
        <v>0</v>
      </c>
      <c r="H6946" t="s">
        <v>35734</v>
      </c>
      <c r="J6946" t="s">
        <v>35735</v>
      </c>
      <c r="O6946">
        <v>2298881</v>
      </c>
      <c r="P6946">
        <v>1</v>
      </c>
      <c r="Q6946">
        <v>3</v>
      </c>
      <c r="R6946" t="s">
        <v>35736</v>
      </c>
      <c r="S6946">
        <v>32004</v>
      </c>
    </row>
    <row r="6947" spans="1:19" x14ac:dyDescent="0.25">
      <c r="A6947">
        <v>49664624</v>
      </c>
      <c r="B6947" t="s">
        <v>35737</v>
      </c>
      <c r="C6947" s="1" t="s">
        <v>35738</v>
      </c>
      <c r="E6947">
        <v>0</v>
      </c>
      <c r="F6947">
        <v>0</v>
      </c>
      <c r="H6947" t="s">
        <v>35739</v>
      </c>
      <c r="J6947" t="s">
        <v>35739</v>
      </c>
      <c r="O6947">
        <v>3308570</v>
      </c>
      <c r="P6947">
        <v>1</v>
      </c>
      <c r="Q6947">
        <v>0</v>
      </c>
      <c r="R6947" t="s">
        <v>4668</v>
      </c>
      <c r="S6947">
        <v>36</v>
      </c>
    </row>
    <row r="6948" spans="1:19" x14ac:dyDescent="0.25">
      <c r="A6948">
        <v>2120185</v>
      </c>
      <c r="B6948" t="s">
        <v>35740</v>
      </c>
      <c r="C6948" s="1" t="s">
        <v>35741</v>
      </c>
      <c r="D6948">
        <v>2120224</v>
      </c>
      <c r="E6948">
        <v>3</v>
      </c>
      <c r="F6948">
        <v>0</v>
      </c>
      <c r="H6948" t="s">
        <v>35742</v>
      </c>
      <c r="I6948">
        <v>1</v>
      </c>
      <c r="J6948" t="s">
        <v>35743</v>
      </c>
      <c r="O6948">
        <v>35247</v>
      </c>
      <c r="P6948">
        <v>1</v>
      </c>
      <c r="Q6948">
        <v>2</v>
      </c>
      <c r="R6948" t="s">
        <v>4913</v>
      </c>
      <c r="S6948">
        <v>530</v>
      </c>
    </row>
    <row r="6949" spans="1:19" x14ac:dyDescent="0.25">
      <c r="A6949">
        <v>17547504</v>
      </c>
      <c r="B6949" t="s">
        <v>35744</v>
      </c>
      <c r="C6949" s="1" t="s">
        <v>35745</v>
      </c>
      <c r="E6949">
        <v>0</v>
      </c>
      <c r="F6949">
        <v>4</v>
      </c>
      <c r="H6949" t="s">
        <v>35746</v>
      </c>
      <c r="I6949">
        <v>1</v>
      </c>
      <c r="J6949" t="s">
        <v>35747</v>
      </c>
      <c r="O6949">
        <v>421372</v>
      </c>
      <c r="P6949">
        <v>1</v>
      </c>
      <c r="Q6949">
        <v>0</v>
      </c>
      <c r="R6949" t="s">
        <v>35748</v>
      </c>
      <c r="S6949">
        <v>150</v>
      </c>
    </row>
    <row r="6950" spans="1:19" x14ac:dyDescent="0.25">
      <c r="A6950">
        <v>18118488</v>
      </c>
      <c r="B6950" t="s">
        <v>35749</v>
      </c>
      <c r="C6950" s="1" t="s">
        <v>35750</v>
      </c>
      <c r="E6950">
        <v>0</v>
      </c>
      <c r="F6950">
        <v>2</v>
      </c>
      <c r="H6950" t="s">
        <v>35751</v>
      </c>
      <c r="J6950" t="s">
        <v>35751</v>
      </c>
      <c r="O6950">
        <v>2073721</v>
      </c>
      <c r="P6950">
        <v>1</v>
      </c>
      <c r="Q6950">
        <v>0</v>
      </c>
      <c r="R6950" t="s">
        <v>35752</v>
      </c>
      <c r="S6950">
        <v>134</v>
      </c>
    </row>
    <row r="6951" spans="1:19" x14ac:dyDescent="0.25">
      <c r="A6951">
        <v>47444750</v>
      </c>
      <c r="B6951" t="s">
        <v>35753</v>
      </c>
      <c r="C6951" s="1" t="s">
        <v>35754</v>
      </c>
      <c r="E6951">
        <v>1</v>
      </c>
      <c r="F6951">
        <v>0</v>
      </c>
      <c r="H6951" t="s">
        <v>35755</v>
      </c>
      <c r="J6951" t="s">
        <v>35756</v>
      </c>
      <c r="O6951">
        <v>8966924</v>
      </c>
      <c r="P6951">
        <v>1</v>
      </c>
      <c r="Q6951">
        <v>2</v>
      </c>
      <c r="R6951" t="s">
        <v>35757</v>
      </c>
      <c r="S6951">
        <v>632</v>
      </c>
    </row>
    <row r="6952" spans="1:19" x14ac:dyDescent="0.25">
      <c r="A6952">
        <v>34349244</v>
      </c>
      <c r="B6952" t="s">
        <v>35758</v>
      </c>
      <c r="C6952" s="1" t="s">
        <v>35759</v>
      </c>
      <c r="D6952">
        <v>34349914</v>
      </c>
      <c r="E6952">
        <v>3</v>
      </c>
      <c r="F6952">
        <v>2</v>
      </c>
      <c r="H6952" t="s">
        <v>35760</v>
      </c>
      <c r="J6952" t="s">
        <v>35761</v>
      </c>
      <c r="K6952" t="s">
        <v>35761</v>
      </c>
      <c r="M6952">
        <v>2311633</v>
      </c>
      <c r="O6952">
        <v>5689335</v>
      </c>
      <c r="P6952">
        <v>1</v>
      </c>
      <c r="Q6952">
        <v>2</v>
      </c>
      <c r="R6952" t="s">
        <v>35762</v>
      </c>
      <c r="S6952">
        <v>2795</v>
      </c>
    </row>
    <row r="6953" spans="1:19" x14ac:dyDescent="0.25">
      <c r="A6953">
        <v>34778927</v>
      </c>
      <c r="B6953" t="s">
        <v>35763</v>
      </c>
      <c r="C6953" s="1" t="s">
        <v>35764</v>
      </c>
      <c r="E6953">
        <v>1</v>
      </c>
      <c r="F6953">
        <v>0</v>
      </c>
      <c r="H6953" t="s">
        <v>35765</v>
      </c>
      <c r="J6953" t="s">
        <v>35766</v>
      </c>
      <c r="K6953" t="s">
        <v>35766</v>
      </c>
      <c r="M6953">
        <v>4932070</v>
      </c>
      <c r="O6953">
        <v>5744495</v>
      </c>
      <c r="P6953">
        <v>1</v>
      </c>
      <c r="Q6953">
        <v>-1</v>
      </c>
      <c r="R6953" t="s">
        <v>35767</v>
      </c>
      <c r="S6953">
        <v>1163</v>
      </c>
    </row>
    <row r="6954" spans="1:19" x14ac:dyDescent="0.25">
      <c r="A6954">
        <v>1617871</v>
      </c>
      <c r="B6954" t="s">
        <v>35768</v>
      </c>
      <c r="C6954" s="1" t="s">
        <v>35769</v>
      </c>
      <c r="D6954">
        <v>1792432</v>
      </c>
      <c r="E6954">
        <v>1</v>
      </c>
      <c r="F6954">
        <v>0</v>
      </c>
      <c r="H6954" t="s">
        <v>35770</v>
      </c>
      <c r="I6954">
        <v>0</v>
      </c>
      <c r="J6954" t="s">
        <v>35771</v>
      </c>
      <c r="O6954">
        <v>39068</v>
      </c>
      <c r="P6954">
        <v>1</v>
      </c>
      <c r="Q6954">
        <v>1</v>
      </c>
      <c r="R6954" t="s">
        <v>35772</v>
      </c>
      <c r="S6954">
        <v>2327</v>
      </c>
    </row>
    <row r="6955" spans="1:19" x14ac:dyDescent="0.25">
      <c r="A6955">
        <v>2983129</v>
      </c>
      <c r="B6955" t="s">
        <v>35773</v>
      </c>
      <c r="C6955" s="1" t="s">
        <v>35774</v>
      </c>
      <c r="D6955">
        <v>2983400</v>
      </c>
      <c r="E6955">
        <v>2</v>
      </c>
      <c r="F6955">
        <v>0</v>
      </c>
      <c r="H6955" t="s">
        <v>35775</v>
      </c>
      <c r="J6955" t="s">
        <v>35776</v>
      </c>
      <c r="O6955">
        <v>144695</v>
      </c>
      <c r="P6955">
        <v>1</v>
      </c>
      <c r="Q6955">
        <v>3</v>
      </c>
      <c r="R6955" t="s">
        <v>35777</v>
      </c>
      <c r="S6955">
        <v>3570</v>
      </c>
    </row>
    <row r="6956" spans="1:19" x14ac:dyDescent="0.25">
      <c r="A6956">
        <v>14587140</v>
      </c>
      <c r="B6956" t="s">
        <v>35778</v>
      </c>
      <c r="C6956" s="1" t="s">
        <v>35779</v>
      </c>
      <c r="D6956">
        <v>14590822</v>
      </c>
      <c r="E6956">
        <v>2</v>
      </c>
      <c r="F6956">
        <v>10</v>
      </c>
      <c r="H6956" t="s">
        <v>35780</v>
      </c>
      <c r="J6956" t="s">
        <v>35781</v>
      </c>
      <c r="K6956" t="s">
        <v>35782</v>
      </c>
      <c r="M6956">
        <v>125816</v>
      </c>
      <c r="O6956">
        <v>1241571</v>
      </c>
      <c r="P6956">
        <v>1</v>
      </c>
      <c r="Q6956">
        <v>0</v>
      </c>
      <c r="R6956" t="s">
        <v>35783</v>
      </c>
      <c r="S6956">
        <v>172</v>
      </c>
    </row>
    <row r="6957" spans="1:19" x14ac:dyDescent="0.25">
      <c r="A6957">
        <v>20179116</v>
      </c>
      <c r="B6957" t="s">
        <v>35784</v>
      </c>
      <c r="C6957" s="1" t="s">
        <v>35785</v>
      </c>
      <c r="D6957">
        <v>20179286</v>
      </c>
      <c r="E6957">
        <v>1</v>
      </c>
      <c r="F6957">
        <v>4</v>
      </c>
      <c r="H6957" t="s">
        <v>35786</v>
      </c>
      <c r="J6957" t="s">
        <v>35787</v>
      </c>
      <c r="K6957" t="s">
        <v>35788</v>
      </c>
      <c r="M6957">
        <v>-1</v>
      </c>
      <c r="O6957">
        <v>1150282</v>
      </c>
      <c r="P6957">
        <v>1</v>
      </c>
      <c r="Q6957">
        <v>0</v>
      </c>
      <c r="R6957" t="s">
        <v>35789</v>
      </c>
      <c r="S6957">
        <v>170</v>
      </c>
    </row>
    <row r="6958" spans="1:19" x14ac:dyDescent="0.25">
      <c r="A6958">
        <v>27155688</v>
      </c>
      <c r="B6958" t="s">
        <v>35790</v>
      </c>
      <c r="C6958" s="1" t="s">
        <v>35791</v>
      </c>
      <c r="D6958">
        <v>27157065</v>
      </c>
      <c r="E6958">
        <v>1</v>
      </c>
      <c r="F6958">
        <v>0</v>
      </c>
      <c r="H6958" t="s">
        <v>35792</v>
      </c>
      <c r="J6958" t="s">
        <v>35793</v>
      </c>
      <c r="O6958">
        <v>3472835</v>
      </c>
      <c r="P6958">
        <v>1</v>
      </c>
      <c r="Q6958">
        <v>2</v>
      </c>
      <c r="R6958" t="s">
        <v>35794</v>
      </c>
      <c r="S6958">
        <v>1791</v>
      </c>
    </row>
    <row r="6959" spans="1:19" x14ac:dyDescent="0.25">
      <c r="A6959">
        <v>19106471</v>
      </c>
      <c r="B6959" t="s">
        <v>35795</v>
      </c>
      <c r="C6959" s="1" t="s">
        <v>35796</v>
      </c>
      <c r="E6959">
        <v>1</v>
      </c>
      <c r="F6959">
        <v>1</v>
      </c>
      <c r="H6959" t="s">
        <v>35797</v>
      </c>
      <c r="J6959" t="s">
        <v>35798</v>
      </c>
      <c r="O6959">
        <v>2832881</v>
      </c>
      <c r="P6959">
        <v>1</v>
      </c>
      <c r="Q6959">
        <v>0</v>
      </c>
      <c r="R6959" t="s">
        <v>35799</v>
      </c>
      <c r="S6959">
        <v>211</v>
      </c>
    </row>
    <row r="6960" spans="1:19" x14ac:dyDescent="0.25">
      <c r="A6960">
        <v>36917710</v>
      </c>
      <c r="B6960" t="s">
        <v>35800</v>
      </c>
      <c r="C6960" s="1" t="s">
        <v>35801</v>
      </c>
      <c r="E6960">
        <v>1</v>
      </c>
      <c r="F6960">
        <v>2</v>
      </c>
      <c r="H6960" t="s">
        <v>35802</v>
      </c>
      <c r="J6960" t="s">
        <v>35803</v>
      </c>
      <c r="K6960" t="s">
        <v>35804</v>
      </c>
      <c r="M6960">
        <v>5248253</v>
      </c>
      <c r="O6960">
        <v>5248253</v>
      </c>
      <c r="P6960">
        <v>1</v>
      </c>
      <c r="Q6960">
        <v>0</v>
      </c>
      <c r="R6960" t="s">
        <v>35805</v>
      </c>
      <c r="S6960">
        <v>114</v>
      </c>
    </row>
    <row r="6961" spans="1:19" x14ac:dyDescent="0.25">
      <c r="A6961">
        <v>31634008</v>
      </c>
      <c r="B6961" t="s">
        <v>35806</v>
      </c>
      <c r="C6961" s="1" t="s">
        <v>35807</v>
      </c>
      <c r="E6961">
        <v>0</v>
      </c>
      <c r="F6961">
        <v>7</v>
      </c>
      <c r="H6961" t="s">
        <v>35808</v>
      </c>
      <c r="J6961" t="s">
        <v>35808</v>
      </c>
      <c r="O6961">
        <v>5156767</v>
      </c>
      <c r="P6961">
        <v>1</v>
      </c>
      <c r="Q6961">
        <v>0</v>
      </c>
      <c r="R6961" t="s">
        <v>35809</v>
      </c>
      <c r="S6961">
        <v>33</v>
      </c>
    </row>
    <row r="6962" spans="1:19" x14ac:dyDescent="0.25">
      <c r="A6962">
        <v>40070478</v>
      </c>
      <c r="B6962" t="s">
        <v>35810</v>
      </c>
      <c r="C6962" s="1" t="s">
        <v>35811</v>
      </c>
      <c r="D6962">
        <v>40071232</v>
      </c>
      <c r="E6962">
        <v>2</v>
      </c>
      <c r="F6962">
        <v>5</v>
      </c>
      <c r="H6962" t="s">
        <v>35812</v>
      </c>
      <c r="J6962" t="s">
        <v>35813</v>
      </c>
      <c r="K6962" t="s">
        <v>35814</v>
      </c>
      <c r="M6962">
        <v>6342812</v>
      </c>
      <c r="O6962">
        <v>6023468</v>
      </c>
      <c r="P6962">
        <v>1</v>
      </c>
      <c r="Q6962">
        <v>0</v>
      </c>
      <c r="R6962" t="s">
        <v>29291</v>
      </c>
      <c r="S6962">
        <v>1967</v>
      </c>
    </row>
    <row r="6963" spans="1:19" x14ac:dyDescent="0.25">
      <c r="A6963">
        <v>33297569</v>
      </c>
      <c r="B6963" t="s">
        <v>35815</v>
      </c>
      <c r="C6963" s="1" t="s">
        <v>35816</v>
      </c>
      <c r="E6963">
        <v>1</v>
      </c>
      <c r="F6963">
        <v>0</v>
      </c>
      <c r="H6963" t="s">
        <v>35817</v>
      </c>
      <c r="J6963" t="s">
        <v>35818</v>
      </c>
      <c r="O6963">
        <v>5413655</v>
      </c>
      <c r="P6963">
        <v>1</v>
      </c>
      <c r="Q6963">
        <v>0</v>
      </c>
      <c r="R6963" t="s">
        <v>35819</v>
      </c>
      <c r="S6963">
        <v>313</v>
      </c>
    </row>
    <row r="6964" spans="1:19" x14ac:dyDescent="0.25">
      <c r="A6964">
        <v>45291532</v>
      </c>
      <c r="B6964" t="s">
        <v>35820</v>
      </c>
      <c r="C6964" s="1" t="s">
        <v>35821</v>
      </c>
      <c r="E6964">
        <v>1</v>
      </c>
      <c r="F6964">
        <v>7</v>
      </c>
      <c r="H6964" t="s">
        <v>35822</v>
      </c>
      <c r="J6964" t="s">
        <v>35823</v>
      </c>
      <c r="O6964">
        <v>4729764</v>
      </c>
      <c r="P6964">
        <v>1</v>
      </c>
      <c r="Q6964">
        <v>0</v>
      </c>
      <c r="R6964" t="s">
        <v>35824</v>
      </c>
      <c r="S6964">
        <v>19</v>
      </c>
    </row>
    <row r="6965" spans="1:19" x14ac:dyDescent="0.25">
      <c r="A6965">
        <v>38143177</v>
      </c>
      <c r="B6965" t="s">
        <v>35825</v>
      </c>
      <c r="C6965" s="1" t="s">
        <v>35826</v>
      </c>
      <c r="E6965">
        <v>2</v>
      </c>
      <c r="F6965">
        <v>1</v>
      </c>
      <c r="H6965" t="s">
        <v>35827</v>
      </c>
      <c r="J6965" t="s">
        <v>35828</v>
      </c>
      <c r="O6965">
        <v>3733561</v>
      </c>
      <c r="P6965">
        <v>1</v>
      </c>
      <c r="Q6965">
        <v>1</v>
      </c>
      <c r="R6965" t="s">
        <v>35829</v>
      </c>
      <c r="S6965">
        <v>540</v>
      </c>
    </row>
    <row r="6966" spans="1:19" x14ac:dyDescent="0.25">
      <c r="A6966">
        <v>28312864</v>
      </c>
      <c r="B6966" t="s">
        <v>35830</v>
      </c>
      <c r="C6966" t="s">
        <v>35831</v>
      </c>
      <c r="D6966">
        <v>28312893</v>
      </c>
      <c r="E6966">
        <v>1</v>
      </c>
      <c r="F6966">
        <v>1</v>
      </c>
      <c r="H6966" t="s">
        <v>35832</v>
      </c>
      <c r="J6966" t="s">
        <v>35833</v>
      </c>
      <c r="O6966">
        <v>1785721</v>
      </c>
      <c r="P6966">
        <v>1</v>
      </c>
      <c r="Q6966">
        <v>0</v>
      </c>
      <c r="R6966" t="s">
        <v>35834</v>
      </c>
      <c r="S6966">
        <v>18</v>
      </c>
    </row>
    <row r="6967" spans="1:19" x14ac:dyDescent="0.25">
      <c r="A6967">
        <v>2650589</v>
      </c>
      <c r="B6967" t="s">
        <v>35835</v>
      </c>
      <c r="C6967" t="s">
        <v>35836</v>
      </c>
      <c r="D6967">
        <v>2650715</v>
      </c>
      <c r="E6967">
        <v>2</v>
      </c>
      <c r="F6967">
        <v>2</v>
      </c>
      <c r="G6967" t="s">
        <v>35837</v>
      </c>
      <c r="H6967" t="s">
        <v>35837</v>
      </c>
      <c r="J6967" t="s">
        <v>35838</v>
      </c>
      <c r="K6967" t="s">
        <v>35839</v>
      </c>
      <c r="M6967">
        <v>23897</v>
      </c>
      <c r="O6967">
        <v>223755</v>
      </c>
      <c r="P6967">
        <v>1</v>
      </c>
      <c r="Q6967">
        <v>0</v>
      </c>
      <c r="R6967" t="s">
        <v>780</v>
      </c>
      <c r="S6967">
        <v>98</v>
      </c>
    </row>
    <row r="6968" spans="1:19" x14ac:dyDescent="0.25">
      <c r="A6968">
        <v>10110544</v>
      </c>
      <c r="B6968" t="s">
        <v>35840</v>
      </c>
      <c r="C6968" t="s">
        <v>35841</v>
      </c>
      <c r="E6968">
        <v>1</v>
      </c>
      <c r="F6968">
        <v>0</v>
      </c>
      <c r="H6968" t="s">
        <v>35842</v>
      </c>
      <c r="J6968" t="s">
        <v>35843</v>
      </c>
      <c r="O6968">
        <v>289068</v>
      </c>
      <c r="P6968">
        <v>1</v>
      </c>
      <c r="Q6968">
        <v>1</v>
      </c>
      <c r="R6968" t="s">
        <v>35844</v>
      </c>
      <c r="S6968">
        <v>272</v>
      </c>
    </row>
    <row r="6969" spans="1:19" x14ac:dyDescent="0.25">
      <c r="A6969">
        <v>2763327</v>
      </c>
      <c r="B6969" t="s">
        <v>35845</v>
      </c>
      <c r="C6969" s="1" t="s">
        <v>35846</v>
      </c>
      <c r="E6969">
        <v>5</v>
      </c>
      <c r="F6969">
        <v>0</v>
      </c>
      <c r="H6969" t="s">
        <v>35847</v>
      </c>
      <c r="J6969" t="s">
        <v>35848</v>
      </c>
      <c r="K6969" t="s">
        <v>35849</v>
      </c>
      <c r="M6969">
        <v>38567</v>
      </c>
      <c r="O6969">
        <v>229656</v>
      </c>
      <c r="P6969">
        <v>1</v>
      </c>
      <c r="Q6969">
        <v>2</v>
      </c>
      <c r="R6969" t="s">
        <v>35850</v>
      </c>
      <c r="S6969">
        <v>2832</v>
      </c>
    </row>
    <row r="6970" spans="1:19" x14ac:dyDescent="0.25">
      <c r="A6970">
        <v>46733087</v>
      </c>
      <c r="B6970" t="s">
        <v>35851</v>
      </c>
      <c r="C6970" s="1" t="s">
        <v>35852</v>
      </c>
      <c r="E6970">
        <v>2</v>
      </c>
      <c r="F6970">
        <v>4</v>
      </c>
      <c r="H6970" t="s">
        <v>35853</v>
      </c>
      <c r="I6970">
        <v>0</v>
      </c>
      <c r="J6970" t="s">
        <v>35854</v>
      </c>
      <c r="K6970" t="s">
        <v>35855</v>
      </c>
      <c r="M6970">
        <v>1361506</v>
      </c>
      <c r="O6970">
        <v>5579694</v>
      </c>
      <c r="P6970">
        <v>1</v>
      </c>
      <c r="Q6970">
        <v>-2</v>
      </c>
      <c r="R6970" t="s">
        <v>35856</v>
      </c>
      <c r="S6970">
        <v>1395</v>
      </c>
    </row>
    <row r="6971" spans="1:19" x14ac:dyDescent="0.25">
      <c r="A6971">
        <v>53116022</v>
      </c>
      <c r="B6971" t="s">
        <v>35857</v>
      </c>
      <c r="C6971" s="1" t="s">
        <v>35858</v>
      </c>
      <c r="E6971">
        <v>1</v>
      </c>
      <c r="F6971">
        <v>0</v>
      </c>
      <c r="H6971" t="s">
        <v>35859</v>
      </c>
      <c r="J6971" t="s">
        <v>35860</v>
      </c>
      <c r="O6971">
        <v>6176945</v>
      </c>
      <c r="P6971">
        <v>1</v>
      </c>
      <c r="Q6971">
        <v>1</v>
      </c>
      <c r="R6971" t="s">
        <v>35861</v>
      </c>
      <c r="S6971">
        <v>12</v>
      </c>
    </row>
    <row r="6972" spans="1:19" x14ac:dyDescent="0.25">
      <c r="A6972">
        <v>44523667</v>
      </c>
      <c r="B6972" t="s">
        <v>35862</v>
      </c>
      <c r="C6972" s="1" t="s">
        <v>35863</v>
      </c>
      <c r="D6972">
        <v>44656495</v>
      </c>
      <c r="E6972">
        <v>1</v>
      </c>
      <c r="F6972">
        <v>1</v>
      </c>
      <c r="H6972" t="s">
        <v>35864</v>
      </c>
      <c r="J6972" t="s">
        <v>35865</v>
      </c>
      <c r="O6972">
        <v>6367809</v>
      </c>
      <c r="P6972">
        <v>1</v>
      </c>
      <c r="Q6972">
        <v>0</v>
      </c>
      <c r="R6972" t="s">
        <v>35866</v>
      </c>
      <c r="S6972">
        <v>59</v>
      </c>
    </row>
    <row r="6973" spans="1:19" x14ac:dyDescent="0.25">
      <c r="A6973">
        <v>9031834</v>
      </c>
      <c r="B6973" t="s">
        <v>35867</v>
      </c>
      <c r="C6973" s="1" t="s">
        <v>35868</v>
      </c>
      <c r="D6973">
        <v>9031904</v>
      </c>
      <c r="E6973">
        <v>1</v>
      </c>
      <c r="F6973">
        <v>0</v>
      </c>
      <c r="H6973" t="s">
        <v>35869</v>
      </c>
      <c r="J6973" t="s">
        <v>35870</v>
      </c>
      <c r="O6973">
        <v>1147885</v>
      </c>
      <c r="P6973">
        <v>1</v>
      </c>
      <c r="Q6973">
        <v>0</v>
      </c>
      <c r="R6973" t="s">
        <v>35871</v>
      </c>
      <c r="S6973">
        <v>248</v>
      </c>
    </row>
    <row r="6974" spans="1:19" x14ac:dyDescent="0.25">
      <c r="A6974">
        <v>27772604</v>
      </c>
      <c r="B6974" t="s">
        <v>35872</v>
      </c>
      <c r="C6974" s="1" t="s">
        <v>35873</v>
      </c>
      <c r="D6974">
        <v>27772877</v>
      </c>
      <c r="E6974">
        <v>2</v>
      </c>
      <c r="F6974">
        <v>2</v>
      </c>
      <c r="H6974" t="s">
        <v>35874</v>
      </c>
      <c r="J6974" t="s">
        <v>35875</v>
      </c>
      <c r="K6974" t="s">
        <v>35876</v>
      </c>
      <c r="M6974">
        <v>2313887</v>
      </c>
      <c r="O6974">
        <v>2697024</v>
      </c>
      <c r="P6974">
        <v>1</v>
      </c>
      <c r="Q6974">
        <v>0</v>
      </c>
      <c r="R6974" t="s">
        <v>35877</v>
      </c>
      <c r="S6974">
        <v>703</v>
      </c>
    </row>
    <row r="6975" spans="1:19" x14ac:dyDescent="0.25">
      <c r="A6975">
        <v>39184389</v>
      </c>
      <c r="B6975" t="s">
        <v>35878</v>
      </c>
      <c r="C6975" s="1" t="s">
        <v>35879</v>
      </c>
      <c r="E6975">
        <v>2</v>
      </c>
      <c r="F6975">
        <v>0</v>
      </c>
      <c r="H6975" t="s">
        <v>35880</v>
      </c>
      <c r="I6975">
        <v>4</v>
      </c>
      <c r="J6975" t="s">
        <v>35881</v>
      </c>
      <c r="O6975">
        <v>821023</v>
      </c>
      <c r="P6975">
        <v>1</v>
      </c>
      <c r="Q6975">
        <v>6</v>
      </c>
      <c r="R6975" t="s">
        <v>35882</v>
      </c>
      <c r="S6975">
        <v>26857</v>
      </c>
    </row>
    <row r="6976" spans="1:19" x14ac:dyDescent="0.25">
      <c r="A6976">
        <v>44176000</v>
      </c>
      <c r="B6976" t="s">
        <v>35883</v>
      </c>
      <c r="C6976" s="1" t="s">
        <v>35884</v>
      </c>
      <c r="E6976">
        <v>1</v>
      </c>
      <c r="F6976">
        <v>0</v>
      </c>
      <c r="H6976" t="s">
        <v>35885</v>
      </c>
      <c r="I6976">
        <v>1</v>
      </c>
      <c r="J6976" t="s">
        <v>35886</v>
      </c>
      <c r="K6976" t="s">
        <v>35886</v>
      </c>
      <c r="M6976">
        <v>7073987</v>
      </c>
      <c r="O6976">
        <v>7073987</v>
      </c>
      <c r="P6976">
        <v>1</v>
      </c>
      <c r="Q6976">
        <v>1</v>
      </c>
      <c r="R6976" t="s">
        <v>35887</v>
      </c>
      <c r="S6976">
        <v>62</v>
      </c>
    </row>
    <row r="6977" spans="1:19" x14ac:dyDescent="0.25">
      <c r="A6977">
        <v>17470297</v>
      </c>
      <c r="B6977" t="s">
        <v>35888</v>
      </c>
      <c r="C6977" s="1" t="s">
        <v>35889</v>
      </c>
      <c r="E6977">
        <v>5</v>
      </c>
      <c r="F6977">
        <v>0</v>
      </c>
      <c r="H6977" t="s">
        <v>35890</v>
      </c>
      <c r="J6977" t="s">
        <v>35891</v>
      </c>
      <c r="K6977" t="s">
        <v>35891</v>
      </c>
      <c r="M6977">
        <v>2096734</v>
      </c>
      <c r="O6977">
        <v>2096734</v>
      </c>
      <c r="P6977">
        <v>1</v>
      </c>
      <c r="Q6977">
        <v>4</v>
      </c>
      <c r="R6977" t="s">
        <v>35892</v>
      </c>
      <c r="S6977">
        <v>2978</v>
      </c>
    </row>
    <row r="6978" spans="1:19" x14ac:dyDescent="0.25">
      <c r="A6978">
        <v>44234320</v>
      </c>
      <c r="B6978" t="s">
        <v>35893</v>
      </c>
      <c r="C6978" s="1" t="s">
        <v>35894</v>
      </c>
      <c r="D6978">
        <v>44234509</v>
      </c>
      <c r="E6978">
        <v>1</v>
      </c>
      <c r="F6978">
        <v>5</v>
      </c>
      <c r="H6978" t="s">
        <v>35895</v>
      </c>
      <c r="J6978" t="s">
        <v>35896</v>
      </c>
      <c r="K6978" t="s">
        <v>35897</v>
      </c>
      <c r="M6978">
        <v>7904893</v>
      </c>
      <c r="O6978">
        <v>5181912</v>
      </c>
      <c r="P6978">
        <v>1</v>
      </c>
      <c r="Q6978">
        <v>0</v>
      </c>
      <c r="R6978" t="s">
        <v>35898</v>
      </c>
      <c r="S6978">
        <v>223</v>
      </c>
    </row>
    <row r="6979" spans="1:19" x14ac:dyDescent="0.25">
      <c r="A6979">
        <v>7327790</v>
      </c>
      <c r="B6979" t="s">
        <v>35899</v>
      </c>
      <c r="C6979" s="1" t="s">
        <v>35900</v>
      </c>
      <c r="D6979">
        <v>7335538</v>
      </c>
      <c r="E6979">
        <v>2</v>
      </c>
      <c r="F6979">
        <v>0</v>
      </c>
      <c r="H6979" t="s">
        <v>35901</v>
      </c>
      <c r="J6979" t="s">
        <v>35902</v>
      </c>
      <c r="K6979" t="s">
        <v>35903</v>
      </c>
      <c r="M6979">
        <v>707381</v>
      </c>
      <c r="O6979">
        <v>707381</v>
      </c>
      <c r="P6979">
        <v>1</v>
      </c>
      <c r="Q6979">
        <v>2</v>
      </c>
      <c r="R6979" t="s">
        <v>35904</v>
      </c>
      <c r="S6979">
        <v>455</v>
      </c>
    </row>
    <row r="6980" spans="1:19" x14ac:dyDescent="0.25">
      <c r="A6980">
        <v>32956357</v>
      </c>
      <c r="B6980" t="s">
        <v>35905</v>
      </c>
      <c r="C6980" s="1" t="s">
        <v>35906</v>
      </c>
      <c r="D6980">
        <v>32956655</v>
      </c>
      <c r="E6980">
        <v>2</v>
      </c>
      <c r="F6980">
        <v>0</v>
      </c>
      <c r="H6980" t="s">
        <v>35907</v>
      </c>
      <c r="J6980" t="s">
        <v>35908</v>
      </c>
      <c r="O6980">
        <v>3435668</v>
      </c>
      <c r="P6980">
        <v>1</v>
      </c>
      <c r="Q6980">
        <v>1</v>
      </c>
      <c r="R6980" t="s">
        <v>35909</v>
      </c>
      <c r="S6980">
        <v>92</v>
      </c>
    </row>
    <row r="6981" spans="1:19" x14ac:dyDescent="0.25">
      <c r="A6981">
        <v>27668780</v>
      </c>
      <c r="B6981" t="s">
        <v>35910</v>
      </c>
      <c r="C6981" s="1" t="s">
        <v>35911</v>
      </c>
      <c r="D6981">
        <v>27668866</v>
      </c>
      <c r="E6981">
        <v>2</v>
      </c>
      <c r="F6981">
        <v>5</v>
      </c>
      <c r="H6981" t="s">
        <v>35912</v>
      </c>
      <c r="J6981" t="s">
        <v>35913</v>
      </c>
      <c r="K6981" t="s">
        <v>35914</v>
      </c>
      <c r="M6981">
        <v>3971072</v>
      </c>
      <c r="O6981">
        <v>3971072</v>
      </c>
      <c r="P6981">
        <v>1</v>
      </c>
      <c r="Q6981">
        <v>0</v>
      </c>
      <c r="R6981" t="s">
        <v>1446</v>
      </c>
      <c r="S6981">
        <v>62</v>
      </c>
    </row>
    <row r="6982" spans="1:19" x14ac:dyDescent="0.25">
      <c r="A6982">
        <v>32542877</v>
      </c>
      <c r="B6982" t="s">
        <v>35915</v>
      </c>
      <c r="C6982" s="1" t="s">
        <v>35916</v>
      </c>
      <c r="E6982">
        <v>1</v>
      </c>
      <c r="F6982">
        <v>3</v>
      </c>
      <c r="H6982" t="s">
        <v>35917</v>
      </c>
      <c r="J6982" t="s">
        <v>35918</v>
      </c>
      <c r="O6982">
        <v>5329248</v>
      </c>
      <c r="P6982">
        <v>1</v>
      </c>
      <c r="Q6982">
        <v>0</v>
      </c>
      <c r="R6982" t="s">
        <v>35919</v>
      </c>
      <c r="S6982">
        <v>48</v>
      </c>
    </row>
    <row r="6983" spans="1:19" x14ac:dyDescent="0.25">
      <c r="A6983">
        <v>37903894</v>
      </c>
      <c r="B6983" t="s">
        <v>35920</v>
      </c>
      <c r="C6983" s="1" t="s">
        <v>35921</v>
      </c>
      <c r="D6983">
        <v>37904214</v>
      </c>
      <c r="E6983">
        <v>1</v>
      </c>
      <c r="F6983">
        <v>2</v>
      </c>
      <c r="H6983" t="s">
        <v>35922</v>
      </c>
      <c r="J6983" t="s">
        <v>35923</v>
      </c>
      <c r="O6983">
        <v>295189</v>
      </c>
      <c r="P6983">
        <v>1</v>
      </c>
      <c r="Q6983">
        <v>1</v>
      </c>
      <c r="R6983" t="s">
        <v>35924</v>
      </c>
      <c r="S6983">
        <v>767</v>
      </c>
    </row>
    <row r="6984" spans="1:19" x14ac:dyDescent="0.25">
      <c r="A6984">
        <v>7676939</v>
      </c>
      <c r="B6984" t="s">
        <v>35925</v>
      </c>
      <c r="C6984" s="1" t="s">
        <v>35926</v>
      </c>
      <c r="E6984">
        <v>1</v>
      </c>
      <c r="F6984">
        <v>3</v>
      </c>
      <c r="H6984" t="s">
        <v>35927</v>
      </c>
      <c r="J6984" t="s">
        <v>35928</v>
      </c>
      <c r="K6984" t="s">
        <v>35929</v>
      </c>
      <c r="M6984">
        <v>472792</v>
      </c>
      <c r="O6984">
        <v>326480</v>
      </c>
      <c r="P6984">
        <v>1</v>
      </c>
      <c r="Q6984">
        <v>0</v>
      </c>
      <c r="R6984" t="s">
        <v>35930</v>
      </c>
      <c r="S6984">
        <v>293</v>
      </c>
    </row>
    <row r="6985" spans="1:19" x14ac:dyDescent="0.25">
      <c r="A6985">
        <v>4393109</v>
      </c>
      <c r="B6985" t="s">
        <v>35931</v>
      </c>
      <c r="C6985" s="1" t="s">
        <v>35932</v>
      </c>
      <c r="D6985">
        <v>4632061</v>
      </c>
      <c r="E6985">
        <v>1</v>
      </c>
      <c r="F6985">
        <v>0</v>
      </c>
      <c r="H6985" t="s">
        <v>35933</v>
      </c>
      <c r="I6985">
        <v>1</v>
      </c>
      <c r="J6985" t="s">
        <v>35934</v>
      </c>
      <c r="O6985">
        <v>360903</v>
      </c>
      <c r="P6985">
        <v>1</v>
      </c>
      <c r="Q6985">
        <v>0</v>
      </c>
      <c r="R6985" t="s">
        <v>35935</v>
      </c>
      <c r="S6985">
        <v>594</v>
      </c>
    </row>
    <row r="6986" spans="1:19" x14ac:dyDescent="0.25">
      <c r="A6986">
        <v>21904357</v>
      </c>
      <c r="B6986" t="s">
        <v>35936</v>
      </c>
      <c r="C6986" s="1" t="s">
        <v>35937</v>
      </c>
      <c r="D6986">
        <v>21918938</v>
      </c>
      <c r="E6986">
        <v>4</v>
      </c>
      <c r="F6986">
        <v>4</v>
      </c>
      <c r="H6986" t="s">
        <v>35938</v>
      </c>
      <c r="J6986" t="s">
        <v>35939</v>
      </c>
      <c r="K6986" t="s">
        <v>35940</v>
      </c>
      <c r="M6986">
        <v>2492566</v>
      </c>
      <c r="O6986">
        <v>2492566</v>
      </c>
      <c r="P6986">
        <v>1</v>
      </c>
      <c r="Q6986">
        <v>0</v>
      </c>
      <c r="R6986" t="s">
        <v>213</v>
      </c>
      <c r="S6986">
        <v>2838</v>
      </c>
    </row>
    <row r="6987" spans="1:19" x14ac:dyDescent="0.25">
      <c r="A6987">
        <v>16946470</v>
      </c>
      <c r="B6987" t="s">
        <v>35941</v>
      </c>
      <c r="C6987" s="1" t="s">
        <v>35942</v>
      </c>
      <c r="E6987">
        <v>0</v>
      </c>
      <c r="F6987">
        <v>4</v>
      </c>
      <c r="H6987" t="s">
        <v>35943</v>
      </c>
      <c r="J6987" t="s">
        <v>35943</v>
      </c>
      <c r="O6987">
        <v>2168197</v>
      </c>
      <c r="P6987">
        <v>1</v>
      </c>
      <c r="Q6987">
        <v>0</v>
      </c>
      <c r="R6987" t="s">
        <v>35944</v>
      </c>
      <c r="S6987">
        <v>47</v>
      </c>
    </row>
    <row r="6988" spans="1:19" x14ac:dyDescent="0.25">
      <c r="A6988">
        <v>7234178</v>
      </c>
      <c r="B6988" t="s">
        <v>35945</v>
      </c>
      <c r="C6988" s="1" t="s">
        <v>35946</v>
      </c>
      <c r="E6988">
        <v>1</v>
      </c>
      <c r="F6988">
        <v>0</v>
      </c>
      <c r="H6988" t="s">
        <v>35947</v>
      </c>
      <c r="I6988">
        <v>2</v>
      </c>
      <c r="J6988" t="s">
        <v>35948</v>
      </c>
      <c r="O6988">
        <v>918341</v>
      </c>
      <c r="P6988">
        <v>1</v>
      </c>
      <c r="Q6988">
        <v>9</v>
      </c>
      <c r="R6988" t="s">
        <v>35949</v>
      </c>
      <c r="S6988">
        <v>4835</v>
      </c>
    </row>
    <row r="6989" spans="1:19" x14ac:dyDescent="0.25">
      <c r="A6989">
        <v>49275438</v>
      </c>
      <c r="B6989" t="s">
        <v>35950</v>
      </c>
      <c r="C6989" s="1" t="s">
        <v>35951</v>
      </c>
      <c r="E6989">
        <v>2</v>
      </c>
      <c r="F6989">
        <v>2</v>
      </c>
      <c r="H6989" t="s">
        <v>35952</v>
      </c>
      <c r="I6989">
        <v>0</v>
      </c>
      <c r="J6989" t="s">
        <v>35953</v>
      </c>
      <c r="K6989" t="s">
        <v>35954</v>
      </c>
      <c r="M6989">
        <v>7429447</v>
      </c>
      <c r="O6989">
        <v>9390819</v>
      </c>
      <c r="P6989">
        <v>1</v>
      </c>
      <c r="Q6989">
        <v>-1</v>
      </c>
      <c r="R6989" t="s">
        <v>35955</v>
      </c>
      <c r="S6989">
        <v>286</v>
      </c>
    </row>
    <row r="6990" spans="1:19" x14ac:dyDescent="0.25">
      <c r="A6990">
        <v>53192475</v>
      </c>
      <c r="B6990" t="s">
        <v>35956</v>
      </c>
      <c r="C6990" s="1" t="s">
        <v>35957</v>
      </c>
      <c r="E6990">
        <v>0</v>
      </c>
      <c r="F6990">
        <v>1</v>
      </c>
      <c r="H6990" t="s">
        <v>35958</v>
      </c>
      <c r="J6990" t="s">
        <v>35959</v>
      </c>
      <c r="K6990" t="s">
        <v>35959</v>
      </c>
      <c r="M6990">
        <v>6009770</v>
      </c>
      <c r="O6990">
        <v>6009770</v>
      </c>
      <c r="P6990">
        <v>1</v>
      </c>
      <c r="Q6990">
        <v>0</v>
      </c>
      <c r="R6990" t="s">
        <v>35960</v>
      </c>
      <c r="S6990">
        <v>16</v>
      </c>
    </row>
    <row r="6991" spans="1:19" x14ac:dyDescent="0.25">
      <c r="A6991">
        <v>8437805</v>
      </c>
      <c r="B6991" t="s">
        <v>35961</v>
      </c>
      <c r="C6991" s="1" t="s">
        <v>35962</v>
      </c>
      <c r="E6991">
        <v>0</v>
      </c>
      <c r="F6991">
        <v>0</v>
      </c>
      <c r="H6991" t="s">
        <v>35963</v>
      </c>
      <c r="J6991" t="s">
        <v>35963</v>
      </c>
      <c r="O6991">
        <v>1088521</v>
      </c>
      <c r="P6991">
        <v>1</v>
      </c>
      <c r="Q6991">
        <v>1</v>
      </c>
      <c r="R6991" t="s">
        <v>819</v>
      </c>
      <c r="S6991">
        <v>40</v>
      </c>
    </row>
    <row r="6992" spans="1:19" x14ac:dyDescent="0.25">
      <c r="A6992">
        <v>9625460</v>
      </c>
      <c r="B6992" t="s">
        <v>35964</v>
      </c>
      <c r="C6992" s="1" t="s">
        <v>35965</v>
      </c>
      <c r="E6992">
        <v>3</v>
      </c>
      <c r="F6992">
        <v>0</v>
      </c>
      <c r="H6992" t="s">
        <v>35966</v>
      </c>
      <c r="J6992" t="s">
        <v>35967</v>
      </c>
      <c r="O6992">
        <v>986689</v>
      </c>
      <c r="P6992">
        <v>1</v>
      </c>
      <c r="Q6992">
        <v>1</v>
      </c>
      <c r="R6992" t="s">
        <v>35968</v>
      </c>
      <c r="S6992">
        <v>1826</v>
      </c>
    </row>
    <row r="6993" spans="1:19" x14ac:dyDescent="0.25">
      <c r="A6993">
        <v>48766448</v>
      </c>
      <c r="B6993" t="s">
        <v>35969</v>
      </c>
      <c r="C6993" s="1" t="s">
        <v>35970</v>
      </c>
      <c r="D6993">
        <v>48769951</v>
      </c>
      <c r="E6993">
        <v>1</v>
      </c>
      <c r="F6993">
        <v>2</v>
      </c>
      <c r="H6993" t="s">
        <v>35971</v>
      </c>
      <c r="J6993" t="s">
        <v>35972</v>
      </c>
      <c r="K6993" t="s">
        <v>35973</v>
      </c>
      <c r="M6993">
        <v>8023836</v>
      </c>
      <c r="O6993">
        <v>8023836</v>
      </c>
      <c r="P6993">
        <v>1</v>
      </c>
      <c r="Q6993">
        <v>1</v>
      </c>
      <c r="R6993" t="s">
        <v>35974</v>
      </c>
      <c r="S6993">
        <v>229</v>
      </c>
    </row>
    <row r="6994" spans="1:19" x14ac:dyDescent="0.25">
      <c r="A6994">
        <v>44250368</v>
      </c>
      <c r="B6994" t="s">
        <v>35975</v>
      </c>
      <c r="C6994" s="1" t="s">
        <v>35976</v>
      </c>
      <c r="D6994">
        <v>44250369</v>
      </c>
      <c r="E6994">
        <v>1</v>
      </c>
      <c r="F6994">
        <v>0</v>
      </c>
      <c r="H6994" t="s">
        <v>35977</v>
      </c>
      <c r="J6994" t="s">
        <v>35977</v>
      </c>
      <c r="O6994">
        <v>832136</v>
      </c>
      <c r="P6994">
        <v>1</v>
      </c>
      <c r="Q6994">
        <v>0</v>
      </c>
      <c r="R6994" t="s">
        <v>35978</v>
      </c>
      <c r="S6994">
        <v>16</v>
      </c>
    </row>
    <row r="6995" spans="1:19" x14ac:dyDescent="0.25">
      <c r="A6995">
        <v>4593380</v>
      </c>
      <c r="B6995" t="s">
        <v>35979</v>
      </c>
      <c r="C6995" s="1" t="s">
        <v>35980</v>
      </c>
      <c r="E6995">
        <v>1</v>
      </c>
      <c r="F6995">
        <v>5</v>
      </c>
      <c r="H6995" t="s">
        <v>35981</v>
      </c>
      <c r="J6995" t="s">
        <v>35982</v>
      </c>
      <c r="K6995" t="s">
        <v>35983</v>
      </c>
      <c r="M6995">
        <v>-1</v>
      </c>
      <c r="O6995">
        <v>562513</v>
      </c>
      <c r="P6995">
        <v>1</v>
      </c>
      <c r="Q6995">
        <v>0</v>
      </c>
      <c r="R6995" t="s">
        <v>35984</v>
      </c>
      <c r="S6995">
        <v>434</v>
      </c>
    </row>
    <row r="6996" spans="1:19" x14ac:dyDescent="0.25">
      <c r="A6996">
        <v>20264937</v>
      </c>
      <c r="B6996" t="s">
        <v>35985</v>
      </c>
      <c r="C6996" s="1" t="s">
        <v>35986</v>
      </c>
      <c r="D6996">
        <v>20272873</v>
      </c>
      <c r="E6996">
        <v>2</v>
      </c>
      <c r="F6996">
        <v>5</v>
      </c>
      <c r="H6996" t="s">
        <v>35987</v>
      </c>
      <c r="I6996">
        <v>1</v>
      </c>
      <c r="J6996" t="s">
        <v>35988</v>
      </c>
      <c r="K6996" t="s">
        <v>35989</v>
      </c>
      <c r="M6996">
        <v>938959</v>
      </c>
      <c r="O6996">
        <v>938959</v>
      </c>
      <c r="P6996">
        <v>1</v>
      </c>
      <c r="Q6996">
        <v>4</v>
      </c>
      <c r="R6996" t="s">
        <v>35990</v>
      </c>
      <c r="S6996">
        <v>9207</v>
      </c>
    </row>
    <row r="6997" spans="1:19" x14ac:dyDescent="0.25">
      <c r="A6997">
        <v>47311602</v>
      </c>
      <c r="B6997" t="s">
        <v>35991</v>
      </c>
      <c r="C6997" s="1" t="s">
        <v>35992</v>
      </c>
      <c r="E6997">
        <v>1</v>
      </c>
      <c r="F6997">
        <v>0</v>
      </c>
      <c r="H6997" t="s">
        <v>35993</v>
      </c>
      <c r="J6997" t="s">
        <v>35994</v>
      </c>
      <c r="O6997">
        <v>7462927</v>
      </c>
      <c r="P6997">
        <v>1</v>
      </c>
      <c r="Q6997">
        <v>5</v>
      </c>
      <c r="R6997" t="s">
        <v>35995</v>
      </c>
      <c r="S6997">
        <v>357</v>
      </c>
    </row>
    <row r="6998" spans="1:19" x14ac:dyDescent="0.25">
      <c r="A6998">
        <v>31307317</v>
      </c>
      <c r="B6998" t="s">
        <v>35996</v>
      </c>
      <c r="C6998" s="1" t="s">
        <v>35997</v>
      </c>
      <c r="E6998">
        <v>0</v>
      </c>
      <c r="F6998">
        <v>4</v>
      </c>
      <c r="H6998" t="s">
        <v>35998</v>
      </c>
      <c r="J6998" t="s">
        <v>35998</v>
      </c>
      <c r="O6998">
        <v>3686057</v>
      </c>
      <c r="P6998">
        <v>1</v>
      </c>
      <c r="Q6998">
        <v>1</v>
      </c>
      <c r="R6998" t="s">
        <v>35999</v>
      </c>
      <c r="S6998">
        <v>226</v>
      </c>
    </row>
    <row r="6999" spans="1:19" x14ac:dyDescent="0.25">
      <c r="A6999">
        <v>5763854</v>
      </c>
      <c r="B6999" t="s">
        <v>36000</v>
      </c>
      <c r="C6999" s="1" t="s">
        <v>36001</v>
      </c>
      <c r="D6999">
        <v>5763901</v>
      </c>
      <c r="E6999">
        <v>4</v>
      </c>
      <c r="F6999">
        <v>2</v>
      </c>
      <c r="H6999" t="s">
        <v>36002</v>
      </c>
      <c r="J6999" t="s">
        <v>36003</v>
      </c>
      <c r="K6999" t="s">
        <v>36004</v>
      </c>
      <c r="M6999">
        <v>83695</v>
      </c>
      <c r="O6999">
        <v>537967</v>
      </c>
      <c r="P6999">
        <v>1</v>
      </c>
      <c r="Q6999">
        <v>0</v>
      </c>
      <c r="R6999" t="s">
        <v>36005</v>
      </c>
      <c r="S6999">
        <v>3105</v>
      </c>
    </row>
    <row r="7000" spans="1:19" x14ac:dyDescent="0.25">
      <c r="A7000">
        <v>16598466</v>
      </c>
      <c r="B7000" t="s">
        <v>36006</v>
      </c>
      <c r="C7000" s="1" t="s">
        <v>36007</v>
      </c>
      <c r="D7000">
        <v>16641973</v>
      </c>
      <c r="E7000">
        <v>1</v>
      </c>
      <c r="F7000">
        <v>1</v>
      </c>
      <c r="H7000" t="s">
        <v>36008</v>
      </c>
      <c r="J7000" t="s">
        <v>36009</v>
      </c>
      <c r="O7000">
        <v>1219755</v>
      </c>
      <c r="P7000">
        <v>1</v>
      </c>
      <c r="Q7000">
        <v>1</v>
      </c>
      <c r="R7000" t="s">
        <v>21832</v>
      </c>
      <c r="S7000">
        <v>566</v>
      </c>
    </row>
    <row r="7001" spans="1:19" x14ac:dyDescent="0.25">
      <c r="A7001">
        <v>28520483</v>
      </c>
      <c r="B7001" t="s">
        <v>36010</v>
      </c>
      <c r="C7001" s="1" t="s">
        <v>36011</v>
      </c>
      <c r="D7001">
        <v>28523322</v>
      </c>
      <c r="E7001">
        <v>3</v>
      </c>
      <c r="F7001">
        <v>2</v>
      </c>
      <c r="H7001" t="s">
        <v>36012</v>
      </c>
      <c r="J7001" t="s">
        <v>36013</v>
      </c>
      <c r="K7001" t="s">
        <v>36014</v>
      </c>
      <c r="M7001">
        <v>4567524</v>
      </c>
      <c r="O7001">
        <v>4567524</v>
      </c>
      <c r="P7001">
        <v>1</v>
      </c>
      <c r="Q7001">
        <v>-1</v>
      </c>
      <c r="R7001" t="s">
        <v>36015</v>
      </c>
      <c r="S7001">
        <v>277</v>
      </c>
    </row>
    <row r="7002" spans="1:19" x14ac:dyDescent="0.25">
      <c r="A7002">
        <v>41307813</v>
      </c>
      <c r="B7002" t="s">
        <v>36016</v>
      </c>
      <c r="C7002" s="1" t="s">
        <v>36017</v>
      </c>
      <c r="E7002">
        <v>1</v>
      </c>
      <c r="F7002">
        <v>0</v>
      </c>
      <c r="H7002" t="s">
        <v>36018</v>
      </c>
      <c r="J7002" t="s">
        <v>36019</v>
      </c>
      <c r="O7002">
        <v>3854497</v>
      </c>
      <c r="P7002">
        <v>1</v>
      </c>
      <c r="Q7002">
        <v>2</v>
      </c>
      <c r="R7002" t="s">
        <v>759</v>
      </c>
      <c r="S7002">
        <v>36</v>
      </c>
    </row>
    <row r="7003" spans="1:19" x14ac:dyDescent="0.25">
      <c r="A7003">
        <v>48675206</v>
      </c>
      <c r="B7003" t="s">
        <v>36020</v>
      </c>
      <c r="C7003" s="1" t="s">
        <v>36021</v>
      </c>
      <c r="D7003">
        <v>49519308</v>
      </c>
      <c r="E7003">
        <v>1</v>
      </c>
      <c r="F7003">
        <v>0</v>
      </c>
      <c r="H7003" t="s">
        <v>36022</v>
      </c>
      <c r="J7003" t="s">
        <v>36023</v>
      </c>
      <c r="O7003">
        <v>1909206</v>
      </c>
      <c r="P7003">
        <v>1</v>
      </c>
      <c r="Q7003">
        <v>0</v>
      </c>
      <c r="R7003" t="s">
        <v>36024</v>
      </c>
      <c r="S7003">
        <v>273</v>
      </c>
    </row>
    <row r="7004" spans="1:19" x14ac:dyDescent="0.25">
      <c r="A7004">
        <v>12596868</v>
      </c>
      <c r="B7004" t="s">
        <v>36025</v>
      </c>
      <c r="C7004" s="1" t="s">
        <v>36026</v>
      </c>
      <c r="D7004">
        <v>12606050</v>
      </c>
      <c r="E7004">
        <v>2</v>
      </c>
      <c r="F7004">
        <v>0</v>
      </c>
      <c r="H7004" t="s">
        <v>36027</v>
      </c>
      <c r="J7004" t="s">
        <v>36028</v>
      </c>
      <c r="O7004">
        <v>1699487</v>
      </c>
      <c r="P7004">
        <v>1</v>
      </c>
      <c r="Q7004">
        <v>5</v>
      </c>
      <c r="R7004" t="s">
        <v>36029</v>
      </c>
      <c r="S7004">
        <v>2959</v>
      </c>
    </row>
    <row r="7005" spans="1:19" x14ac:dyDescent="0.25">
      <c r="A7005">
        <v>50849782</v>
      </c>
      <c r="B7005" t="s">
        <v>36030</v>
      </c>
      <c r="C7005" s="1" t="s">
        <v>36031</v>
      </c>
      <c r="D7005">
        <v>50937934</v>
      </c>
      <c r="E7005">
        <v>1</v>
      </c>
      <c r="F7005">
        <v>0</v>
      </c>
      <c r="H7005" t="s">
        <v>36032</v>
      </c>
      <c r="J7005" t="s">
        <v>36033</v>
      </c>
      <c r="O7005">
        <v>9009196</v>
      </c>
      <c r="P7005">
        <v>1</v>
      </c>
      <c r="Q7005">
        <v>0</v>
      </c>
      <c r="R7005" t="s">
        <v>36034</v>
      </c>
      <c r="S7005">
        <v>79</v>
      </c>
    </row>
    <row r="7006" spans="1:19" x14ac:dyDescent="0.25">
      <c r="A7006">
        <v>42942931</v>
      </c>
      <c r="B7006" t="s">
        <v>36035</v>
      </c>
      <c r="C7006" s="1" t="s">
        <v>36036</v>
      </c>
      <c r="D7006">
        <v>42942982</v>
      </c>
      <c r="E7006">
        <v>4</v>
      </c>
      <c r="F7006">
        <v>0</v>
      </c>
      <c r="H7006" t="s">
        <v>36037</v>
      </c>
      <c r="J7006" t="s">
        <v>36038</v>
      </c>
      <c r="K7006" t="s">
        <v>36039</v>
      </c>
      <c r="M7006">
        <v>1099045</v>
      </c>
      <c r="O7006">
        <v>6817108</v>
      </c>
      <c r="P7006">
        <v>1</v>
      </c>
      <c r="Q7006">
        <v>1</v>
      </c>
      <c r="R7006" t="s">
        <v>819</v>
      </c>
      <c r="S7006">
        <v>764</v>
      </c>
    </row>
    <row r="7007" spans="1:19" x14ac:dyDescent="0.25">
      <c r="A7007">
        <v>19810651</v>
      </c>
      <c r="B7007" t="s">
        <v>36040</v>
      </c>
      <c r="C7007" s="1" t="s">
        <v>36041</v>
      </c>
      <c r="E7007">
        <v>4</v>
      </c>
      <c r="F7007">
        <v>6</v>
      </c>
      <c r="H7007" t="s">
        <v>36042</v>
      </c>
      <c r="J7007" t="s">
        <v>36043</v>
      </c>
      <c r="K7007" t="s">
        <v>36043</v>
      </c>
      <c r="M7007">
        <v>1154168</v>
      </c>
      <c r="O7007">
        <v>1154168</v>
      </c>
      <c r="P7007">
        <v>1</v>
      </c>
      <c r="Q7007">
        <v>0</v>
      </c>
      <c r="R7007" t="s">
        <v>36044</v>
      </c>
      <c r="S7007">
        <v>111</v>
      </c>
    </row>
    <row r="7008" spans="1:19" x14ac:dyDescent="0.25">
      <c r="A7008">
        <v>14634408</v>
      </c>
      <c r="B7008" t="s">
        <v>36045</v>
      </c>
      <c r="C7008" s="1" t="s">
        <v>36046</v>
      </c>
      <c r="D7008">
        <v>14634458</v>
      </c>
      <c r="E7008">
        <v>2</v>
      </c>
      <c r="F7008">
        <v>2</v>
      </c>
      <c r="H7008" t="s">
        <v>36047</v>
      </c>
      <c r="J7008" t="s">
        <v>36048</v>
      </c>
      <c r="K7008" t="s">
        <v>36048</v>
      </c>
      <c r="M7008">
        <v>3419894</v>
      </c>
      <c r="O7008">
        <v>985012</v>
      </c>
      <c r="P7008">
        <v>1</v>
      </c>
      <c r="Q7008">
        <v>1</v>
      </c>
      <c r="R7008" t="s">
        <v>36049</v>
      </c>
      <c r="S7008">
        <v>52</v>
      </c>
    </row>
    <row r="7009" spans="1:19" x14ac:dyDescent="0.25">
      <c r="A7009">
        <v>23456782</v>
      </c>
      <c r="B7009" t="s">
        <v>36050</v>
      </c>
      <c r="C7009" s="1" t="s">
        <v>36051</v>
      </c>
      <c r="D7009">
        <v>23457630</v>
      </c>
      <c r="E7009">
        <v>1</v>
      </c>
      <c r="F7009">
        <v>1</v>
      </c>
      <c r="H7009" t="s">
        <v>36052</v>
      </c>
      <c r="J7009" t="s">
        <v>36053</v>
      </c>
      <c r="K7009" t="s">
        <v>36053</v>
      </c>
      <c r="M7009">
        <v>85371</v>
      </c>
      <c r="O7009">
        <v>1987769</v>
      </c>
      <c r="P7009">
        <v>1</v>
      </c>
      <c r="Q7009">
        <v>1</v>
      </c>
      <c r="R7009" t="s">
        <v>36054</v>
      </c>
      <c r="S7009">
        <v>483</v>
      </c>
    </row>
    <row r="7010" spans="1:19" x14ac:dyDescent="0.25">
      <c r="A7010">
        <v>23661891</v>
      </c>
      <c r="B7010" t="s">
        <v>36055</v>
      </c>
      <c r="C7010" s="1" t="s">
        <v>36056</v>
      </c>
      <c r="E7010">
        <v>0</v>
      </c>
      <c r="F7010">
        <v>2</v>
      </c>
      <c r="H7010" t="s">
        <v>36057</v>
      </c>
      <c r="J7010" t="s">
        <v>36057</v>
      </c>
      <c r="O7010">
        <v>1020277</v>
      </c>
      <c r="P7010">
        <v>1</v>
      </c>
      <c r="Q7010">
        <v>0</v>
      </c>
      <c r="R7010" t="s">
        <v>36058</v>
      </c>
      <c r="S7010">
        <v>89</v>
      </c>
    </row>
    <row r="7011" spans="1:19" x14ac:dyDescent="0.25">
      <c r="A7011">
        <v>25982225</v>
      </c>
      <c r="B7011" t="s">
        <v>36059</v>
      </c>
      <c r="C7011" s="1" t="s">
        <v>36060</v>
      </c>
      <c r="E7011">
        <v>5</v>
      </c>
      <c r="F7011">
        <v>3</v>
      </c>
      <c r="H7011" t="s">
        <v>36061</v>
      </c>
      <c r="J7011" t="s">
        <v>36062</v>
      </c>
      <c r="O7011">
        <v>4067995</v>
      </c>
      <c r="P7011">
        <v>1</v>
      </c>
      <c r="Q7011">
        <v>0</v>
      </c>
      <c r="R7011" t="s">
        <v>36063</v>
      </c>
      <c r="S7011">
        <v>3099</v>
      </c>
    </row>
    <row r="7012" spans="1:19" x14ac:dyDescent="0.25">
      <c r="A7012">
        <v>19823868</v>
      </c>
      <c r="B7012" t="s">
        <v>36064</v>
      </c>
      <c r="C7012" s="1" t="s">
        <v>36065</v>
      </c>
      <c r="D7012">
        <v>19824177</v>
      </c>
      <c r="E7012">
        <v>1</v>
      </c>
      <c r="F7012">
        <v>0</v>
      </c>
      <c r="H7012" t="s">
        <v>36066</v>
      </c>
      <c r="J7012" t="s">
        <v>36067</v>
      </c>
      <c r="K7012" t="s">
        <v>36067</v>
      </c>
      <c r="M7012">
        <v>93995</v>
      </c>
      <c r="O7012">
        <v>93995</v>
      </c>
      <c r="P7012">
        <v>1</v>
      </c>
      <c r="Q7012">
        <v>0</v>
      </c>
      <c r="R7012" t="s">
        <v>36068</v>
      </c>
      <c r="S7012">
        <v>60</v>
      </c>
    </row>
    <row r="7013" spans="1:19" x14ac:dyDescent="0.25">
      <c r="A7013">
        <v>5952904</v>
      </c>
      <c r="B7013" t="s">
        <v>36069</v>
      </c>
      <c r="C7013" s="1" t="s">
        <v>36070</v>
      </c>
      <c r="E7013">
        <v>1</v>
      </c>
      <c r="F7013">
        <v>2</v>
      </c>
      <c r="H7013" t="s">
        <v>36071</v>
      </c>
      <c r="J7013" t="s">
        <v>36072</v>
      </c>
      <c r="O7013">
        <v>747175</v>
      </c>
      <c r="P7013">
        <v>1</v>
      </c>
      <c r="Q7013">
        <v>1</v>
      </c>
      <c r="R7013" t="s">
        <v>36073</v>
      </c>
      <c r="S7013">
        <v>569</v>
      </c>
    </row>
    <row r="7014" spans="1:19" x14ac:dyDescent="0.25">
      <c r="A7014">
        <v>33898057</v>
      </c>
      <c r="B7014" t="s">
        <v>36074</v>
      </c>
      <c r="C7014" s="1" t="s">
        <v>36075</v>
      </c>
      <c r="D7014">
        <v>33899634</v>
      </c>
      <c r="E7014">
        <v>1</v>
      </c>
      <c r="F7014">
        <v>8</v>
      </c>
      <c r="H7014" t="s">
        <v>36076</v>
      </c>
      <c r="J7014" t="s">
        <v>36077</v>
      </c>
      <c r="K7014" t="s">
        <v>36078</v>
      </c>
      <c r="M7014">
        <v>5600385</v>
      </c>
      <c r="O7014">
        <v>5600385</v>
      </c>
      <c r="P7014">
        <v>1</v>
      </c>
      <c r="Q7014">
        <v>9</v>
      </c>
      <c r="R7014" t="s">
        <v>36079</v>
      </c>
      <c r="S7014">
        <v>488</v>
      </c>
    </row>
    <row r="7015" spans="1:19" x14ac:dyDescent="0.25">
      <c r="A7015">
        <v>32243193</v>
      </c>
      <c r="B7015" t="s">
        <v>36080</v>
      </c>
      <c r="C7015" s="1" t="s">
        <v>36081</v>
      </c>
      <c r="D7015">
        <v>32243235</v>
      </c>
      <c r="E7015">
        <v>1</v>
      </c>
      <c r="F7015">
        <v>0</v>
      </c>
      <c r="H7015" t="s">
        <v>36082</v>
      </c>
      <c r="J7015" t="s">
        <v>36083</v>
      </c>
      <c r="O7015">
        <v>3115317</v>
      </c>
      <c r="P7015">
        <v>1</v>
      </c>
      <c r="Q7015">
        <v>0</v>
      </c>
      <c r="R7015" t="s">
        <v>36084</v>
      </c>
      <c r="S7015">
        <v>598</v>
      </c>
    </row>
    <row r="7016" spans="1:19" x14ac:dyDescent="0.25">
      <c r="A7016">
        <v>33897616</v>
      </c>
      <c r="B7016" t="s">
        <v>36085</v>
      </c>
      <c r="C7016" s="1" t="s">
        <v>36086</v>
      </c>
      <c r="D7016">
        <v>33897958</v>
      </c>
      <c r="E7016">
        <v>1</v>
      </c>
      <c r="F7016">
        <v>6</v>
      </c>
      <c r="H7016" t="s">
        <v>36087</v>
      </c>
      <c r="J7016" t="s">
        <v>36088</v>
      </c>
      <c r="O7016">
        <v>968370</v>
      </c>
      <c r="P7016">
        <v>1</v>
      </c>
      <c r="Q7016">
        <v>-3</v>
      </c>
      <c r="R7016" t="s">
        <v>408</v>
      </c>
      <c r="S7016">
        <v>158</v>
      </c>
    </row>
    <row r="7017" spans="1:19" x14ac:dyDescent="0.25">
      <c r="A7017">
        <v>37382978</v>
      </c>
      <c r="B7017" t="s">
        <v>36089</v>
      </c>
      <c r="C7017" s="1" t="s">
        <v>36090</v>
      </c>
      <c r="E7017">
        <v>0</v>
      </c>
      <c r="F7017">
        <v>2</v>
      </c>
      <c r="H7017" t="s">
        <v>36091</v>
      </c>
      <c r="I7017">
        <v>1</v>
      </c>
      <c r="J7017" t="s">
        <v>36092</v>
      </c>
      <c r="K7017" t="s">
        <v>36092</v>
      </c>
      <c r="M7017">
        <v>6343552</v>
      </c>
      <c r="O7017">
        <v>6343552</v>
      </c>
      <c r="P7017">
        <v>1</v>
      </c>
      <c r="Q7017">
        <v>4</v>
      </c>
      <c r="R7017" t="s">
        <v>36093</v>
      </c>
      <c r="S7017">
        <v>1266</v>
      </c>
    </row>
    <row r="7018" spans="1:19" x14ac:dyDescent="0.25">
      <c r="A7018">
        <v>49498027</v>
      </c>
      <c r="B7018" t="s">
        <v>36094</v>
      </c>
      <c r="C7018" s="1" t="s">
        <v>36095</v>
      </c>
      <c r="E7018">
        <v>1</v>
      </c>
      <c r="F7018">
        <v>1</v>
      </c>
      <c r="H7018" t="s">
        <v>36096</v>
      </c>
      <c r="J7018" t="s">
        <v>36097</v>
      </c>
      <c r="K7018" t="s">
        <v>36098</v>
      </c>
      <c r="M7018">
        <v>4221420</v>
      </c>
      <c r="O7018">
        <v>4221420</v>
      </c>
      <c r="P7018">
        <v>1</v>
      </c>
      <c r="Q7018">
        <v>-1</v>
      </c>
      <c r="R7018" t="s">
        <v>819</v>
      </c>
      <c r="S7018">
        <v>33</v>
      </c>
    </row>
    <row r="7019" spans="1:19" x14ac:dyDescent="0.25">
      <c r="A7019">
        <v>8113980</v>
      </c>
      <c r="B7019" t="s">
        <v>36099</v>
      </c>
      <c r="C7019" s="1" t="s">
        <v>36100</v>
      </c>
      <c r="D7019">
        <v>8116421</v>
      </c>
      <c r="E7019">
        <v>2</v>
      </c>
      <c r="F7019">
        <v>1</v>
      </c>
      <c r="H7019" t="s">
        <v>36101</v>
      </c>
      <c r="I7019">
        <v>2</v>
      </c>
      <c r="J7019" t="s">
        <v>36102</v>
      </c>
      <c r="O7019">
        <v>74497</v>
      </c>
      <c r="P7019">
        <v>1</v>
      </c>
      <c r="Q7019">
        <v>6</v>
      </c>
      <c r="R7019" t="s">
        <v>36103</v>
      </c>
      <c r="S7019">
        <v>274</v>
      </c>
    </row>
    <row r="7020" spans="1:19" x14ac:dyDescent="0.25">
      <c r="A7020">
        <v>5201973</v>
      </c>
      <c r="B7020" t="s">
        <v>36104</v>
      </c>
      <c r="C7020" s="1" t="s">
        <v>36105</v>
      </c>
      <c r="D7020">
        <v>5203302</v>
      </c>
      <c r="E7020">
        <v>1</v>
      </c>
      <c r="F7020">
        <v>0</v>
      </c>
      <c r="H7020" t="s">
        <v>36106</v>
      </c>
      <c r="J7020" t="s">
        <v>36107</v>
      </c>
      <c r="O7020">
        <v>556935</v>
      </c>
      <c r="P7020">
        <v>1</v>
      </c>
      <c r="Q7020">
        <v>1</v>
      </c>
      <c r="R7020" t="s">
        <v>36108</v>
      </c>
      <c r="S7020">
        <v>758</v>
      </c>
    </row>
    <row r="7021" spans="1:19" x14ac:dyDescent="0.25">
      <c r="A7021">
        <v>44687567</v>
      </c>
      <c r="B7021" t="s">
        <v>36109</v>
      </c>
      <c r="C7021" s="1" t="s">
        <v>36110</v>
      </c>
      <c r="E7021">
        <v>0</v>
      </c>
      <c r="F7021">
        <v>2</v>
      </c>
      <c r="H7021" t="s">
        <v>36111</v>
      </c>
      <c r="J7021" t="s">
        <v>36111</v>
      </c>
      <c r="O7021">
        <v>7655929</v>
      </c>
      <c r="P7021">
        <v>1</v>
      </c>
      <c r="Q7021">
        <v>0</v>
      </c>
      <c r="R7021" t="s">
        <v>5585</v>
      </c>
      <c r="S7021">
        <v>12</v>
      </c>
    </row>
    <row r="7022" spans="1:19" x14ac:dyDescent="0.25">
      <c r="A7022">
        <v>5690322</v>
      </c>
      <c r="B7022" t="s">
        <v>36112</v>
      </c>
      <c r="C7022" s="1" t="s">
        <v>36113</v>
      </c>
      <c r="D7022">
        <v>5693374</v>
      </c>
      <c r="E7022">
        <v>2</v>
      </c>
      <c r="F7022">
        <v>0</v>
      </c>
      <c r="H7022" t="s">
        <v>36114</v>
      </c>
      <c r="J7022" t="s">
        <v>36115</v>
      </c>
      <c r="K7022" t="s">
        <v>36116</v>
      </c>
      <c r="M7022">
        <v>469106</v>
      </c>
      <c r="O7022">
        <v>469106</v>
      </c>
      <c r="P7022">
        <v>1</v>
      </c>
      <c r="Q7022">
        <v>0</v>
      </c>
      <c r="R7022" t="s">
        <v>579</v>
      </c>
      <c r="S7022">
        <v>102</v>
      </c>
    </row>
    <row r="7023" spans="1:19" x14ac:dyDescent="0.25">
      <c r="A7023">
        <v>43612201</v>
      </c>
      <c r="B7023" t="s">
        <v>36117</v>
      </c>
      <c r="C7023" t="s">
        <v>36118</v>
      </c>
      <c r="E7023">
        <v>0</v>
      </c>
      <c r="F7023">
        <v>2</v>
      </c>
      <c r="H7023" t="s">
        <v>36119</v>
      </c>
      <c r="J7023" t="s">
        <v>36120</v>
      </c>
      <c r="K7023" t="s">
        <v>36120</v>
      </c>
      <c r="M7023">
        <v>4952130</v>
      </c>
      <c r="O7023">
        <v>7913698</v>
      </c>
      <c r="P7023">
        <v>1</v>
      </c>
      <c r="Q7023">
        <v>0</v>
      </c>
      <c r="R7023" t="s">
        <v>36121</v>
      </c>
      <c r="S7023">
        <v>102</v>
      </c>
    </row>
    <row r="7024" spans="1:19" x14ac:dyDescent="0.25">
      <c r="A7024">
        <v>41190146</v>
      </c>
      <c r="B7024" t="s">
        <v>36122</v>
      </c>
      <c r="C7024" s="1" t="s">
        <v>36123</v>
      </c>
      <c r="D7024">
        <v>41200723</v>
      </c>
      <c r="E7024">
        <v>2</v>
      </c>
      <c r="F7024">
        <v>0</v>
      </c>
      <c r="H7024" t="s">
        <v>36124</v>
      </c>
      <c r="I7024">
        <v>0</v>
      </c>
      <c r="J7024" t="s">
        <v>36125</v>
      </c>
      <c r="O7024">
        <v>518169</v>
      </c>
      <c r="P7024">
        <v>1</v>
      </c>
      <c r="Q7024">
        <v>2</v>
      </c>
      <c r="R7024" t="s">
        <v>36126</v>
      </c>
      <c r="S7024">
        <v>1982</v>
      </c>
    </row>
    <row r="7025" spans="1:19" x14ac:dyDescent="0.25">
      <c r="A7025">
        <v>25241078</v>
      </c>
      <c r="B7025" t="s">
        <v>36127</v>
      </c>
      <c r="C7025" s="1" t="s">
        <v>36128</v>
      </c>
      <c r="E7025">
        <v>1</v>
      </c>
      <c r="F7025">
        <v>0</v>
      </c>
      <c r="H7025" t="s">
        <v>36129</v>
      </c>
      <c r="J7025" t="s">
        <v>36130</v>
      </c>
      <c r="K7025" t="s">
        <v>36130</v>
      </c>
      <c r="M7025">
        <v>1236396</v>
      </c>
      <c r="O7025">
        <v>3701503</v>
      </c>
      <c r="P7025">
        <v>1</v>
      </c>
      <c r="Q7025">
        <v>-6</v>
      </c>
      <c r="R7025" t="s">
        <v>819</v>
      </c>
      <c r="S7025">
        <v>86</v>
      </c>
    </row>
    <row r="7026" spans="1:19" x14ac:dyDescent="0.25">
      <c r="A7026">
        <v>11538242</v>
      </c>
      <c r="B7026" t="s">
        <v>36131</v>
      </c>
      <c r="C7026" s="1" t="s">
        <v>36132</v>
      </c>
      <c r="D7026">
        <v>11579099</v>
      </c>
      <c r="E7026">
        <v>4</v>
      </c>
      <c r="F7026">
        <v>2</v>
      </c>
      <c r="H7026" t="s">
        <v>36133</v>
      </c>
      <c r="J7026" t="s">
        <v>36134</v>
      </c>
      <c r="K7026" t="s">
        <v>36135</v>
      </c>
      <c r="M7026">
        <v>899344</v>
      </c>
      <c r="O7026">
        <v>1534257</v>
      </c>
      <c r="P7026">
        <v>1</v>
      </c>
      <c r="Q7026">
        <v>3</v>
      </c>
      <c r="R7026" t="s">
        <v>36136</v>
      </c>
      <c r="S7026">
        <v>5363</v>
      </c>
    </row>
    <row r="7027" spans="1:19" x14ac:dyDescent="0.25">
      <c r="A7027">
        <v>51149359</v>
      </c>
      <c r="B7027" t="s">
        <v>36137</v>
      </c>
      <c r="C7027" s="1" t="s">
        <v>36138</v>
      </c>
      <c r="E7027">
        <v>0</v>
      </c>
      <c r="F7027">
        <v>0</v>
      </c>
      <c r="H7027" t="s">
        <v>36139</v>
      </c>
      <c r="J7027" t="s">
        <v>36139</v>
      </c>
      <c r="O7027">
        <v>3322798</v>
      </c>
      <c r="P7027">
        <v>1</v>
      </c>
      <c r="Q7027">
        <v>0</v>
      </c>
      <c r="R7027" t="s">
        <v>36140</v>
      </c>
      <c r="S7027">
        <v>181</v>
      </c>
    </row>
    <row r="7028" spans="1:19" x14ac:dyDescent="0.25">
      <c r="A7028">
        <v>17893708</v>
      </c>
      <c r="B7028" t="s">
        <v>36141</v>
      </c>
      <c r="C7028" s="1" t="s">
        <v>36142</v>
      </c>
      <c r="D7028">
        <v>17904092</v>
      </c>
      <c r="E7028">
        <v>8</v>
      </c>
      <c r="F7028">
        <v>0</v>
      </c>
      <c r="H7028" t="s">
        <v>36143</v>
      </c>
      <c r="I7028">
        <v>7</v>
      </c>
      <c r="J7028" t="s">
        <v>36144</v>
      </c>
      <c r="O7028">
        <v>172815</v>
      </c>
      <c r="P7028">
        <v>1</v>
      </c>
      <c r="Q7028">
        <v>39</v>
      </c>
      <c r="R7028" t="s">
        <v>3034</v>
      </c>
      <c r="S7028">
        <v>40004</v>
      </c>
    </row>
    <row r="7029" spans="1:19" x14ac:dyDescent="0.25">
      <c r="A7029">
        <v>13075910</v>
      </c>
      <c r="B7029" t="s">
        <v>36145</v>
      </c>
      <c r="C7029" s="1" t="s">
        <v>36146</v>
      </c>
      <c r="E7029">
        <v>0</v>
      </c>
      <c r="F7029">
        <v>1</v>
      </c>
      <c r="H7029" t="s">
        <v>36147</v>
      </c>
      <c r="J7029" t="s">
        <v>36148</v>
      </c>
      <c r="K7029" t="s">
        <v>36148</v>
      </c>
      <c r="M7029">
        <v>146325</v>
      </c>
      <c r="O7029">
        <v>1017327</v>
      </c>
      <c r="P7029">
        <v>1</v>
      </c>
      <c r="Q7029">
        <v>1</v>
      </c>
      <c r="R7029" t="s">
        <v>36149</v>
      </c>
      <c r="S7029">
        <v>873</v>
      </c>
    </row>
    <row r="7030" spans="1:19" x14ac:dyDescent="0.25">
      <c r="A7030">
        <v>39210329</v>
      </c>
      <c r="B7030" t="s">
        <v>36150</v>
      </c>
      <c r="C7030" s="1" t="s">
        <v>36151</v>
      </c>
      <c r="E7030">
        <v>3</v>
      </c>
      <c r="F7030">
        <v>1</v>
      </c>
      <c r="H7030" t="s">
        <v>36152</v>
      </c>
      <c r="I7030">
        <v>6</v>
      </c>
      <c r="J7030" t="s">
        <v>36153</v>
      </c>
      <c r="K7030" t="s">
        <v>36154</v>
      </c>
      <c r="M7030">
        <v>3096477</v>
      </c>
      <c r="O7030">
        <v>5247192</v>
      </c>
      <c r="P7030">
        <v>1</v>
      </c>
      <c r="Q7030">
        <v>13</v>
      </c>
      <c r="R7030" t="s">
        <v>36155</v>
      </c>
      <c r="S7030">
        <v>6128</v>
      </c>
    </row>
    <row r="7031" spans="1:19" x14ac:dyDescent="0.25">
      <c r="A7031">
        <v>25311783</v>
      </c>
      <c r="B7031" t="s">
        <v>36156</v>
      </c>
      <c r="C7031" s="1" t="s">
        <v>36157</v>
      </c>
      <c r="D7031">
        <v>25312330</v>
      </c>
      <c r="E7031">
        <v>2</v>
      </c>
      <c r="F7031">
        <v>0</v>
      </c>
      <c r="H7031" t="s">
        <v>36158</v>
      </c>
      <c r="J7031" t="s">
        <v>36159</v>
      </c>
      <c r="K7031" t="s">
        <v>36160</v>
      </c>
      <c r="M7031">
        <v>633234</v>
      </c>
      <c r="O7031">
        <v>633234</v>
      </c>
      <c r="P7031">
        <v>1</v>
      </c>
      <c r="Q7031">
        <v>0</v>
      </c>
      <c r="R7031" t="s">
        <v>36161</v>
      </c>
      <c r="S7031">
        <v>217</v>
      </c>
    </row>
    <row r="7032" spans="1:19" x14ac:dyDescent="0.25">
      <c r="A7032">
        <v>27971528</v>
      </c>
      <c r="B7032" t="s">
        <v>36162</v>
      </c>
      <c r="C7032" s="1" t="s">
        <v>36163</v>
      </c>
      <c r="D7032">
        <v>27971830</v>
      </c>
      <c r="E7032">
        <v>2</v>
      </c>
      <c r="F7032">
        <v>2</v>
      </c>
      <c r="H7032" t="s">
        <v>36164</v>
      </c>
      <c r="J7032" t="s">
        <v>36165</v>
      </c>
      <c r="K7032" t="s">
        <v>36165</v>
      </c>
      <c r="M7032">
        <v>3999615</v>
      </c>
      <c r="O7032">
        <v>3999615</v>
      </c>
      <c r="P7032">
        <v>1</v>
      </c>
      <c r="Q7032">
        <v>-1</v>
      </c>
      <c r="R7032" t="s">
        <v>2771</v>
      </c>
      <c r="S7032">
        <v>167</v>
      </c>
    </row>
    <row r="7033" spans="1:19" x14ac:dyDescent="0.25">
      <c r="A7033">
        <v>37481109</v>
      </c>
      <c r="B7033" t="s">
        <v>36166</v>
      </c>
      <c r="C7033" s="1" t="s">
        <v>36167</v>
      </c>
      <c r="D7033">
        <v>37481939</v>
      </c>
      <c r="E7033">
        <v>1</v>
      </c>
      <c r="F7033">
        <v>2</v>
      </c>
      <c r="H7033" t="s">
        <v>36168</v>
      </c>
      <c r="J7033" t="s">
        <v>36169</v>
      </c>
      <c r="O7033">
        <v>5088967</v>
      </c>
      <c r="P7033">
        <v>1</v>
      </c>
      <c r="Q7033">
        <v>0</v>
      </c>
      <c r="R7033" t="s">
        <v>36170</v>
      </c>
      <c r="S7033">
        <v>439</v>
      </c>
    </row>
    <row r="7034" spans="1:19" x14ac:dyDescent="0.25">
      <c r="A7034">
        <v>10524395</v>
      </c>
      <c r="B7034" t="s">
        <v>36171</v>
      </c>
      <c r="C7034" s="1" t="s">
        <v>36172</v>
      </c>
      <c r="D7034">
        <v>11483670</v>
      </c>
      <c r="E7034">
        <v>1</v>
      </c>
      <c r="F7034">
        <v>0</v>
      </c>
      <c r="H7034" t="s">
        <v>36173</v>
      </c>
      <c r="I7034">
        <v>1</v>
      </c>
      <c r="J7034" t="s">
        <v>36174</v>
      </c>
      <c r="K7034" t="s">
        <v>36175</v>
      </c>
      <c r="M7034">
        <v>727208</v>
      </c>
      <c r="O7034">
        <v>758093</v>
      </c>
      <c r="P7034">
        <v>1</v>
      </c>
      <c r="Q7034">
        <v>1</v>
      </c>
      <c r="R7034" t="s">
        <v>36176</v>
      </c>
      <c r="S7034">
        <v>625</v>
      </c>
    </row>
    <row r="7035" spans="1:19" x14ac:dyDescent="0.25">
      <c r="A7035">
        <v>7066278</v>
      </c>
      <c r="B7035" t="s">
        <v>36177</v>
      </c>
      <c r="C7035" s="1" t="s">
        <v>36178</v>
      </c>
      <c r="D7035">
        <v>7067346</v>
      </c>
      <c r="E7035">
        <v>1</v>
      </c>
      <c r="F7035">
        <v>0</v>
      </c>
      <c r="H7035" t="s">
        <v>36179</v>
      </c>
      <c r="J7035" t="s">
        <v>36180</v>
      </c>
      <c r="O7035">
        <v>424492</v>
      </c>
      <c r="P7035">
        <v>1</v>
      </c>
      <c r="Q7035">
        <v>1</v>
      </c>
      <c r="R7035" t="s">
        <v>36181</v>
      </c>
      <c r="S7035">
        <v>1067</v>
      </c>
    </row>
    <row r="7036" spans="1:19" x14ac:dyDescent="0.25">
      <c r="A7036">
        <v>28731792</v>
      </c>
      <c r="B7036" t="s">
        <v>36182</v>
      </c>
      <c r="C7036" t="s">
        <v>36183</v>
      </c>
      <c r="E7036">
        <v>1</v>
      </c>
      <c r="F7036">
        <v>1</v>
      </c>
      <c r="H7036" t="s">
        <v>36184</v>
      </c>
      <c r="J7036" t="s">
        <v>36185</v>
      </c>
      <c r="O7036">
        <v>4608089</v>
      </c>
      <c r="P7036">
        <v>1</v>
      </c>
      <c r="Q7036">
        <v>-1</v>
      </c>
      <c r="R7036" t="s">
        <v>11699</v>
      </c>
      <c r="S7036">
        <v>37</v>
      </c>
    </row>
    <row r="7037" spans="1:19" x14ac:dyDescent="0.25">
      <c r="A7037">
        <v>2788649</v>
      </c>
      <c r="B7037" t="s">
        <v>36186</v>
      </c>
      <c r="C7037" s="1" t="s">
        <v>36187</v>
      </c>
      <c r="D7037">
        <v>18948381</v>
      </c>
      <c r="E7037">
        <v>3</v>
      </c>
      <c r="F7037">
        <v>0</v>
      </c>
      <c r="H7037" t="s">
        <v>36188</v>
      </c>
      <c r="I7037">
        <v>4</v>
      </c>
      <c r="J7037" t="s">
        <v>36189</v>
      </c>
      <c r="K7037" t="s">
        <v>36189</v>
      </c>
      <c r="M7037">
        <v>42973</v>
      </c>
      <c r="O7037">
        <v>42973</v>
      </c>
      <c r="P7037">
        <v>1</v>
      </c>
      <c r="Q7037">
        <v>14</v>
      </c>
      <c r="R7037" t="s">
        <v>36190</v>
      </c>
      <c r="S7037">
        <v>795</v>
      </c>
    </row>
    <row r="7038" spans="1:19" x14ac:dyDescent="0.25">
      <c r="A7038">
        <v>44147582</v>
      </c>
      <c r="B7038" t="s">
        <v>36191</v>
      </c>
      <c r="C7038" s="1" t="s">
        <v>36192</v>
      </c>
      <c r="E7038">
        <v>2</v>
      </c>
      <c r="F7038">
        <v>0</v>
      </c>
      <c r="H7038" t="s">
        <v>36193</v>
      </c>
      <c r="J7038" t="s">
        <v>36194</v>
      </c>
      <c r="O7038">
        <v>2386226</v>
      </c>
      <c r="P7038">
        <v>1</v>
      </c>
      <c r="Q7038">
        <v>0</v>
      </c>
      <c r="R7038" t="s">
        <v>36195</v>
      </c>
      <c r="S7038">
        <v>1736</v>
      </c>
    </row>
    <row r="7039" spans="1:19" x14ac:dyDescent="0.25">
      <c r="A7039">
        <v>50562890</v>
      </c>
      <c r="B7039" t="s">
        <v>36196</v>
      </c>
      <c r="C7039" s="1" t="s">
        <v>36197</v>
      </c>
      <c r="E7039">
        <v>1</v>
      </c>
      <c r="F7039">
        <v>0</v>
      </c>
      <c r="H7039" t="s">
        <v>36198</v>
      </c>
      <c r="J7039" t="s">
        <v>36199</v>
      </c>
      <c r="O7039">
        <v>1101310</v>
      </c>
      <c r="P7039">
        <v>1</v>
      </c>
      <c r="Q7039">
        <v>0</v>
      </c>
      <c r="R7039" t="s">
        <v>36200</v>
      </c>
      <c r="S7039">
        <v>73</v>
      </c>
    </row>
    <row r="7040" spans="1:19" x14ac:dyDescent="0.25">
      <c r="A7040">
        <v>53477117</v>
      </c>
      <c r="B7040" t="s">
        <v>36201</v>
      </c>
      <c r="C7040" s="1" t="s">
        <v>36202</v>
      </c>
      <c r="D7040">
        <v>53478331</v>
      </c>
      <c r="E7040">
        <v>1</v>
      </c>
      <c r="F7040">
        <v>1</v>
      </c>
      <c r="H7040" t="s">
        <v>36203</v>
      </c>
      <c r="J7040" t="s">
        <v>36204</v>
      </c>
      <c r="O7040">
        <v>4180764</v>
      </c>
      <c r="P7040">
        <v>1</v>
      </c>
      <c r="Q7040">
        <v>0</v>
      </c>
      <c r="R7040" t="s">
        <v>36205</v>
      </c>
      <c r="S7040">
        <v>25</v>
      </c>
    </row>
    <row r="7041" spans="1:19" x14ac:dyDescent="0.25">
      <c r="A7041">
        <v>38140261</v>
      </c>
      <c r="B7041" t="s">
        <v>36206</v>
      </c>
      <c r="C7041" s="1" t="s">
        <v>36207</v>
      </c>
      <c r="E7041">
        <v>0</v>
      </c>
      <c r="F7041">
        <v>0</v>
      </c>
      <c r="H7041" t="s">
        <v>36208</v>
      </c>
      <c r="J7041" t="s">
        <v>36208</v>
      </c>
      <c r="O7041">
        <v>258274</v>
      </c>
      <c r="P7041">
        <v>1</v>
      </c>
      <c r="Q7041">
        <v>1</v>
      </c>
      <c r="R7041" t="s">
        <v>36209</v>
      </c>
      <c r="S7041">
        <v>155</v>
      </c>
    </row>
    <row r="7042" spans="1:19" x14ac:dyDescent="0.25">
      <c r="A7042">
        <v>46356752</v>
      </c>
      <c r="B7042" t="s">
        <v>36210</v>
      </c>
      <c r="C7042" t="s">
        <v>36211</v>
      </c>
      <c r="D7042">
        <v>46356822</v>
      </c>
      <c r="E7042">
        <v>2</v>
      </c>
      <c r="F7042">
        <v>4</v>
      </c>
      <c r="H7042" t="s">
        <v>36212</v>
      </c>
      <c r="J7042" t="s">
        <v>36213</v>
      </c>
      <c r="O7042">
        <v>8422415</v>
      </c>
      <c r="P7042">
        <v>1</v>
      </c>
      <c r="Q7042">
        <v>-1</v>
      </c>
      <c r="R7042" t="s">
        <v>2664</v>
      </c>
      <c r="S7042">
        <v>92</v>
      </c>
    </row>
    <row r="7043" spans="1:19" x14ac:dyDescent="0.25">
      <c r="A7043">
        <v>42370899</v>
      </c>
      <c r="B7043" t="s">
        <v>36214</v>
      </c>
      <c r="C7043" s="1" t="s">
        <v>36215</v>
      </c>
      <c r="E7043">
        <v>1</v>
      </c>
      <c r="F7043">
        <v>8</v>
      </c>
      <c r="H7043" t="s">
        <v>36216</v>
      </c>
      <c r="J7043" t="s">
        <v>36217</v>
      </c>
      <c r="K7043" t="s">
        <v>36218</v>
      </c>
      <c r="M7043">
        <v>2459543</v>
      </c>
      <c r="O7043">
        <v>2459543</v>
      </c>
      <c r="P7043">
        <v>1</v>
      </c>
      <c r="Q7043">
        <v>1</v>
      </c>
      <c r="R7043" t="s">
        <v>36219</v>
      </c>
      <c r="S7043">
        <v>50</v>
      </c>
    </row>
    <row r="7044" spans="1:19" x14ac:dyDescent="0.25">
      <c r="A7044">
        <v>18720748</v>
      </c>
      <c r="B7044" t="s">
        <v>36220</v>
      </c>
      <c r="C7044" s="1" t="s">
        <v>36221</v>
      </c>
      <c r="E7044">
        <v>1</v>
      </c>
      <c r="F7044">
        <v>1</v>
      </c>
      <c r="H7044" t="s">
        <v>36222</v>
      </c>
      <c r="I7044">
        <v>1</v>
      </c>
      <c r="J7044" t="s">
        <v>36223</v>
      </c>
      <c r="K7044" t="s">
        <v>36224</v>
      </c>
      <c r="M7044">
        <v>1597744</v>
      </c>
      <c r="O7044">
        <v>1954390</v>
      </c>
      <c r="P7044">
        <v>1</v>
      </c>
      <c r="Q7044">
        <v>0</v>
      </c>
      <c r="R7044" t="s">
        <v>36225</v>
      </c>
      <c r="S7044">
        <v>79</v>
      </c>
    </row>
    <row r="7045" spans="1:19" x14ac:dyDescent="0.25">
      <c r="A7045">
        <v>10580947</v>
      </c>
      <c r="B7045" t="s">
        <v>36226</v>
      </c>
      <c r="C7045" s="1" t="s">
        <v>36227</v>
      </c>
      <c r="E7045">
        <v>1</v>
      </c>
      <c r="F7045">
        <v>2</v>
      </c>
      <c r="H7045" t="s">
        <v>36228</v>
      </c>
      <c r="J7045" t="s">
        <v>36229</v>
      </c>
      <c r="K7045" t="s">
        <v>36230</v>
      </c>
      <c r="M7045">
        <v>1222951</v>
      </c>
      <c r="O7045">
        <v>1222951</v>
      </c>
      <c r="P7045">
        <v>1</v>
      </c>
      <c r="Q7045">
        <v>0</v>
      </c>
      <c r="R7045" t="s">
        <v>36231</v>
      </c>
      <c r="S7045">
        <v>1336</v>
      </c>
    </row>
    <row r="7046" spans="1:19" x14ac:dyDescent="0.25">
      <c r="A7046">
        <v>45846280</v>
      </c>
      <c r="B7046" t="s">
        <v>36232</v>
      </c>
      <c r="C7046" s="1" t="s">
        <v>36233</v>
      </c>
      <c r="E7046">
        <v>0</v>
      </c>
      <c r="F7046">
        <v>0</v>
      </c>
      <c r="H7046" t="s">
        <v>36234</v>
      </c>
      <c r="J7046" t="s">
        <v>36235</v>
      </c>
      <c r="K7046" t="s">
        <v>36235</v>
      </c>
      <c r="M7046">
        <v>354577</v>
      </c>
      <c r="O7046">
        <v>8403529</v>
      </c>
      <c r="P7046">
        <v>1</v>
      </c>
      <c r="Q7046">
        <v>1</v>
      </c>
      <c r="R7046" t="s">
        <v>36236</v>
      </c>
      <c r="S7046">
        <v>233</v>
      </c>
    </row>
    <row r="7047" spans="1:19" x14ac:dyDescent="0.25">
      <c r="A7047">
        <v>7209046</v>
      </c>
      <c r="B7047" t="s">
        <v>36237</v>
      </c>
      <c r="C7047" s="1" t="s">
        <v>36238</v>
      </c>
      <c r="D7047">
        <v>7209113</v>
      </c>
      <c r="E7047">
        <v>2</v>
      </c>
      <c r="F7047">
        <v>0</v>
      </c>
      <c r="H7047" t="s">
        <v>36239</v>
      </c>
      <c r="I7047">
        <v>6</v>
      </c>
      <c r="J7047" t="s">
        <v>36240</v>
      </c>
      <c r="O7047">
        <v>400861</v>
      </c>
      <c r="P7047">
        <v>1</v>
      </c>
      <c r="Q7047">
        <v>7</v>
      </c>
      <c r="R7047" t="s">
        <v>36241</v>
      </c>
      <c r="S7047">
        <v>6590</v>
      </c>
    </row>
    <row r="7048" spans="1:19" x14ac:dyDescent="0.25">
      <c r="A7048">
        <v>22654231</v>
      </c>
      <c r="B7048" t="s">
        <v>36242</v>
      </c>
      <c r="C7048" s="1" t="s">
        <v>36243</v>
      </c>
      <c r="E7048">
        <v>1</v>
      </c>
      <c r="F7048">
        <v>0</v>
      </c>
      <c r="H7048" t="s">
        <v>36244</v>
      </c>
      <c r="I7048">
        <v>1</v>
      </c>
      <c r="J7048" t="s">
        <v>36245</v>
      </c>
      <c r="K7048" t="s">
        <v>36246</v>
      </c>
      <c r="M7048">
        <v>1817804</v>
      </c>
      <c r="O7048">
        <v>1817804</v>
      </c>
      <c r="P7048">
        <v>1</v>
      </c>
      <c r="Q7048">
        <v>0</v>
      </c>
      <c r="R7048" t="s">
        <v>36247</v>
      </c>
      <c r="S7048">
        <v>133</v>
      </c>
    </row>
    <row r="7049" spans="1:19" x14ac:dyDescent="0.25">
      <c r="A7049">
        <v>28595328</v>
      </c>
      <c r="B7049" t="s">
        <v>36248</v>
      </c>
      <c r="C7049" s="1" t="s">
        <v>36249</v>
      </c>
      <c r="D7049">
        <v>28598798</v>
      </c>
      <c r="E7049">
        <v>3</v>
      </c>
      <c r="F7049">
        <v>3</v>
      </c>
      <c r="H7049" t="s">
        <v>36250</v>
      </c>
      <c r="I7049">
        <v>1</v>
      </c>
      <c r="J7049" t="s">
        <v>36251</v>
      </c>
      <c r="K7049" t="s">
        <v>36251</v>
      </c>
      <c r="M7049">
        <v>3298829</v>
      </c>
      <c r="O7049">
        <v>3298829</v>
      </c>
      <c r="P7049">
        <v>1</v>
      </c>
      <c r="Q7049">
        <v>0</v>
      </c>
      <c r="R7049" t="s">
        <v>36252</v>
      </c>
      <c r="S7049">
        <v>324</v>
      </c>
    </row>
    <row r="7050" spans="1:19" x14ac:dyDescent="0.25">
      <c r="A7050">
        <v>7632971</v>
      </c>
      <c r="B7050" t="s">
        <v>36253</v>
      </c>
      <c r="C7050" s="1" t="s">
        <v>36254</v>
      </c>
      <c r="D7050">
        <v>7686955</v>
      </c>
      <c r="E7050">
        <v>1</v>
      </c>
      <c r="F7050">
        <v>0</v>
      </c>
      <c r="H7050" t="s">
        <v>36255</v>
      </c>
      <c r="J7050" t="s">
        <v>36256</v>
      </c>
      <c r="O7050">
        <v>218284</v>
      </c>
      <c r="P7050">
        <v>1</v>
      </c>
      <c r="Q7050">
        <v>0</v>
      </c>
      <c r="R7050" t="s">
        <v>36257</v>
      </c>
      <c r="S7050">
        <v>166</v>
      </c>
    </row>
    <row r="7051" spans="1:19" x14ac:dyDescent="0.25">
      <c r="A7051">
        <v>44418688</v>
      </c>
      <c r="B7051" t="s">
        <v>36258</v>
      </c>
      <c r="C7051" s="1" t="s">
        <v>36259</v>
      </c>
      <c r="E7051">
        <v>0</v>
      </c>
      <c r="F7051">
        <v>3</v>
      </c>
      <c r="H7051" t="s">
        <v>36260</v>
      </c>
      <c r="J7051" t="s">
        <v>36261</v>
      </c>
      <c r="K7051" t="s">
        <v>36261</v>
      </c>
      <c r="M7051">
        <v>3633550</v>
      </c>
      <c r="O7051">
        <v>3633550</v>
      </c>
      <c r="P7051">
        <v>1</v>
      </c>
      <c r="Q7051">
        <v>0</v>
      </c>
      <c r="R7051" t="s">
        <v>36262</v>
      </c>
      <c r="S7051">
        <v>30</v>
      </c>
    </row>
    <row r="7052" spans="1:19" x14ac:dyDescent="0.25">
      <c r="A7052">
        <v>11057620</v>
      </c>
      <c r="B7052" t="s">
        <v>36263</v>
      </c>
      <c r="C7052" s="1" t="s">
        <v>36264</v>
      </c>
      <c r="D7052">
        <v>11057640</v>
      </c>
      <c r="E7052">
        <v>2</v>
      </c>
      <c r="F7052">
        <v>0</v>
      </c>
      <c r="H7052" t="s">
        <v>36265</v>
      </c>
      <c r="J7052" t="s">
        <v>36266</v>
      </c>
      <c r="O7052">
        <v>1196150</v>
      </c>
      <c r="P7052">
        <v>1</v>
      </c>
      <c r="Q7052">
        <v>1</v>
      </c>
      <c r="R7052" t="s">
        <v>36267</v>
      </c>
      <c r="S7052">
        <v>105</v>
      </c>
    </row>
    <row r="7053" spans="1:19" x14ac:dyDescent="0.25">
      <c r="A7053">
        <v>8692766</v>
      </c>
      <c r="B7053" t="s">
        <v>36268</v>
      </c>
      <c r="C7053" s="1" t="s">
        <v>36269</v>
      </c>
      <c r="D7053">
        <v>8694517</v>
      </c>
      <c r="E7053">
        <v>1</v>
      </c>
      <c r="F7053">
        <v>0</v>
      </c>
      <c r="H7053" t="s">
        <v>36270</v>
      </c>
      <c r="J7053" t="s">
        <v>36271</v>
      </c>
      <c r="O7053">
        <v>1125006</v>
      </c>
      <c r="P7053">
        <v>1</v>
      </c>
      <c r="Q7053">
        <v>1</v>
      </c>
      <c r="R7053" t="s">
        <v>36272</v>
      </c>
      <c r="S7053">
        <v>415</v>
      </c>
    </row>
    <row r="7054" spans="1:19" x14ac:dyDescent="0.25">
      <c r="A7054">
        <v>48121905</v>
      </c>
      <c r="B7054" t="s">
        <v>36273</v>
      </c>
      <c r="C7054" s="1" t="s">
        <v>36274</v>
      </c>
      <c r="D7054">
        <v>48122151</v>
      </c>
      <c r="E7054">
        <v>1</v>
      </c>
      <c r="F7054">
        <v>0</v>
      </c>
      <c r="H7054" t="s">
        <v>36275</v>
      </c>
      <c r="J7054" t="s">
        <v>36276</v>
      </c>
      <c r="O7054">
        <v>9179442</v>
      </c>
      <c r="P7054">
        <v>1</v>
      </c>
      <c r="Q7054">
        <v>0</v>
      </c>
      <c r="R7054" t="s">
        <v>36277</v>
      </c>
      <c r="S7054">
        <v>73</v>
      </c>
    </row>
    <row r="7055" spans="1:19" x14ac:dyDescent="0.25">
      <c r="A7055">
        <v>5654358</v>
      </c>
      <c r="B7055" t="s">
        <v>36278</v>
      </c>
      <c r="C7055" s="1" t="s">
        <v>36279</v>
      </c>
      <c r="E7055">
        <v>1</v>
      </c>
      <c r="F7055">
        <v>1</v>
      </c>
      <c r="H7055" t="s">
        <v>36280</v>
      </c>
      <c r="I7055">
        <v>2</v>
      </c>
      <c r="J7055" t="s">
        <v>36281</v>
      </c>
      <c r="K7055" t="s">
        <v>36282</v>
      </c>
      <c r="M7055">
        <v>83897</v>
      </c>
      <c r="O7055">
        <v>83897</v>
      </c>
      <c r="P7055">
        <v>1</v>
      </c>
      <c r="Q7055">
        <v>4</v>
      </c>
      <c r="R7055" t="s">
        <v>36283</v>
      </c>
      <c r="S7055">
        <v>2347</v>
      </c>
    </row>
    <row r="7056" spans="1:19" x14ac:dyDescent="0.25">
      <c r="A7056">
        <v>22883553</v>
      </c>
      <c r="B7056" t="s">
        <v>36284</v>
      </c>
      <c r="C7056" s="1" t="s">
        <v>36285</v>
      </c>
      <c r="E7056">
        <v>0</v>
      </c>
      <c r="F7056">
        <v>5</v>
      </c>
      <c r="H7056" t="s">
        <v>36286</v>
      </c>
      <c r="J7056" t="s">
        <v>36287</v>
      </c>
      <c r="K7056" t="s">
        <v>36288</v>
      </c>
      <c r="M7056">
        <v>173149</v>
      </c>
      <c r="O7056">
        <v>173149</v>
      </c>
      <c r="P7056">
        <v>1</v>
      </c>
      <c r="Q7056">
        <v>0</v>
      </c>
      <c r="R7056" t="s">
        <v>36289</v>
      </c>
      <c r="S7056">
        <v>38</v>
      </c>
    </row>
    <row r="7057" spans="1:19" x14ac:dyDescent="0.25">
      <c r="A7057">
        <v>15151411</v>
      </c>
      <c r="B7057" t="s">
        <v>36290</v>
      </c>
      <c r="C7057" s="1" t="s">
        <v>36291</v>
      </c>
      <c r="E7057">
        <v>0</v>
      </c>
      <c r="F7057">
        <v>2</v>
      </c>
      <c r="H7057" t="s">
        <v>36292</v>
      </c>
      <c r="J7057" t="s">
        <v>36292</v>
      </c>
      <c r="O7057">
        <v>1162305</v>
      </c>
      <c r="P7057">
        <v>1</v>
      </c>
      <c r="Q7057">
        <v>1</v>
      </c>
      <c r="R7057" t="s">
        <v>36293</v>
      </c>
      <c r="S7057">
        <v>145</v>
      </c>
    </row>
    <row r="7058" spans="1:19" x14ac:dyDescent="0.25">
      <c r="A7058">
        <v>51505064</v>
      </c>
      <c r="B7058" t="s">
        <v>36294</v>
      </c>
      <c r="C7058" s="1" t="s">
        <v>36295</v>
      </c>
      <c r="D7058">
        <v>51505540</v>
      </c>
      <c r="E7058">
        <v>1</v>
      </c>
      <c r="F7058">
        <v>21</v>
      </c>
      <c r="H7058" t="s">
        <v>36296</v>
      </c>
      <c r="J7058" t="s">
        <v>36297</v>
      </c>
      <c r="O7058">
        <v>7954280</v>
      </c>
      <c r="P7058">
        <v>1</v>
      </c>
      <c r="Q7058">
        <v>0</v>
      </c>
      <c r="R7058" t="s">
        <v>36298</v>
      </c>
      <c r="S7058">
        <v>38</v>
      </c>
    </row>
    <row r="7059" spans="1:19" x14ac:dyDescent="0.25">
      <c r="A7059">
        <v>33592558</v>
      </c>
      <c r="B7059" t="s">
        <v>36299</v>
      </c>
      <c r="C7059" s="1" t="s">
        <v>36300</v>
      </c>
      <c r="E7059">
        <v>1</v>
      </c>
      <c r="F7059">
        <v>0</v>
      </c>
      <c r="H7059" t="s">
        <v>36301</v>
      </c>
      <c r="J7059" t="s">
        <v>36302</v>
      </c>
      <c r="O7059">
        <v>2295847</v>
      </c>
      <c r="P7059">
        <v>1</v>
      </c>
      <c r="Q7059">
        <v>1</v>
      </c>
      <c r="R7059" t="s">
        <v>36303</v>
      </c>
      <c r="S7059">
        <v>143</v>
      </c>
    </row>
    <row r="7060" spans="1:19" x14ac:dyDescent="0.25">
      <c r="A7060">
        <v>34416205</v>
      </c>
      <c r="B7060" t="s">
        <v>36304</v>
      </c>
      <c r="C7060" s="1" t="s">
        <v>36305</v>
      </c>
      <c r="E7060">
        <v>1</v>
      </c>
      <c r="F7060">
        <v>0</v>
      </c>
      <c r="H7060" t="s">
        <v>36306</v>
      </c>
      <c r="J7060" t="s">
        <v>36307</v>
      </c>
      <c r="K7060" t="s">
        <v>36308</v>
      </c>
      <c r="M7060">
        <v>4185468</v>
      </c>
      <c r="O7060">
        <v>4185468</v>
      </c>
      <c r="P7060">
        <v>1</v>
      </c>
      <c r="Q7060">
        <v>0</v>
      </c>
      <c r="R7060" t="s">
        <v>36309</v>
      </c>
      <c r="S7060">
        <v>353</v>
      </c>
    </row>
    <row r="7061" spans="1:19" x14ac:dyDescent="0.25">
      <c r="A7061">
        <v>44861832</v>
      </c>
      <c r="B7061" t="s">
        <v>36310</v>
      </c>
      <c r="C7061" s="1" t="s">
        <v>36311</v>
      </c>
      <c r="E7061">
        <v>1</v>
      </c>
      <c r="F7061">
        <v>0</v>
      </c>
      <c r="H7061" t="s">
        <v>36312</v>
      </c>
      <c r="J7061" t="s">
        <v>36313</v>
      </c>
      <c r="O7061">
        <v>3389819</v>
      </c>
      <c r="P7061">
        <v>1</v>
      </c>
      <c r="Q7061">
        <v>0</v>
      </c>
      <c r="R7061" t="s">
        <v>36314</v>
      </c>
      <c r="S7061">
        <v>92</v>
      </c>
    </row>
    <row r="7062" spans="1:19" x14ac:dyDescent="0.25">
      <c r="A7062">
        <v>37694643</v>
      </c>
      <c r="B7062" t="s">
        <v>36315</v>
      </c>
      <c r="C7062" s="1" t="s">
        <v>36316</v>
      </c>
      <c r="E7062">
        <v>4</v>
      </c>
      <c r="F7062">
        <v>0</v>
      </c>
      <c r="H7062" t="s">
        <v>36317</v>
      </c>
      <c r="J7062" t="s">
        <v>36318</v>
      </c>
      <c r="K7062" t="s">
        <v>36319</v>
      </c>
      <c r="M7062">
        <v>3037257</v>
      </c>
      <c r="O7062">
        <v>6011619</v>
      </c>
      <c r="P7062">
        <v>1</v>
      </c>
      <c r="Q7062">
        <v>0</v>
      </c>
      <c r="R7062" t="s">
        <v>36320</v>
      </c>
      <c r="S7062">
        <v>81</v>
      </c>
    </row>
    <row r="7063" spans="1:19" x14ac:dyDescent="0.25">
      <c r="A7063">
        <v>277224</v>
      </c>
      <c r="B7063" t="s">
        <v>36321</v>
      </c>
      <c r="C7063" s="1" t="s">
        <v>36322</v>
      </c>
      <c r="E7063">
        <v>18</v>
      </c>
      <c r="F7063">
        <v>3</v>
      </c>
      <c r="H7063" t="s">
        <v>36323</v>
      </c>
      <c r="I7063">
        <v>208</v>
      </c>
      <c r="J7063" t="s">
        <v>36324</v>
      </c>
      <c r="K7063" t="s">
        <v>36325</v>
      </c>
      <c r="M7063">
        <v>209139</v>
      </c>
      <c r="N7063" t="s">
        <v>36326</v>
      </c>
      <c r="O7063">
        <v>28835</v>
      </c>
      <c r="P7063">
        <v>1</v>
      </c>
      <c r="Q7063">
        <v>509</v>
      </c>
      <c r="R7063" t="s">
        <v>36327</v>
      </c>
      <c r="S7063">
        <v>324270</v>
      </c>
    </row>
    <row r="7064" spans="1:19" x14ac:dyDescent="0.25">
      <c r="A7064">
        <v>23267451</v>
      </c>
      <c r="B7064" t="s">
        <v>36328</v>
      </c>
      <c r="C7064" s="1" t="s">
        <v>36329</v>
      </c>
      <c r="D7064">
        <v>23267665</v>
      </c>
      <c r="E7064">
        <v>3</v>
      </c>
      <c r="F7064">
        <v>1</v>
      </c>
      <c r="H7064" t="s">
        <v>36330</v>
      </c>
      <c r="J7064" t="s">
        <v>36331</v>
      </c>
      <c r="K7064" t="s">
        <v>36332</v>
      </c>
      <c r="M7064">
        <v>1254512</v>
      </c>
      <c r="O7064">
        <v>3553614</v>
      </c>
      <c r="P7064">
        <v>1</v>
      </c>
      <c r="Q7064">
        <v>0</v>
      </c>
      <c r="R7064" t="s">
        <v>12851</v>
      </c>
      <c r="S7064">
        <v>117</v>
      </c>
    </row>
    <row r="7065" spans="1:19" x14ac:dyDescent="0.25">
      <c r="A7065">
        <v>46764308</v>
      </c>
      <c r="B7065" t="s">
        <v>36333</v>
      </c>
      <c r="C7065" s="1" t="s">
        <v>36334</v>
      </c>
      <c r="E7065">
        <v>1</v>
      </c>
      <c r="F7065">
        <v>1</v>
      </c>
      <c r="H7065" t="s">
        <v>36335</v>
      </c>
      <c r="I7065">
        <v>0</v>
      </c>
      <c r="J7065" t="s">
        <v>36336</v>
      </c>
      <c r="K7065" t="s">
        <v>36337</v>
      </c>
      <c r="M7065">
        <v>5044042</v>
      </c>
      <c r="O7065">
        <v>8782574</v>
      </c>
      <c r="P7065">
        <v>1</v>
      </c>
      <c r="Q7065">
        <v>-1</v>
      </c>
      <c r="R7065" t="s">
        <v>2664</v>
      </c>
      <c r="S7065">
        <v>57</v>
      </c>
    </row>
    <row r="7066" spans="1:19" x14ac:dyDescent="0.25">
      <c r="A7066">
        <v>27532885</v>
      </c>
      <c r="B7066" t="s">
        <v>36338</v>
      </c>
      <c r="C7066" s="1" t="s">
        <v>36339</v>
      </c>
      <c r="E7066">
        <v>0</v>
      </c>
      <c r="F7066">
        <v>4</v>
      </c>
      <c r="H7066" t="s">
        <v>36340</v>
      </c>
      <c r="I7066">
        <v>1</v>
      </c>
      <c r="J7066" t="s">
        <v>36341</v>
      </c>
      <c r="K7066" t="s">
        <v>36341</v>
      </c>
      <c r="M7066">
        <v>645107</v>
      </c>
      <c r="O7066">
        <v>645107</v>
      </c>
      <c r="P7066">
        <v>1</v>
      </c>
      <c r="Q7066">
        <v>0</v>
      </c>
      <c r="R7066" t="s">
        <v>36342</v>
      </c>
      <c r="S7066">
        <v>103</v>
      </c>
    </row>
    <row r="7067" spans="1:19" x14ac:dyDescent="0.25">
      <c r="A7067">
        <v>9443214</v>
      </c>
      <c r="B7067" t="s">
        <v>36343</v>
      </c>
      <c r="C7067" s="1" t="s">
        <v>36344</v>
      </c>
      <c r="D7067">
        <v>10009157</v>
      </c>
      <c r="E7067">
        <v>4</v>
      </c>
      <c r="F7067">
        <v>2</v>
      </c>
      <c r="H7067" t="s">
        <v>36345</v>
      </c>
      <c r="J7067" t="s">
        <v>36346</v>
      </c>
      <c r="K7067" t="s">
        <v>36347</v>
      </c>
      <c r="M7067">
        <v>27196</v>
      </c>
      <c r="O7067">
        <v>27196</v>
      </c>
      <c r="P7067">
        <v>1</v>
      </c>
      <c r="Q7067">
        <v>1</v>
      </c>
      <c r="R7067" t="s">
        <v>36348</v>
      </c>
      <c r="S7067">
        <v>3185</v>
      </c>
    </row>
    <row r="7068" spans="1:19" x14ac:dyDescent="0.25">
      <c r="A7068">
        <v>12330994</v>
      </c>
      <c r="B7068" t="s">
        <v>36349</v>
      </c>
      <c r="C7068" s="1" t="s">
        <v>36350</v>
      </c>
      <c r="E7068">
        <v>1</v>
      </c>
      <c r="F7068">
        <v>3</v>
      </c>
      <c r="H7068" t="s">
        <v>36351</v>
      </c>
      <c r="J7068" t="s">
        <v>36352</v>
      </c>
      <c r="O7068">
        <v>1263981</v>
      </c>
      <c r="P7068">
        <v>1</v>
      </c>
      <c r="Q7068">
        <v>1</v>
      </c>
      <c r="R7068" t="s">
        <v>36353</v>
      </c>
      <c r="S7068">
        <v>1074</v>
      </c>
    </row>
    <row r="7069" spans="1:19" x14ac:dyDescent="0.25">
      <c r="A7069">
        <v>14711409</v>
      </c>
      <c r="B7069" t="s">
        <v>36354</v>
      </c>
      <c r="C7069" s="1" t="s">
        <v>36355</v>
      </c>
      <c r="D7069">
        <v>14711516</v>
      </c>
      <c r="E7069">
        <v>3</v>
      </c>
      <c r="F7069">
        <v>10</v>
      </c>
      <c r="H7069" t="s">
        <v>36356</v>
      </c>
      <c r="I7069">
        <v>1</v>
      </c>
      <c r="J7069" t="s">
        <v>36357</v>
      </c>
      <c r="O7069">
        <v>1566991</v>
      </c>
      <c r="P7069">
        <v>1</v>
      </c>
      <c r="Q7069">
        <v>6</v>
      </c>
      <c r="R7069" t="s">
        <v>36358</v>
      </c>
      <c r="S7069">
        <v>9159</v>
      </c>
    </row>
    <row r="7070" spans="1:19" x14ac:dyDescent="0.25">
      <c r="A7070">
        <v>47855822</v>
      </c>
      <c r="B7070" t="s">
        <v>36359</v>
      </c>
      <c r="C7070" s="1" t="s">
        <v>36360</v>
      </c>
      <c r="D7070">
        <v>47855840</v>
      </c>
      <c r="E7070">
        <v>1</v>
      </c>
      <c r="F7070">
        <v>0</v>
      </c>
      <c r="H7070" t="s">
        <v>36361</v>
      </c>
      <c r="J7070" t="s">
        <v>36362</v>
      </c>
      <c r="O7070">
        <v>9064790</v>
      </c>
      <c r="P7070">
        <v>1</v>
      </c>
      <c r="Q7070">
        <v>1</v>
      </c>
      <c r="R7070" t="s">
        <v>3969</v>
      </c>
      <c r="S7070">
        <v>45</v>
      </c>
    </row>
    <row r="7071" spans="1:19" x14ac:dyDescent="0.25">
      <c r="A7071">
        <v>22362870</v>
      </c>
      <c r="B7071" t="s">
        <v>36363</v>
      </c>
      <c r="C7071" s="1" t="s">
        <v>36364</v>
      </c>
      <c r="D7071">
        <v>22363403</v>
      </c>
      <c r="E7071">
        <v>1</v>
      </c>
      <c r="F7071">
        <v>0</v>
      </c>
      <c r="H7071" t="s">
        <v>36365</v>
      </c>
      <c r="J7071" t="s">
        <v>36366</v>
      </c>
      <c r="O7071">
        <v>2088406</v>
      </c>
      <c r="P7071">
        <v>1</v>
      </c>
      <c r="Q7071">
        <v>0</v>
      </c>
      <c r="R7071" t="s">
        <v>989</v>
      </c>
      <c r="S7071">
        <v>85</v>
      </c>
    </row>
    <row r="7072" spans="1:19" x14ac:dyDescent="0.25">
      <c r="A7072">
        <v>39766456</v>
      </c>
      <c r="B7072" t="s">
        <v>36367</v>
      </c>
      <c r="C7072" s="1" t="s">
        <v>36368</v>
      </c>
      <c r="E7072">
        <v>1</v>
      </c>
      <c r="F7072">
        <v>3</v>
      </c>
      <c r="H7072" t="s">
        <v>36369</v>
      </c>
      <c r="J7072" t="s">
        <v>36370</v>
      </c>
      <c r="K7072" t="s">
        <v>36370</v>
      </c>
      <c r="M7072">
        <v>2649012</v>
      </c>
      <c r="O7072">
        <v>6898533</v>
      </c>
      <c r="P7072">
        <v>1</v>
      </c>
      <c r="Q7072">
        <v>-3</v>
      </c>
      <c r="R7072" t="s">
        <v>36371</v>
      </c>
      <c r="S7072">
        <v>266</v>
      </c>
    </row>
    <row r="7073" spans="1:19" x14ac:dyDescent="0.25">
      <c r="A7073">
        <v>18000641</v>
      </c>
      <c r="B7073" t="s">
        <v>36372</v>
      </c>
      <c r="C7073" s="1" t="s">
        <v>36373</v>
      </c>
      <c r="E7073">
        <v>1</v>
      </c>
      <c r="F7073">
        <v>5</v>
      </c>
      <c r="H7073" t="s">
        <v>36374</v>
      </c>
      <c r="J7073" t="s">
        <v>36375</v>
      </c>
      <c r="O7073">
        <v>2566114</v>
      </c>
      <c r="P7073">
        <v>1</v>
      </c>
      <c r="Q7073">
        <v>0</v>
      </c>
      <c r="R7073" t="s">
        <v>36376</v>
      </c>
      <c r="S7073">
        <v>1029</v>
      </c>
    </row>
    <row r="7074" spans="1:19" x14ac:dyDescent="0.25">
      <c r="A7074">
        <v>29972910</v>
      </c>
      <c r="B7074" t="s">
        <v>36377</v>
      </c>
      <c r="C7074" t="s">
        <v>36378</v>
      </c>
      <c r="E7074">
        <v>2</v>
      </c>
      <c r="F7074">
        <v>2</v>
      </c>
      <c r="H7074" t="s">
        <v>36379</v>
      </c>
      <c r="J7074" t="s">
        <v>36380</v>
      </c>
      <c r="K7074" t="s">
        <v>36380</v>
      </c>
      <c r="M7074">
        <v>1033581</v>
      </c>
      <c r="O7074">
        <v>1453145</v>
      </c>
      <c r="P7074">
        <v>1</v>
      </c>
      <c r="Q7074">
        <v>1</v>
      </c>
      <c r="R7074" t="s">
        <v>36381</v>
      </c>
      <c r="S7074">
        <v>1291</v>
      </c>
    </row>
    <row r="7075" spans="1:19" x14ac:dyDescent="0.25">
      <c r="A7075">
        <v>22642337</v>
      </c>
      <c r="B7075" t="s">
        <v>36382</v>
      </c>
      <c r="C7075" s="1" t="s">
        <v>36383</v>
      </c>
      <c r="D7075">
        <v>22642366</v>
      </c>
      <c r="E7075">
        <v>2</v>
      </c>
      <c r="F7075">
        <v>1</v>
      </c>
      <c r="H7075" t="s">
        <v>36384</v>
      </c>
      <c r="J7075" t="s">
        <v>36385</v>
      </c>
      <c r="O7075">
        <v>3460898</v>
      </c>
      <c r="P7075">
        <v>1</v>
      </c>
      <c r="Q7075">
        <v>1</v>
      </c>
      <c r="R7075" t="s">
        <v>213</v>
      </c>
      <c r="S7075">
        <v>105</v>
      </c>
    </row>
    <row r="7076" spans="1:19" x14ac:dyDescent="0.25">
      <c r="A7076">
        <v>883128</v>
      </c>
      <c r="B7076" t="s">
        <v>36386</v>
      </c>
      <c r="C7076" s="1" t="s">
        <v>36387</v>
      </c>
      <c r="D7076">
        <v>883259</v>
      </c>
      <c r="E7076">
        <v>4</v>
      </c>
      <c r="F7076">
        <v>0</v>
      </c>
      <c r="H7076" t="s">
        <v>36388</v>
      </c>
      <c r="I7076">
        <v>1</v>
      </c>
      <c r="J7076" t="s">
        <v>36389</v>
      </c>
      <c r="K7076" t="s">
        <v>36390</v>
      </c>
      <c r="M7076">
        <v>12950</v>
      </c>
      <c r="N7076" t="s">
        <v>36391</v>
      </c>
      <c r="P7076">
        <v>1</v>
      </c>
      <c r="Q7076">
        <v>2</v>
      </c>
      <c r="R7076" t="s">
        <v>36392</v>
      </c>
      <c r="S7076">
        <v>5031</v>
      </c>
    </row>
    <row r="7077" spans="1:19" x14ac:dyDescent="0.25">
      <c r="A7077">
        <v>48075810</v>
      </c>
      <c r="B7077" t="s">
        <v>36393</v>
      </c>
      <c r="C7077" s="1" t="s">
        <v>36394</v>
      </c>
      <c r="E7077">
        <v>1</v>
      </c>
      <c r="F7077">
        <v>0</v>
      </c>
      <c r="H7077" t="s">
        <v>36395</v>
      </c>
      <c r="J7077" t="s">
        <v>36396</v>
      </c>
      <c r="O7077">
        <v>7006050</v>
      </c>
      <c r="P7077">
        <v>1</v>
      </c>
      <c r="Q7077">
        <v>0</v>
      </c>
      <c r="R7077" t="s">
        <v>4205</v>
      </c>
      <c r="S7077">
        <v>67</v>
      </c>
    </row>
    <row r="7078" spans="1:19" x14ac:dyDescent="0.25">
      <c r="A7078">
        <v>41235551</v>
      </c>
      <c r="B7078" t="s">
        <v>36397</v>
      </c>
      <c r="C7078" t="s">
        <v>36398</v>
      </c>
      <c r="D7078">
        <v>41235609</v>
      </c>
      <c r="E7078">
        <v>3</v>
      </c>
      <c r="F7078">
        <v>0</v>
      </c>
      <c r="H7078" t="s">
        <v>36399</v>
      </c>
      <c r="I7078">
        <v>1</v>
      </c>
      <c r="J7078" t="s">
        <v>36400</v>
      </c>
      <c r="O7078">
        <v>6145552</v>
      </c>
      <c r="P7078">
        <v>1</v>
      </c>
      <c r="Q7078">
        <v>1</v>
      </c>
      <c r="R7078" t="s">
        <v>36401</v>
      </c>
      <c r="S7078">
        <v>225</v>
      </c>
    </row>
    <row r="7079" spans="1:19" x14ac:dyDescent="0.25">
      <c r="A7079">
        <v>23952848</v>
      </c>
      <c r="B7079" t="s">
        <v>36402</v>
      </c>
      <c r="C7079" s="1" t="s">
        <v>36403</v>
      </c>
      <c r="E7079">
        <v>6</v>
      </c>
      <c r="F7079">
        <v>3</v>
      </c>
      <c r="H7079" t="s">
        <v>36404</v>
      </c>
      <c r="J7079" t="s">
        <v>36405</v>
      </c>
      <c r="O7079">
        <v>892029</v>
      </c>
      <c r="P7079">
        <v>1</v>
      </c>
      <c r="Q7079">
        <v>-1</v>
      </c>
      <c r="R7079" t="s">
        <v>36406</v>
      </c>
      <c r="S7079">
        <v>344</v>
      </c>
    </row>
    <row r="7080" spans="1:19" x14ac:dyDescent="0.25">
      <c r="A7080">
        <v>9216832</v>
      </c>
      <c r="B7080" t="s">
        <v>36407</v>
      </c>
      <c r="C7080" s="1" t="s">
        <v>36408</v>
      </c>
      <c r="D7080">
        <v>9216920</v>
      </c>
      <c r="E7080">
        <v>1</v>
      </c>
      <c r="F7080">
        <v>0</v>
      </c>
      <c r="H7080" t="s">
        <v>36409</v>
      </c>
      <c r="I7080">
        <v>2</v>
      </c>
      <c r="J7080" t="s">
        <v>36410</v>
      </c>
      <c r="K7080" t="s">
        <v>36410</v>
      </c>
      <c r="M7080">
        <v>680268</v>
      </c>
      <c r="O7080">
        <v>680268</v>
      </c>
      <c r="P7080">
        <v>1</v>
      </c>
      <c r="Q7080">
        <v>5</v>
      </c>
      <c r="R7080" t="s">
        <v>36411</v>
      </c>
      <c r="S7080">
        <v>19636</v>
      </c>
    </row>
    <row r="7081" spans="1:19" x14ac:dyDescent="0.25">
      <c r="A7081">
        <v>33218520</v>
      </c>
      <c r="B7081" t="s">
        <v>36412</v>
      </c>
      <c r="C7081" s="1" t="s">
        <v>36413</v>
      </c>
      <c r="D7081">
        <v>33218717</v>
      </c>
      <c r="E7081">
        <v>1</v>
      </c>
      <c r="F7081">
        <v>1</v>
      </c>
      <c r="H7081" t="s">
        <v>36414</v>
      </c>
      <c r="J7081" t="s">
        <v>36415</v>
      </c>
      <c r="O7081">
        <v>2034990</v>
      </c>
      <c r="P7081">
        <v>1</v>
      </c>
      <c r="Q7081">
        <v>0</v>
      </c>
      <c r="R7081" t="s">
        <v>36416</v>
      </c>
      <c r="S7081">
        <v>171</v>
      </c>
    </row>
    <row r="7082" spans="1:19" x14ac:dyDescent="0.25">
      <c r="A7082">
        <v>12249945</v>
      </c>
      <c r="B7082" t="s">
        <v>36417</v>
      </c>
      <c r="C7082" s="1" t="s">
        <v>36418</v>
      </c>
      <c r="D7082">
        <v>12250406</v>
      </c>
      <c r="E7082">
        <v>1</v>
      </c>
      <c r="F7082">
        <v>0</v>
      </c>
      <c r="H7082" t="s">
        <v>36419</v>
      </c>
      <c r="I7082">
        <v>1</v>
      </c>
      <c r="J7082" t="s">
        <v>36420</v>
      </c>
      <c r="K7082" t="s">
        <v>36421</v>
      </c>
      <c r="M7082">
        <v>492336</v>
      </c>
      <c r="O7082">
        <v>1629390</v>
      </c>
      <c r="P7082">
        <v>1</v>
      </c>
      <c r="Q7082">
        <v>1</v>
      </c>
      <c r="R7082" t="s">
        <v>36422</v>
      </c>
      <c r="S7082">
        <v>384</v>
      </c>
    </row>
    <row r="7083" spans="1:19" x14ac:dyDescent="0.25">
      <c r="A7083">
        <v>45555204</v>
      </c>
      <c r="B7083" t="s">
        <v>36423</v>
      </c>
      <c r="C7083" s="1" t="s">
        <v>36424</v>
      </c>
      <c r="E7083">
        <v>2</v>
      </c>
      <c r="F7083">
        <v>9</v>
      </c>
      <c r="H7083" t="s">
        <v>36425</v>
      </c>
      <c r="I7083">
        <v>2</v>
      </c>
      <c r="J7083" t="s">
        <v>36426</v>
      </c>
      <c r="K7083" t="s">
        <v>36426</v>
      </c>
      <c r="M7083">
        <v>3740093</v>
      </c>
      <c r="O7083">
        <v>8181151</v>
      </c>
      <c r="P7083">
        <v>1</v>
      </c>
      <c r="Q7083">
        <v>0</v>
      </c>
      <c r="R7083" t="s">
        <v>36427</v>
      </c>
      <c r="S7083">
        <v>373</v>
      </c>
    </row>
    <row r="7084" spans="1:19" x14ac:dyDescent="0.25">
      <c r="A7084">
        <v>5563226</v>
      </c>
      <c r="B7084" t="s">
        <v>36428</v>
      </c>
      <c r="C7084" s="1" t="s">
        <v>36429</v>
      </c>
      <c r="D7084">
        <v>5697787</v>
      </c>
      <c r="E7084">
        <v>2</v>
      </c>
      <c r="F7084">
        <v>5</v>
      </c>
      <c r="H7084" t="s">
        <v>36430</v>
      </c>
      <c r="J7084" t="s">
        <v>36431</v>
      </c>
      <c r="K7084" t="s">
        <v>36432</v>
      </c>
      <c r="M7084">
        <v>184155</v>
      </c>
      <c r="O7084">
        <v>184155</v>
      </c>
      <c r="P7084">
        <v>1</v>
      </c>
      <c r="Q7084">
        <v>5</v>
      </c>
      <c r="R7084" t="s">
        <v>36433</v>
      </c>
      <c r="S7084">
        <v>1428</v>
      </c>
    </row>
    <row r="7085" spans="1:19" x14ac:dyDescent="0.25">
      <c r="A7085">
        <v>9849666</v>
      </c>
      <c r="B7085" t="s">
        <v>36434</v>
      </c>
      <c r="C7085" s="1" t="s">
        <v>36435</v>
      </c>
      <c r="D7085">
        <v>9849684</v>
      </c>
      <c r="E7085">
        <v>4</v>
      </c>
      <c r="F7085">
        <v>0</v>
      </c>
      <c r="H7085" t="s">
        <v>36436</v>
      </c>
      <c r="I7085">
        <v>4</v>
      </c>
      <c r="J7085" t="s">
        <v>36437</v>
      </c>
      <c r="O7085">
        <v>552450</v>
      </c>
      <c r="P7085">
        <v>1</v>
      </c>
      <c r="Q7085">
        <v>14</v>
      </c>
      <c r="R7085" t="s">
        <v>36438</v>
      </c>
      <c r="S7085">
        <v>12898</v>
      </c>
    </row>
    <row r="7086" spans="1:19" x14ac:dyDescent="0.25">
      <c r="A7086">
        <v>21730386</v>
      </c>
      <c r="B7086" t="s">
        <v>36439</v>
      </c>
      <c r="C7086" s="1" t="s">
        <v>36440</v>
      </c>
      <c r="E7086">
        <v>1</v>
      </c>
      <c r="F7086">
        <v>0</v>
      </c>
      <c r="H7086" t="s">
        <v>36441</v>
      </c>
      <c r="I7086">
        <v>2</v>
      </c>
      <c r="J7086" t="s">
        <v>36442</v>
      </c>
      <c r="O7086">
        <v>680268</v>
      </c>
      <c r="P7086">
        <v>1</v>
      </c>
      <c r="Q7086">
        <v>0</v>
      </c>
      <c r="R7086" t="s">
        <v>36443</v>
      </c>
      <c r="S7086">
        <v>1546</v>
      </c>
    </row>
    <row r="7087" spans="1:19" x14ac:dyDescent="0.25">
      <c r="A7087">
        <v>36739645</v>
      </c>
      <c r="B7087" t="s">
        <v>36444</v>
      </c>
      <c r="C7087" s="1" t="s">
        <v>36445</v>
      </c>
      <c r="D7087">
        <v>36740226</v>
      </c>
      <c r="E7087">
        <v>1</v>
      </c>
      <c r="F7087">
        <v>0</v>
      </c>
      <c r="H7087" t="s">
        <v>36446</v>
      </c>
      <c r="J7087" t="s">
        <v>36447</v>
      </c>
      <c r="K7087" t="s">
        <v>36447</v>
      </c>
      <c r="L7087" t="s">
        <v>17748</v>
      </c>
      <c r="O7087">
        <v>4324234</v>
      </c>
      <c r="P7087">
        <v>1</v>
      </c>
      <c r="Q7087">
        <v>0</v>
      </c>
      <c r="R7087" t="s">
        <v>36448</v>
      </c>
      <c r="S7087">
        <v>68</v>
      </c>
    </row>
    <row r="7088" spans="1:19" x14ac:dyDescent="0.25">
      <c r="A7088">
        <v>48546330</v>
      </c>
      <c r="B7088" t="s">
        <v>36449</v>
      </c>
      <c r="C7088" s="1" t="s">
        <v>36450</v>
      </c>
      <c r="E7088">
        <v>1</v>
      </c>
      <c r="F7088">
        <v>6</v>
      </c>
      <c r="H7088" t="s">
        <v>36451</v>
      </c>
      <c r="J7088" t="s">
        <v>36452</v>
      </c>
      <c r="K7088" t="s">
        <v>36453</v>
      </c>
      <c r="M7088">
        <v>2487309</v>
      </c>
      <c r="O7088">
        <v>2487309</v>
      </c>
      <c r="P7088">
        <v>1</v>
      </c>
      <c r="Q7088">
        <v>-1</v>
      </c>
      <c r="R7088" t="s">
        <v>36454</v>
      </c>
      <c r="S7088">
        <v>47</v>
      </c>
    </row>
    <row r="7089" spans="1:19" x14ac:dyDescent="0.25">
      <c r="A7089">
        <v>51144116</v>
      </c>
      <c r="B7089" t="s">
        <v>36455</v>
      </c>
      <c r="C7089" s="1" t="s">
        <v>36456</v>
      </c>
      <c r="E7089">
        <v>1</v>
      </c>
      <c r="F7089">
        <v>6</v>
      </c>
      <c r="H7089" t="s">
        <v>36457</v>
      </c>
      <c r="J7089" t="s">
        <v>36458</v>
      </c>
      <c r="K7089" t="s">
        <v>36458</v>
      </c>
      <c r="M7089">
        <v>8148244</v>
      </c>
      <c r="O7089">
        <v>8148244</v>
      </c>
      <c r="P7089">
        <v>1</v>
      </c>
      <c r="Q7089">
        <v>-2</v>
      </c>
      <c r="R7089" t="s">
        <v>8000</v>
      </c>
      <c r="S7089">
        <v>48</v>
      </c>
    </row>
    <row r="7090" spans="1:19" x14ac:dyDescent="0.25">
      <c r="A7090">
        <v>799913</v>
      </c>
      <c r="B7090" t="s">
        <v>36459</v>
      </c>
      <c r="C7090" s="1" t="s">
        <v>36460</v>
      </c>
      <c r="E7090">
        <v>7</v>
      </c>
      <c r="F7090">
        <v>1</v>
      </c>
      <c r="H7090" t="s">
        <v>36461</v>
      </c>
      <c r="J7090" t="s">
        <v>36462</v>
      </c>
      <c r="K7090" t="s">
        <v>36463</v>
      </c>
      <c r="M7090">
        <v>72814</v>
      </c>
      <c r="O7090">
        <v>72814</v>
      </c>
      <c r="P7090">
        <v>1</v>
      </c>
      <c r="Q7090">
        <v>0</v>
      </c>
      <c r="R7090" t="s">
        <v>36464</v>
      </c>
      <c r="S7090">
        <v>2713</v>
      </c>
    </row>
    <row r="7091" spans="1:19" x14ac:dyDescent="0.25">
      <c r="A7091">
        <v>6492710</v>
      </c>
      <c r="B7091" t="s">
        <v>36465</v>
      </c>
      <c r="C7091" s="1" t="s">
        <v>36466</v>
      </c>
      <c r="E7091">
        <v>2</v>
      </c>
      <c r="F7091">
        <v>0</v>
      </c>
      <c r="H7091" t="s">
        <v>36467</v>
      </c>
      <c r="J7091" t="s">
        <v>36468</v>
      </c>
      <c r="O7091">
        <v>546128</v>
      </c>
      <c r="P7091">
        <v>1</v>
      </c>
      <c r="Q7091">
        <v>0</v>
      </c>
      <c r="R7091" t="s">
        <v>36469</v>
      </c>
      <c r="S7091">
        <v>623</v>
      </c>
    </row>
    <row r="7092" spans="1:19" x14ac:dyDescent="0.25">
      <c r="A7092">
        <v>3033282</v>
      </c>
      <c r="B7092" t="s">
        <v>36470</v>
      </c>
      <c r="C7092" t="s">
        <v>36471</v>
      </c>
      <c r="E7092">
        <v>1</v>
      </c>
      <c r="F7092">
        <v>1</v>
      </c>
      <c r="H7092" t="s">
        <v>36472</v>
      </c>
      <c r="J7092" t="s">
        <v>36473</v>
      </c>
      <c r="O7092">
        <v>250181</v>
      </c>
      <c r="P7092">
        <v>1</v>
      </c>
      <c r="Q7092">
        <v>0</v>
      </c>
      <c r="R7092" t="s">
        <v>4991</v>
      </c>
      <c r="S7092">
        <v>35</v>
      </c>
    </row>
    <row r="7093" spans="1:19" x14ac:dyDescent="0.25">
      <c r="A7093">
        <v>51839532</v>
      </c>
      <c r="B7093" t="s">
        <v>36474</v>
      </c>
      <c r="C7093" s="1" t="s">
        <v>36475</v>
      </c>
      <c r="D7093">
        <v>51839728</v>
      </c>
      <c r="E7093">
        <v>4</v>
      </c>
      <c r="F7093">
        <v>2</v>
      </c>
      <c r="H7093" t="s">
        <v>36476</v>
      </c>
      <c r="J7093" t="s">
        <v>36477</v>
      </c>
      <c r="O7093">
        <v>5035562</v>
      </c>
      <c r="P7093">
        <v>1</v>
      </c>
      <c r="Q7093">
        <v>0</v>
      </c>
      <c r="R7093" t="s">
        <v>819</v>
      </c>
      <c r="S7093">
        <v>45</v>
      </c>
    </row>
    <row r="7094" spans="1:19" x14ac:dyDescent="0.25">
      <c r="A7094">
        <v>2924344</v>
      </c>
      <c r="B7094" t="s">
        <v>36478</v>
      </c>
      <c r="C7094" s="1" t="s">
        <v>36479</v>
      </c>
      <c r="E7094">
        <v>1</v>
      </c>
      <c r="F7094">
        <v>0</v>
      </c>
      <c r="H7094" t="s">
        <v>36480</v>
      </c>
      <c r="I7094">
        <v>1</v>
      </c>
      <c r="J7094" t="s">
        <v>36481</v>
      </c>
      <c r="O7094">
        <v>243211</v>
      </c>
      <c r="P7094">
        <v>1</v>
      </c>
      <c r="Q7094">
        <v>1</v>
      </c>
      <c r="R7094" t="s">
        <v>36482</v>
      </c>
      <c r="S7094">
        <v>72</v>
      </c>
    </row>
    <row r="7095" spans="1:19" x14ac:dyDescent="0.25">
      <c r="A7095">
        <v>44028045</v>
      </c>
      <c r="B7095" t="s">
        <v>36483</v>
      </c>
      <c r="C7095" s="1" t="s">
        <v>36484</v>
      </c>
      <c r="E7095">
        <v>0</v>
      </c>
      <c r="F7095">
        <v>4</v>
      </c>
      <c r="H7095" t="s">
        <v>36485</v>
      </c>
      <c r="J7095" t="s">
        <v>36485</v>
      </c>
      <c r="O7095">
        <v>220255</v>
      </c>
      <c r="P7095">
        <v>1</v>
      </c>
      <c r="Q7095">
        <v>0</v>
      </c>
      <c r="R7095" t="s">
        <v>21758</v>
      </c>
      <c r="S7095">
        <v>25</v>
      </c>
    </row>
    <row r="7096" spans="1:19" x14ac:dyDescent="0.25">
      <c r="A7096">
        <v>48665943</v>
      </c>
      <c r="B7096" t="s">
        <v>36486</v>
      </c>
      <c r="C7096" s="1" t="s">
        <v>36487</v>
      </c>
      <c r="E7096">
        <v>3</v>
      </c>
      <c r="F7096">
        <v>2</v>
      </c>
      <c r="H7096" t="s">
        <v>36488</v>
      </c>
      <c r="J7096" t="s">
        <v>36489</v>
      </c>
      <c r="O7096">
        <v>6927944</v>
      </c>
      <c r="P7096">
        <v>1</v>
      </c>
      <c r="Q7096">
        <v>0</v>
      </c>
      <c r="R7096" t="s">
        <v>36490</v>
      </c>
      <c r="S7096">
        <v>259</v>
      </c>
    </row>
    <row r="7097" spans="1:19" x14ac:dyDescent="0.25">
      <c r="A7097">
        <v>17734324</v>
      </c>
      <c r="B7097" t="s">
        <v>36491</v>
      </c>
      <c r="C7097" s="1" t="s">
        <v>36492</v>
      </c>
      <c r="D7097">
        <v>17734562</v>
      </c>
      <c r="E7097">
        <v>1</v>
      </c>
      <c r="F7097">
        <v>1</v>
      </c>
      <c r="H7097" t="s">
        <v>36493</v>
      </c>
      <c r="J7097" t="s">
        <v>36494</v>
      </c>
      <c r="K7097" t="s">
        <v>36495</v>
      </c>
      <c r="M7097">
        <v>1774667</v>
      </c>
      <c r="O7097">
        <v>2597264</v>
      </c>
      <c r="P7097">
        <v>1</v>
      </c>
      <c r="Q7097">
        <v>2</v>
      </c>
      <c r="R7097" t="s">
        <v>36496</v>
      </c>
      <c r="S7097">
        <v>353</v>
      </c>
    </row>
    <row r="7098" spans="1:19" x14ac:dyDescent="0.25">
      <c r="A7098">
        <v>32241221</v>
      </c>
      <c r="B7098" t="s">
        <v>36497</v>
      </c>
      <c r="C7098" s="1" t="s">
        <v>36498</v>
      </c>
      <c r="D7098">
        <v>32241855</v>
      </c>
      <c r="E7098">
        <v>1</v>
      </c>
      <c r="F7098">
        <v>2</v>
      </c>
      <c r="H7098" t="s">
        <v>36499</v>
      </c>
      <c r="J7098" t="s">
        <v>36500</v>
      </c>
      <c r="K7098" t="s">
        <v>36501</v>
      </c>
      <c r="M7098">
        <v>4686584</v>
      </c>
      <c r="O7098">
        <v>4686584</v>
      </c>
      <c r="P7098">
        <v>1</v>
      </c>
      <c r="Q7098">
        <v>1</v>
      </c>
      <c r="R7098" t="s">
        <v>36502</v>
      </c>
      <c r="S7098">
        <v>83</v>
      </c>
    </row>
    <row r="7099" spans="1:19" x14ac:dyDescent="0.25">
      <c r="A7099">
        <v>26533499</v>
      </c>
      <c r="B7099" t="s">
        <v>36503</v>
      </c>
      <c r="C7099" s="1" t="s">
        <v>36504</v>
      </c>
      <c r="D7099">
        <v>26552662</v>
      </c>
      <c r="E7099">
        <v>1</v>
      </c>
      <c r="F7099">
        <v>1</v>
      </c>
      <c r="H7099" t="s">
        <v>36505</v>
      </c>
      <c r="J7099" t="s">
        <v>36506</v>
      </c>
      <c r="O7099">
        <v>266360</v>
      </c>
      <c r="P7099">
        <v>1</v>
      </c>
      <c r="Q7099">
        <v>1</v>
      </c>
      <c r="R7099" t="s">
        <v>36507</v>
      </c>
      <c r="S7099">
        <v>625</v>
      </c>
    </row>
    <row r="7100" spans="1:19" x14ac:dyDescent="0.25">
      <c r="A7100">
        <v>45043810</v>
      </c>
      <c r="B7100" t="s">
        <v>36508</v>
      </c>
      <c r="C7100" s="1" t="s">
        <v>36509</v>
      </c>
      <c r="D7100">
        <v>45047801</v>
      </c>
      <c r="E7100">
        <v>1</v>
      </c>
      <c r="F7100">
        <v>3</v>
      </c>
      <c r="H7100" t="s">
        <v>36510</v>
      </c>
      <c r="J7100" t="s">
        <v>36511</v>
      </c>
      <c r="O7100">
        <v>837173</v>
      </c>
      <c r="P7100">
        <v>1</v>
      </c>
      <c r="Q7100">
        <v>2</v>
      </c>
      <c r="R7100" t="s">
        <v>36512</v>
      </c>
      <c r="S7100">
        <v>360</v>
      </c>
    </row>
    <row r="7101" spans="1:19" x14ac:dyDescent="0.25">
      <c r="A7101">
        <v>40429386</v>
      </c>
      <c r="B7101" t="s">
        <v>36513</v>
      </c>
      <c r="C7101" s="1" t="s">
        <v>36514</v>
      </c>
      <c r="D7101">
        <v>40429612</v>
      </c>
      <c r="E7101">
        <v>1</v>
      </c>
      <c r="F7101">
        <v>0</v>
      </c>
      <c r="H7101" t="s">
        <v>36515</v>
      </c>
      <c r="I7101">
        <v>1</v>
      </c>
      <c r="J7101" t="s">
        <v>36516</v>
      </c>
      <c r="K7101" t="s">
        <v>36517</v>
      </c>
      <c r="M7101">
        <v>6434559</v>
      </c>
      <c r="O7101">
        <v>6434559</v>
      </c>
      <c r="P7101">
        <v>1</v>
      </c>
      <c r="Q7101">
        <v>0</v>
      </c>
      <c r="R7101" t="s">
        <v>32838</v>
      </c>
      <c r="S7101">
        <v>36</v>
      </c>
    </row>
    <row r="7102" spans="1:19" x14ac:dyDescent="0.25">
      <c r="A7102">
        <v>13750229</v>
      </c>
      <c r="B7102" t="s">
        <v>36518</v>
      </c>
      <c r="C7102" s="1" t="s">
        <v>36519</v>
      </c>
      <c r="D7102">
        <v>13750364</v>
      </c>
      <c r="E7102">
        <v>1</v>
      </c>
      <c r="F7102">
        <v>3</v>
      </c>
      <c r="H7102" t="s">
        <v>36520</v>
      </c>
      <c r="I7102">
        <v>2</v>
      </c>
      <c r="J7102" t="s">
        <v>36521</v>
      </c>
      <c r="K7102" t="s">
        <v>36522</v>
      </c>
      <c r="M7102">
        <v>719566</v>
      </c>
      <c r="O7102">
        <v>719566</v>
      </c>
      <c r="P7102">
        <v>1</v>
      </c>
      <c r="Q7102">
        <v>3</v>
      </c>
      <c r="R7102" t="s">
        <v>36523</v>
      </c>
      <c r="S7102">
        <v>1269</v>
      </c>
    </row>
    <row r="7103" spans="1:19" x14ac:dyDescent="0.25">
      <c r="A7103">
        <v>45151717</v>
      </c>
      <c r="B7103" t="s">
        <v>36524</v>
      </c>
      <c r="C7103" s="1" t="s">
        <v>36525</v>
      </c>
      <c r="E7103">
        <v>0</v>
      </c>
      <c r="F7103">
        <v>1</v>
      </c>
      <c r="H7103" t="s">
        <v>36526</v>
      </c>
      <c r="J7103" t="s">
        <v>36526</v>
      </c>
      <c r="O7103">
        <v>4802286</v>
      </c>
      <c r="P7103">
        <v>1</v>
      </c>
      <c r="Q7103">
        <v>1</v>
      </c>
      <c r="R7103" t="s">
        <v>36527</v>
      </c>
      <c r="S7103">
        <v>132</v>
      </c>
    </row>
    <row r="7104" spans="1:19" x14ac:dyDescent="0.25">
      <c r="A7104">
        <v>19828851</v>
      </c>
      <c r="B7104" t="s">
        <v>36528</v>
      </c>
      <c r="C7104" s="1" t="s">
        <v>36529</v>
      </c>
      <c r="E7104">
        <v>1</v>
      </c>
      <c r="F7104">
        <v>0</v>
      </c>
      <c r="H7104" t="s">
        <v>36530</v>
      </c>
      <c r="J7104" t="s">
        <v>36531</v>
      </c>
      <c r="O7104">
        <v>2924679</v>
      </c>
      <c r="P7104">
        <v>1</v>
      </c>
      <c r="Q7104">
        <v>0</v>
      </c>
      <c r="R7104" t="s">
        <v>36532</v>
      </c>
      <c r="S7104">
        <v>25</v>
      </c>
    </row>
    <row r="7105" spans="1:19" x14ac:dyDescent="0.25">
      <c r="A7105">
        <v>30262505</v>
      </c>
      <c r="B7105" t="s">
        <v>36533</v>
      </c>
      <c r="C7105" t="s">
        <v>36534</v>
      </c>
      <c r="D7105">
        <v>30271947</v>
      </c>
      <c r="E7105">
        <v>1</v>
      </c>
      <c r="F7105">
        <v>4</v>
      </c>
      <c r="H7105" t="s">
        <v>36535</v>
      </c>
      <c r="J7105" t="s">
        <v>36536</v>
      </c>
      <c r="O7105">
        <v>782096</v>
      </c>
      <c r="P7105">
        <v>1</v>
      </c>
      <c r="Q7105">
        <v>1</v>
      </c>
      <c r="R7105" t="s">
        <v>36537</v>
      </c>
      <c r="S7105">
        <v>75</v>
      </c>
    </row>
    <row r="7106" spans="1:19" x14ac:dyDescent="0.25">
      <c r="A7106">
        <v>26842369</v>
      </c>
      <c r="B7106" t="s">
        <v>36538</v>
      </c>
      <c r="C7106" s="1" t="s">
        <v>36539</v>
      </c>
      <c r="E7106">
        <v>1</v>
      </c>
      <c r="F7106">
        <v>2</v>
      </c>
      <c r="H7106" t="s">
        <v>36540</v>
      </c>
      <c r="I7106">
        <v>0</v>
      </c>
      <c r="J7106" t="s">
        <v>36541</v>
      </c>
      <c r="K7106" t="s">
        <v>36542</v>
      </c>
      <c r="L7106" t="s">
        <v>36543</v>
      </c>
      <c r="O7106">
        <v>3186210</v>
      </c>
      <c r="P7106">
        <v>1</v>
      </c>
      <c r="Q7106">
        <v>-1</v>
      </c>
      <c r="R7106" t="s">
        <v>6516</v>
      </c>
      <c r="S7106">
        <v>48</v>
      </c>
    </row>
    <row r="7107" spans="1:19" x14ac:dyDescent="0.25">
      <c r="A7107">
        <v>10991617</v>
      </c>
      <c r="B7107" t="s">
        <v>36544</v>
      </c>
      <c r="C7107" s="1" t="s">
        <v>36545</v>
      </c>
      <c r="E7107">
        <v>2</v>
      </c>
      <c r="F7107">
        <v>2</v>
      </c>
      <c r="H7107" t="s">
        <v>36546</v>
      </c>
      <c r="I7107">
        <v>1</v>
      </c>
      <c r="J7107" t="s">
        <v>36547</v>
      </c>
      <c r="O7107">
        <v>1450497</v>
      </c>
      <c r="P7107">
        <v>1</v>
      </c>
      <c r="Q7107">
        <v>0</v>
      </c>
      <c r="R7107" t="s">
        <v>14292</v>
      </c>
      <c r="S7107">
        <v>636</v>
      </c>
    </row>
    <row r="7108" spans="1:19" x14ac:dyDescent="0.25">
      <c r="A7108">
        <v>9186080</v>
      </c>
      <c r="B7108" t="s">
        <v>36548</v>
      </c>
      <c r="C7108" s="1" t="s">
        <v>36549</v>
      </c>
      <c r="D7108">
        <v>9188873</v>
      </c>
      <c r="E7108">
        <v>1</v>
      </c>
      <c r="F7108">
        <v>3</v>
      </c>
      <c r="H7108" t="s">
        <v>36550</v>
      </c>
      <c r="J7108" t="s">
        <v>36551</v>
      </c>
      <c r="K7108" t="s">
        <v>36551</v>
      </c>
      <c r="M7108">
        <v>569436</v>
      </c>
      <c r="O7108">
        <v>2654100</v>
      </c>
      <c r="P7108">
        <v>1</v>
      </c>
      <c r="Q7108">
        <v>0</v>
      </c>
      <c r="R7108" t="s">
        <v>36552</v>
      </c>
      <c r="S7108">
        <v>639</v>
      </c>
    </row>
    <row r="7109" spans="1:19" x14ac:dyDescent="0.25">
      <c r="A7109">
        <v>11465183</v>
      </c>
      <c r="B7109" t="s">
        <v>36553</v>
      </c>
      <c r="C7109" s="1" t="s">
        <v>36554</v>
      </c>
      <c r="E7109">
        <v>1</v>
      </c>
      <c r="F7109">
        <v>1</v>
      </c>
      <c r="H7109" t="s">
        <v>36555</v>
      </c>
      <c r="J7109" t="s">
        <v>36556</v>
      </c>
      <c r="K7109" t="s">
        <v>36556</v>
      </c>
      <c r="M7109">
        <v>1213296</v>
      </c>
      <c r="O7109">
        <v>1522658</v>
      </c>
      <c r="P7109">
        <v>1</v>
      </c>
      <c r="Q7109">
        <v>1</v>
      </c>
      <c r="R7109" t="s">
        <v>36557</v>
      </c>
      <c r="S7109">
        <v>1049</v>
      </c>
    </row>
    <row r="7110" spans="1:19" x14ac:dyDescent="0.25">
      <c r="A7110">
        <v>20132710</v>
      </c>
      <c r="B7110" t="s">
        <v>36558</v>
      </c>
      <c r="C7110" s="1" t="s">
        <v>36559</v>
      </c>
      <c r="D7110">
        <v>20132757</v>
      </c>
      <c r="E7110">
        <v>2</v>
      </c>
      <c r="F7110">
        <v>2</v>
      </c>
      <c r="H7110" t="s">
        <v>36560</v>
      </c>
      <c r="J7110" t="s">
        <v>36561</v>
      </c>
      <c r="O7110">
        <v>2649843</v>
      </c>
      <c r="P7110">
        <v>1</v>
      </c>
      <c r="Q7110">
        <v>0</v>
      </c>
      <c r="R7110" t="s">
        <v>93</v>
      </c>
      <c r="S7110">
        <v>46</v>
      </c>
    </row>
    <row r="7111" spans="1:19" x14ac:dyDescent="0.25">
      <c r="A7111">
        <v>21277096</v>
      </c>
      <c r="B7111" t="s">
        <v>36562</v>
      </c>
      <c r="C7111" s="1" t="s">
        <v>36563</v>
      </c>
      <c r="E7111">
        <v>0</v>
      </c>
      <c r="F7111">
        <v>5</v>
      </c>
      <c r="H7111" t="s">
        <v>36564</v>
      </c>
      <c r="J7111" t="s">
        <v>36565</v>
      </c>
      <c r="K7111" t="s">
        <v>36565</v>
      </c>
      <c r="L7111" t="s">
        <v>36566</v>
      </c>
      <c r="N7111" t="s">
        <v>36566</v>
      </c>
      <c r="P7111">
        <v>1</v>
      </c>
      <c r="Q7111">
        <v>0</v>
      </c>
      <c r="R7111" t="s">
        <v>36567</v>
      </c>
      <c r="S7111">
        <v>77</v>
      </c>
    </row>
    <row r="7112" spans="1:19" x14ac:dyDescent="0.25">
      <c r="A7112">
        <v>21038164</v>
      </c>
      <c r="B7112" t="s">
        <v>36568</v>
      </c>
      <c r="C7112" s="1" t="s">
        <v>36569</v>
      </c>
      <c r="E7112">
        <v>0</v>
      </c>
      <c r="F7112">
        <v>2</v>
      </c>
      <c r="H7112" t="s">
        <v>36570</v>
      </c>
      <c r="J7112" t="s">
        <v>36571</v>
      </c>
      <c r="K7112" t="s">
        <v>36571</v>
      </c>
      <c r="M7112">
        <v>2231098</v>
      </c>
      <c r="O7112">
        <v>2633484</v>
      </c>
      <c r="P7112">
        <v>1</v>
      </c>
      <c r="Q7112">
        <v>1</v>
      </c>
      <c r="R7112" t="s">
        <v>36572</v>
      </c>
      <c r="S7112">
        <v>330</v>
      </c>
    </row>
    <row r="7113" spans="1:19" x14ac:dyDescent="0.25">
      <c r="A7113">
        <v>21163578</v>
      </c>
      <c r="B7113" t="s">
        <v>36573</v>
      </c>
      <c r="C7113" s="1" t="s">
        <v>36574</v>
      </c>
      <c r="E7113">
        <v>3</v>
      </c>
      <c r="F7113">
        <v>6</v>
      </c>
      <c r="H7113" t="s">
        <v>36575</v>
      </c>
      <c r="J7113" t="s">
        <v>36576</v>
      </c>
      <c r="O7113">
        <v>822340</v>
      </c>
      <c r="P7113">
        <v>1</v>
      </c>
      <c r="Q7113">
        <v>0</v>
      </c>
      <c r="R7113" t="s">
        <v>36577</v>
      </c>
      <c r="S7113">
        <v>148</v>
      </c>
    </row>
    <row r="7114" spans="1:19" x14ac:dyDescent="0.25">
      <c r="A7114">
        <v>5005221</v>
      </c>
      <c r="B7114" t="s">
        <v>36578</v>
      </c>
      <c r="C7114" t="s">
        <v>36579</v>
      </c>
      <c r="E7114">
        <v>3</v>
      </c>
      <c r="F7114">
        <v>1</v>
      </c>
      <c r="H7114" t="s">
        <v>36580</v>
      </c>
      <c r="J7114" t="s">
        <v>36581</v>
      </c>
      <c r="O7114">
        <v>315670</v>
      </c>
      <c r="P7114">
        <v>1</v>
      </c>
      <c r="Q7114">
        <v>6</v>
      </c>
      <c r="R7114" t="s">
        <v>36582</v>
      </c>
      <c r="S7114">
        <v>5998</v>
      </c>
    </row>
    <row r="7115" spans="1:19" x14ac:dyDescent="0.25">
      <c r="A7115">
        <v>10440809</v>
      </c>
      <c r="B7115" t="s">
        <v>36583</v>
      </c>
      <c r="C7115" s="1" t="s">
        <v>36584</v>
      </c>
      <c r="E7115">
        <v>0</v>
      </c>
      <c r="F7115">
        <v>0</v>
      </c>
      <c r="H7115" t="s">
        <v>36585</v>
      </c>
      <c r="J7115" t="s">
        <v>36586</v>
      </c>
      <c r="K7115" t="s">
        <v>36586</v>
      </c>
      <c r="M7115">
        <v>1340080</v>
      </c>
      <c r="O7115">
        <v>1340080</v>
      </c>
      <c r="P7115">
        <v>1</v>
      </c>
      <c r="Q7115">
        <v>2</v>
      </c>
      <c r="R7115" t="s">
        <v>36587</v>
      </c>
      <c r="S7115">
        <v>840</v>
      </c>
    </row>
    <row r="7116" spans="1:19" x14ac:dyDescent="0.25">
      <c r="A7116">
        <v>39554224</v>
      </c>
      <c r="B7116" t="s">
        <v>36588</v>
      </c>
      <c r="C7116" s="1" t="s">
        <v>36589</v>
      </c>
      <c r="D7116">
        <v>39554287</v>
      </c>
      <c r="E7116">
        <v>1</v>
      </c>
      <c r="F7116">
        <v>1</v>
      </c>
      <c r="H7116" t="s">
        <v>36590</v>
      </c>
      <c r="J7116" t="s">
        <v>36591</v>
      </c>
      <c r="K7116" t="s">
        <v>36591</v>
      </c>
      <c r="M7116">
        <v>13302</v>
      </c>
      <c r="O7116">
        <v>1221495</v>
      </c>
      <c r="P7116">
        <v>1</v>
      </c>
      <c r="Q7116">
        <v>0</v>
      </c>
      <c r="R7116" t="s">
        <v>36592</v>
      </c>
      <c r="S7116">
        <v>233</v>
      </c>
    </row>
    <row r="7117" spans="1:19" x14ac:dyDescent="0.25">
      <c r="A7117">
        <v>37635097</v>
      </c>
      <c r="B7117" t="s">
        <v>36593</v>
      </c>
      <c r="C7117" s="1" t="s">
        <v>36594</v>
      </c>
      <c r="D7117">
        <v>37635157</v>
      </c>
      <c r="E7117">
        <v>3</v>
      </c>
      <c r="F7117">
        <v>7</v>
      </c>
      <c r="H7117" t="s">
        <v>36595</v>
      </c>
      <c r="J7117" t="s">
        <v>36596</v>
      </c>
      <c r="K7117" t="s">
        <v>36596</v>
      </c>
      <c r="M7117">
        <v>4922375</v>
      </c>
      <c r="O7117">
        <v>6424163</v>
      </c>
      <c r="P7117">
        <v>1</v>
      </c>
      <c r="Q7117">
        <v>-3</v>
      </c>
      <c r="R7117" t="s">
        <v>36597</v>
      </c>
      <c r="S7117">
        <v>59</v>
      </c>
    </row>
    <row r="7118" spans="1:19" x14ac:dyDescent="0.25">
      <c r="A7118">
        <v>13407685</v>
      </c>
      <c r="B7118" t="s">
        <v>36598</v>
      </c>
      <c r="C7118" s="1" t="s">
        <v>36599</v>
      </c>
      <c r="D7118">
        <v>13407742</v>
      </c>
      <c r="E7118">
        <v>1</v>
      </c>
      <c r="F7118">
        <v>1</v>
      </c>
      <c r="H7118" t="s">
        <v>36600</v>
      </c>
      <c r="J7118" t="s">
        <v>36601</v>
      </c>
      <c r="K7118" t="s">
        <v>36601</v>
      </c>
      <c r="L7118" t="s">
        <v>36602</v>
      </c>
      <c r="N7118" t="s">
        <v>36602</v>
      </c>
      <c r="P7118">
        <v>1</v>
      </c>
      <c r="Q7118">
        <v>0</v>
      </c>
      <c r="R7118" t="s">
        <v>36603</v>
      </c>
      <c r="S7118">
        <v>171</v>
      </c>
    </row>
    <row r="7119" spans="1:19" x14ac:dyDescent="0.25">
      <c r="A7119">
        <v>6984047</v>
      </c>
      <c r="B7119" t="s">
        <v>36604</v>
      </c>
      <c r="C7119" s="1" t="s">
        <v>36605</v>
      </c>
      <c r="D7119">
        <v>7019281</v>
      </c>
      <c r="E7119">
        <v>5</v>
      </c>
      <c r="F7119">
        <v>1</v>
      </c>
      <c r="H7119" t="s">
        <v>36606</v>
      </c>
      <c r="I7119">
        <v>4</v>
      </c>
      <c r="J7119" t="s">
        <v>36607</v>
      </c>
      <c r="O7119">
        <v>701346</v>
      </c>
      <c r="P7119">
        <v>1</v>
      </c>
      <c r="Q7119">
        <v>3</v>
      </c>
      <c r="R7119" t="s">
        <v>36608</v>
      </c>
      <c r="S7119">
        <v>8215</v>
      </c>
    </row>
    <row r="7120" spans="1:19" x14ac:dyDescent="0.25">
      <c r="A7120">
        <v>33425082</v>
      </c>
      <c r="B7120" t="s">
        <v>36609</v>
      </c>
      <c r="C7120" s="1" t="s">
        <v>36610</v>
      </c>
      <c r="E7120">
        <v>0</v>
      </c>
      <c r="F7120">
        <v>3</v>
      </c>
      <c r="H7120" t="s">
        <v>36611</v>
      </c>
      <c r="J7120" t="s">
        <v>36611</v>
      </c>
      <c r="O7120">
        <v>5505031</v>
      </c>
      <c r="P7120">
        <v>1</v>
      </c>
      <c r="Q7120">
        <v>0</v>
      </c>
      <c r="R7120" t="s">
        <v>36612</v>
      </c>
      <c r="S7120">
        <v>101</v>
      </c>
    </row>
    <row r="7121" spans="1:19" x14ac:dyDescent="0.25">
      <c r="A7121">
        <v>33759330</v>
      </c>
      <c r="B7121" t="s">
        <v>36613</v>
      </c>
      <c r="C7121" s="1" t="s">
        <v>36614</v>
      </c>
      <c r="E7121">
        <v>1</v>
      </c>
      <c r="F7121">
        <v>2</v>
      </c>
      <c r="H7121" t="s">
        <v>36615</v>
      </c>
      <c r="I7121">
        <v>1</v>
      </c>
      <c r="J7121" t="s">
        <v>36616</v>
      </c>
      <c r="O7121">
        <v>5572355</v>
      </c>
      <c r="P7121">
        <v>1</v>
      </c>
      <c r="Q7121">
        <v>1</v>
      </c>
      <c r="R7121" t="s">
        <v>36617</v>
      </c>
      <c r="S7121">
        <v>41</v>
      </c>
    </row>
    <row r="7122" spans="1:19" x14ac:dyDescent="0.25">
      <c r="A7122">
        <v>52754657</v>
      </c>
      <c r="B7122" t="s">
        <v>36618</v>
      </c>
      <c r="C7122" s="1" t="s">
        <v>36619</v>
      </c>
      <c r="D7122">
        <v>52754686</v>
      </c>
      <c r="E7122">
        <v>1</v>
      </c>
      <c r="F7122">
        <v>0</v>
      </c>
      <c r="H7122" t="s">
        <v>36620</v>
      </c>
      <c r="J7122" t="s">
        <v>36621</v>
      </c>
      <c r="O7122">
        <v>7124344</v>
      </c>
      <c r="P7122">
        <v>1</v>
      </c>
      <c r="Q7122">
        <v>1</v>
      </c>
      <c r="R7122" t="s">
        <v>3969</v>
      </c>
      <c r="S7122">
        <v>19</v>
      </c>
    </row>
    <row r="7123" spans="1:19" x14ac:dyDescent="0.25">
      <c r="A7123">
        <v>5925670</v>
      </c>
      <c r="B7123" t="s">
        <v>36622</v>
      </c>
      <c r="C7123" s="1" t="s">
        <v>36623</v>
      </c>
      <c r="D7123">
        <v>5926205</v>
      </c>
      <c r="E7123">
        <v>1</v>
      </c>
      <c r="F7123">
        <v>2</v>
      </c>
      <c r="H7123" t="s">
        <v>36624</v>
      </c>
      <c r="J7123" t="s">
        <v>36625</v>
      </c>
      <c r="O7123">
        <v>472034</v>
      </c>
      <c r="P7123">
        <v>1</v>
      </c>
      <c r="Q7123">
        <v>0</v>
      </c>
      <c r="R7123" t="s">
        <v>989</v>
      </c>
      <c r="S7123">
        <v>225</v>
      </c>
    </row>
    <row r="7124" spans="1:19" x14ac:dyDescent="0.25">
      <c r="A7124">
        <v>10151194</v>
      </c>
      <c r="B7124" t="s">
        <v>36626</v>
      </c>
      <c r="C7124" s="1" t="s">
        <v>36627</v>
      </c>
      <c r="D7124">
        <v>21828301</v>
      </c>
      <c r="E7124">
        <v>4</v>
      </c>
      <c r="F7124">
        <v>0</v>
      </c>
      <c r="H7124" t="s">
        <v>36628</v>
      </c>
      <c r="I7124">
        <v>1</v>
      </c>
      <c r="J7124" t="s">
        <v>36629</v>
      </c>
      <c r="K7124" t="s">
        <v>36630</v>
      </c>
      <c r="M7124">
        <v>185541</v>
      </c>
      <c r="O7124">
        <v>1332879</v>
      </c>
      <c r="P7124">
        <v>1</v>
      </c>
      <c r="Q7124">
        <v>2</v>
      </c>
      <c r="R7124" t="s">
        <v>36631</v>
      </c>
      <c r="S7124">
        <v>4105</v>
      </c>
    </row>
    <row r="7125" spans="1:19" x14ac:dyDescent="0.25">
      <c r="A7125">
        <v>17961205</v>
      </c>
      <c r="B7125" t="s">
        <v>36632</v>
      </c>
      <c r="C7125" s="1" t="s">
        <v>36633</v>
      </c>
      <c r="D7125">
        <v>17961270</v>
      </c>
      <c r="E7125">
        <v>1</v>
      </c>
      <c r="F7125">
        <v>0</v>
      </c>
      <c r="H7125" t="s">
        <v>36634</v>
      </c>
      <c r="J7125" t="s">
        <v>36635</v>
      </c>
      <c r="K7125" t="s">
        <v>36635</v>
      </c>
      <c r="M7125">
        <v>478339</v>
      </c>
      <c r="O7125">
        <v>478339</v>
      </c>
      <c r="P7125">
        <v>1</v>
      </c>
      <c r="Q7125">
        <v>0</v>
      </c>
      <c r="R7125" t="s">
        <v>36636</v>
      </c>
      <c r="S7125">
        <v>1349</v>
      </c>
    </row>
    <row r="7126" spans="1:19" x14ac:dyDescent="0.25">
      <c r="A7126">
        <v>26792359</v>
      </c>
      <c r="B7126" t="s">
        <v>36637</v>
      </c>
      <c r="C7126" s="1" t="s">
        <v>36638</v>
      </c>
      <c r="E7126">
        <v>0</v>
      </c>
      <c r="F7126">
        <v>3</v>
      </c>
      <c r="H7126" t="s">
        <v>36639</v>
      </c>
      <c r="J7126" t="s">
        <v>36639</v>
      </c>
      <c r="O7126">
        <v>4107901</v>
      </c>
      <c r="P7126">
        <v>1</v>
      </c>
      <c r="Q7126">
        <v>0</v>
      </c>
      <c r="R7126" t="s">
        <v>12851</v>
      </c>
      <c r="S7126">
        <v>311</v>
      </c>
    </row>
    <row r="7127" spans="1:19" x14ac:dyDescent="0.25">
      <c r="A7127">
        <v>23968040</v>
      </c>
      <c r="B7127" t="s">
        <v>36640</v>
      </c>
      <c r="C7127" s="1" t="s">
        <v>36641</v>
      </c>
      <c r="D7127">
        <v>23968382</v>
      </c>
      <c r="E7127">
        <v>2</v>
      </c>
      <c r="F7127">
        <v>0</v>
      </c>
      <c r="H7127" t="s">
        <v>36642</v>
      </c>
      <c r="J7127" t="s">
        <v>36643</v>
      </c>
      <c r="K7127" t="s">
        <v>36644</v>
      </c>
      <c r="M7127">
        <v>1226963</v>
      </c>
      <c r="O7127">
        <v>694688</v>
      </c>
      <c r="P7127">
        <v>1</v>
      </c>
      <c r="Q7127">
        <v>0</v>
      </c>
      <c r="R7127" t="s">
        <v>36645</v>
      </c>
      <c r="S7127">
        <v>829</v>
      </c>
    </row>
    <row r="7128" spans="1:19" x14ac:dyDescent="0.25">
      <c r="A7128">
        <v>42334705</v>
      </c>
      <c r="B7128" t="s">
        <v>36646</v>
      </c>
      <c r="C7128" s="1" t="s">
        <v>36647</v>
      </c>
      <c r="E7128">
        <v>1</v>
      </c>
      <c r="F7128">
        <v>2</v>
      </c>
      <c r="H7128" t="s">
        <v>36648</v>
      </c>
      <c r="I7128">
        <v>1</v>
      </c>
      <c r="J7128" t="s">
        <v>36649</v>
      </c>
      <c r="K7128" t="s">
        <v>36650</v>
      </c>
      <c r="M7128">
        <v>3846228</v>
      </c>
      <c r="O7128">
        <v>5389574</v>
      </c>
      <c r="P7128">
        <v>1</v>
      </c>
      <c r="Q7128">
        <v>0</v>
      </c>
      <c r="R7128" t="s">
        <v>36651</v>
      </c>
      <c r="S7128">
        <v>487</v>
      </c>
    </row>
    <row r="7129" spans="1:19" x14ac:dyDescent="0.25">
      <c r="A7129">
        <v>39332858</v>
      </c>
      <c r="B7129" t="s">
        <v>36652</v>
      </c>
      <c r="C7129" s="1" t="s">
        <v>36653</v>
      </c>
      <c r="D7129">
        <v>39333299</v>
      </c>
      <c r="E7129">
        <v>1</v>
      </c>
      <c r="F7129">
        <v>4</v>
      </c>
      <c r="H7129" t="s">
        <v>36654</v>
      </c>
      <c r="J7129" t="s">
        <v>36655</v>
      </c>
      <c r="O7129">
        <v>3754003</v>
      </c>
      <c r="P7129">
        <v>1</v>
      </c>
      <c r="Q7129">
        <v>0</v>
      </c>
      <c r="R7129" t="s">
        <v>36656</v>
      </c>
      <c r="S7129">
        <v>945</v>
      </c>
    </row>
    <row r="7130" spans="1:19" x14ac:dyDescent="0.25">
      <c r="A7130">
        <v>37095985</v>
      </c>
      <c r="B7130" t="s">
        <v>36657</v>
      </c>
      <c r="C7130" s="1" t="s">
        <v>36658</v>
      </c>
      <c r="D7130">
        <v>37096041</v>
      </c>
      <c r="E7130">
        <v>1</v>
      </c>
      <c r="F7130">
        <v>3</v>
      </c>
      <c r="H7130" t="s">
        <v>36659</v>
      </c>
      <c r="J7130" t="s">
        <v>36660</v>
      </c>
      <c r="K7130" t="s">
        <v>36661</v>
      </c>
      <c r="M7130">
        <v>6305670</v>
      </c>
      <c r="O7130">
        <v>6305670</v>
      </c>
      <c r="P7130">
        <v>1</v>
      </c>
      <c r="Q7130">
        <v>0</v>
      </c>
      <c r="R7130" t="s">
        <v>6023</v>
      </c>
      <c r="S7130">
        <v>83</v>
      </c>
    </row>
    <row r="7131" spans="1:19" x14ac:dyDescent="0.25">
      <c r="A7131">
        <v>28467793</v>
      </c>
      <c r="B7131" t="s">
        <v>36662</v>
      </c>
      <c r="C7131" s="1" t="s">
        <v>36663</v>
      </c>
      <c r="D7131">
        <v>28468386</v>
      </c>
      <c r="E7131">
        <v>4</v>
      </c>
      <c r="F7131">
        <v>2</v>
      </c>
      <c r="H7131" t="s">
        <v>36664</v>
      </c>
      <c r="I7131">
        <v>1</v>
      </c>
      <c r="J7131" t="s">
        <v>36665</v>
      </c>
      <c r="O7131">
        <v>430933</v>
      </c>
      <c r="P7131">
        <v>1</v>
      </c>
      <c r="Q7131">
        <v>2</v>
      </c>
      <c r="R7131" t="s">
        <v>36666</v>
      </c>
      <c r="S7131">
        <v>1095</v>
      </c>
    </row>
    <row r="7132" spans="1:19" x14ac:dyDescent="0.25">
      <c r="A7132">
        <v>45321045</v>
      </c>
      <c r="B7132" t="s">
        <v>36667</v>
      </c>
      <c r="C7132" s="1" t="s">
        <v>36668</v>
      </c>
      <c r="D7132">
        <v>45321086</v>
      </c>
      <c r="E7132">
        <v>2</v>
      </c>
      <c r="F7132">
        <v>6</v>
      </c>
      <c r="H7132" t="s">
        <v>36669</v>
      </c>
      <c r="J7132" t="s">
        <v>36670</v>
      </c>
      <c r="K7132" t="s">
        <v>36670</v>
      </c>
      <c r="M7132">
        <v>1506104</v>
      </c>
      <c r="O7132">
        <v>1506104</v>
      </c>
      <c r="P7132">
        <v>1</v>
      </c>
      <c r="Q7132">
        <v>1</v>
      </c>
      <c r="R7132" t="s">
        <v>20333</v>
      </c>
      <c r="S7132">
        <v>921</v>
      </c>
    </row>
    <row r="7133" spans="1:19" x14ac:dyDescent="0.25">
      <c r="A7133">
        <v>23049445</v>
      </c>
      <c r="B7133" t="s">
        <v>36671</v>
      </c>
      <c r="C7133" s="1" t="s">
        <v>36672</v>
      </c>
      <c r="E7133">
        <v>0</v>
      </c>
      <c r="F7133">
        <v>3</v>
      </c>
      <c r="H7133" t="s">
        <v>36673</v>
      </c>
      <c r="I7133">
        <v>0</v>
      </c>
      <c r="J7133" t="s">
        <v>36673</v>
      </c>
      <c r="O7133">
        <v>3500017</v>
      </c>
      <c r="P7133">
        <v>1</v>
      </c>
      <c r="Q7133">
        <v>0</v>
      </c>
      <c r="R7133" t="s">
        <v>213</v>
      </c>
      <c r="S7133">
        <v>35</v>
      </c>
    </row>
    <row r="7134" spans="1:19" x14ac:dyDescent="0.25">
      <c r="A7134">
        <v>4963440</v>
      </c>
      <c r="B7134" t="s">
        <v>36674</v>
      </c>
      <c r="C7134" s="1" t="s">
        <v>36675</v>
      </c>
      <c r="D7134">
        <v>4963475</v>
      </c>
      <c r="E7134">
        <v>1</v>
      </c>
      <c r="F7134">
        <v>1</v>
      </c>
      <c r="H7134" t="s">
        <v>36676</v>
      </c>
      <c r="I7134">
        <v>1</v>
      </c>
      <c r="J7134" t="s">
        <v>36677</v>
      </c>
      <c r="O7134">
        <v>557828</v>
      </c>
      <c r="P7134">
        <v>1</v>
      </c>
      <c r="Q7134">
        <v>5</v>
      </c>
      <c r="R7134" t="s">
        <v>36678</v>
      </c>
      <c r="S7134">
        <v>2270</v>
      </c>
    </row>
    <row r="7135" spans="1:19" x14ac:dyDescent="0.25">
      <c r="A7135">
        <v>39898089</v>
      </c>
      <c r="B7135" t="s">
        <v>36679</v>
      </c>
      <c r="C7135" s="1" t="s">
        <v>36680</v>
      </c>
      <c r="E7135">
        <v>0</v>
      </c>
      <c r="F7135">
        <v>0</v>
      </c>
      <c r="H7135" t="s">
        <v>36681</v>
      </c>
      <c r="J7135" t="s">
        <v>36681</v>
      </c>
      <c r="O7135">
        <v>3369417</v>
      </c>
      <c r="P7135">
        <v>1</v>
      </c>
      <c r="Q7135">
        <v>1</v>
      </c>
      <c r="R7135" t="s">
        <v>36682</v>
      </c>
      <c r="S7135">
        <v>25</v>
      </c>
    </row>
    <row r="7136" spans="1:19" x14ac:dyDescent="0.25">
      <c r="A7136">
        <v>49054251</v>
      </c>
      <c r="B7136" t="s">
        <v>36683</v>
      </c>
      <c r="C7136" s="1" t="s">
        <v>36684</v>
      </c>
      <c r="D7136">
        <v>49054391</v>
      </c>
      <c r="E7136">
        <v>1</v>
      </c>
      <c r="F7136">
        <v>3</v>
      </c>
      <c r="H7136" t="s">
        <v>36685</v>
      </c>
      <c r="I7136">
        <v>1</v>
      </c>
      <c r="J7136" t="s">
        <v>36686</v>
      </c>
      <c r="O7136">
        <v>9158178</v>
      </c>
      <c r="P7136">
        <v>1</v>
      </c>
      <c r="Q7136">
        <v>0</v>
      </c>
      <c r="R7136" t="s">
        <v>31699</v>
      </c>
      <c r="S7136">
        <v>27</v>
      </c>
    </row>
    <row r="7137" spans="1:19" x14ac:dyDescent="0.25">
      <c r="A7137">
        <v>31871965</v>
      </c>
      <c r="B7137" t="s">
        <v>36687</v>
      </c>
      <c r="C7137" s="1" t="s">
        <v>36688</v>
      </c>
      <c r="E7137">
        <v>1</v>
      </c>
      <c r="F7137">
        <v>0</v>
      </c>
      <c r="H7137" t="s">
        <v>36689</v>
      </c>
      <c r="J7137" t="s">
        <v>36690</v>
      </c>
      <c r="O7137">
        <v>4710626</v>
      </c>
      <c r="P7137">
        <v>1</v>
      </c>
      <c r="Q7137">
        <v>1</v>
      </c>
      <c r="R7137" t="s">
        <v>34008</v>
      </c>
      <c r="S7137">
        <v>47</v>
      </c>
    </row>
    <row r="7138" spans="1:19" x14ac:dyDescent="0.25">
      <c r="A7138">
        <v>39535798</v>
      </c>
      <c r="B7138" t="s">
        <v>36691</v>
      </c>
      <c r="C7138" s="1" t="s">
        <v>36692</v>
      </c>
      <c r="E7138">
        <v>0</v>
      </c>
      <c r="F7138">
        <v>4</v>
      </c>
      <c r="H7138" t="s">
        <v>36693</v>
      </c>
      <c r="J7138" t="s">
        <v>36694</v>
      </c>
      <c r="K7138" t="s">
        <v>36694</v>
      </c>
      <c r="M7138">
        <v>15703</v>
      </c>
      <c r="O7138">
        <v>15703</v>
      </c>
      <c r="P7138">
        <v>1</v>
      </c>
      <c r="Q7138">
        <v>0</v>
      </c>
      <c r="R7138" t="s">
        <v>3034</v>
      </c>
      <c r="S7138">
        <v>59</v>
      </c>
    </row>
    <row r="7139" spans="1:19" x14ac:dyDescent="0.25">
      <c r="A7139">
        <v>21482882</v>
      </c>
      <c r="B7139" t="s">
        <v>36695</v>
      </c>
      <c r="C7139" s="1" t="s">
        <v>36696</v>
      </c>
      <c r="D7139">
        <v>21484026</v>
      </c>
      <c r="E7139">
        <v>4</v>
      </c>
      <c r="F7139">
        <v>0</v>
      </c>
      <c r="H7139" t="s">
        <v>36697</v>
      </c>
      <c r="I7139">
        <v>2</v>
      </c>
      <c r="J7139" t="s">
        <v>36698</v>
      </c>
      <c r="K7139" t="s">
        <v>36699</v>
      </c>
      <c r="M7139">
        <v>2183804</v>
      </c>
      <c r="O7139">
        <v>1206508</v>
      </c>
      <c r="P7139">
        <v>1</v>
      </c>
      <c r="Q7139">
        <v>3</v>
      </c>
      <c r="R7139" t="s">
        <v>36700</v>
      </c>
      <c r="S7139">
        <v>4434</v>
      </c>
    </row>
    <row r="7140" spans="1:19" x14ac:dyDescent="0.25">
      <c r="A7140">
        <v>46304250</v>
      </c>
      <c r="B7140" t="s">
        <v>36701</v>
      </c>
      <c r="C7140" s="1" t="s">
        <v>36702</v>
      </c>
      <c r="E7140">
        <v>0</v>
      </c>
      <c r="F7140">
        <v>2</v>
      </c>
      <c r="H7140" t="s">
        <v>36703</v>
      </c>
      <c r="J7140" t="s">
        <v>36704</v>
      </c>
      <c r="K7140" t="s">
        <v>36704</v>
      </c>
      <c r="M7140">
        <v>3636545</v>
      </c>
      <c r="O7140">
        <v>3636545</v>
      </c>
      <c r="P7140">
        <v>1</v>
      </c>
      <c r="Q7140">
        <v>0</v>
      </c>
      <c r="R7140" t="s">
        <v>36705</v>
      </c>
      <c r="S7140">
        <v>249</v>
      </c>
    </row>
    <row r="7141" spans="1:19" x14ac:dyDescent="0.25">
      <c r="A7141">
        <v>3662151</v>
      </c>
      <c r="B7141" t="s">
        <v>36706</v>
      </c>
      <c r="C7141" s="1" t="s">
        <v>36707</v>
      </c>
      <c r="E7141">
        <v>1</v>
      </c>
      <c r="F7141">
        <v>0</v>
      </c>
      <c r="H7141" t="s">
        <v>36708</v>
      </c>
      <c r="I7141">
        <v>1</v>
      </c>
      <c r="J7141" t="s">
        <v>36709</v>
      </c>
      <c r="K7141" t="s">
        <v>36710</v>
      </c>
      <c r="M7141">
        <v>21234</v>
      </c>
      <c r="O7141">
        <v>234049</v>
      </c>
      <c r="P7141">
        <v>1</v>
      </c>
      <c r="Q7141">
        <v>1</v>
      </c>
      <c r="R7141" t="s">
        <v>36711</v>
      </c>
      <c r="S7141">
        <v>1995</v>
      </c>
    </row>
    <row r="7142" spans="1:19" x14ac:dyDescent="0.25">
      <c r="A7142">
        <v>7117795</v>
      </c>
      <c r="B7142" t="s">
        <v>36712</v>
      </c>
      <c r="C7142" s="1" t="s">
        <v>36713</v>
      </c>
      <c r="D7142">
        <v>7120731</v>
      </c>
      <c r="E7142">
        <v>2</v>
      </c>
      <c r="F7142">
        <v>0</v>
      </c>
      <c r="H7142" t="s">
        <v>36714</v>
      </c>
      <c r="J7142" t="s">
        <v>36715</v>
      </c>
      <c r="K7142" t="s">
        <v>36716</v>
      </c>
      <c r="M7142">
        <v>142822</v>
      </c>
      <c r="O7142">
        <v>633719</v>
      </c>
      <c r="P7142">
        <v>1</v>
      </c>
      <c r="Q7142">
        <v>1</v>
      </c>
      <c r="R7142" t="s">
        <v>11401</v>
      </c>
      <c r="S7142">
        <v>939</v>
      </c>
    </row>
    <row r="7143" spans="1:19" x14ac:dyDescent="0.25">
      <c r="A7143">
        <v>32173898</v>
      </c>
      <c r="B7143" t="s">
        <v>36717</v>
      </c>
      <c r="C7143" s="1" t="s">
        <v>36718</v>
      </c>
      <c r="D7143">
        <v>37532661</v>
      </c>
      <c r="E7143">
        <v>2</v>
      </c>
      <c r="F7143">
        <v>0</v>
      </c>
      <c r="H7143" t="s">
        <v>36719</v>
      </c>
      <c r="I7143">
        <v>3</v>
      </c>
      <c r="J7143" t="s">
        <v>36720</v>
      </c>
      <c r="K7143" t="s">
        <v>36721</v>
      </c>
      <c r="M7143">
        <v>1078678</v>
      </c>
      <c r="O7143">
        <v>1078678</v>
      </c>
      <c r="P7143">
        <v>1</v>
      </c>
      <c r="Q7143">
        <v>8</v>
      </c>
      <c r="R7143" t="s">
        <v>36722</v>
      </c>
      <c r="S7143">
        <v>493</v>
      </c>
    </row>
    <row r="7144" spans="1:19" x14ac:dyDescent="0.25">
      <c r="A7144">
        <v>23308958</v>
      </c>
      <c r="B7144" t="s">
        <v>36723</v>
      </c>
      <c r="C7144" t="s">
        <v>36724</v>
      </c>
      <c r="D7144">
        <v>23317348</v>
      </c>
      <c r="E7144">
        <v>1</v>
      </c>
      <c r="F7144">
        <v>0</v>
      </c>
      <c r="H7144" t="s">
        <v>36725</v>
      </c>
      <c r="J7144" t="s">
        <v>36726</v>
      </c>
      <c r="K7144" t="s">
        <v>36727</v>
      </c>
      <c r="M7144">
        <v>127742</v>
      </c>
      <c r="O7144">
        <v>2083526</v>
      </c>
      <c r="P7144">
        <v>1</v>
      </c>
      <c r="Q7144">
        <v>1</v>
      </c>
      <c r="R7144" t="s">
        <v>36728</v>
      </c>
      <c r="S7144">
        <v>647</v>
      </c>
    </row>
    <row r="7145" spans="1:19" x14ac:dyDescent="0.25">
      <c r="A7145">
        <v>36068476</v>
      </c>
      <c r="B7145" t="s">
        <v>36729</v>
      </c>
      <c r="C7145" s="1" t="s">
        <v>36730</v>
      </c>
      <c r="E7145">
        <v>1</v>
      </c>
      <c r="F7145">
        <v>13</v>
      </c>
      <c r="H7145" t="s">
        <v>36731</v>
      </c>
      <c r="J7145" t="s">
        <v>36732</v>
      </c>
      <c r="O7145">
        <v>6078668</v>
      </c>
      <c r="P7145">
        <v>1</v>
      </c>
      <c r="Q7145">
        <v>0</v>
      </c>
      <c r="R7145" t="s">
        <v>36733</v>
      </c>
      <c r="S7145">
        <v>19</v>
      </c>
    </row>
    <row r="7146" spans="1:19" x14ac:dyDescent="0.25">
      <c r="A7146">
        <v>16165772</v>
      </c>
      <c r="B7146" t="s">
        <v>36734</v>
      </c>
      <c r="C7146" s="1" t="s">
        <v>36735</v>
      </c>
      <c r="E7146">
        <v>0</v>
      </c>
      <c r="F7146">
        <v>0</v>
      </c>
      <c r="H7146" t="s">
        <v>36736</v>
      </c>
      <c r="I7146">
        <v>1</v>
      </c>
      <c r="J7146" t="s">
        <v>36736</v>
      </c>
      <c r="O7146">
        <v>557145</v>
      </c>
      <c r="P7146">
        <v>1</v>
      </c>
      <c r="Q7146">
        <v>1</v>
      </c>
      <c r="R7146" t="s">
        <v>36737</v>
      </c>
      <c r="S7146">
        <v>102</v>
      </c>
    </row>
    <row r="7147" spans="1:19" x14ac:dyDescent="0.25">
      <c r="A7147">
        <v>39544701</v>
      </c>
      <c r="B7147" t="s">
        <v>36738</v>
      </c>
      <c r="C7147" s="1" t="s">
        <v>36739</v>
      </c>
      <c r="E7147">
        <v>0</v>
      </c>
      <c r="F7147">
        <v>4</v>
      </c>
      <c r="H7147" t="s">
        <v>36740</v>
      </c>
      <c r="J7147" t="s">
        <v>36741</v>
      </c>
      <c r="K7147" t="s">
        <v>36741</v>
      </c>
      <c r="M7147">
        <v>6560178</v>
      </c>
      <c r="O7147">
        <v>6560178</v>
      </c>
      <c r="P7147">
        <v>1</v>
      </c>
      <c r="Q7147">
        <v>0</v>
      </c>
      <c r="R7147" t="s">
        <v>819</v>
      </c>
      <c r="S7147">
        <v>29</v>
      </c>
    </row>
    <row r="7148" spans="1:19" x14ac:dyDescent="0.25">
      <c r="A7148">
        <v>21039824</v>
      </c>
      <c r="B7148" t="s">
        <v>36742</v>
      </c>
      <c r="C7148" s="1" t="s">
        <v>36743</v>
      </c>
      <c r="D7148">
        <v>21040183</v>
      </c>
      <c r="E7148">
        <v>1</v>
      </c>
      <c r="F7148">
        <v>2</v>
      </c>
      <c r="H7148" t="s">
        <v>36744</v>
      </c>
      <c r="J7148" t="s">
        <v>36745</v>
      </c>
      <c r="K7148" t="s">
        <v>36746</v>
      </c>
      <c r="M7148">
        <v>3180999</v>
      </c>
      <c r="O7148">
        <v>3180999</v>
      </c>
      <c r="P7148">
        <v>1</v>
      </c>
      <c r="Q7148">
        <v>0</v>
      </c>
      <c r="R7148" t="s">
        <v>36747</v>
      </c>
      <c r="S7148">
        <v>253</v>
      </c>
    </row>
    <row r="7149" spans="1:19" x14ac:dyDescent="0.25">
      <c r="A7149">
        <v>6826200</v>
      </c>
      <c r="B7149" t="s">
        <v>36748</v>
      </c>
      <c r="C7149" s="1" t="s">
        <v>36749</v>
      </c>
      <c r="D7149">
        <v>6826220</v>
      </c>
      <c r="E7149">
        <v>2</v>
      </c>
      <c r="F7149">
        <v>0</v>
      </c>
      <c r="H7149" t="s">
        <v>36750</v>
      </c>
      <c r="J7149" t="s">
        <v>36751</v>
      </c>
      <c r="O7149">
        <v>793633</v>
      </c>
      <c r="P7149">
        <v>1</v>
      </c>
      <c r="Q7149">
        <v>0</v>
      </c>
      <c r="R7149" t="s">
        <v>36752</v>
      </c>
      <c r="S7149">
        <v>223</v>
      </c>
    </row>
    <row r="7150" spans="1:19" x14ac:dyDescent="0.25">
      <c r="A7150">
        <v>33316035</v>
      </c>
      <c r="B7150" t="s">
        <v>36753</v>
      </c>
      <c r="C7150" s="1" t="s">
        <v>36754</v>
      </c>
      <c r="D7150">
        <v>33317043</v>
      </c>
      <c r="E7150">
        <v>2</v>
      </c>
      <c r="F7150">
        <v>1</v>
      </c>
      <c r="H7150" t="s">
        <v>36755</v>
      </c>
      <c r="J7150" t="s">
        <v>36756</v>
      </c>
      <c r="O7150">
        <v>5482655</v>
      </c>
      <c r="P7150">
        <v>1</v>
      </c>
      <c r="Q7150">
        <v>2</v>
      </c>
      <c r="R7150" t="s">
        <v>36757</v>
      </c>
      <c r="S7150">
        <v>294</v>
      </c>
    </row>
    <row r="7151" spans="1:19" x14ac:dyDescent="0.25">
      <c r="A7151">
        <v>45439926</v>
      </c>
      <c r="B7151" t="s">
        <v>36758</v>
      </c>
      <c r="C7151" s="1" t="s">
        <v>36759</v>
      </c>
      <c r="E7151">
        <v>0</v>
      </c>
      <c r="F7151">
        <v>2</v>
      </c>
      <c r="H7151" t="s">
        <v>36760</v>
      </c>
      <c r="J7151" t="s">
        <v>36760</v>
      </c>
      <c r="O7151">
        <v>8398112</v>
      </c>
      <c r="P7151">
        <v>1</v>
      </c>
      <c r="Q7151">
        <v>0</v>
      </c>
      <c r="R7151" t="s">
        <v>5021</v>
      </c>
      <c r="S7151">
        <v>21</v>
      </c>
    </row>
    <row r="7152" spans="1:19" x14ac:dyDescent="0.25">
      <c r="A7152">
        <v>4192053</v>
      </c>
      <c r="B7152" t="s">
        <v>36761</v>
      </c>
      <c r="C7152" s="1" t="s">
        <v>36762</v>
      </c>
      <c r="D7152">
        <v>4232486</v>
      </c>
      <c r="E7152">
        <v>5</v>
      </c>
      <c r="F7152">
        <v>0</v>
      </c>
      <c r="H7152" t="s">
        <v>36763</v>
      </c>
      <c r="I7152">
        <v>4</v>
      </c>
      <c r="J7152" t="s">
        <v>36764</v>
      </c>
      <c r="K7152" t="s">
        <v>36765</v>
      </c>
      <c r="M7152">
        <v>336527</v>
      </c>
      <c r="O7152">
        <v>336527</v>
      </c>
      <c r="P7152">
        <v>1</v>
      </c>
      <c r="Q7152">
        <v>25</v>
      </c>
      <c r="R7152" t="s">
        <v>36766</v>
      </c>
      <c r="S7152">
        <v>2931</v>
      </c>
    </row>
    <row r="7153" spans="1:19" x14ac:dyDescent="0.25">
      <c r="A7153">
        <v>31574006</v>
      </c>
      <c r="B7153" t="s">
        <v>36767</v>
      </c>
      <c r="C7153" s="1" t="s">
        <v>36768</v>
      </c>
      <c r="E7153">
        <v>0</v>
      </c>
      <c r="F7153">
        <v>9</v>
      </c>
      <c r="H7153" t="s">
        <v>36769</v>
      </c>
      <c r="I7153">
        <v>1</v>
      </c>
      <c r="J7153" t="s">
        <v>36770</v>
      </c>
      <c r="K7153" t="s">
        <v>36770</v>
      </c>
      <c r="M7153">
        <v>3828978</v>
      </c>
      <c r="O7153">
        <v>3828978</v>
      </c>
      <c r="P7153">
        <v>1</v>
      </c>
      <c r="Q7153">
        <v>3</v>
      </c>
      <c r="R7153" t="s">
        <v>36771</v>
      </c>
      <c r="S7153">
        <v>76</v>
      </c>
    </row>
    <row r="7154" spans="1:19" x14ac:dyDescent="0.25">
      <c r="A7154">
        <v>10781457</v>
      </c>
      <c r="B7154" t="s">
        <v>36772</v>
      </c>
      <c r="C7154" t="s">
        <v>36773</v>
      </c>
      <c r="D7154">
        <v>10781512</v>
      </c>
      <c r="E7154">
        <v>1</v>
      </c>
      <c r="F7154">
        <v>0</v>
      </c>
      <c r="H7154" t="s">
        <v>36774</v>
      </c>
      <c r="J7154" t="s">
        <v>36775</v>
      </c>
      <c r="O7154">
        <v>1302569</v>
      </c>
      <c r="P7154">
        <v>1</v>
      </c>
      <c r="Q7154">
        <v>0</v>
      </c>
      <c r="R7154" t="s">
        <v>1159</v>
      </c>
      <c r="S7154">
        <v>75</v>
      </c>
    </row>
    <row r="7155" spans="1:19" x14ac:dyDescent="0.25">
      <c r="A7155">
        <v>27058373</v>
      </c>
      <c r="B7155" t="s">
        <v>36776</v>
      </c>
      <c r="C7155" s="1" t="s">
        <v>36777</v>
      </c>
      <c r="D7155">
        <v>27106132</v>
      </c>
      <c r="E7155">
        <v>3</v>
      </c>
      <c r="F7155">
        <v>4</v>
      </c>
      <c r="H7155" t="s">
        <v>36778</v>
      </c>
      <c r="I7155">
        <v>2</v>
      </c>
      <c r="J7155" t="s">
        <v>36779</v>
      </c>
      <c r="K7155" t="s">
        <v>36780</v>
      </c>
      <c r="M7155">
        <v>1226908</v>
      </c>
      <c r="O7155">
        <v>1226908</v>
      </c>
      <c r="P7155">
        <v>1</v>
      </c>
      <c r="Q7155">
        <v>1</v>
      </c>
      <c r="R7155" t="s">
        <v>36781</v>
      </c>
      <c r="S7155">
        <v>1130</v>
      </c>
    </row>
    <row r="7156" spans="1:19" x14ac:dyDescent="0.25">
      <c r="A7156">
        <v>17966614</v>
      </c>
      <c r="B7156" t="s">
        <v>36782</v>
      </c>
      <c r="C7156" s="1" t="s">
        <v>36783</v>
      </c>
      <c r="E7156">
        <v>6</v>
      </c>
      <c r="F7156">
        <v>3</v>
      </c>
      <c r="H7156" t="s">
        <v>36784</v>
      </c>
      <c r="I7156">
        <v>0</v>
      </c>
      <c r="J7156" t="s">
        <v>36785</v>
      </c>
      <c r="K7156" t="s">
        <v>36786</v>
      </c>
      <c r="M7156">
        <v>2492977</v>
      </c>
      <c r="O7156">
        <v>1087527</v>
      </c>
      <c r="P7156">
        <v>1</v>
      </c>
      <c r="Q7156">
        <v>0</v>
      </c>
      <c r="R7156" t="s">
        <v>819</v>
      </c>
      <c r="S7156">
        <v>123</v>
      </c>
    </row>
    <row r="7157" spans="1:19" x14ac:dyDescent="0.25">
      <c r="A7157">
        <v>29138753</v>
      </c>
      <c r="B7157" t="s">
        <v>36787</v>
      </c>
      <c r="C7157" s="1" t="s">
        <v>36788</v>
      </c>
      <c r="E7157">
        <v>2</v>
      </c>
      <c r="F7157">
        <v>1</v>
      </c>
      <c r="H7157" t="s">
        <v>36789</v>
      </c>
      <c r="J7157" t="s">
        <v>36790</v>
      </c>
      <c r="K7157" t="s">
        <v>36791</v>
      </c>
      <c r="M7157">
        <v>1403590</v>
      </c>
      <c r="O7157">
        <v>1403590</v>
      </c>
      <c r="P7157">
        <v>1</v>
      </c>
      <c r="Q7157">
        <v>1</v>
      </c>
      <c r="R7157" t="s">
        <v>36792</v>
      </c>
      <c r="S7157">
        <v>167</v>
      </c>
    </row>
    <row r="7158" spans="1:19" x14ac:dyDescent="0.25">
      <c r="A7158">
        <v>39442584</v>
      </c>
      <c r="B7158" t="s">
        <v>36793</v>
      </c>
      <c r="C7158" s="1" t="s">
        <v>36794</v>
      </c>
      <c r="D7158">
        <v>42164887</v>
      </c>
      <c r="E7158">
        <v>1</v>
      </c>
      <c r="F7158">
        <v>0</v>
      </c>
      <c r="H7158" t="s">
        <v>36795</v>
      </c>
      <c r="J7158" t="s">
        <v>36796</v>
      </c>
      <c r="O7158">
        <v>922445</v>
      </c>
      <c r="P7158">
        <v>1</v>
      </c>
      <c r="Q7158">
        <v>0</v>
      </c>
      <c r="R7158" t="s">
        <v>36797</v>
      </c>
      <c r="S7158">
        <v>228</v>
      </c>
    </row>
    <row r="7159" spans="1:19" x14ac:dyDescent="0.25">
      <c r="A7159">
        <v>44408910</v>
      </c>
      <c r="B7159" t="s">
        <v>36798</v>
      </c>
      <c r="C7159" s="1" t="s">
        <v>36799</v>
      </c>
      <c r="E7159">
        <v>1</v>
      </c>
      <c r="F7159">
        <v>0</v>
      </c>
      <c r="H7159" t="s">
        <v>36800</v>
      </c>
      <c r="J7159" t="s">
        <v>36801</v>
      </c>
      <c r="O7159">
        <v>1235565</v>
      </c>
      <c r="P7159">
        <v>1</v>
      </c>
      <c r="Q7159">
        <v>2</v>
      </c>
      <c r="R7159" t="s">
        <v>36802</v>
      </c>
      <c r="S7159">
        <v>454</v>
      </c>
    </row>
    <row r="7160" spans="1:19" x14ac:dyDescent="0.25">
      <c r="A7160">
        <v>14461740</v>
      </c>
      <c r="B7160" t="s">
        <v>36803</v>
      </c>
      <c r="C7160" s="1" t="s">
        <v>36804</v>
      </c>
      <c r="E7160">
        <v>1</v>
      </c>
      <c r="F7160">
        <v>6</v>
      </c>
      <c r="H7160" t="s">
        <v>36805</v>
      </c>
      <c r="J7160" t="s">
        <v>36806</v>
      </c>
      <c r="K7160" t="s">
        <v>36807</v>
      </c>
      <c r="M7160">
        <v>426671</v>
      </c>
      <c r="O7160">
        <v>1364621</v>
      </c>
      <c r="P7160">
        <v>1</v>
      </c>
      <c r="Q7160">
        <v>0</v>
      </c>
      <c r="R7160" t="s">
        <v>36808</v>
      </c>
      <c r="S7160">
        <v>1528</v>
      </c>
    </row>
    <row r="7161" spans="1:19" x14ac:dyDescent="0.25">
      <c r="A7161">
        <v>45771647</v>
      </c>
      <c r="B7161" t="s">
        <v>36809</v>
      </c>
      <c r="C7161" s="1" t="s">
        <v>36810</v>
      </c>
      <c r="D7161">
        <v>45775558</v>
      </c>
      <c r="E7161">
        <v>1</v>
      </c>
      <c r="F7161">
        <v>1</v>
      </c>
      <c r="H7161" t="s">
        <v>36811</v>
      </c>
      <c r="I7161">
        <v>0</v>
      </c>
      <c r="J7161" t="s">
        <v>36812</v>
      </c>
      <c r="K7161" t="s">
        <v>36812</v>
      </c>
      <c r="M7161">
        <v>1431250</v>
      </c>
      <c r="O7161">
        <v>1431250</v>
      </c>
      <c r="P7161">
        <v>1</v>
      </c>
      <c r="Q7161">
        <v>-1</v>
      </c>
      <c r="R7161" t="s">
        <v>36813</v>
      </c>
      <c r="S7161">
        <v>76</v>
      </c>
    </row>
    <row r="7162" spans="1:19" x14ac:dyDescent="0.25">
      <c r="A7162">
        <v>49851518</v>
      </c>
      <c r="B7162" t="s">
        <v>36814</v>
      </c>
      <c r="C7162" s="1" t="s">
        <v>36815</v>
      </c>
      <c r="E7162">
        <v>1</v>
      </c>
      <c r="F7162">
        <v>2</v>
      </c>
      <c r="H7162" t="s">
        <v>36816</v>
      </c>
      <c r="J7162" t="s">
        <v>36817</v>
      </c>
      <c r="K7162" t="s">
        <v>36818</v>
      </c>
      <c r="M7162">
        <v>8512793</v>
      </c>
      <c r="O7162">
        <v>8512793</v>
      </c>
      <c r="P7162">
        <v>1</v>
      </c>
      <c r="Q7162">
        <v>0</v>
      </c>
      <c r="R7162" t="s">
        <v>36819</v>
      </c>
      <c r="S7162">
        <v>42</v>
      </c>
    </row>
    <row r="7163" spans="1:19" x14ac:dyDescent="0.25">
      <c r="A7163">
        <v>37998746</v>
      </c>
      <c r="B7163" t="s">
        <v>36820</v>
      </c>
      <c r="C7163" s="1" t="s">
        <v>36821</v>
      </c>
      <c r="E7163">
        <v>0</v>
      </c>
      <c r="F7163">
        <v>2</v>
      </c>
      <c r="H7163" t="s">
        <v>36822</v>
      </c>
      <c r="J7163" t="s">
        <v>36822</v>
      </c>
      <c r="O7163">
        <v>6480354</v>
      </c>
      <c r="P7163">
        <v>1</v>
      </c>
      <c r="Q7163">
        <v>0</v>
      </c>
      <c r="R7163" t="s">
        <v>10547</v>
      </c>
      <c r="S7163">
        <v>41</v>
      </c>
    </row>
    <row r="7164" spans="1:19" x14ac:dyDescent="0.25">
      <c r="A7164">
        <v>37747461</v>
      </c>
      <c r="B7164" t="s">
        <v>36823</v>
      </c>
      <c r="C7164" s="1" t="s">
        <v>36824</v>
      </c>
      <c r="E7164">
        <v>2</v>
      </c>
      <c r="F7164">
        <v>2</v>
      </c>
      <c r="H7164" t="s">
        <v>36825</v>
      </c>
      <c r="J7164" t="s">
        <v>36826</v>
      </c>
      <c r="K7164" t="s">
        <v>36826</v>
      </c>
      <c r="M7164">
        <v>4851255</v>
      </c>
      <c r="O7164">
        <v>4851255</v>
      </c>
      <c r="P7164">
        <v>1</v>
      </c>
      <c r="Q7164">
        <v>0</v>
      </c>
      <c r="R7164" t="s">
        <v>36827</v>
      </c>
      <c r="S7164">
        <v>496</v>
      </c>
    </row>
    <row r="7165" spans="1:19" x14ac:dyDescent="0.25">
      <c r="A7165">
        <v>30943221</v>
      </c>
      <c r="B7165" t="s">
        <v>36828</v>
      </c>
      <c r="C7165" s="1" t="s">
        <v>36829</v>
      </c>
      <c r="D7165">
        <v>30953625</v>
      </c>
      <c r="E7165">
        <v>1</v>
      </c>
      <c r="F7165">
        <v>0</v>
      </c>
      <c r="H7165" t="s">
        <v>36830</v>
      </c>
      <c r="I7165">
        <v>1</v>
      </c>
      <c r="J7165" t="s">
        <v>36831</v>
      </c>
      <c r="O7165">
        <v>2926641</v>
      </c>
      <c r="P7165">
        <v>1</v>
      </c>
      <c r="Q7165">
        <v>3</v>
      </c>
      <c r="R7165" t="s">
        <v>36832</v>
      </c>
      <c r="S7165">
        <v>127</v>
      </c>
    </row>
    <row r="7166" spans="1:19" x14ac:dyDescent="0.25">
      <c r="A7166">
        <v>44248471</v>
      </c>
      <c r="B7166" t="s">
        <v>36833</v>
      </c>
      <c r="C7166" s="1" t="s">
        <v>36834</v>
      </c>
      <c r="D7166">
        <v>44266206</v>
      </c>
      <c r="E7166">
        <v>1</v>
      </c>
      <c r="F7166">
        <v>2</v>
      </c>
      <c r="H7166" t="s">
        <v>36835</v>
      </c>
      <c r="J7166" t="s">
        <v>36836</v>
      </c>
      <c r="K7166" t="s">
        <v>36837</v>
      </c>
      <c r="M7166">
        <v>3043</v>
      </c>
      <c r="O7166">
        <v>3720234</v>
      </c>
      <c r="P7166">
        <v>1</v>
      </c>
      <c r="Q7166">
        <v>0</v>
      </c>
      <c r="R7166" t="s">
        <v>36838</v>
      </c>
      <c r="S7166">
        <v>37</v>
      </c>
    </row>
    <row r="7167" spans="1:19" x14ac:dyDescent="0.25">
      <c r="A7167">
        <v>43764380</v>
      </c>
      <c r="B7167" t="s">
        <v>36839</v>
      </c>
      <c r="C7167" s="1" t="s">
        <v>36840</v>
      </c>
      <c r="E7167">
        <v>0</v>
      </c>
      <c r="F7167">
        <v>2</v>
      </c>
      <c r="H7167" t="s">
        <v>36841</v>
      </c>
      <c r="J7167" t="s">
        <v>36841</v>
      </c>
      <c r="O7167">
        <v>7958203</v>
      </c>
      <c r="P7167">
        <v>1</v>
      </c>
      <c r="Q7167">
        <v>0</v>
      </c>
      <c r="R7167" t="s">
        <v>36842</v>
      </c>
      <c r="S7167">
        <v>61</v>
      </c>
    </row>
    <row r="7168" spans="1:19" x14ac:dyDescent="0.25">
      <c r="A7168">
        <v>22188193</v>
      </c>
      <c r="B7168" t="s">
        <v>36843</v>
      </c>
      <c r="C7168" s="1" t="s">
        <v>36844</v>
      </c>
      <c r="D7168">
        <v>22205953</v>
      </c>
      <c r="E7168">
        <v>1</v>
      </c>
      <c r="F7168">
        <v>5</v>
      </c>
      <c r="H7168" t="s">
        <v>36845</v>
      </c>
      <c r="J7168" t="s">
        <v>36846</v>
      </c>
      <c r="K7168" t="s">
        <v>36847</v>
      </c>
      <c r="M7168">
        <v>859491</v>
      </c>
      <c r="O7168">
        <v>859491</v>
      </c>
      <c r="P7168">
        <v>1</v>
      </c>
      <c r="Q7168">
        <v>0</v>
      </c>
      <c r="R7168" t="s">
        <v>579</v>
      </c>
      <c r="S7168">
        <v>27</v>
      </c>
    </row>
    <row r="7169" spans="1:19" x14ac:dyDescent="0.25">
      <c r="A7169">
        <v>23696434</v>
      </c>
      <c r="B7169" t="s">
        <v>36848</v>
      </c>
      <c r="C7169" s="1" t="s">
        <v>36849</v>
      </c>
      <c r="E7169">
        <v>2</v>
      </c>
      <c r="F7169">
        <v>1</v>
      </c>
      <c r="H7169" t="s">
        <v>36850</v>
      </c>
      <c r="J7169" t="s">
        <v>36851</v>
      </c>
      <c r="K7169" t="s">
        <v>36851</v>
      </c>
      <c r="M7169">
        <v>1476885</v>
      </c>
      <c r="O7169">
        <v>2508761</v>
      </c>
      <c r="P7169">
        <v>1</v>
      </c>
      <c r="Q7169">
        <v>1</v>
      </c>
      <c r="R7169" t="s">
        <v>36852</v>
      </c>
      <c r="S7169">
        <v>1302</v>
      </c>
    </row>
    <row r="7170" spans="1:19" x14ac:dyDescent="0.25">
      <c r="A7170">
        <v>22417726</v>
      </c>
      <c r="B7170" t="s">
        <v>36853</v>
      </c>
      <c r="C7170" s="1" t="s">
        <v>36854</v>
      </c>
      <c r="E7170">
        <v>2</v>
      </c>
      <c r="F7170">
        <v>0</v>
      </c>
      <c r="H7170" t="s">
        <v>36855</v>
      </c>
      <c r="J7170" t="s">
        <v>36856</v>
      </c>
      <c r="O7170">
        <v>2943626</v>
      </c>
      <c r="P7170">
        <v>1</v>
      </c>
      <c r="Q7170">
        <v>2</v>
      </c>
      <c r="R7170" t="s">
        <v>36857</v>
      </c>
      <c r="S7170">
        <v>394</v>
      </c>
    </row>
    <row r="7171" spans="1:19" x14ac:dyDescent="0.25">
      <c r="A7171">
        <v>45697427</v>
      </c>
      <c r="B7171" t="s">
        <v>36858</v>
      </c>
      <c r="C7171" s="1" t="s">
        <v>36859</v>
      </c>
      <c r="D7171">
        <v>45700561</v>
      </c>
      <c r="E7171">
        <v>1</v>
      </c>
      <c r="F7171">
        <v>1</v>
      </c>
      <c r="H7171" t="s">
        <v>36860</v>
      </c>
      <c r="I7171">
        <v>1</v>
      </c>
      <c r="J7171" t="s">
        <v>36861</v>
      </c>
      <c r="K7171" t="s">
        <v>36862</v>
      </c>
      <c r="M7171">
        <v>8144295</v>
      </c>
      <c r="O7171">
        <v>7252805</v>
      </c>
      <c r="P7171">
        <v>1</v>
      </c>
      <c r="Q7171">
        <v>2</v>
      </c>
      <c r="R7171" t="s">
        <v>36863</v>
      </c>
      <c r="S7171">
        <v>5424</v>
      </c>
    </row>
    <row r="7172" spans="1:19" x14ac:dyDescent="0.25">
      <c r="A7172">
        <v>1775176</v>
      </c>
      <c r="B7172" t="s">
        <v>36864</v>
      </c>
      <c r="C7172" s="1" t="s">
        <v>36865</v>
      </c>
      <c r="D7172">
        <v>1775193</v>
      </c>
      <c r="E7172">
        <v>2</v>
      </c>
      <c r="F7172">
        <v>0</v>
      </c>
      <c r="H7172" t="s">
        <v>36866</v>
      </c>
      <c r="J7172" t="s">
        <v>36867</v>
      </c>
      <c r="K7172" t="s">
        <v>36867</v>
      </c>
      <c r="M7172">
        <v>126562</v>
      </c>
      <c r="O7172">
        <v>177819</v>
      </c>
      <c r="P7172">
        <v>1</v>
      </c>
      <c r="Q7172">
        <v>0</v>
      </c>
      <c r="R7172" t="s">
        <v>36868</v>
      </c>
      <c r="S7172">
        <v>101</v>
      </c>
    </row>
    <row r="7173" spans="1:19" x14ac:dyDescent="0.25">
      <c r="A7173">
        <v>1774227</v>
      </c>
      <c r="B7173" t="s">
        <v>36869</v>
      </c>
      <c r="C7173" s="1" t="s">
        <v>36870</v>
      </c>
      <c r="D7173">
        <v>1774247</v>
      </c>
      <c r="E7173">
        <v>3</v>
      </c>
      <c r="F7173">
        <v>0</v>
      </c>
      <c r="H7173" t="s">
        <v>36871</v>
      </c>
      <c r="J7173" t="s">
        <v>36872</v>
      </c>
      <c r="O7173">
        <v>8484</v>
      </c>
      <c r="P7173">
        <v>1</v>
      </c>
      <c r="Q7173">
        <v>0</v>
      </c>
      <c r="R7173" t="s">
        <v>36873</v>
      </c>
      <c r="S7173">
        <v>798</v>
      </c>
    </row>
    <row r="7174" spans="1:19" x14ac:dyDescent="0.25">
      <c r="A7174">
        <v>10844422</v>
      </c>
      <c r="B7174" t="s">
        <v>36874</v>
      </c>
      <c r="C7174" s="1" t="s">
        <v>36875</v>
      </c>
      <c r="D7174">
        <v>10844600</v>
      </c>
      <c r="E7174">
        <v>1</v>
      </c>
      <c r="F7174">
        <v>1</v>
      </c>
      <c r="H7174" t="s">
        <v>36876</v>
      </c>
      <c r="J7174" t="s">
        <v>36877</v>
      </c>
      <c r="K7174" t="s">
        <v>36878</v>
      </c>
      <c r="M7174">
        <v>1155131</v>
      </c>
      <c r="O7174">
        <v>1155131</v>
      </c>
      <c r="P7174">
        <v>1</v>
      </c>
      <c r="Q7174">
        <v>2</v>
      </c>
      <c r="R7174" t="s">
        <v>36879</v>
      </c>
      <c r="S7174">
        <v>902</v>
      </c>
    </row>
    <row r="7175" spans="1:19" x14ac:dyDescent="0.25">
      <c r="A7175">
        <v>12685939</v>
      </c>
      <c r="B7175" t="s">
        <v>36880</v>
      </c>
      <c r="C7175" s="1" t="s">
        <v>36881</v>
      </c>
      <c r="D7175">
        <v>12693806</v>
      </c>
      <c r="E7175">
        <v>1</v>
      </c>
      <c r="F7175">
        <v>0</v>
      </c>
      <c r="H7175" t="s">
        <v>36882</v>
      </c>
      <c r="J7175" t="s">
        <v>36883</v>
      </c>
      <c r="K7175" t="s">
        <v>36884</v>
      </c>
      <c r="M7175">
        <v>1635491</v>
      </c>
      <c r="O7175">
        <v>1635491</v>
      </c>
      <c r="P7175">
        <v>1</v>
      </c>
      <c r="Q7175">
        <v>1</v>
      </c>
      <c r="R7175" t="s">
        <v>36885</v>
      </c>
      <c r="S7175">
        <v>941</v>
      </c>
    </row>
    <row r="7176" spans="1:19" x14ac:dyDescent="0.25">
      <c r="A7176">
        <v>16408387</v>
      </c>
      <c r="B7176" t="s">
        <v>36886</v>
      </c>
      <c r="C7176" s="1" t="s">
        <v>36887</v>
      </c>
      <c r="E7176">
        <v>2</v>
      </c>
      <c r="F7176">
        <v>0</v>
      </c>
      <c r="H7176" t="s">
        <v>36888</v>
      </c>
      <c r="J7176" t="s">
        <v>36889</v>
      </c>
      <c r="O7176">
        <v>2321264</v>
      </c>
      <c r="P7176">
        <v>1</v>
      </c>
      <c r="Q7176">
        <v>0</v>
      </c>
      <c r="R7176" t="s">
        <v>13424</v>
      </c>
      <c r="S7176">
        <v>308</v>
      </c>
    </row>
    <row r="7177" spans="1:19" x14ac:dyDescent="0.25">
      <c r="A7177">
        <v>37434285</v>
      </c>
      <c r="B7177" t="s">
        <v>36890</v>
      </c>
      <c r="C7177" s="1" t="s">
        <v>36891</v>
      </c>
      <c r="D7177">
        <v>39007187</v>
      </c>
      <c r="E7177">
        <v>1</v>
      </c>
      <c r="F7177">
        <v>2</v>
      </c>
      <c r="H7177" t="s">
        <v>36892</v>
      </c>
      <c r="J7177" t="s">
        <v>36893</v>
      </c>
      <c r="O7177">
        <v>4408124</v>
      </c>
      <c r="P7177">
        <v>1</v>
      </c>
      <c r="Q7177">
        <v>0</v>
      </c>
      <c r="R7177" t="s">
        <v>15434</v>
      </c>
      <c r="S7177">
        <v>76</v>
      </c>
    </row>
    <row r="7178" spans="1:19" x14ac:dyDescent="0.25">
      <c r="A7178">
        <v>13004569</v>
      </c>
      <c r="B7178" t="s">
        <v>36894</v>
      </c>
      <c r="C7178" s="1" t="s">
        <v>36895</v>
      </c>
      <c r="D7178">
        <v>13004597</v>
      </c>
      <c r="E7178">
        <v>3</v>
      </c>
      <c r="F7178">
        <v>0</v>
      </c>
      <c r="H7178" t="s">
        <v>36896</v>
      </c>
      <c r="J7178" t="s">
        <v>36897</v>
      </c>
      <c r="O7178">
        <v>1753994</v>
      </c>
      <c r="P7178">
        <v>1</v>
      </c>
      <c r="Q7178">
        <v>0</v>
      </c>
      <c r="R7178" t="s">
        <v>36898</v>
      </c>
      <c r="S7178">
        <v>130</v>
      </c>
    </row>
    <row r="7179" spans="1:19" x14ac:dyDescent="0.25">
      <c r="A7179">
        <v>40642083</v>
      </c>
      <c r="B7179" t="s">
        <v>36899</v>
      </c>
      <c r="C7179" s="1" t="s">
        <v>36900</v>
      </c>
      <c r="D7179">
        <v>40643306</v>
      </c>
      <c r="E7179">
        <v>1</v>
      </c>
      <c r="F7179">
        <v>3</v>
      </c>
      <c r="H7179" t="s">
        <v>36901</v>
      </c>
      <c r="J7179" t="s">
        <v>36902</v>
      </c>
      <c r="K7179" t="s">
        <v>36903</v>
      </c>
      <c r="M7179">
        <v>182371</v>
      </c>
      <c r="O7179">
        <v>6891201</v>
      </c>
      <c r="P7179">
        <v>1</v>
      </c>
      <c r="Q7179">
        <v>0</v>
      </c>
      <c r="R7179" t="s">
        <v>36904</v>
      </c>
      <c r="S7179">
        <v>240</v>
      </c>
    </row>
    <row r="7180" spans="1:19" x14ac:dyDescent="0.25">
      <c r="A7180">
        <v>46811254</v>
      </c>
      <c r="B7180" t="s">
        <v>36905</v>
      </c>
      <c r="C7180" s="1" t="s">
        <v>36906</v>
      </c>
      <c r="D7180">
        <v>46812534</v>
      </c>
      <c r="E7180">
        <v>3</v>
      </c>
      <c r="F7180">
        <v>7</v>
      </c>
      <c r="H7180" t="s">
        <v>36907</v>
      </c>
      <c r="J7180" t="s">
        <v>36908</v>
      </c>
      <c r="K7180" t="s">
        <v>36909</v>
      </c>
      <c r="M7180">
        <v>2649012</v>
      </c>
      <c r="O7180">
        <v>487605</v>
      </c>
      <c r="P7180">
        <v>1</v>
      </c>
      <c r="Q7180">
        <v>1</v>
      </c>
      <c r="R7180" t="s">
        <v>36910</v>
      </c>
      <c r="S7180">
        <v>372</v>
      </c>
    </row>
    <row r="7181" spans="1:19" x14ac:dyDescent="0.25">
      <c r="A7181">
        <v>45712055</v>
      </c>
      <c r="B7181" t="s">
        <v>36911</v>
      </c>
      <c r="C7181" s="1" t="s">
        <v>36912</v>
      </c>
      <c r="E7181">
        <v>1</v>
      </c>
      <c r="F7181">
        <v>3</v>
      </c>
      <c r="H7181" t="s">
        <v>36913</v>
      </c>
      <c r="J7181" t="s">
        <v>36914</v>
      </c>
      <c r="K7181" t="s">
        <v>36915</v>
      </c>
      <c r="M7181">
        <v>3134192</v>
      </c>
      <c r="O7181">
        <v>3134192</v>
      </c>
      <c r="P7181">
        <v>1</v>
      </c>
      <c r="Q7181">
        <v>3</v>
      </c>
      <c r="R7181" t="s">
        <v>275</v>
      </c>
      <c r="S7181">
        <v>166</v>
      </c>
    </row>
    <row r="7182" spans="1:19" x14ac:dyDescent="0.25">
      <c r="A7182">
        <v>14321845</v>
      </c>
      <c r="B7182" t="s">
        <v>36916</v>
      </c>
      <c r="C7182" s="1" t="s">
        <v>36917</v>
      </c>
      <c r="D7182">
        <v>14321915</v>
      </c>
      <c r="E7182">
        <v>3</v>
      </c>
      <c r="F7182">
        <v>1</v>
      </c>
      <c r="H7182" t="s">
        <v>36918</v>
      </c>
      <c r="J7182" t="s">
        <v>36919</v>
      </c>
      <c r="O7182">
        <v>994461</v>
      </c>
      <c r="P7182">
        <v>1</v>
      </c>
      <c r="Q7182">
        <v>0</v>
      </c>
      <c r="R7182" t="s">
        <v>36920</v>
      </c>
      <c r="S7182">
        <v>198</v>
      </c>
    </row>
    <row r="7183" spans="1:19" x14ac:dyDescent="0.25">
      <c r="A7183">
        <v>25961337</v>
      </c>
      <c r="B7183" t="s">
        <v>36921</v>
      </c>
      <c r="C7183" s="1" t="s">
        <v>36922</v>
      </c>
      <c r="E7183">
        <v>3</v>
      </c>
      <c r="F7183">
        <v>0</v>
      </c>
      <c r="H7183" t="s">
        <v>36923</v>
      </c>
      <c r="J7183" t="s">
        <v>36924</v>
      </c>
      <c r="O7183">
        <v>3620010</v>
      </c>
      <c r="P7183">
        <v>1</v>
      </c>
      <c r="Q7183">
        <v>0</v>
      </c>
      <c r="R7183" t="s">
        <v>36925</v>
      </c>
      <c r="S7183">
        <v>45</v>
      </c>
    </row>
    <row r="7184" spans="1:19" x14ac:dyDescent="0.25">
      <c r="A7184">
        <v>4859334</v>
      </c>
      <c r="B7184" t="s">
        <v>36926</v>
      </c>
      <c r="C7184" s="1" t="s">
        <v>36927</v>
      </c>
      <c r="D7184">
        <v>4862586</v>
      </c>
      <c r="E7184">
        <v>2</v>
      </c>
      <c r="F7184">
        <v>6</v>
      </c>
      <c r="H7184" t="s">
        <v>36928</v>
      </c>
      <c r="J7184" t="s">
        <v>36929</v>
      </c>
      <c r="O7184">
        <v>440379</v>
      </c>
      <c r="P7184">
        <v>1</v>
      </c>
      <c r="Q7184">
        <v>0</v>
      </c>
      <c r="R7184" t="s">
        <v>36930</v>
      </c>
      <c r="S7184">
        <v>154</v>
      </c>
    </row>
    <row r="7185" spans="1:19" x14ac:dyDescent="0.25">
      <c r="A7185">
        <v>12678346</v>
      </c>
      <c r="B7185" t="s">
        <v>36931</v>
      </c>
      <c r="C7185" s="1" t="s">
        <v>36932</v>
      </c>
      <c r="D7185">
        <v>12681520</v>
      </c>
      <c r="E7185">
        <v>2</v>
      </c>
      <c r="F7185">
        <v>0</v>
      </c>
      <c r="H7185" t="s">
        <v>36933</v>
      </c>
      <c r="J7185" t="s">
        <v>36934</v>
      </c>
      <c r="K7185" t="s">
        <v>36934</v>
      </c>
      <c r="M7185">
        <v>881229</v>
      </c>
      <c r="O7185">
        <v>1503095</v>
      </c>
      <c r="P7185">
        <v>1</v>
      </c>
      <c r="Q7185">
        <v>1</v>
      </c>
      <c r="R7185" t="s">
        <v>36935</v>
      </c>
      <c r="S7185">
        <v>299</v>
      </c>
    </row>
    <row r="7186" spans="1:19" x14ac:dyDescent="0.25">
      <c r="A7186">
        <v>46616241</v>
      </c>
      <c r="B7186" t="s">
        <v>36936</v>
      </c>
      <c r="C7186" t="s">
        <v>36937</v>
      </c>
      <c r="E7186">
        <v>1</v>
      </c>
      <c r="F7186">
        <v>2</v>
      </c>
      <c r="H7186" t="s">
        <v>36938</v>
      </c>
      <c r="J7186" t="s">
        <v>36939</v>
      </c>
      <c r="O7186">
        <v>8535909</v>
      </c>
      <c r="P7186">
        <v>1</v>
      </c>
      <c r="Q7186">
        <v>0</v>
      </c>
      <c r="R7186" t="s">
        <v>36940</v>
      </c>
      <c r="S7186">
        <v>306</v>
      </c>
    </row>
    <row r="7187" spans="1:19" x14ac:dyDescent="0.25">
      <c r="A7187">
        <v>41085723</v>
      </c>
      <c r="B7187" t="s">
        <v>36941</v>
      </c>
      <c r="C7187" s="1" t="s">
        <v>36942</v>
      </c>
      <c r="D7187">
        <v>41086929</v>
      </c>
      <c r="E7187">
        <v>1</v>
      </c>
      <c r="F7187">
        <v>2</v>
      </c>
      <c r="H7187" t="s">
        <v>36943</v>
      </c>
      <c r="J7187" t="s">
        <v>36944</v>
      </c>
      <c r="K7187" t="s">
        <v>36945</v>
      </c>
      <c r="M7187">
        <v>157882</v>
      </c>
      <c r="O7187">
        <v>1833945</v>
      </c>
      <c r="P7187">
        <v>1</v>
      </c>
      <c r="Q7187">
        <v>0</v>
      </c>
      <c r="R7187" t="s">
        <v>36946</v>
      </c>
      <c r="S7187">
        <v>1435</v>
      </c>
    </row>
    <row r="7188" spans="1:19" x14ac:dyDescent="0.25">
      <c r="A7188">
        <v>835684</v>
      </c>
      <c r="B7188" t="s">
        <v>36947</v>
      </c>
      <c r="C7188" s="1" t="s">
        <v>36948</v>
      </c>
      <c r="E7188">
        <v>4</v>
      </c>
      <c r="F7188">
        <v>0</v>
      </c>
      <c r="H7188" t="s">
        <v>36949</v>
      </c>
      <c r="J7188" t="s">
        <v>36950</v>
      </c>
      <c r="O7188">
        <v>103002</v>
      </c>
      <c r="P7188">
        <v>1</v>
      </c>
      <c r="Q7188">
        <v>4</v>
      </c>
      <c r="R7188" t="s">
        <v>36951</v>
      </c>
      <c r="S7188">
        <v>7979</v>
      </c>
    </row>
    <row r="7189" spans="1:19" x14ac:dyDescent="0.25">
      <c r="A7189">
        <v>42138474</v>
      </c>
      <c r="B7189" t="s">
        <v>36952</v>
      </c>
      <c r="C7189" s="1" t="s">
        <v>36953</v>
      </c>
      <c r="D7189">
        <v>42138691</v>
      </c>
      <c r="E7189">
        <v>3</v>
      </c>
      <c r="F7189">
        <v>3</v>
      </c>
      <c r="H7189" t="s">
        <v>36954</v>
      </c>
      <c r="J7189" t="s">
        <v>36955</v>
      </c>
      <c r="O7189">
        <v>6193422</v>
      </c>
      <c r="P7189">
        <v>1</v>
      </c>
      <c r="Q7189">
        <v>-2</v>
      </c>
      <c r="R7189" t="s">
        <v>3802</v>
      </c>
      <c r="S7189">
        <v>189</v>
      </c>
    </row>
    <row r="7190" spans="1:19" x14ac:dyDescent="0.25">
      <c r="A7190">
        <v>52704716</v>
      </c>
      <c r="B7190" t="s">
        <v>36956</v>
      </c>
      <c r="C7190" s="1" t="s">
        <v>36957</v>
      </c>
      <c r="E7190">
        <v>0</v>
      </c>
      <c r="F7190">
        <v>3</v>
      </c>
      <c r="H7190" t="s">
        <v>36958</v>
      </c>
      <c r="J7190" t="s">
        <v>36958</v>
      </c>
      <c r="O7190">
        <v>5979642</v>
      </c>
      <c r="P7190">
        <v>1</v>
      </c>
      <c r="Q7190">
        <v>0</v>
      </c>
      <c r="R7190" t="s">
        <v>36959</v>
      </c>
      <c r="S7190">
        <v>37</v>
      </c>
    </row>
    <row r="7191" spans="1:19" x14ac:dyDescent="0.25">
      <c r="A7191">
        <v>18350322</v>
      </c>
      <c r="B7191" t="s">
        <v>36960</v>
      </c>
      <c r="C7191" s="1" t="s">
        <v>36961</v>
      </c>
      <c r="E7191">
        <v>2</v>
      </c>
      <c r="F7191">
        <v>0</v>
      </c>
      <c r="H7191" t="s">
        <v>36962</v>
      </c>
      <c r="J7191" t="s">
        <v>36963</v>
      </c>
      <c r="O7191">
        <v>1640003</v>
      </c>
      <c r="P7191">
        <v>1</v>
      </c>
      <c r="Q7191">
        <v>1</v>
      </c>
      <c r="R7191" t="s">
        <v>7361</v>
      </c>
      <c r="S7191">
        <v>239</v>
      </c>
    </row>
    <row r="7192" spans="1:19" x14ac:dyDescent="0.25">
      <c r="A7192">
        <v>19809764</v>
      </c>
      <c r="B7192" t="s">
        <v>36964</v>
      </c>
      <c r="C7192" s="1" t="s">
        <v>36965</v>
      </c>
      <c r="D7192">
        <v>19810153</v>
      </c>
      <c r="E7192">
        <v>3</v>
      </c>
      <c r="F7192">
        <v>1</v>
      </c>
      <c r="H7192" t="s">
        <v>36966</v>
      </c>
      <c r="I7192">
        <v>2</v>
      </c>
      <c r="J7192" t="s">
        <v>36967</v>
      </c>
      <c r="K7192" t="s">
        <v>36968</v>
      </c>
      <c r="M7192">
        <v>884079</v>
      </c>
      <c r="O7192">
        <v>884079</v>
      </c>
      <c r="P7192">
        <v>1</v>
      </c>
      <c r="Q7192">
        <v>2</v>
      </c>
      <c r="R7192" t="s">
        <v>36969</v>
      </c>
      <c r="S7192">
        <v>2150</v>
      </c>
    </row>
    <row r="7193" spans="1:19" x14ac:dyDescent="0.25">
      <c r="A7193">
        <v>43981547</v>
      </c>
      <c r="B7193" t="s">
        <v>36970</v>
      </c>
      <c r="C7193" s="1" t="s">
        <v>36971</v>
      </c>
      <c r="E7193">
        <v>2</v>
      </c>
      <c r="F7193">
        <v>2</v>
      </c>
      <c r="H7193" t="s">
        <v>36972</v>
      </c>
      <c r="I7193">
        <v>1</v>
      </c>
      <c r="J7193" t="s">
        <v>36973</v>
      </c>
      <c r="O7193">
        <v>6744246</v>
      </c>
      <c r="P7193">
        <v>1</v>
      </c>
      <c r="Q7193">
        <v>2</v>
      </c>
      <c r="R7193" t="s">
        <v>36974</v>
      </c>
      <c r="S7193">
        <v>669</v>
      </c>
    </row>
    <row r="7194" spans="1:19" x14ac:dyDescent="0.25">
      <c r="A7194">
        <v>35332865</v>
      </c>
      <c r="B7194" t="s">
        <v>36975</v>
      </c>
      <c r="C7194" s="1" t="s">
        <v>36976</v>
      </c>
      <c r="E7194">
        <v>1</v>
      </c>
      <c r="F7194">
        <v>8</v>
      </c>
      <c r="H7194" t="s">
        <v>36977</v>
      </c>
      <c r="J7194" t="s">
        <v>36978</v>
      </c>
      <c r="K7194" t="s">
        <v>36978</v>
      </c>
      <c r="M7194">
        <v>900307</v>
      </c>
      <c r="O7194">
        <v>5849765</v>
      </c>
      <c r="P7194">
        <v>1</v>
      </c>
      <c r="Q7194">
        <v>0</v>
      </c>
      <c r="R7194" t="s">
        <v>8734</v>
      </c>
      <c r="S7194">
        <v>70</v>
      </c>
    </row>
    <row r="7195" spans="1:19" x14ac:dyDescent="0.25">
      <c r="A7195">
        <v>37401283</v>
      </c>
      <c r="B7195" t="s">
        <v>36979</v>
      </c>
      <c r="C7195" s="1" t="s">
        <v>36980</v>
      </c>
      <c r="E7195">
        <v>2</v>
      </c>
      <c r="F7195">
        <v>1</v>
      </c>
      <c r="H7195" t="s">
        <v>36981</v>
      </c>
      <c r="J7195" t="s">
        <v>36982</v>
      </c>
      <c r="K7195" t="s">
        <v>36983</v>
      </c>
      <c r="M7195">
        <v>1678362</v>
      </c>
      <c r="O7195">
        <v>6104654</v>
      </c>
      <c r="P7195">
        <v>1</v>
      </c>
      <c r="Q7195">
        <v>0</v>
      </c>
      <c r="R7195" t="s">
        <v>36984</v>
      </c>
      <c r="S7195">
        <v>231</v>
      </c>
    </row>
    <row r="7196" spans="1:19" x14ac:dyDescent="0.25">
      <c r="A7196">
        <v>15040117</v>
      </c>
      <c r="B7196" t="s">
        <v>36985</v>
      </c>
      <c r="C7196" t="s">
        <v>36986</v>
      </c>
      <c r="E7196">
        <v>2</v>
      </c>
      <c r="F7196">
        <v>0</v>
      </c>
      <c r="H7196" t="s">
        <v>36987</v>
      </c>
      <c r="I7196">
        <v>1</v>
      </c>
      <c r="J7196" t="s">
        <v>36988</v>
      </c>
      <c r="K7196" t="s">
        <v>36988</v>
      </c>
      <c r="M7196">
        <v>911083</v>
      </c>
      <c r="O7196">
        <v>1792484</v>
      </c>
      <c r="P7196">
        <v>1</v>
      </c>
      <c r="Q7196">
        <v>0</v>
      </c>
      <c r="R7196" t="s">
        <v>1288</v>
      </c>
      <c r="S7196">
        <v>1976</v>
      </c>
    </row>
    <row r="7197" spans="1:19" x14ac:dyDescent="0.25">
      <c r="A7197">
        <v>48959824</v>
      </c>
      <c r="B7197" t="s">
        <v>36989</v>
      </c>
      <c r="C7197" t="s">
        <v>36990</v>
      </c>
      <c r="E7197">
        <v>1</v>
      </c>
      <c r="F7197">
        <v>5</v>
      </c>
      <c r="H7197" t="s">
        <v>36991</v>
      </c>
      <c r="I7197">
        <v>0</v>
      </c>
      <c r="J7197" t="s">
        <v>36992</v>
      </c>
      <c r="K7197" t="s">
        <v>36992</v>
      </c>
      <c r="M7197">
        <v>9383100</v>
      </c>
      <c r="O7197">
        <v>9383100</v>
      </c>
      <c r="P7197">
        <v>1</v>
      </c>
      <c r="Q7197">
        <v>-4</v>
      </c>
      <c r="R7197" t="s">
        <v>36993</v>
      </c>
      <c r="S7197">
        <v>97</v>
      </c>
    </row>
    <row r="7198" spans="1:19" x14ac:dyDescent="0.25">
      <c r="A7198">
        <v>38770932</v>
      </c>
      <c r="B7198" t="s">
        <v>36994</v>
      </c>
      <c r="C7198" s="1" t="s">
        <v>36995</v>
      </c>
      <c r="D7198">
        <v>38771074</v>
      </c>
      <c r="E7198">
        <v>1</v>
      </c>
      <c r="F7198">
        <v>0</v>
      </c>
      <c r="H7198" t="s">
        <v>36996</v>
      </c>
      <c r="I7198">
        <v>1</v>
      </c>
      <c r="J7198" t="s">
        <v>36997</v>
      </c>
      <c r="K7198" t="s">
        <v>36997</v>
      </c>
      <c r="M7198">
        <v>1000551</v>
      </c>
      <c r="O7198">
        <v>6007328</v>
      </c>
      <c r="P7198">
        <v>1</v>
      </c>
      <c r="Q7198">
        <v>0</v>
      </c>
      <c r="R7198" t="s">
        <v>275</v>
      </c>
      <c r="S7198">
        <v>336</v>
      </c>
    </row>
    <row r="7199" spans="1:19" x14ac:dyDescent="0.25">
      <c r="A7199">
        <v>6767132</v>
      </c>
      <c r="B7199" t="s">
        <v>36998</v>
      </c>
      <c r="C7199" t="s">
        <v>36999</v>
      </c>
      <c r="D7199">
        <v>6776663</v>
      </c>
      <c r="E7199">
        <v>1</v>
      </c>
      <c r="F7199">
        <v>0</v>
      </c>
      <c r="H7199" t="s">
        <v>37000</v>
      </c>
      <c r="J7199" t="s">
        <v>37001</v>
      </c>
      <c r="O7199">
        <v>281671</v>
      </c>
      <c r="P7199">
        <v>1</v>
      </c>
      <c r="Q7199">
        <v>4</v>
      </c>
      <c r="R7199" t="s">
        <v>37002</v>
      </c>
      <c r="S7199">
        <v>2972</v>
      </c>
    </row>
    <row r="7200" spans="1:19" x14ac:dyDescent="0.25">
      <c r="A7200">
        <v>52163084</v>
      </c>
      <c r="B7200" t="s">
        <v>37003</v>
      </c>
      <c r="C7200" s="1" t="s">
        <v>37004</v>
      </c>
      <c r="E7200">
        <v>0</v>
      </c>
      <c r="F7200">
        <v>0</v>
      </c>
      <c r="H7200" t="s">
        <v>37005</v>
      </c>
      <c r="J7200" t="s">
        <v>37005</v>
      </c>
      <c r="O7200">
        <v>3833111</v>
      </c>
      <c r="P7200">
        <v>1</v>
      </c>
      <c r="Q7200">
        <v>0</v>
      </c>
      <c r="R7200" t="s">
        <v>37006</v>
      </c>
      <c r="S7200">
        <v>14</v>
      </c>
    </row>
    <row r="7201" spans="1:19" x14ac:dyDescent="0.25">
      <c r="A7201">
        <v>34430856</v>
      </c>
      <c r="B7201" t="s">
        <v>37007</v>
      </c>
      <c r="C7201" s="1" t="s">
        <v>37008</v>
      </c>
      <c r="D7201">
        <v>34431037</v>
      </c>
      <c r="E7201">
        <v>3</v>
      </c>
      <c r="F7201">
        <v>0</v>
      </c>
      <c r="H7201" t="s">
        <v>37009</v>
      </c>
      <c r="I7201">
        <v>0</v>
      </c>
      <c r="J7201" t="s">
        <v>37010</v>
      </c>
      <c r="O7201">
        <v>850018</v>
      </c>
      <c r="P7201">
        <v>1</v>
      </c>
      <c r="Q7201">
        <v>2</v>
      </c>
      <c r="R7201" t="s">
        <v>37011</v>
      </c>
      <c r="S7201">
        <v>28</v>
      </c>
    </row>
    <row r="7202" spans="1:19" x14ac:dyDescent="0.25">
      <c r="A7202">
        <v>40510939</v>
      </c>
      <c r="B7202" t="s">
        <v>37012</v>
      </c>
      <c r="C7202" s="1" t="s">
        <v>37013</v>
      </c>
      <c r="D7202">
        <v>40510972</v>
      </c>
      <c r="E7202">
        <v>2</v>
      </c>
      <c r="F7202">
        <v>0</v>
      </c>
      <c r="H7202" t="s">
        <v>37014</v>
      </c>
      <c r="J7202" t="s">
        <v>37015</v>
      </c>
      <c r="O7202">
        <v>1394953</v>
      </c>
      <c r="P7202">
        <v>1</v>
      </c>
      <c r="Q7202">
        <v>0</v>
      </c>
      <c r="R7202" t="s">
        <v>37016</v>
      </c>
      <c r="S7202">
        <v>36</v>
      </c>
    </row>
    <row r="7203" spans="1:19" x14ac:dyDescent="0.25">
      <c r="A7203">
        <v>50521190</v>
      </c>
      <c r="B7203" t="s">
        <v>37017</v>
      </c>
      <c r="C7203" s="1" t="s">
        <v>37018</v>
      </c>
      <c r="E7203">
        <v>0</v>
      </c>
      <c r="F7203">
        <v>0</v>
      </c>
      <c r="H7203" t="s">
        <v>37019</v>
      </c>
      <c r="I7203">
        <v>1</v>
      </c>
      <c r="J7203" t="s">
        <v>37020</v>
      </c>
      <c r="K7203" t="s">
        <v>37020</v>
      </c>
      <c r="M7203">
        <v>1589444</v>
      </c>
      <c r="O7203">
        <v>2530594</v>
      </c>
      <c r="P7203">
        <v>1</v>
      </c>
      <c r="Q7203">
        <v>1</v>
      </c>
      <c r="R7203" t="s">
        <v>37021</v>
      </c>
      <c r="S7203">
        <v>152</v>
      </c>
    </row>
    <row r="7204" spans="1:19" x14ac:dyDescent="0.25">
      <c r="A7204">
        <v>49129691</v>
      </c>
      <c r="B7204" t="s">
        <v>37022</v>
      </c>
      <c r="C7204" s="1" t="s">
        <v>37023</v>
      </c>
      <c r="E7204">
        <v>0</v>
      </c>
      <c r="F7204">
        <v>1</v>
      </c>
      <c r="H7204" t="s">
        <v>37024</v>
      </c>
      <c r="I7204">
        <v>1</v>
      </c>
      <c r="J7204" t="s">
        <v>37024</v>
      </c>
      <c r="O7204">
        <v>9450795</v>
      </c>
      <c r="P7204">
        <v>1</v>
      </c>
      <c r="Q7204">
        <v>0</v>
      </c>
      <c r="R7204" t="s">
        <v>37025</v>
      </c>
      <c r="S7204">
        <v>87</v>
      </c>
    </row>
    <row r="7205" spans="1:19" x14ac:dyDescent="0.25">
      <c r="A7205">
        <v>44811668</v>
      </c>
      <c r="B7205" t="s">
        <v>37026</v>
      </c>
      <c r="C7205" s="1" t="s">
        <v>37027</v>
      </c>
      <c r="E7205">
        <v>1</v>
      </c>
      <c r="F7205">
        <v>3</v>
      </c>
      <c r="H7205" t="s">
        <v>37028</v>
      </c>
      <c r="J7205" t="s">
        <v>37029</v>
      </c>
      <c r="O7205">
        <v>3310474</v>
      </c>
      <c r="P7205">
        <v>1</v>
      </c>
      <c r="Q7205">
        <v>0</v>
      </c>
      <c r="R7205" t="s">
        <v>37030</v>
      </c>
      <c r="S7205">
        <v>455</v>
      </c>
    </row>
    <row r="7206" spans="1:19" x14ac:dyDescent="0.25">
      <c r="A7206">
        <v>1295267</v>
      </c>
      <c r="B7206" t="s">
        <v>37031</v>
      </c>
      <c r="C7206" s="1" t="s">
        <v>37032</v>
      </c>
      <c r="D7206">
        <v>1295388</v>
      </c>
      <c r="E7206">
        <v>2</v>
      </c>
      <c r="F7206">
        <v>0</v>
      </c>
      <c r="H7206" t="s">
        <v>37033</v>
      </c>
      <c r="I7206">
        <v>1</v>
      </c>
      <c r="J7206" t="s">
        <v>37034</v>
      </c>
      <c r="O7206">
        <v>110976</v>
      </c>
      <c r="P7206">
        <v>1</v>
      </c>
      <c r="Q7206">
        <v>1</v>
      </c>
      <c r="R7206" t="s">
        <v>3156</v>
      </c>
      <c r="S7206">
        <v>200</v>
      </c>
    </row>
    <row r="7207" spans="1:19" x14ac:dyDescent="0.25">
      <c r="A7207">
        <v>38406150</v>
      </c>
      <c r="B7207" t="s">
        <v>37035</v>
      </c>
      <c r="C7207" s="1" t="s">
        <v>37036</v>
      </c>
      <c r="D7207">
        <v>38406473</v>
      </c>
      <c r="E7207">
        <v>1</v>
      </c>
      <c r="F7207">
        <v>3</v>
      </c>
      <c r="H7207" t="s">
        <v>37037</v>
      </c>
      <c r="J7207" t="s">
        <v>37038</v>
      </c>
      <c r="K7207" t="s">
        <v>37039</v>
      </c>
      <c r="L7207" t="s">
        <v>37040</v>
      </c>
      <c r="N7207" t="s">
        <v>37040</v>
      </c>
      <c r="P7207">
        <v>1</v>
      </c>
      <c r="Q7207">
        <v>0</v>
      </c>
      <c r="R7207" t="s">
        <v>37041</v>
      </c>
      <c r="S7207">
        <v>261</v>
      </c>
    </row>
    <row r="7208" spans="1:19" x14ac:dyDescent="0.25">
      <c r="A7208">
        <v>14849542</v>
      </c>
      <c r="B7208" t="s">
        <v>37042</v>
      </c>
      <c r="C7208" s="1" t="s">
        <v>37043</v>
      </c>
      <c r="D7208">
        <v>14849760</v>
      </c>
      <c r="E7208">
        <v>1</v>
      </c>
      <c r="F7208">
        <v>1</v>
      </c>
      <c r="H7208" t="s">
        <v>37044</v>
      </c>
      <c r="J7208" t="s">
        <v>37045</v>
      </c>
      <c r="O7208">
        <v>2038650</v>
      </c>
      <c r="P7208">
        <v>1</v>
      </c>
      <c r="Q7208">
        <v>-2</v>
      </c>
      <c r="R7208" t="s">
        <v>37046</v>
      </c>
      <c r="S7208">
        <v>126</v>
      </c>
    </row>
    <row r="7209" spans="1:19" x14ac:dyDescent="0.25">
      <c r="A7209">
        <v>23894736</v>
      </c>
      <c r="B7209" t="s">
        <v>37047</v>
      </c>
      <c r="C7209" s="1" t="s">
        <v>37048</v>
      </c>
      <c r="D7209">
        <v>23894815</v>
      </c>
      <c r="E7209">
        <v>2</v>
      </c>
      <c r="F7209">
        <v>1</v>
      </c>
      <c r="H7209" t="s">
        <v>37049</v>
      </c>
      <c r="I7209">
        <v>0</v>
      </c>
      <c r="J7209" t="s">
        <v>37050</v>
      </c>
      <c r="K7209" t="s">
        <v>37051</v>
      </c>
      <c r="M7209">
        <v>-1</v>
      </c>
      <c r="O7209">
        <v>3614154</v>
      </c>
      <c r="P7209">
        <v>1</v>
      </c>
      <c r="Q7209">
        <v>1</v>
      </c>
      <c r="R7209" t="s">
        <v>11699</v>
      </c>
      <c r="S7209">
        <v>38</v>
      </c>
    </row>
    <row r="7210" spans="1:19" x14ac:dyDescent="0.25">
      <c r="A7210">
        <v>20358036</v>
      </c>
      <c r="B7210" t="s">
        <v>37052</v>
      </c>
      <c r="C7210" s="1" t="s">
        <v>37053</v>
      </c>
      <c r="E7210">
        <v>0</v>
      </c>
      <c r="F7210">
        <v>3</v>
      </c>
      <c r="H7210" t="s">
        <v>37054</v>
      </c>
      <c r="J7210" t="s">
        <v>37054</v>
      </c>
      <c r="O7210">
        <v>1281601</v>
      </c>
      <c r="P7210">
        <v>1</v>
      </c>
      <c r="Q7210">
        <v>0</v>
      </c>
      <c r="R7210" t="s">
        <v>37055</v>
      </c>
      <c r="S7210">
        <v>75</v>
      </c>
    </row>
    <row r="7211" spans="1:19" x14ac:dyDescent="0.25">
      <c r="A7211">
        <v>23502864</v>
      </c>
      <c r="B7211" t="s">
        <v>37056</v>
      </c>
      <c r="C7211" s="1" t="s">
        <v>37057</v>
      </c>
      <c r="E7211">
        <v>1</v>
      </c>
      <c r="F7211">
        <v>1</v>
      </c>
      <c r="H7211" t="s">
        <v>37058</v>
      </c>
      <c r="J7211" t="s">
        <v>37059</v>
      </c>
      <c r="O7211">
        <v>3609522</v>
      </c>
      <c r="P7211">
        <v>1</v>
      </c>
      <c r="Q7211">
        <v>0</v>
      </c>
      <c r="R7211" t="s">
        <v>37060</v>
      </c>
      <c r="S7211">
        <v>568</v>
      </c>
    </row>
    <row r="7212" spans="1:19" x14ac:dyDescent="0.25">
      <c r="A7212">
        <v>7161927</v>
      </c>
      <c r="B7212" t="s">
        <v>37061</v>
      </c>
      <c r="C7212" s="1" t="s">
        <v>37062</v>
      </c>
      <c r="D7212">
        <v>7161989</v>
      </c>
      <c r="E7212">
        <v>1</v>
      </c>
      <c r="F7212">
        <v>3</v>
      </c>
      <c r="H7212" t="s">
        <v>37063</v>
      </c>
      <c r="J7212" t="s">
        <v>37064</v>
      </c>
      <c r="K7212" t="s">
        <v>37064</v>
      </c>
      <c r="M7212">
        <v>21234</v>
      </c>
      <c r="O7212">
        <v>311744</v>
      </c>
      <c r="P7212">
        <v>1</v>
      </c>
      <c r="Q7212">
        <v>2</v>
      </c>
      <c r="R7212" t="s">
        <v>37065</v>
      </c>
      <c r="S7212">
        <v>635</v>
      </c>
    </row>
    <row r="7213" spans="1:19" x14ac:dyDescent="0.25">
      <c r="A7213">
        <v>39004134</v>
      </c>
      <c r="B7213" t="s">
        <v>37066</v>
      </c>
      <c r="C7213" s="1" t="s">
        <v>37067</v>
      </c>
      <c r="E7213">
        <v>1</v>
      </c>
      <c r="F7213">
        <v>0</v>
      </c>
      <c r="H7213" t="s">
        <v>37068</v>
      </c>
      <c r="J7213" t="s">
        <v>37069</v>
      </c>
      <c r="O7213">
        <v>4987446</v>
      </c>
      <c r="P7213">
        <v>1</v>
      </c>
      <c r="Q7213">
        <v>0</v>
      </c>
      <c r="R7213" t="s">
        <v>37070</v>
      </c>
      <c r="S7213">
        <v>28</v>
      </c>
    </row>
    <row r="7214" spans="1:19" x14ac:dyDescent="0.25">
      <c r="A7214">
        <v>14470166</v>
      </c>
      <c r="B7214" t="s">
        <v>37071</v>
      </c>
      <c r="C7214" s="1" t="s">
        <v>37072</v>
      </c>
      <c r="E7214">
        <v>1</v>
      </c>
      <c r="F7214">
        <v>0</v>
      </c>
      <c r="H7214" t="s">
        <v>37073</v>
      </c>
      <c r="J7214" t="s">
        <v>37074</v>
      </c>
      <c r="K7214" t="s">
        <v>37074</v>
      </c>
      <c r="M7214">
        <v>179216</v>
      </c>
      <c r="O7214">
        <v>902770</v>
      </c>
      <c r="P7214">
        <v>1</v>
      </c>
      <c r="Q7214">
        <v>0</v>
      </c>
      <c r="R7214" t="s">
        <v>37075</v>
      </c>
      <c r="S7214">
        <v>1003</v>
      </c>
    </row>
    <row r="7215" spans="1:19" x14ac:dyDescent="0.25">
      <c r="A7215">
        <v>48765945</v>
      </c>
      <c r="B7215" t="s">
        <v>37076</v>
      </c>
      <c r="C7215" s="1" t="s">
        <v>37077</v>
      </c>
      <c r="D7215">
        <v>48767366</v>
      </c>
      <c r="E7215">
        <v>1</v>
      </c>
      <c r="F7215">
        <v>2</v>
      </c>
      <c r="H7215" t="s">
        <v>37078</v>
      </c>
      <c r="J7215" t="s">
        <v>37079</v>
      </c>
      <c r="K7215" t="s">
        <v>37079</v>
      </c>
      <c r="M7215">
        <v>314166</v>
      </c>
      <c r="O7215">
        <v>493609</v>
      </c>
      <c r="P7215">
        <v>1</v>
      </c>
      <c r="Q7215">
        <v>0</v>
      </c>
      <c r="R7215" t="s">
        <v>37080</v>
      </c>
      <c r="S7215">
        <v>68</v>
      </c>
    </row>
    <row r="7216" spans="1:19" x14ac:dyDescent="0.25">
      <c r="A7216">
        <v>33051983</v>
      </c>
      <c r="B7216" t="s">
        <v>37081</v>
      </c>
      <c r="C7216" s="1" t="s">
        <v>37082</v>
      </c>
      <c r="E7216">
        <v>2</v>
      </c>
      <c r="F7216">
        <v>1</v>
      </c>
      <c r="H7216" t="s">
        <v>37083</v>
      </c>
      <c r="J7216" t="s">
        <v>37084</v>
      </c>
      <c r="O7216">
        <v>5430433</v>
      </c>
      <c r="P7216">
        <v>1</v>
      </c>
      <c r="Q7216">
        <v>0</v>
      </c>
      <c r="R7216" t="s">
        <v>37085</v>
      </c>
      <c r="S7216">
        <v>1089</v>
      </c>
    </row>
    <row r="7217" spans="1:19" x14ac:dyDescent="0.25">
      <c r="A7217">
        <v>6845087</v>
      </c>
      <c r="B7217" t="s">
        <v>37086</v>
      </c>
      <c r="C7217" s="1" t="s">
        <v>37087</v>
      </c>
      <c r="D7217">
        <v>6845114</v>
      </c>
      <c r="E7217">
        <v>7</v>
      </c>
      <c r="F7217">
        <v>1</v>
      </c>
      <c r="H7217" t="s">
        <v>37088</v>
      </c>
      <c r="J7217" t="s">
        <v>37089</v>
      </c>
      <c r="O7217">
        <v>331030</v>
      </c>
      <c r="P7217">
        <v>1</v>
      </c>
      <c r="Q7217">
        <v>2</v>
      </c>
      <c r="R7217" t="s">
        <v>37090</v>
      </c>
      <c r="S7217">
        <v>5118</v>
      </c>
    </row>
    <row r="7218" spans="1:19" x14ac:dyDescent="0.25">
      <c r="A7218">
        <v>23230413</v>
      </c>
      <c r="B7218" t="s">
        <v>37091</v>
      </c>
      <c r="C7218" s="1" t="s">
        <v>37092</v>
      </c>
      <c r="D7218">
        <v>23238249</v>
      </c>
      <c r="E7218">
        <v>2</v>
      </c>
      <c r="F7218">
        <v>1</v>
      </c>
      <c r="H7218" t="s">
        <v>37093</v>
      </c>
      <c r="J7218" t="s">
        <v>37094</v>
      </c>
      <c r="O7218">
        <v>1778465</v>
      </c>
      <c r="P7218">
        <v>1</v>
      </c>
      <c r="Q7218">
        <v>1</v>
      </c>
      <c r="R7218" t="s">
        <v>37095</v>
      </c>
      <c r="S7218">
        <v>1203</v>
      </c>
    </row>
    <row r="7219" spans="1:19" x14ac:dyDescent="0.25">
      <c r="A7219">
        <v>20904600</v>
      </c>
      <c r="B7219" t="s">
        <v>37096</v>
      </c>
      <c r="C7219" s="1" t="s">
        <v>37097</v>
      </c>
      <c r="D7219">
        <v>20907317</v>
      </c>
      <c r="E7219">
        <v>2</v>
      </c>
      <c r="F7219">
        <v>3</v>
      </c>
      <c r="H7219" t="s">
        <v>37098</v>
      </c>
      <c r="I7219">
        <v>1</v>
      </c>
      <c r="J7219" t="s">
        <v>37099</v>
      </c>
      <c r="K7219" t="s">
        <v>37100</v>
      </c>
      <c r="M7219">
        <v>673760</v>
      </c>
      <c r="O7219">
        <v>673760</v>
      </c>
      <c r="P7219">
        <v>1</v>
      </c>
      <c r="Q7219">
        <v>8</v>
      </c>
      <c r="R7219" t="s">
        <v>1971</v>
      </c>
      <c r="S7219">
        <v>546</v>
      </c>
    </row>
    <row r="7220" spans="1:19" x14ac:dyDescent="0.25">
      <c r="A7220">
        <v>10198789</v>
      </c>
      <c r="B7220" t="s">
        <v>37101</v>
      </c>
      <c r="C7220" s="1" t="s">
        <v>37102</v>
      </c>
      <c r="D7220">
        <v>10199000</v>
      </c>
      <c r="E7220">
        <v>2</v>
      </c>
      <c r="F7220">
        <v>2</v>
      </c>
      <c r="H7220" t="s">
        <v>37103</v>
      </c>
      <c r="J7220" t="s">
        <v>37104</v>
      </c>
      <c r="K7220" t="s">
        <v>37104</v>
      </c>
      <c r="M7220">
        <v>829571</v>
      </c>
      <c r="O7220">
        <v>1339740</v>
      </c>
      <c r="P7220">
        <v>1</v>
      </c>
      <c r="Q7220">
        <v>2</v>
      </c>
      <c r="R7220" t="s">
        <v>37105</v>
      </c>
      <c r="S7220">
        <v>174</v>
      </c>
    </row>
    <row r="7221" spans="1:19" x14ac:dyDescent="0.25">
      <c r="A7221">
        <v>24052394</v>
      </c>
      <c r="B7221" t="s">
        <v>37106</v>
      </c>
      <c r="C7221" s="1" t="s">
        <v>37107</v>
      </c>
      <c r="E7221">
        <v>0</v>
      </c>
      <c r="F7221">
        <v>2</v>
      </c>
      <c r="H7221" t="s">
        <v>37108</v>
      </c>
      <c r="J7221" t="s">
        <v>37109</v>
      </c>
      <c r="K7221" t="s">
        <v>37109</v>
      </c>
      <c r="M7221">
        <v>1723893</v>
      </c>
      <c r="O7221">
        <v>3607502</v>
      </c>
      <c r="P7221">
        <v>1</v>
      </c>
      <c r="Q7221">
        <v>0</v>
      </c>
      <c r="R7221" t="s">
        <v>413</v>
      </c>
      <c r="S7221">
        <v>54</v>
      </c>
    </row>
    <row r="7222" spans="1:19" x14ac:dyDescent="0.25">
      <c r="A7222">
        <v>4420408</v>
      </c>
      <c r="B7222" t="s">
        <v>37110</v>
      </c>
      <c r="C7222" s="1" t="s">
        <v>37111</v>
      </c>
      <c r="E7222">
        <v>1</v>
      </c>
      <c r="F7222">
        <v>0</v>
      </c>
      <c r="H7222" t="s">
        <v>37112</v>
      </c>
      <c r="J7222" t="s">
        <v>37113</v>
      </c>
      <c r="O7222">
        <v>539342</v>
      </c>
      <c r="P7222">
        <v>1</v>
      </c>
      <c r="Q7222">
        <v>1</v>
      </c>
      <c r="R7222" t="s">
        <v>4913</v>
      </c>
      <c r="S7222">
        <v>1468</v>
      </c>
    </row>
    <row r="7223" spans="1:19" x14ac:dyDescent="0.25">
      <c r="A7223">
        <v>23483106</v>
      </c>
      <c r="B7223" t="s">
        <v>37114</v>
      </c>
      <c r="C7223" s="1" t="s">
        <v>37115</v>
      </c>
      <c r="D7223">
        <v>23483234</v>
      </c>
      <c r="E7223">
        <v>1</v>
      </c>
      <c r="F7223">
        <v>10</v>
      </c>
      <c r="H7223" t="s">
        <v>37116</v>
      </c>
      <c r="J7223" t="s">
        <v>37117</v>
      </c>
      <c r="O7223">
        <v>2712584</v>
      </c>
      <c r="P7223">
        <v>1</v>
      </c>
      <c r="Q7223">
        <v>0</v>
      </c>
      <c r="R7223" t="s">
        <v>37118</v>
      </c>
      <c r="S7223">
        <v>76</v>
      </c>
    </row>
    <row r="7224" spans="1:19" x14ac:dyDescent="0.25">
      <c r="A7224">
        <v>25586425</v>
      </c>
      <c r="B7224" t="s">
        <v>37119</v>
      </c>
      <c r="C7224" s="1" t="s">
        <v>37120</v>
      </c>
      <c r="D7224">
        <v>26017066</v>
      </c>
      <c r="E7224">
        <v>1</v>
      </c>
      <c r="F7224">
        <v>0</v>
      </c>
      <c r="H7224" t="s">
        <v>37121</v>
      </c>
      <c r="J7224" t="s">
        <v>37122</v>
      </c>
      <c r="O7224">
        <v>1559401</v>
      </c>
      <c r="P7224">
        <v>1</v>
      </c>
      <c r="Q7224">
        <v>-1</v>
      </c>
      <c r="R7224" t="s">
        <v>37123</v>
      </c>
      <c r="S7224">
        <v>692</v>
      </c>
    </row>
    <row r="7225" spans="1:19" x14ac:dyDescent="0.25">
      <c r="A7225">
        <v>36726675</v>
      </c>
      <c r="B7225" t="s">
        <v>37124</v>
      </c>
      <c r="C7225" s="1" t="s">
        <v>37125</v>
      </c>
      <c r="D7225">
        <v>36730227</v>
      </c>
      <c r="E7225">
        <v>1</v>
      </c>
      <c r="F7225">
        <v>0</v>
      </c>
      <c r="H7225" t="s">
        <v>37126</v>
      </c>
      <c r="J7225" t="s">
        <v>37127</v>
      </c>
      <c r="K7225" t="s">
        <v>37127</v>
      </c>
      <c r="M7225">
        <v>1107580</v>
      </c>
      <c r="O7225">
        <v>4550393</v>
      </c>
      <c r="P7225">
        <v>1</v>
      </c>
      <c r="Q7225">
        <v>1</v>
      </c>
      <c r="R7225" t="s">
        <v>37128</v>
      </c>
      <c r="S7225">
        <v>336</v>
      </c>
    </row>
    <row r="7226" spans="1:19" x14ac:dyDescent="0.25">
      <c r="A7226">
        <v>40481606</v>
      </c>
      <c r="B7226" t="s">
        <v>37129</v>
      </c>
      <c r="C7226" s="1" t="s">
        <v>37130</v>
      </c>
      <c r="D7226">
        <v>40481693</v>
      </c>
      <c r="E7226">
        <v>1</v>
      </c>
      <c r="F7226">
        <v>0</v>
      </c>
      <c r="H7226" t="s">
        <v>37131</v>
      </c>
      <c r="J7226" t="s">
        <v>37132</v>
      </c>
      <c r="O7226">
        <v>918460</v>
      </c>
      <c r="P7226">
        <v>1</v>
      </c>
      <c r="Q7226">
        <v>1</v>
      </c>
      <c r="R7226" t="s">
        <v>37133</v>
      </c>
      <c r="S7226">
        <v>25</v>
      </c>
    </row>
    <row r="7227" spans="1:19" x14ac:dyDescent="0.25">
      <c r="A7227">
        <v>8739607</v>
      </c>
      <c r="B7227" t="s">
        <v>37134</v>
      </c>
      <c r="C7227" s="1" t="s">
        <v>37135</v>
      </c>
      <c r="E7227">
        <v>2</v>
      </c>
      <c r="F7227">
        <v>0</v>
      </c>
      <c r="H7227" t="s">
        <v>37136</v>
      </c>
      <c r="I7227">
        <v>1</v>
      </c>
      <c r="J7227" t="s">
        <v>37137</v>
      </c>
      <c r="K7227" t="s">
        <v>37137</v>
      </c>
      <c r="M7227">
        <v>145989</v>
      </c>
      <c r="O7227">
        <v>923712</v>
      </c>
      <c r="P7227">
        <v>1</v>
      </c>
      <c r="Q7227">
        <v>1</v>
      </c>
      <c r="R7227" t="s">
        <v>37138</v>
      </c>
      <c r="S7227">
        <v>752</v>
      </c>
    </row>
    <row r="7228" spans="1:19" x14ac:dyDescent="0.25">
      <c r="A7228">
        <v>36180697</v>
      </c>
      <c r="B7228" t="s">
        <v>37139</v>
      </c>
      <c r="C7228" s="1" t="s">
        <v>37140</v>
      </c>
      <c r="E7228">
        <v>0</v>
      </c>
      <c r="F7228">
        <v>10</v>
      </c>
      <c r="H7228" t="s">
        <v>37141</v>
      </c>
      <c r="J7228" t="s">
        <v>37142</v>
      </c>
      <c r="K7228" t="s">
        <v>37142</v>
      </c>
      <c r="M7228">
        <v>881229</v>
      </c>
      <c r="O7228">
        <v>5952681</v>
      </c>
      <c r="P7228">
        <v>1</v>
      </c>
      <c r="Q7228">
        <v>0</v>
      </c>
      <c r="R7228" t="s">
        <v>37143</v>
      </c>
      <c r="S7228">
        <v>37</v>
      </c>
    </row>
    <row r="7229" spans="1:19" x14ac:dyDescent="0.25">
      <c r="A7229">
        <v>27083600</v>
      </c>
      <c r="B7229" t="s">
        <v>37144</v>
      </c>
      <c r="C7229" s="1" t="s">
        <v>37145</v>
      </c>
      <c r="E7229">
        <v>0</v>
      </c>
      <c r="F7229">
        <v>2</v>
      </c>
      <c r="H7229" t="s">
        <v>37146</v>
      </c>
      <c r="J7229" t="s">
        <v>37146</v>
      </c>
      <c r="O7229">
        <v>4078927</v>
      </c>
      <c r="P7229">
        <v>1</v>
      </c>
      <c r="Q7229">
        <v>0</v>
      </c>
      <c r="R7229" t="s">
        <v>37147</v>
      </c>
      <c r="S7229">
        <v>69</v>
      </c>
    </row>
    <row r="7230" spans="1:19" x14ac:dyDescent="0.25">
      <c r="A7230">
        <v>44678370</v>
      </c>
      <c r="B7230" t="s">
        <v>37148</v>
      </c>
      <c r="C7230" s="1" t="s">
        <v>37149</v>
      </c>
      <c r="E7230">
        <v>0</v>
      </c>
      <c r="F7230">
        <v>2</v>
      </c>
      <c r="H7230" t="s">
        <v>37150</v>
      </c>
      <c r="J7230" t="s">
        <v>37150</v>
      </c>
      <c r="O7230">
        <v>5464920</v>
      </c>
      <c r="P7230">
        <v>1</v>
      </c>
      <c r="Q7230">
        <v>0</v>
      </c>
      <c r="R7230" t="s">
        <v>37151</v>
      </c>
      <c r="S7230">
        <v>128</v>
      </c>
    </row>
    <row r="7231" spans="1:19" x14ac:dyDescent="0.25">
      <c r="A7231">
        <v>43336325</v>
      </c>
      <c r="B7231" t="s">
        <v>37152</v>
      </c>
      <c r="C7231" s="1" t="s">
        <v>37153</v>
      </c>
      <c r="D7231">
        <v>43336588</v>
      </c>
      <c r="E7231">
        <v>2</v>
      </c>
      <c r="F7231">
        <v>3</v>
      </c>
      <c r="H7231" t="s">
        <v>37154</v>
      </c>
      <c r="J7231" t="s">
        <v>37155</v>
      </c>
      <c r="K7231" t="s">
        <v>37156</v>
      </c>
      <c r="M7231">
        <v>7848198</v>
      </c>
      <c r="O7231">
        <v>7848198</v>
      </c>
      <c r="P7231">
        <v>1</v>
      </c>
      <c r="Q7231">
        <v>-2</v>
      </c>
      <c r="R7231" t="s">
        <v>2847</v>
      </c>
      <c r="S7231">
        <v>50</v>
      </c>
    </row>
    <row r="7232" spans="1:19" x14ac:dyDescent="0.25">
      <c r="A7232">
        <v>51559950</v>
      </c>
      <c r="B7232" t="s">
        <v>37157</v>
      </c>
      <c r="C7232" s="1" t="s">
        <v>37158</v>
      </c>
      <c r="E7232">
        <v>2</v>
      </c>
      <c r="F7232">
        <v>2</v>
      </c>
      <c r="H7232" t="s">
        <v>37159</v>
      </c>
      <c r="J7232" t="s">
        <v>37160</v>
      </c>
      <c r="O7232">
        <v>9589256</v>
      </c>
      <c r="P7232">
        <v>1</v>
      </c>
      <c r="Q7232">
        <v>-5</v>
      </c>
      <c r="R7232" t="s">
        <v>5380</v>
      </c>
      <c r="S7232">
        <v>93</v>
      </c>
    </row>
    <row r="7233" spans="1:19" x14ac:dyDescent="0.25">
      <c r="A7233">
        <v>13232876</v>
      </c>
      <c r="B7233" t="s">
        <v>37161</v>
      </c>
      <c r="C7233" s="1" t="s">
        <v>37162</v>
      </c>
      <c r="E7233">
        <v>1</v>
      </c>
      <c r="F7233">
        <v>0</v>
      </c>
      <c r="H7233" t="s">
        <v>37163</v>
      </c>
      <c r="I7233">
        <v>1</v>
      </c>
      <c r="J7233" t="s">
        <v>37164</v>
      </c>
      <c r="O7233">
        <v>1800201</v>
      </c>
      <c r="P7233">
        <v>1</v>
      </c>
      <c r="Q7233">
        <v>2</v>
      </c>
      <c r="R7233" t="s">
        <v>37165</v>
      </c>
      <c r="S7233">
        <v>136</v>
      </c>
    </row>
    <row r="7234" spans="1:19" x14ac:dyDescent="0.25">
      <c r="A7234">
        <v>21616785</v>
      </c>
      <c r="B7234" t="s">
        <v>37166</v>
      </c>
      <c r="C7234" s="1" t="s">
        <v>37167</v>
      </c>
      <c r="D7234">
        <v>21616818</v>
      </c>
      <c r="E7234">
        <v>6</v>
      </c>
      <c r="F7234">
        <v>2</v>
      </c>
      <c r="H7234" t="s">
        <v>37168</v>
      </c>
      <c r="I7234">
        <v>3</v>
      </c>
      <c r="J7234" t="s">
        <v>37169</v>
      </c>
      <c r="K7234" t="s">
        <v>37169</v>
      </c>
      <c r="M7234">
        <v>3885376</v>
      </c>
      <c r="O7234">
        <v>2696950</v>
      </c>
      <c r="P7234">
        <v>1</v>
      </c>
      <c r="Q7234">
        <v>39</v>
      </c>
      <c r="R7234" t="s">
        <v>37170</v>
      </c>
      <c r="S7234">
        <v>33369</v>
      </c>
    </row>
    <row r="7235" spans="1:19" x14ac:dyDescent="0.25">
      <c r="A7235">
        <v>46919744</v>
      </c>
      <c r="B7235" t="s">
        <v>37171</v>
      </c>
      <c r="C7235" s="1" t="s">
        <v>37172</v>
      </c>
      <c r="E7235">
        <v>1</v>
      </c>
      <c r="F7235">
        <v>3</v>
      </c>
      <c r="H7235" t="s">
        <v>37173</v>
      </c>
      <c r="J7235" t="s">
        <v>37174</v>
      </c>
      <c r="O7235">
        <v>6282618</v>
      </c>
      <c r="P7235">
        <v>1</v>
      </c>
      <c r="Q7235">
        <v>0</v>
      </c>
      <c r="R7235" t="s">
        <v>37175</v>
      </c>
      <c r="S7235">
        <v>36</v>
      </c>
    </row>
    <row r="7236" spans="1:19" x14ac:dyDescent="0.25">
      <c r="A7236">
        <v>13846809</v>
      </c>
      <c r="B7236" t="s">
        <v>37176</v>
      </c>
      <c r="C7236" s="1" t="s">
        <v>37177</v>
      </c>
      <c r="D7236">
        <v>13846878</v>
      </c>
      <c r="E7236">
        <v>2</v>
      </c>
      <c r="F7236">
        <v>0</v>
      </c>
      <c r="H7236" t="s">
        <v>37178</v>
      </c>
      <c r="J7236" t="s">
        <v>37179</v>
      </c>
      <c r="O7236">
        <v>1883806</v>
      </c>
      <c r="P7236">
        <v>1</v>
      </c>
      <c r="Q7236">
        <v>0</v>
      </c>
      <c r="R7236" t="s">
        <v>37180</v>
      </c>
      <c r="S7236">
        <v>168</v>
      </c>
    </row>
    <row r="7237" spans="1:19" x14ac:dyDescent="0.25">
      <c r="A7237">
        <v>38913163</v>
      </c>
      <c r="B7237" t="s">
        <v>37181</v>
      </c>
      <c r="C7237" s="1" t="s">
        <v>37182</v>
      </c>
      <c r="D7237">
        <v>38913994</v>
      </c>
      <c r="E7237">
        <v>3</v>
      </c>
      <c r="F7237">
        <v>1</v>
      </c>
      <c r="H7237" t="s">
        <v>37183</v>
      </c>
      <c r="I7237">
        <v>3</v>
      </c>
      <c r="J7237" t="s">
        <v>37184</v>
      </c>
      <c r="O7237">
        <v>4328372</v>
      </c>
      <c r="P7237">
        <v>1</v>
      </c>
      <c r="Q7237">
        <v>14</v>
      </c>
      <c r="R7237" t="s">
        <v>37185</v>
      </c>
      <c r="S7237">
        <v>7407</v>
      </c>
    </row>
    <row r="7238" spans="1:19" x14ac:dyDescent="0.25">
      <c r="A7238">
        <v>5626885</v>
      </c>
      <c r="B7238" t="s">
        <v>37186</v>
      </c>
      <c r="C7238" s="1" t="s">
        <v>37187</v>
      </c>
      <c r="D7238">
        <v>5626923</v>
      </c>
      <c r="E7238">
        <v>2</v>
      </c>
      <c r="F7238">
        <v>0</v>
      </c>
      <c r="H7238" t="s">
        <v>37188</v>
      </c>
      <c r="J7238" t="s">
        <v>37189</v>
      </c>
      <c r="O7238">
        <v>602257</v>
      </c>
      <c r="P7238">
        <v>1</v>
      </c>
      <c r="Q7238">
        <v>0</v>
      </c>
      <c r="R7238" t="s">
        <v>37190</v>
      </c>
      <c r="S7238">
        <v>2019</v>
      </c>
    </row>
    <row r="7239" spans="1:19" x14ac:dyDescent="0.25">
      <c r="A7239">
        <v>39053503</v>
      </c>
      <c r="B7239" t="s">
        <v>37191</v>
      </c>
      <c r="C7239" s="1" t="s">
        <v>37192</v>
      </c>
      <c r="D7239">
        <v>39053672</v>
      </c>
      <c r="E7239">
        <v>2</v>
      </c>
      <c r="F7239">
        <v>8</v>
      </c>
      <c r="H7239" t="s">
        <v>37193</v>
      </c>
      <c r="J7239" t="s">
        <v>37194</v>
      </c>
      <c r="K7239" t="s">
        <v>37194</v>
      </c>
      <c r="M7239">
        <v>4551041</v>
      </c>
      <c r="O7239">
        <v>6239112</v>
      </c>
      <c r="P7239">
        <v>1</v>
      </c>
      <c r="Q7239">
        <v>0</v>
      </c>
      <c r="R7239" t="s">
        <v>871</v>
      </c>
      <c r="S7239">
        <v>54</v>
      </c>
    </row>
    <row r="7240" spans="1:19" x14ac:dyDescent="0.25">
      <c r="A7240">
        <v>31389809</v>
      </c>
      <c r="B7240" t="s">
        <v>37195</v>
      </c>
      <c r="C7240" s="1" t="s">
        <v>37196</v>
      </c>
      <c r="E7240">
        <v>2</v>
      </c>
      <c r="F7240">
        <v>0</v>
      </c>
      <c r="H7240" t="s">
        <v>37197</v>
      </c>
      <c r="J7240" t="s">
        <v>37198</v>
      </c>
      <c r="K7240" t="s">
        <v>37199</v>
      </c>
      <c r="M7240">
        <v>2019384</v>
      </c>
      <c r="O7240">
        <v>5111719</v>
      </c>
      <c r="P7240">
        <v>1</v>
      </c>
      <c r="Q7240">
        <v>0</v>
      </c>
      <c r="R7240" t="s">
        <v>37200</v>
      </c>
      <c r="S7240">
        <v>202</v>
      </c>
    </row>
    <row r="7241" spans="1:19" x14ac:dyDescent="0.25">
      <c r="A7241">
        <v>43656723</v>
      </c>
      <c r="B7241" t="s">
        <v>37201</v>
      </c>
      <c r="C7241" s="1" t="s">
        <v>37202</v>
      </c>
      <c r="D7241">
        <v>43658263</v>
      </c>
      <c r="E7241">
        <v>1</v>
      </c>
      <c r="F7241">
        <v>0</v>
      </c>
      <c r="H7241" t="s">
        <v>37203</v>
      </c>
      <c r="J7241" t="s">
        <v>37204</v>
      </c>
      <c r="K7241" t="s">
        <v>37205</v>
      </c>
      <c r="M7241">
        <v>6591514</v>
      </c>
      <c r="O7241">
        <v>2604880</v>
      </c>
      <c r="P7241">
        <v>1</v>
      </c>
      <c r="Q7241">
        <v>1</v>
      </c>
      <c r="R7241" t="s">
        <v>37206</v>
      </c>
      <c r="S7241">
        <v>1040</v>
      </c>
    </row>
    <row r="7242" spans="1:19" x14ac:dyDescent="0.25">
      <c r="A7242">
        <v>11653479</v>
      </c>
      <c r="B7242" t="s">
        <v>37207</v>
      </c>
      <c r="C7242" s="1" t="s">
        <v>37208</v>
      </c>
      <c r="D7242">
        <v>11654126</v>
      </c>
      <c r="E7242">
        <v>1</v>
      </c>
      <c r="F7242">
        <v>0</v>
      </c>
      <c r="H7242" t="s">
        <v>37209</v>
      </c>
      <c r="J7242" t="s">
        <v>37210</v>
      </c>
      <c r="O7242">
        <v>855147</v>
      </c>
      <c r="P7242">
        <v>1</v>
      </c>
      <c r="Q7242">
        <v>0</v>
      </c>
      <c r="R7242" t="s">
        <v>37211</v>
      </c>
      <c r="S7242">
        <v>179</v>
      </c>
    </row>
    <row r="7243" spans="1:19" x14ac:dyDescent="0.25">
      <c r="A7243">
        <v>37174696</v>
      </c>
      <c r="B7243" t="s">
        <v>37212</v>
      </c>
      <c r="C7243" s="1" t="s">
        <v>37213</v>
      </c>
      <c r="E7243">
        <v>3</v>
      </c>
      <c r="F7243">
        <v>0</v>
      </c>
      <c r="H7243" t="s">
        <v>37214</v>
      </c>
      <c r="I7243">
        <v>1</v>
      </c>
      <c r="J7243" t="s">
        <v>37215</v>
      </c>
      <c r="K7243" t="s">
        <v>37216</v>
      </c>
      <c r="M7243">
        <v>-1</v>
      </c>
      <c r="O7243">
        <v>1561937</v>
      </c>
      <c r="P7243">
        <v>1</v>
      </c>
      <c r="Q7243">
        <v>4</v>
      </c>
      <c r="R7243" t="s">
        <v>37217</v>
      </c>
      <c r="S7243">
        <v>462</v>
      </c>
    </row>
    <row r="7244" spans="1:19" x14ac:dyDescent="0.25">
      <c r="A7244">
        <v>25056854</v>
      </c>
      <c r="B7244" t="s">
        <v>37218</v>
      </c>
      <c r="C7244" s="1" t="s">
        <v>37219</v>
      </c>
      <c r="D7244">
        <v>25056911</v>
      </c>
      <c r="E7244">
        <v>1</v>
      </c>
      <c r="F7244">
        <v>1</v>
      </c>
      <c r="H7244" t="s">
        <v>37220</v>
      </c>
      <c r="I7244">
        <v>1</v>
      </c>
      <c r="J7244" t="s">
        <v>37221</v>
      </c>
      <c r="O7244">
        <v>205270</v>
      </c>
      <c r="P7244">
        <v>1</v>
      </c>
      <c r="Q7244">
        <v>0</v>
      </c>
      <c r="R7244" t="s">
        <v>4991</v>
      </c>
      <c r="S7244">
        <v>148</v>
      </c>
    </row>
    <row r="7245" spans="1:19" x14ac:dyDescent="0.25">
      <c r="A7245">
        <v>51861150</v>
      </c>
      <c r="B7245" t="s">
        <v>37222</v>
      </c>
      <c r="C7245" s="1" t="s">
        <v>37223</v>
      </c>
      <c r="E7245">
        <v>0</v>
      </c>
      <c r="F7245">
        <v>3</v>
      </c>
      <c r="H7245" t="s">
        <v>37224</v>
      </c>
      <c r="J7245" t="s">
        <v>37225</v>
      </c>
      <c r="K7245" t="s">
        <v>37225</v>
      </c>
      <c r="M7245">
        <v>2378888</v>
      </c>
      <c r="O7245">
        <v>2378888</v>
      </c>
      <c r="P7245">
        <v>1</v>
      </c>
      <c r="Q7245">
        <v>0</v>
      </c>
      <c r="R7245" t="s">
        <v>37226</v>
      </c>
      <c r="S7245">
        <v>53</v>
      </c>
    </row>
    <row r="7246" spans="1:19" x14ac:dyDescent="0.25">
      <c r="A7246">
        <v>26733551</v>
      </c>
      <c r="B7246" t="s">
        <v>37227</v>
      </c>
      <c r="C7246" s="1" t="s">
        <v>37228</v>
      </c>
      <c r="D7246">
        <v>26753809</v>
      </c>
      <c r="E7246">
        <v>1</v>
      </c>
      <c r="F7246">
        <v>0</v>
      </c>
      <c r="H7246" t="s">
        <v>37229</v>
      </c>
      <c r="J7246" t="s">
        <v>37230</v>
      </c>
      <c r="O7246">
        <v>4213884</v>
      </c>
      <c r="P7246">
        <v>1</v>
      </c>
      <c r="Q7246">
        <v>-1</v>
      </c>
      <c r="R7246" t="s">
        <v>37231</v>
      </c>
      <c r="S7246">
        <v>168</v>
      </c>
    </row>
    <row r="7247" spans="1:19" x14ac:dyDescent="0.25">
      <c r="A7247">
        <v>40883773</v>
      </c>
      <c r="B7247" t="s">
        <v>37232</v>
      </c>
      <c r="C7247" s="1" t="s">
        <v>37233</v>
      </c>
      <c r="E7247">
        <v>1</v>
      </c>
      <c r="F7247">
        <v>2</v>
      </c>
      <c r="H7247" t="s">
        <v>37234</v>
      </c>
      <c r="J7247" t="s">
        <v>37235</v>
      </c>
      <c r="K7247" t="s">
        <v>37236</v>
      </c>
      <c r="M7247">
        <v>519413</v>
      </c>
      <c r="O7247">
        <v>7229709</v>
      </c>
      <c r="P7247">
        <v>1</v>
      </c>
      <c r="Q7247">
        <v>-2</v>
      </c>
      <c r="R7247" t="s">
        <v>37237</v>
      </c>
      <c r="S7247">
        <v>305</v>
      </c>
    </row>
    <row r="7248" spans="1:19" x14ac:dyDescent="0.25">
      <c r="A7248">
        <v>49501096</v>
      </c>
      <c r="B7248" t="s">
        <v>37238</v>
      </c>
      <c r="C7248" s="1" t="s">
        <v>37239</v>
      </c>
      <c r="E7248">
        <v>0</v>
      </c>
      <c r="F7248">
        <v>6</v>
      </c>
      <c r="H7248" t="s">
        <v>37240</v>
      </c>
      <c r="J7248" t="s">
        <v>37241</v>
      </c>
      <c r="K7248" t="s">
        <v>37241</v>
      </c>
      <c r="M7248">
        <v>7793375</v>
      </c>
      <c r="O7248">
        <v>9554928</v>
      </c>
      <c r="P7248">
        <v>1</v>
      </c>
      <c r="Q7248">
        <v>1</v>
      </c>
      <c r="R7248" t="s">
        <v>37242</v>
      </c>
      <c r="S7248">
        <v>43</v>
      </c>
    </row>
    <row r="7249" spans="1:19" x14ac:dyDescent="0.25">
      <c r="A7249">
        <v>43160012</v>
      </c>
      <c r="B7249" t="s">
        <v>37243</v>
      </c>
      <c r="C7249" s="1" t="s">
        <v>37244</v>
      </c>
      <c r="E7249">
        <v>3</v>
      </c>
      <c r="F7249">
        <v>17</v>
      </c>
      <c r="H7249" t="s">
        <v>37245</v>
      </c>
      <c r="I7249">
        <v>1</v>
      </c>
      <c r="J7249" t="s">
        <v>37246</v>
      </c>
      <c r="K7249" t="s">
        <v>37247</v>
      </c>
      <c r="M7249">
        <v>1125062</v>
      </c>
      <c r="O7249">
        <v>1125062</v>
      </c>
      <c r="P7249">
        <v>1</v>
      </c>
      <c r="Q7249">
        <v>1</v>
      </c>
      <c r="R7249" t="s">
        <v>37248</v>
      </c>
      <c r="S7249">
        <v>1885</v>
      </c>
    </row>
    <row r="7250" spans="1:19" x14ac:dyDescent="0.25">
      <c r="A7250">
        <v>38236849</v>
      </c>
      <c r="B7250" t="s">
        <v>37249</v>
      </c>
      <c r="C7250" s="1" t="s">
        <v>37250</v>
      </c>
      <c r="E7250">
        <v>1</v>
      </c>
      <c r="F7250">
        <v>0</v>
      </c>
      <c r="H7250" t="s">
        <v>37251</v>
      </c>
      <c r="J7250" t="s">
        <v>37252</v>
      </c>
      <c r="O7250">
        <v>2362035</v>
      </c>
      <c r="P7250">
        <v>1</v>
      </c>
      <c r="Q7250">
        <v>0</v>
      </c>
      <c r="R7250" t="s">
        <v>37253</v>
      </c>
      <c r="S7250">
        <v>229</v>
      </c>
    </row>
    <row r="7251" spans="1:19" x14ac:dyDescent="0.25">
      <c r="A7251">
        <v>12421335</v>
      </c>
      <c r="B7251" t="s">
        <v>37254</v>
      </c>
      <c r="C7251" s="1" t="s">
        <v>37255</v>
      </c>
      <c r="D7251">
        <v>12434392</v>
      </c>
      <c r="E7251">
        <v>1</v>
      </c>
      <c r="F7251">
        <v>0</v>
      </c>
      <c r="H7251" t="s">
        <v>37256</v>
      </c>
      <c r="J7251" t="s">
        <v>37257</v>
      </c>
      <c r="O7251">
        <v>592768</v>
      </c>
      <c r="P7251">
        <v>1</v>
      </c>
      <c r="Q7251">
        <v>0</v>
      </c>
      <c r="R7251" t="s">
        <v>37258</v>
      </c>
      <c r="S7251">
        <v>141</v>
      </c>
    </row>
    <row r="7252" spans="1:19" x14ac:dyDescent="0.25">
      <c r="A7252">
        <v>33862227</v>
      </c>
      <c r="B7252" t="s">
        <v>37259</v>
      </c>
      <c r="C7252" s="1" t="s">
        <v>37260</v>
      </c>
      <c r="D7252">
        <v>33862353</v>
      </c>
      <c r="E7252">
        <v>2</v>
      </c>
      <c r="F7252">
        <v>1</v>
      </c>
      <c r="H7252" t="s">
        <v>37261</v>
      </c>
      <c r="J7252" t="s">
        <v>37262</v>
      </c>
      <c r="O7252">
        <v>5593158</v>
      </c>
      <c r="P7252">
        <v>1</v>
      </c>
      <c r="Q7252">
        <v>2</v>
      </c>
      <c r="R7252" t="s">
        <v>6912</v>
      </c>
      <c r="S7252">
        <v>68</v>
      </c>
    </row>
    <row r="7253" spans="1:19" x14ac:dyDescent="0.25">
      <c r="A7253">
        <v>25214530</v>
      </c>
      <c r="B7253" t="s">
        <v>37263</v>
      </c>
      <c r="C7253" s="1" t="s">
        <v>37264</v>
      </c>
      <c r="E7253">
        <v>1</v>
      </c>
      <c r="F7253">
        <v>1</v>
      </c>
      <c r="H7253" t="s">
        <v>37265</v>
      </c>
      <c r="J7253" t="s">
        <v>37266</v>
      </c>
      <c r="K7253" t="s">
        <v>37266</v>
      </c>
      <c r="M7253">
        <v>3924155</v>
      </c>
      <c r="O7253">
        <v>3924155</v>
      </c>
      <c r="P7253">
        <v>1</v>
      </c>
      <c r="Q7253">
        <v>-2</v>
      </c>
      <c r="R7253" t="s">
        <v>37267</v>
      </c>
      <c r="S7253">
        <v>107</v>
      </c>
    </row>
    <row r="7254" spans="1:19" x14ac:dyDescent="0.25">
      <c r="A7254">
        <v>45889456</v>
      </c>
      <c r="B7254" t="s">
        <v>37268</v>
      </c>
      <c r="C7254" s="1" t="s">
        <v>37269</v>
      </c>
      <c r="E7254">
        <v>0</v>
      </c>
      <c r="F7254">
        <v>6</v>
      </c>
      <c r="H7254" t="s">
        <v>37270</v>
      </c>
      <c r="J7254" t="s">
        <v>37271</v>
      </c>
      <c r="K7254" t="s">
        <v>37271</v>
      </c>
      <c r="M7254">
        <v>2484327</v>
      </c>
      <c r="O7254">
        <v>6659162</v>
      </c>
      <c r="P7254">
        <v>1</v>
      </c>
      <c r="Q7254">
        <v>0</v>
      </c>
      <c r="R7254" t="s">
        <v>37272</v>
      </c>
      <c r="S7254">
        <v>94</v>
      </c>
    </row>
    <row r="7255" spans="1:19" x14ac:dyDescent="0.25">
      <c r="A7255">
        <v>26585977</v>
      </c>
      <c r="B7255" t="s">
        <v>37273</v>
      </c>
      <c r="C7255" s="1" t="s">
        <v>37274</v>
      </c>
      <c r="D7255">
        <v>26588074</v>
      </c>
      <c r="E7255">
        <v>4</v>
      </c>
      <c r="F7255">
        <v>6</v>
      </c>
      <c r="H7255" t="s">
        <v>37275</v>
      </c>
      <c r="I7255">
        <v>1</v>
      </c>
      <c r="J7255" t="s">
        <v>37276</v>
      </c>
      <c r="K7255" t="s">
        <v>37277</v>
      </c>
      <c r="M7255">
        <v>253146</v>
      </c>
      <c r="O7255">
        <v>253146</v>
      </c>
      <c r="P7255">
        <v>1</v>
      </c>
      <c r="Q7255">
        <v>7</v>
      </c>
      <c r="R7255" t="s">
        <v>37278</v>
      </c>
      <c r="S7255">
        <v>900</v>
      </c>
    </row>
    <row r="7256" spans="1:19" x14ac:dyDescent="0.25">
      <c r="A7256">
        <v>48821856</v>
      </c>
      <c r="B7256" t="s">
        <v>37279</v>
      </c>
      <c r="C7256" s="1" t="s">
        <v>37280</v>
      </c>
      <c r="D7256">
        <v>48821937</v>
      </c>
      <c r="E7256">
        <v>4</v>
      </c>
      <c r="F7256">
        <v>4</v>
      </c>
      <c r="H7256" t="s">
        <v>37281</v>
      </c>
      <c r="J7256" t="s">
        <v>37282</v>
      </c>
      <c r="O7256">
        <v>671013</v>
      </c>
      <c r="P7256">
        <v>1</v>
      </c>
      <c r="Q7256">
        <v>2</v>
      </c>
      <c r="R7256" t="s">
        <v>213</v>
      </c>
      <c r="S7256">
        <v>72</v>
      </c>
    </row>
    <row r="7257" spans="1:19" x14ac:dyDescent="0.25">
      <c r="A7257">
        <v>30517925</v>
      </c>
      <c r="B7257" t="s">
        <v>37283</v>
      </c>
      <c r="C7257" s="1" t="s">
        <v>37284</v>
      </c>
      <c r="D7257">
        <v>30524510</v>
      </c>
      <c r="E7257">
        <v>1</v>
      </c>
      <c r="F7257">
        <v>0</v>
      </c>
      <c r="H7257" t="s">
        <v>37285</v>
      </c>
      <c r="J7257" t="s">
        <v>37286</v>
      </c>
      <c r="O7257">
        <v>2828413</v>
      </c>
      <c r="P7257">
        <v>1</v>
      </c>
      <c r="Q7257">
        <v>1</v>
      </c>
      <c r="R7257" t="s">
        <v>37287</v>
      </c>
      <c r="S7257">
        <v>1480</v>
      </c>
    </row>
    <row r="7258" spans="1:19" x14ac:dyDescent="0.25">
      <c r="A7258">
        <v>48294591</v>
      </c>
      <c r="B7258" t="s">
        <v>37288</v>
      </c>
      <c r="C7258" s="1" t="s">
        <v>37289</v>
      </c>
      <c r="E7258">
        <v>0</v>
      </c>
      <c r="F7258">
        <v>3</v>
      </c>
      <c r="H7258" t="s">
        <v>37290</v>
      </c>
      <c r="I7258">
        <v>0</v>
      </c>
      <c r="J7258" t="s">
        <v>37290</v>
      </c>
      <c r="O7258">
        <v>7397329</v>
      </c>
      <c r="P7258">
        <v>1</v>
      </c>
      <c r="Q7258">
        <v>0</v>
      </c>
      <c r="R7258" t="s">
        <v>37291</v>
      </c>
      <c r="S7258">
        <v>32</v>
      </c>
    </row>
    <row r="7259" spans="1:19" x14ac:dyDescent="0.25">
      <c r="A7259">
        <v>18022527</v>
      </c>
      <c r="B7259" t="s">
        <v>37292</v>
      </c>
      <c r="C7259" s="1" t="s">
        <v>37293</v>
      </c>
      <c r="D7259">
        <v>18032229</v>
      </c>
      <c r="E7259">
        <v>3</v>
      </c>
      <c r="F7259">
        <v>0</v>
      </c>
      <c r="H7259" t="s">
        <v>37294</v>
      </c>
      <c r="I7259">
        <v>2</v>
      </c>
      <c r="J7259" t="s">
        <v>37295</v>
      </c>
      <c r="K7259" t="s">
        <v>37296</v>
      </c>
      <c r="M7259">
        <v>3052751</v>
      </c>
      <c r="O7259">
        <v>72838</v>
      </c>
      <c r="P7259">
        <v>1</v>
      </c>
      <c r="Q7259">
        <v>5</v>
      </c>
      <c r="R7259" t="s">
        <v>37297</v>
      </c>
      <c r="S7259">
        <v>3552</v>
      </c>
    </row>
    <row r="7260" spans="1:19" x14ac:dyDescent="0.25">
      <c r="A7260">
        <v>32612971</v>
      </c>
      <c r="B7260" t="s">
        <v>37298</v>
      </c>
      <c r="C7260" s="1" t="s">
        <v>37299</v>
      </c>
      <c r="E7260">
        <v>2</v>
      </c>
      <c r="F7260">
        <v>0</v>
      </c>
      <c r="H7260" t="s">
        <v>37300</v>
      </c>
      <c r="I7260">
        <v>0</v>
      </c>
      <c r="J7260" t="s">
        <v>37301</v>
      </c>
      <c r="O7260">
        <v>2117019</v>
      </c>
      <c r="P7260">
        <v>1</v>
      </c>
      <c r="Q7260">
        <v>-1</v>
      </c>
      <c r="R7260" t="s">
        <v>23150</v>
      </c>
      <c r="S7260">
        <v>37</v>
      </c>
    </row>
    <row r="7261" spans="1:19" x14ac:dyDescent="0.25">
      <c r="A7261">
        <v>26545639</v>
      </c>
      <c r="B7261" t="s">
        <v>37302</v>
      </c>
      <c r="C7261" s="1" t="s">
        <v>37303</v>
      </c>
      <c r="D7261">
        <v>26643336</v>
      </c>
      <c r="E7261">
        <v>1</v>
      </c>
      <c r="F7261">
        <v>0</v>
      </c>
      <c r="H7261" t="s">
        <v>37304</v>
      </c>
      <c r="J7261" t="s">
        <v>37305</v>
      </c>
      <c r="O7261">
        <v>2345347</v>
      </c>
      <c r="P7261">
        <v>1</v>
      </c>
      <c r="Q7261">
        <v>0</v>
      </c>
      <c r="R7261" t="s">
        <v>37306</v>
      </c>
      <c r="S7261">
        <v>39</v>
      </c>
    </row>
    <row r="7262" spans="1:19" x14ac:dyDescent="0.25">
      <c r="A7262">
        <v>39998401</v>
      </c>
      <c r="B7262" t="s">
        <v>37307</v>
      </c>
      <c r="C7262" s="1" t="s">
        <v>37308</v>
      </c>
      <c r="D7262">
        <v>39998538</v>
      </c>
      <c r="E7262">
        <v>4</v>
      </c>
      <c r="F7262">
        <v>3</v>
      </c>
      <c r="H7262" t="s">
        <v>37309</v>
      </c>
      <c r="J7262" t="s">
        <v>37310</v>
      </c>
      <c r="O7262">
        <v>6651819</v>
      </c>
      <c r="P7262">
        <v>1</v>
      </c>
      <c r="Q7262">
        <v>0</v>
      </c>
      <c r="R7262" t="s">
        <v>1446</v>
      </c>
      <c r="S7262">
        <v>100</v>
      </c>
    </row>
    <row r="7263" spans="1:19" x14ac:dyDescent="0.25">
      <c r="A7263">
        <v>15953611</v>
      </c>
      <c r="B7263" t="s">
        <v>37311</v>
      </c>
      <c r="C7263" s="1" t="s">
        <v>37312</v>
      </c>
      <c r="E7263">
        <v>2</v>
      </c>
      <c r="F7263">
        <v>8</v>
      </c>
      <c r="H7263" t="s">
        <v>37313</v>
      </c>
      <c r="J7263" t="s">
        <v>37314</v>
      </c>
      <c r="O7263">
        <v>1361315</v>
      </c>
      <c r="P7263">
        <v>1</v>
      </c>
      <c r="Q7263">
        <v>3</v>
      </c>
      <c r="R7263" t="s">
        <v>37315</v>
      </c>
      <c r="S7263">
        <v>4506</v>
      </c>
    </row>
    <row r="7264" spans="1:19" x14ac:dyDescent="0.25">
      <c r="A7264">
        <v>46547223</v>
      </c>
      <c r="B7264" t="s">
        <v>37316</v>
      </c>
      <c r="C7264" s="1" t="s">
        <v>37317</v>
      </c>
      <c r="E7264">
        <v>2</v>
      </c>
      <c r="F7264">
        <v>4</v>
      </c>
      <c r="H7264" t="s">
        <v>37318</v>
      </c>
      <c r="J7264" t="s">
        <v>37319</v>
      </c>
      <c r="O7264">
        <v>8639310</v>
      </c>
      <c r="P7264">
        <v>1</v>
      </c>
      <c r="Q7264">
        <v>0</v>
      </c>
      <c r="R7264" t="s">
        <v>9846</v>
      </c>
      <c r="S7264">
        <v>41</v>
      </c>
    </row>
    <row r="7265" spans="1:19" x14ac:dyDescent="0.25">
      <c r="A7265">
        <v>38644932</v>
      </c>
      <c r="B7265" t="s">
        <v>37320</v>
      </c>
      <c r="C7265" s="1" t="s">
        <v>37321</v>
      </c>
      <c r="E7265">
        <v>1</v>
      </c>
      <c r="F7265">
        <v>1</v>
      </c>
      <c r="H7265" t="s">
        <v>37322</v>
      </c>
      <c r="J7265" t="s">
        <v>37323</v>
      </c>
      <c r="K7265" t="s">
        <v>37324</v>
      </c>
      <c r="M7265">
        <v>-1</v>
      </c>
      <c r="O7265">
        <v>3938480</v>
      </c>
      <c r="P7265">
        <v>1</v>
      </c>
      <c r="Q7265">
        <v>1</v>
      </c>
      <c r="R7265" t="s">
        <v>37325</v>
      </c>
      <c r="S7265">
        <v>168</v>
      </c>
    </row>
    <row r="7266" spans="1:19" x14ac:dyDescent="0.25">
      <c r="A7266">
        <v>52717762</v>
      </c>
      <c r="B7266" t="s">
        <v>37326</v>
      </c>
      <c r="C7266" s="1" t="s">
        <v>37327</v>
      </c>
      <c r="E7266">
        <v>1</v>
      </c>
      <c r="F7266">
        <v>0</v>
      </c>
      <c r="H7266" t="s">
        <v>37328</v>
      </c>
      <c r="J7266" t="s">
        <v>37329</v>
      </c>
      <c r="K7266" t="s">
        <v>37330</v>
      </c>
      <c r="M7266">
        <v>2047612</v>
      </c>
      <c r="O7266">
        <v>8181210</v>
      </c>
      <c r="P7266">
        <v>1</v>
      </c>
      <c r="Q7266">
        <v>1</v>
      </c>
      <c r="R7266" t="s">
        <v>37331</v>
      </c>
      <c r="S7266">
        <v>480</v>
      </c>
    </row>
    <row r="7267" spans="1:19" x14ac:dyDescent="0.25">
      <c r="A7267">
        <v>22626220</v>
      </c>
      <c r="B7267" t="s">
        <v>37332</v>
      </c>
      <c r="C7267" s="1" t="s">
        <v>37333</v>
      </c>
      <c r="E7267">
        <v>1</v>
      </c>
      <c r="F7267">
        <v>0</v>
      </c>
      <c r="H7267" t="s">
        <v>37334</v>
      </c>
      <c r="J7267" t="s">
        <v>37335</v>
      </c>
      <c r="O7267">
        <v>2833691</v>
      </c>
      <c r="P7267">
        <v>1</v>
      </c>
      <c r="Q7267">
        <v>0</v>
      </c>
      <c r="R7267" t="s">
        <v>37336</v>
      </c>
      <c r="S7267">
        <v>98</v>
      </c>
    </row>
    <row r="7268" spans="1:19" x14ac:dyDescent="0.25">
      <c r="A7268">
        <v>44659902</v>
      </c>
      <c r="B7268" t="s">
        <v>37337</v>
      </c>
      <c r="C7268" s="1" t="s">
        <v>37338</v>
      </c>
      <c r="E7268">
        <v>0</v>
      </c>
      <c r="F7268">
        <v>3</v>
      </c>
      <c r="H7268" t="s">
        <v>37339</v>
      </c>
      <c r="J7268" t="s">
        <v>37340</v>
      </c>
      <c r="K7268" t="s">
        <v>37340</v>
      </c>
      <c r="M7268">
        <v>21960</v>
      </c>
      <c r="O7268">
        <v>8189977</v>
      </c>
      <c r="P7268">
        <v>1</v>
      </c>
      <c r="Q7268">
        <v>2</v>
      </c>
      <c r="R7268" t="s">
        <v>37341</v>
      </c>
      <c r="S7268">
        <v>34</v>
      </c>
    </row>
    <row r="7269" spans="1:19" x14ac:dyDescent="0.25">
      <c r="A7269">
        <v>36509851</v>
      </c>
      <c r="B7269" t="s">
        <v>37342</v>
      </c>
      <c r="C7269" s="1" t="s">
        <v>37343</v>
      </c>
      <c r="D7269">
        <v>36548750</v>
      </c>
      <c r="E7269">
        <v>2</v>
      </c>
      <c r="F7269">
        <v>1</v>
      </c>
      <c r="H7269" t="s">
        <v>37344</v>
      </c>
      <c r="J7269" t="s">
        <v>37345</v>
      </c>
      <c r="O7269">
        <v>5791863</v>
      </c>
      <c r="P7269">
        <v>1</v>
      </c>
      <c r="Q7269">
        <v>1</v>
      </c>
      <c r="R7269" t="s">
        <v>37346</v>
      </c>
      <c r="S7269">
        <v>600</v>
      </c>
    </row>
    <row r="7270" spans="1:19" x14ac:dyDescent="0.25">
      <c r="A7270">
        <v>17055194</v>
      </c>
      <c r="B7270" t="s">
        <v>37347</v>
      </c>
      <c r="C7270" s="1" t="s">
        <v>37348</v>
      </c>
      <c r="D7270">
        <v>17056083</v>
      </c>
      <c r="E7270">
        <v>2</v>
      </c>
      <c r="F7270">
        <v>0</v>
      </c>
      <c r="H7270" t="s">
        <v>37349</v>
      </c>
      <c r="J7270" t="s">
        <v>37350</v>
      </c>
      <c r="K7270" t="s">
        <v>37351</v>
      </c>
      <c r="M7270">
        <v>984577</v>
      </c>
      <c r="O7270">
        <v>984577</v>
      </c>
      <c r="P7270">
        <v>1</v>
      </c>
      <c r="Q7270">
        <v>1</v>
      </c>
      <c r="R7270" t="s">
        <v>37352</v>
      </c>
      <c r="S7270">
        <v>1781</v>
      </c>
    </row>
    <row r="7271" spans="1:19" x14ac:dyDescent="0.25">
      <c r="A7271">
        <v>52378159</v>
      </c>
      <c r="B7271" t="s">
        <v>37353</v>
      </c>
      <c r="C7271" s="1" t="s">
        <v>37354</v>
      </c>
      <c r="E7271">
        <v>1</v>
      </c>
      <c r="F7271">
        <v>7</v>
      </c>
      <c r="H7271" t="s">
        <v>37355</v>
      </c>
      <c r="J7271" t="s">
        <v>37356</v>
      </c>
      <c r="K7271" t="s">
        <v>37357</v>
      </c>
      <c r="M7271">
        <v>10356502</v>
      </c>
      <c r="O7271">
        <v>10356502</v>
      </c>
      <c r="P7271">
        <v>1</v>
      </c>
      <c r="Q7271">
        <v>0</v>
      </c>
      <c r="R7271" t="s">
        <v>275</v>
      </c>
      <c r="S7271">
        <v>59</v>
      </c>
    </row>
    <row r="7272" spans="1:19" x14ac:dyDescent="0.25">
      <c r="A7272">
        <v>21793023</v>
      </c>
      <c r="B7272" t="s">
        <v>37358</v>
      </c>
      <c r="C7272" t="s">
        <v>37359</v>
      </c>
      <c r="D7272">
        <v>21797690</v>
      </c>
      <c r="E7272">
        <v>1</v>
      </c>
      <c r="F7272">
        <v>0</v>
      </c>
      <c r="H7272" t="s">
        <v>37360</v>
      </c>
      <c r="I7272">
        <v>5</v>
      </c>
      <c r="J7272" t="s">
        <v>37361</v>
      </c>
      <c r="K7272" t="s">
        <v>37362</v>
      </c>
      <c r="M7272">
        <v>1043380</v>
      </c>
      <c r="O7272">
        <v>1184248</v>
      </c>
      <c r="P7272">
        <v>1</v>
      </c>
      <c r="Q7272">
        <v>5</v>
      </c>
      <c r="R7272" t="s">
        <v>37363</v>
      </c>
      <c r="S7272">
        <v>924</v>
      </c>
    </row>
    <row r="7273" spans="1:19" x14ac:dyDescent="0.25">
      <c r="A7273">
        <v>15540293</v>
      </c>
      <c r="B7273" t="s">
        <v>37364</v>
      </c>
      <c r="C7273" s="1" t="s">
        <v>37365</v>
      </c>
      <c r="E7273">
        <v>1</v>
      </c>
      <c r="F7273">
        <v>3</v>
      </c>
      <c r="H7273" t="s">
        <v>37366</v>
      </c>
      <c r="J7273" t="s">
        <v>37367</v>
      </c>
      <c r="K7273" t="s">
        <v>37368</v>
      </c>
      <c r="M7273">
        <v>184124</v>
      </c>
      <c r="O7273">
        <v>184124</v>
      </c>
      <c r="P7273">
        <v>1</v>
      </c>
      <c r="Q7273">
        <v>1</v>
      </c>
      <c r="R7273" t="s">
        <v>37369</v>
      </c>
      <c r="S7273">
        <v>108</v>
      </c>
    </row>
    <row r="7274" spans="1:19" x14ac:dyDescent="0.25">
      <c r="A7274">
        <v>21903334</v>
      </c>
      <c r="B7274" t="s">
        <v>37370</v>
      </c>
      <c r="C7274" s="1" t="s">
        <v>37371</v>
      </c>
      <c r="D7274">
        <v>21931353</v>
      </c>
      <c r="E7274">
        <v>2</v>
      </c>
      <c r="F7274">
        <v>5</v>
      </c>
      <c r="H7274" t="s">
        <v>37372</v>
      </c>
      <c r="J7274" t="s">
        <v>37373</v>
      </c>
      <c r="O7274">
        <v>1222651</v>
      </c>
      <c r="P7274">
        <v>1</v>
      </c>
      <c r="Q7274">
        <v>1</v>
      </c>
      <c r="R7274" t="s">
        <v>37374</v>
      </c>
      <c r="S7274">
        <v>1173</v>
      </c>
    </row>
    <row r="7275" spans="1:19" x14ac:dyDescent="0.25">
      <c r="A7275">
        <v>22145448</v>
      </c>
      <c r="B7275" t="s">
        <v>37375</v>
      </c>
      <c r="C7275" s="1" t="s">
        <v>37376</v>
      </c>
      <c r="D7275">
        <v>22146710</v>
      </c>
      <c r="E7275">
        <v>1</v>
      </c>
      <c r="F7275">
        <v>4</v>
      </c>
      <c r="H7275" t="s">
        <v>37377</v>
      </c>
      <c r="J7275" t="s">
        <v>37378</v>
      </c>
      <c r="K7275" t="s">
        <v>37379</v>
      </c>
      <c r="M7275">
        <v>2192310</v>
      </c>
      <c r="O7275">
        <v>2192310</v>
      </c>
      <c r="P7275">
        <v>1</v>
      </c>
      <c r="Q7275">
        <v>0</v>
      </c>
      <c r="R7275" t="s">
        <v>18873</v>
      </c>
      <c r="S7275">
        <v>358</v>
      </c>
    </row>
    <row r="7276" spans="1:19" x14ac:dyDescent="0.25">
      <c r="A7276">
        <v>46252362</v>
      </c>
      <c r="B7276" t="s">
        <v>37380</v>
      </c>
      <c r="C7276" s="1" t="s">
        <v>37381</v>
      </c>
      <c r="E7276">
        <v>0</v>
      </c>
      <c r="F7276">
        <v>5</v>
      </c>
      <c r="H7276" t="s">
        <v>37382</v>
      </c>
      <c r="J7276" t="s">
        <v>37382</v>
      </c>
      <c r="O7276">
        <v>7190352</v>
      </c>
      <c r="P7276">
        <v>1</v>
      </c>
      <c r="Q7276">
        <v>1</v>
      </c>
      <c r="R7276" t="s">
        <v>37383</v>
      </c>
      <c r="S7276">
        <v>58</v>
      </c>
    </row>
    <row r="7277" spans="1:19" x14ac:dyDescent="0.25">
      <c r="A7277">
        <v>5262682</v>
      </c>
      <c r="B7277" t="s">
        <v>37384</v>
      </c>
      <c r="C7277" s="1" t="s">
        <v>37385</v>
      </c>
      <c r="E7277">
        <v>3</v>
      </c>
      <c r="F7277">
        <v>1</v>
      </c>
      <c r="H7277" t="s">
        <v>37386</v>
      </c>
      <c r="J7277" t="s">
        <v>37387</v>
      </c>
      <c r="K7277" t="s">
        <v>37388</v>
      </c>
      <c r="M7277">
        <v>-1</v>
      </c>
      <c r="O7277">
        <v>653891</v>
      </c>
      <c r="P7277">
        <v>1</v>
      </c>
      <c r="Q7277">
        <v>0</v>
      </c>
      <c r="R7277" t="s">
        <v>37389</v>
      </c>
      <c r="S7277">
        <v>5407</v>
      </c>
    </row>
    <row r="7278" spans="1:19" x14ac:dyDescent="0.25">
      <c r="A7278">
        <v>2114163</v>
      </c>
      <c r="B7278" t="s">
        <v>37390</v>
      </c>
      <c r="C7278" t="s">
        <v>37391</v>
      </c>
      <c r="E7278">
        <v>8</v>
      </c>
      <c r="F7278">
        <v>2</v>
      </c>
      <c r="H7278" t="s">
        <v>37392</v>
      </c>
      <c r="I7278">
        <v>16</v>
      </c>
      <c r="J7278" t="s">
        <v>37393</v>
      </c>
      <c r="K7278" t="s">
        <v>37394</v>
      </c>
      <c r="M7278">
        <v>49246</v>
      </c>
      <c r="O7278">
        <v>256321</v>
      </c>
      <c r="P7278">
        <v>1</v>
      </c>
      <c r="Q7278">
        <v>35</v>
      </c>
      <c r="R7278" t="s">
        <v>37395</v>
      </c>
      <c r="S7278">
        <v>59317</v>
      </c>
    </row>
    <row r="7279" spans="1:19" x14ac:dyDescent="0.25">
      <c r="A7279">
        <v>49385408</v>
      </c>
      <c r="B7279" t="s">
        <v>37396</v>
      </c>
      <c r="C7279" s="1" t="s">
        <v>37397</v>
      </c>
      <c r="D7279">
        <v>49436998</v>
      </c>
      <c r="E7279">
        <v>1</v>
      </c>
      <c r="F7279">
        <v>13</v>
      </c>
      <c r="H7279" t="s">
        <v>37398</v>
      </c>
      <c r="J7279" t="s">
        <v>37399</v>
      </c>
      <c r="K7279" t="s">
        <v>37399</v>
      </c>
      <c r="M7279">
        <v>576460</v>
      </c>
      <c r="O7279">
        <v>576460</v>
      </c>
      <c r="P7279">
        <v>1</v>
      </c>
      <c r="Q7279">
        <v>1</v>
      </c>
      <c r="R7279" t="s">
        <v>37400</v>
      </c>
      <c r="S7279">
        <v>76</v>
      </c>
    </row>
    <row r="7280" spans="1:19" x14ac:dyDescent="0.25">
      <c r="A7280">
        <v>42697886</v>
      </c>
      <c r="B7280" t="s">
        <v>37401</v>
      </c>
      <c r="C7280" s="1" t="s">
        <v>37402</v>
      </c>
      <c r="D7280">
        <v>42699032</v>
      </c>
      <c r="E7280">
        <v>1</v>
      </c>
      <c r="F7280">
        <v>0</v>
      </c>
      <c r="H7280" t="s">
        <v>37403</v>
      </c>
      <c r="J7280" t="s">
        <v>37404</v>
      </c>
      <c r="K7280" t="s">
        <v>37404</v>
      </c>
      <c r="M7280">
        <v>1523238</v>
      </c>
      <c r="O7280">
        <v>1523238</v>
      </c>
      <c r="P7280">
        <v>1</v>
      </c>
      <c r="Q7280">
        <v>0</v>
      </c>
      <c r="R7280" t="s">
        <v>37405</v>
      </c>
      <c r="S7280">
        <v>343</v>
      </c>
    </row>
    <row r="7281" spans="1:19" x14ac:dyDescent="0.25">
      <c r="A7281">
        <v>30535860</v>
      </c>
      <c r="B7281" t="s">
        <v>37406</v>
      </c>
      <c r="C7281" s="1" t="s">
        <v>37407</v>
      </c>
      <c r="E7281">
        <v>1</v>
      </c>
      <c r="F7281">
        <v>0</v>
      </c>
      <c r="H7281" t="s">
        <v>37408</v>
      </c>
      <c r="J7281" t="s">
        <v>37409</v>
      </c>
      <c r="O7281">
        <v>4726246</v>
      </c>
      <c r="P7281">
        <v>1</v>
      </c>
      <c r="Q7281">
        <v>2</v>
      </c>
      <c r="R7281" t="s">
        <v>37410</v>
      </c>
      <c r="S7281">
        <v>85</v>
      </c>
    </row>
    <row r="7282" spans="1:19" x14ac:dyDescent="0.25">
      <c r="A7282">
        <v>44083383</v>
      </c>
      <c r="B7282" t="s">
        <v>37411</v>
      </c>
      <c r="C7282" s="1" t="s">
        <v>37412</v>
      </c>
      <c r="D7282">
        <v>44093505</v>
      </c>
      <c r="E7282">
        <v>1</v>
      </c>
      <c r="F7282">
        <v>1</v>
      </c>
      <c r="H7282" t="s">
        <v>37413</v>
      </c>
      <c r="I7282">
        <v>0</v>
      </c>
      <c r="J7282" t="s">
        <v>37414</v>
      </c>
      <c r="K7282" t="s">
        <v>37415</v>
      </c>
      <c r="M7282">
        <v>2449905</v>
      </c>
      <c r="O7282">
        <v>4853374</v>
      </c>
      <c r="P7282">
        <v>1</v>
      </c>
      <c r="Q7282">
        <v>0</v>
      </c>
      <c r="R7282" t="s">
        <v>16508</v>
      </c>
      <c r="S7282">
        <v>57</v>
      </c>
    </row>
    <row r="7283" spans="1:19" x14ac:dyDescent="0.25">
      <c r="A7283">
        <v>28550608</v>
      </c>
      <c r="B7283" t="s">
        <v>37416</v>
      </c>
      <c r="C7283" s="1" t="s">
        <v>37417</v>
      </c>
      <c r="D7283">
        <v>28550964</v>
      </c>
      <c r="E7283">
        <v>3</v>
      </c>
      <c r="F7283">
        <v>3</v>
      </c>
      <c r="H7283" t="s">
        <v>37418</v>
      </c>
      <c r="J7283" t="s">
        <v>37419</v>
      </c>
      <c r="K7283" t="s">
        <v>37419</v>
      </c>
      <c r="M7283">
        <v>1226963</v>
      </c>
      <c r="O7283">
        <v>2540529</v>
      </c>
      <c r="P7283">
        <v>1</v>
      </c>
      <c r="Q7283">
        <v>-3</v>
      </c>
      <c r="R7283" t="s">
        <v>37420</v>
      </c>
      <c r="S7283">
        <v>65</v>
      </c>
    </row>
    <row r="7284" spans="1:19" x14ac:dyDescent="0.25">
      <c r="A7284">
        <v>52269745</v>
      </c>
      <c r="B7284" t="s">
        <v>37421</v>
      </c>
      <c r="C7284" s="1" t="s">
        <v>37422</v>
      </c>
      <c r="E7284">
        <v>2</v>
      </c>
      <c r="F7284">
        <v>4</v>
      </c>
      <c r="H7284" t="s">
        <v>37423</v>
      </c>
      <c r="J7284" t="s">
        <v>37424</v>
      </c>
      <c r="K7284" t="s">
        <v>37425</v>
      </c>
      <c r="M7284">
        <v>2308683</v>
      </c>
      <c r="O7284">
        <v>7727375</v>
      </c>
      <c r="P7284">
        <v>1</v>
      </c>
      <c r="Q7284">
        <v>0</v>
      </c>
      <c r="R7284" t="s">
        <v>37426</v>
      </c>
      <c r="S7284">
        <v>47</v>
      </c>
    </row>
    <row r="7285" spans="1:19" x14ac:dyDescent="0.25">
      <c r="A7285">
        <v>40808387</v>
      </c>
      <c r="B7285" t="s">
        <v>37427</v>
      </c>
      <c r="C7285" s="1" t="s">
        <v>37428</v>
      </c>
      <c r="D7285">
        <v>40810680</v>
      </c>
      <c r="E7285">
        <v>2</v>
      </c>
      <c r="F7285">
        <v>0</v>
      </c>
      <c r="H7285" t="s">
        <v>37429</v>
      </c>
      <c r="J7285" t="s">
        <v>37430</v>
      </c>
      <c r="O7285">
        <v>3198230</v>
      </c>
      <c r="P7285">
        <v>1</v>
      </c>
      <c r="Q7285">
        <v>0</v>
      </c>
      <c r="R7285" t="s">
        <v>37431</v>
      </c>
      <c r="S7285">
        <v>67</v>
      </c>
    </row>
    <row r="7286" spans="1:19" x14ac:dyDescent="0.25">
      <c r="A7286">
        <v>31001032</v>
      </c>
      <c r="B7286" t="s">
        <v>37432</v>
      </c>
      <c r="C7286" s="1" t="s">
        <v>37433</v>
      </c>
      <c r="E7286">
        <v>2</v>
      </c>
      <c r="F7286">
        <v>0</v>
      </c>
      <c r="H7286" t="s">
        <v>37434</v>
      </c>
      <c r="J7286" t="s">
        <v>37435</v>
      </c>
      <c r="O7286">
        <v>2978104</v>
      </c>
      <c r="P7286">
        <v>1</v>
      </c>
      <c r="Q7286">
        <v>0</v>
      </c>
      <c r="R7286" t="s">
        <v>37436</v>
      </c>
      <c r="S7286">
        <v>1038</v>
      </c>
    </row>
    <row r="7287" spans="1:19" x14ac:dyDescent="0.25">
      <c r="A7287">
        <v>42015714</v>
      </c>
      <c r="B7287" t="s">
        <v>37437</v>
      </c>
      <c r="C7287" s="1" t="s">
        <v>37438</v>
      </c>
      <c r="D7287">
        <v>42015922</v>
      </c>
      <c r="E7287">
        <v>3</v>
      </c>
      <c r="F7287">
        <v>3</v>
      </c>
      <c r="H7287" t="s">
        <v>37439</v>
      </c>
      <c r="I7287">
        <v>1</v>
      </c>
      <c r="J7287" t="s">
        <v>37440</v>
      </c>
      <c r="K7287" t="s">
        <v>37441</v>
      </c>
      <c r="M7287">
        <v>1718984</v>
      </c>
      <c r="O7287">
        <v>1718984</v>
      </c>
      <c r="P7287">
        <v>1</v>
      </c>
      <c r="Q7287">
        <v>6</v>
      </c>
      <c r="R7287" t="s">
        <v>37442</v>
      </c>
      <c r="S7287">
        <v>3432</v>
      </c>
    </row>
    <row r="7288" spans="1:19" x14ac:dyDescent="0.25">
      <c r="A7288">
        <v>7129690</v>
      </c>
      <c r="B7288" t="s">
        <v>37443</v>
      </c>
      <c r="C7288" s="1" t="s">
        <v>37444</v>
      </c>
      <c r="D7288">
        <v>7129705</v>
      </c>
      <c r="E7288">
        <v>1</v>
      </c>
      <c r="F7288">
        <v>0</v>
      </c>
      <c r="H7288" t="s">
        <v>37445</v>
      </c>
      <c r="J7288" t="s">
        <v>37446</v>
      </c>
      <c r="O7288">
        <v>903413</v>
      </c>
      <c r="P7288">
        <v>1</v>
      </c>
      <c r="Q7288">
        <v>1</v>
      </c>
      <c r="R7288" t="s">
        <v>37447</v>
      </c>
      <c r="S7288">
        <v>1779</v>
      </c>
    </row>
    <row r="7289" spans="1:19" x14ac:dyDescent="0.25">
      <c r="A7289">
        <v>30153619</v>
      </c>
      <c r="B7289" t="s">
        <v>37448</v>
      </c>
      <c r="C7289" s="1" t="s">
        <v>37449</v>
      </c>
      <c r="E7289">
        <v>2</v>
      </c>
      <c r="F7289">
        <v>4</v>
      </c>
      <c r="H7289" t="s">
        <v>37450</v>
      </c>
      <c r="J7289" t="s">
        <v>37451</v>
      </c>
      <c r="K7289" t="s">
        <v>37451</v>
      </c>
      <c r="M7289">
        <v>358614</v>
      </c>
      <c r="O7289">
        <v>4851605</v>
      </c>
      <c r="P7289">
        <v>1</v>
      </c>
      <c r="Q7289">
        <v>1</v>
      </c>
      <c r="R7289" t="s">
        <v>37452</v>
      </c>
      <c r="S7289">
        <v>5391</v>
      </c>
    </row>
    <row r="7290" spans="1:19" x14ac:dyDescent="0.25">
      <c r="A7290">
        <v>50118806</v>
      </c>
      <c r="B7290" t="s">
        <v>37453</v>
      </c>
      <c r="C7290" s="1" t="s">
        <v>37454</v>
      </c>
      <c r="E7290">
        <v>2</v>
      </c>
      <c r="F7290">
        <v>0</v>
      </c>
      <c r="H7290" t="s">
        <v>37455</v>
      </c>
      <c r="J7290" t="s">
        <v>37456</v>
      </c>
      <c r="O7290">
        <v>4690780</v>
      </c>
      <c r="P7290">
        <v>1</v>
      </c>
      <c r="Q7290">
        <v>0</v>
      </c>
      <c r="R7290" t="s">
        <v>37457</v>
      </c>
      <c r="S7290">
        <v>70</v>
      </c>
    </row>
    <row r="7291" spans="1:19" x14ac:dyDescent="0.25">
      <c r="A7291">
        <v>35800627</v>
      </c>
      <c r="B7291" t="s">
        <v>37458</v>
      </c>
      <c r="C7291" s="1" t="s">
        <v>37459</v>
      </c>
      <c r="E7291">
        <v>1</v>
      </c>
      <c r="F7291">
        <v>0</v>
      </c>
      <c r="H7291" t="s">
        <v>37460</v>
      </c>
      <c r="J7291" t="s">
        <v>37461</v>
      </c>
      <c r="O7291">
        <v>6019041</v>
      </c>
      <c r="P7291">
        <v>1</v>
      </c>
      <c r="Q7291">
        <v>-1</v>
      </c>
      <c r="R7291" t="s">
        <v>37462</v>
      </c>
      <c r="S7291">
        <v>22</v>
      </c>
    </row>
    <row r="7292" spans="1:19" x14ac:dyDescent="0.25">
      <c r="A7292">
        <v>32839407</v>
      </c>
      <c r="B7292" t="s">
        <v>37463</v>
      </c>
      <c r="C7292" t="s">
        <v>37464</v>
      </c>
      <c r="D7292">
        <v>32844616</v>
      </c>
      <c r="E7292">
        <v>2</v>
      </c>
      <c r="F7292">
        <v>0</v>
      </c>
      <c r="H7292" t="s">
        <v>37465</v>
      </c>
      <c r="J7292" t="s">
        <v>37466</v>
      </c>
      <c r="O7292">
        <v>4911018</v>
      </c>
      <c r="P7292">
        <v>1</v>
      </c>
      <c r="Q7292">
        <v>4</v>
      </c>
      <c r="R7292" t="s">
        <v>37467</v>
      </c>
      <c r="S7292">
        <v>491</v>
      </c>
    </row>
    <row r="7293" spans="1:19" x14ac:dyDescent="0.25">
      <c r="A7293">
        <v>14491139</v>
      </c>
      <c r="B7293" t="s">
        <v>37468</v>
      </c>
      <c r="C7293" s="1" t="s">
        <v>37469</v>
      </c>
      <c r="D7293">
        <v>14491175</v>
      </c>
      <c r="E7293">
        <v>2</v>
      </c>
      <c r="F7293">
        <v>11</v>
      </c>
      <c r="H7293" t="s">
        <v>37470</v>
      </c>
      <c r="J7293" t="s">
        <v>37471</v>
      </c>
      <c r="K7293" t="s">
        <v>37472</v>
      </c>
      <c r="M7293">
        <v>1959174</v>
      </c>
      <c r="O7293">
        <v>1959174</v>
      </c>
      <c r="P7293">
        <v>1</v>
      </c>
      <c r="Q7293">
        <v>2</v>
      </c>
      <c r="R7293" t="s">
        <v>748</v>
      </c>
      <c r="S7293">
        <v>205</v>
      </c>
    </row>
    <row r="7294" spans="1:19" x14ac:dyDescent="0.25">
      <c r="A7294">
        <v>21378507</v>
      </c>
      <c r="B7294" t="s">
        <v>37473</v>
      </c>
      <c r="C7294" s="1" t="s">
        <v>37474</v>
      </c>
      <c r="E7294">
        <v>1</v>
      </c>
      <c r="F7294">
        <v>0</v>
      </c>
      <c r="H7294" t="s">
        <v>37475</v>
      </c>
      <c r="J7294" t="s">
        <v>37476</v>
      </c>
      <c r="K7294" t="s">
        <v>37477</v>
      </c>
      <c r="M7294">
        <v>-1</v>
      </c>
      <c r="O7294">
        <v>811108</v>
      </c>
      <c r="P7294">
        <v>1</v>
      </c>
      <c r="Q7294">
        <v>0</v>
      </c>
      <c r="R7294" t="s">
        <v>37478</v>
      </c>
      <c r="S7294">
        <v>512</v>
      </c>
    </row>
    <row r="7295" spans="1:19" x14ac:dyDescent="0.25">
      <c r="A7295">
        <v>49690322</v>
      </c>
      <c r="B7295" t="s">
        <v>37479</v>
      </c>
      <c r="C7295" s="1" t="s">
        <v>37480</v>
      </c>
      <c r="D7295">
        <v>49690803</v>
      </c>
      <c r="E7295">
        <v>3</v>
      </c>
      <c r="F7295">
        <v>6</v>
      </c>
      <c r="H7295" t="s">
        <v>37481</v>
      </c>
      <c r="J7295" t="s">
        <v>37482</v>
      </c>
      <c r="K7295" t="s">
        <v>37483</v>
      </c>
      <c r="M7295">
        <v>4057622</v>
      </c>
      <c r="O7295">
        <v>3200792</v>
      </c>
      <c r="P7295">
        <v>1</v>
      </c>
      <c r="Q7295">
        <v>0</v>
      </c>
      <c r="R7295" t="s">
        <v>23404</v>
      </c>
      <c r="S7295">
        <v>42</v>
      </c>
    </row>
    <row r="7296" spans="1:19" x14ac:dyDescent="0.25">
      <c r="A7296">
        <v>2885822</v>
      </c>
      <c r="B7296" t="s">
        <v>37484</v>
      </c>
      <c r="C7296" s="1" t="s">
        <v>37485</v>
      </c>
      <c r="D7296">
        <v>2886422</v>
      </c>
      <c r="E7296">
        <v>3</v>
      </c>
      <c r="F7296">
        <v>0</v>
      </c>
      <c r="H7296" t="s">
        <v>37486</v>
      </c>
      <c r="J7296" t="s">
        <v>37487</v>
      </c>
      <c r="K7296" t="s">
        <v>37488</v>
      </c>
      <c r="M7296">
        <v>35142</v>
      </c>
      <c r="O7296">
        <v>129116</v>
      </c>
      <c r="P7296">
        <v>1</v>
      </c>
      <c r="Q7296">
        <v>9</v>
      </c>
      <c r="R7296" t="s">
        <v>37489</v>
      </c>
      <c r="S7296">
        <v>1775</v>
      </c>
    </row>
    <row r="7297" spans="1:19" x14ac:dyDescent="0.25">
      <c r="A7297">
        <v>32155833</v>
      </c>
      <c r="B7297" t="s">
        <v>37490</v>
      </c>
      <c r="C7297" s="1" t="s">
        <v>37491</v>
      </c>
      <c r="E7297">
        <v>0</v>
      </c>
      <c r="F7297">
        <v>3</v>
      </c>
      <c r="H7297" t="s">
        <v>37492</v>
      </c>
      <c r="J7297" t="s">
        <v>37493</v>
      </c>
      <c r="K7297" t="s">
        <v>37493</v>
      </c>
      <c r="M7297">
        <v>2708895</v>
      </c>
      <c r="O7297">
        <v>5038374</v>
      </c>
      <c r="P7297">
        <v>1</v>
      </c>
      <c r="Q7297">
        <v>0</v>
      </c>
      <c r="R7297" t="s">
        <v>37494</v>
      </c>
      <c r="S7297">
        <v>84</v>
      </c>
    </row>
    <row r="7298" spans="1:19" x14ac:dyDescent="0.25">
      <c r="A7298">
        <v>16218705</v>
      </c>
      <c r="B7298" t="s">
        <v>37495</v>
      </c>
      <c r="C7298" s="1" t="s">
        <v>37496</v>
      </c>
      <c r="E7298">
        <v>3</v>
      </c>
      <c r="F7298">
        <v>6</v>
      </c>
      <c r="H7298" t="s">
        <v>37497</v>
      </c>
      <c r="I7298">
        <v>3</v>
      </c>
      <c r="J7298" t="s">
        <v>37498</v>
      </c>
      <c r="O7298">
        <v>2012335</v>
      </c>
      <c r="P7298">
        <v>1</v>
      </c>
      <c r="Q7298">
        <v>4</v>
      </c>
      <c r="R7298" t="s">
        <v>37499</v>
      </c>
      <c r="S7298">
        <v>26723</v>
      </c>
    </row>
    <row r="7299" spans="1:19" x14ac:dyDescent="0.25">
      <c r="A7299">
        <v>11529360</v>
      </c>
      <c r="B7299" t="s">
        <v>37500</v>
      </c>
      <c r="C7299" s="1" t="s">
        <v>37501</v>
      </c>
      <c r="D7299">
        <v>11530766</v>
      </c>
      <c r="E7299">
        <v>3</v>
      </c>
      <c r="F7299">
        <v>0</v>
      </c>
      <c r="H7299" t="s">
        <v>37502</v>
      </c>
      <c r="J7299" t="s">
        <v>37503</v>
      </c>
      <c r="O7299">
        <v>1055127</v>
      </c>
      <c r="P7299">
        <v>1</v>
      </c>
      <c r="Q7299">
        <v>3</v>
      </c>
      <c r="R7299" t="s">
        <v>37504</v>
      </c>
      <c r="S7299">
        <v>1078</v>
      </c>
    </row>
    <row r="7300" spans="1:19" x14ac:dyDescent="0.25">
      <c r="A7300">
        <v>4113671</v>
      </c>
      <c r="B7300" t="s">
        <v>37505</v>
      </c>
      <c r="C7300" s="1" t="s">
        <v>37506</v>
      </c>
      <c r="D7300">
        <v>4115361</v>
      </c>
      <c r="E7300">
        <v>3</v>
      </c>
      <c r="F7300">
        <v>0</v>
      </c>
      <c r="H7300" t="s">
        <v>37507</v>
      </c>
      <c r="J7300" t="s">
        <v>37508</v>
      </c>
      <c r="K7300" t="s">
        <v>37509</v>
      </c>
      <c r="M7300">
        <v>45963</v>
      </c>
      <c r="O7300">
        <v>45963</v>
      </c>
      <c r="P7300">
        <v>1</v>
      </c>
      <c r="Q7300">
        <v>0</v>
      </c>
      <c r="R7300" t="s">
        <v>37510</v>
      </c>
      <c r="S7300">
        <v>2367</v>
      </c>
    </row>
    <row r="7301" spans="1:19" x14ac:dyDescent="0.25">
      <c r="A7301">
        <v>51849263</v>
      </c>
      <c r="B7301" t="s">
        <v>37511</v>
      </c>
      <c r="C7301" s="1" t="s">
        <v>37512</v>
      </c>
      <c r="E7301">
        <v>2</v>
      </c>
      <c r="F7301">
        <v>0</v>
      </c>
      <c r="H7301" t="s">
        <v>37513</v>
      </c>
      <c r="J7301" t="s">
        <v>37514</v>
      </c>
      <c r="O7301">
        <v>9811216</v>
      </c>
      <c r="P7301">
        <v>1</v>
      </c>
      <c r="Q7301">
        <v>0</v>
      </c>
      <c r="R7301" t="s">
        <v>37515</v>
      </c>
      <c r="S7301">
        <v>20</v>
      </c>
    </row>
    <row r="7302" spans="1:19" x14ac:dyDescent="0.25">
      <c r="A7302">
        <v>7775539</v>
      </c>
      <c r="B7302" t="s">
        <v>37516</v>
      </c>
      <c r="C7302" s="1" t="s">
        <v>37517</v>
      </c>
      <c r="D7302">
        <v>7775654</v>
      </c>
      <c r="E7302">
        <v>1</v>
      </c>
      <c r="F7302">
        <v>0</v>
      </c>
      <c r="H7302" t="s">
        <v>37518</v>
      </c>
      <c r="J7302" t="s">
        <v>37519</v>
      </c>
      <c r="O7302">
        <v>800452</v>
      </c>
      <c r="P7302">
        <v>1</v>
      </c>
      <c r="Q7302">
        <v>0</v>
      </c>
      <c r="R7302" t="s">
        <v>37520</v>
      </c>
      <c r="S7302">
        <v>273</v>
      </c>
    </row>
    <row r="7303" spans="1:19" x14ac:dyDescent="0.25">
      <c r="A7303">
        <v>31979831</v>
      </c>
      <c r="B7303" t="s">
        <v>37521</v>
      </c>
      <c r="C7303" s="1" t="s">
        <v>37522</v>
      </c>
      <c r="D7303">
        <v>31981432</v>
      </c>
      <c r="E7303">
        <v>5</v>
      </c>
      <c r="F7303">
        <v>0</v>
      </c>
      <c r="H7303" t="s">
        <v>37523</v>
      </c>
      <c r="J7303" t="s">
        <v>37524</v>
      </c>
      <c r="O7303">
        <v>2130130</v>
      </c>
      <c r="P7303">
        <v>1</v>
      </c>
      <c r="Q7303">
        <v>1</v>
      </c>
      <c r="R7303" t="s">
        <v>37525</v>
      </c>
      <c r="S7303">
        <v>1248</v>
      </c>
    </row>
    <row r="7304" spans="1:19" x14ac:dyDescent="0.25">
      <c r="A7304">
        <v>1358559</v>
      </c>
      <c r="B7304" t="s">
        <v>37526</v>
      </c>
      <c r="C7304" s="1" t="s">
        <v>37527</v>
      </c>
      <c r="D7304">
        <v>1358624</v>
      </c>
      <c r="E7304">
        <v>4</v>
      </c>
      <c r="F7304">
        <v>0</v>
      </c>
      <c r="H7304" t="s">
        <v>37528</v>
      </c>
      <c r="J7304" t="s">
        <v>37529</v>
      </c>
      <c r="K7304" t="s">
        <v>37530</v>
      </c>
      <c r="M7304">
        <v>23897</v>
      </c>
      <c r="N7304" t="s">
        <v>37531</v>
      </c>
      <c r="P7304">
        <v>1</v>
      </c>
      <c r="Q7304">
        <v>-2</v>
      </c>
      <c r="R7304" t="s">
        <v>9846</v>
      </c>
      <c r="S7304">
        <v>1493</v>
      </c>
    </row>
    <row r="7305" spans="1:19" x14ac:dyDescent="0.25">
      <c r="A7305">
        <v>34116728</v>
      </c>
      <c r="B7305" t="s">
        <v>37532</v>
      </c>
      <c r="C7305" s="1" t="s">
        <v>37533</v>
      </c>
      <c r="E7305">
        <v>1</v>
      </c>
      <c r="F7305">
        <v>0</v>
      </c>
      <c r="H7305" t="s">
        <v>37534</v>
      </c>
      <c r="J7305" t="s">
        <v>37535</v>
      </c>
      <c r="O7305">
        <v>370092</v>
      </c>
      <c r="P7305">
        <v>1</v>
      </c>
      <c r="Q7305">
        <v>2</v>
      </c>
      <c r="R7305" t="s">
        <v>37536</v>
      </c>
      <c r="S7305">
        <v>223</v>
      </c>
    </row>
    <row r="7306" spans="1:19" x14ac:dyDescent="0.25">
      <c r="A7306">
        <v>20904262</v>
      </c>
      <c r="B7306" t="s">
        <v>37537</v>
      </c>
      <c r="C7306" s="1" t="s">
        <v>37538</v>
      </c>
      <c r="D7306">
        <v>20904551</v>
      </c>
      <c r="E7306">
        <v>2</v>
      </c>
      <c r="F7306">
        <v>5</v>
      </c>
      <c r="H7306" t="s">
        <v>37539</v>
      </c>
      <c r="J7306" t="s">
        <v>37540</v>
      </c>
      <c r="K7306" t="s">
        <v>37541</v>
      </c>
      <c r="M7306">
        <v>13302</v>
      </c>
      <c r="O7306">
        <v>2878610</v>
      </c>
      <c r="P7306">
        <v>1</v>
      </c>
      <c r="Q7306">
        <v>0</v>
      </c>
      <c r="R7306" t="s">
        <v>37542</v>
      </c>
      <c r="S7306">
        <v>1157</v>
      </c>
    </row>
    <row r="7307" spans="1:19" x14ac:dyDescent="0.25">
      <c r="A7307">
        <v>1330202</v>
      </c>
      <c r="B7307" t="s">
        <v>37543</v>
      </c>
      <c r="C7307" s="1" t="s">
        <v>37544</v>
      </c>
      <c r="D7307">
        <v>1330245</v>
      </c>
      <c r="E7307">
        <v>1</v>
      </c>
      <c r="F7307">
        <v>0</v>
      </c>
      <c r="H7307" t="s">
        <v>37545</v>
      </c>
      <c r="J7307" t="s">
        <v>37546</v>
      </c>
      <c r="O7307">
        <v>159564</v>
      </c>
      <c r="P7307">
        <v>1</v>
      </c>
      <c r="Q7307">
        <v>1</v>
      </c>
      <c r="R7307" t="s">
        <v>2122</v>
      </c>
      <c r="S7307">
        <v>2204</v>
      </c>
    </row>
    <row r="7308" spans="1:19" x14ac:dyDescent="0.25">
      <c r="A7308">
        <v>7727738</v>
      </c>
      <c r="B7308" t="s">
        <v>37547</v>
      </c>
      <c r="C7308" s="1" t="s">
        <v>37548</v>
      </c>
      <c r="D7308">
        <v>7727875</v>
      </c>
      <c r="E7308">
        <v>3</v>
      </c>
      <c r="F7308">
        <v>1</v>
      </c>
      <c r="H7308" t="s">
        <v>37549</v>
      </c>
      <c r="I7308">
        <v>7</v>
      </c>
      <c r="J7308" t="s">
        <v>37550</v>
      </c>
      <c r="K7308" t="s">
        <v>37551</v>
      </c>
      <c r="M7308">
        <v>30018</v>
      </c>
      <c r="O7308">
        <v>87796</v>
      </c>
      <c r="P7308">
        <v>1</v>
      </c>
      <c r="Q7308">
        <v>18</v>
      </c>
      <c r="R7308" t="s">
        <v>37552</v>
      </c>
      <c r="S7308">
        <v>47953</v>
      </c>
    </row>
    <row r="7309" spans="1:19" x14ac:dyDescent="0.25">
      <c r="A7309">
        <v>37230072</v>
      </c>
      <c r="B7309" t="s">
        <v>37553</v>
      </c>
      <c r="C7309" s="1" t="s">
        <v>37554</v>
      </c>
      <c r="D7309">
        <v>37230197</v>
      </c>
      <c r="E7309">
        <v>7</v>
      </c>
      <c r="F7309">
        <v>2</v>
      </c>
      <c r="H7309" t="s">
        <v>37555</v>
      </c>
      <c r="J7309" t="s">
        <v>37556</v>
      </c>
      <c r="K7309" t="s">
        <v>37557</v>
      </c>
      <c r="M7309">
        <v>6084849</v>
      </c>
      <c r="O7309">
        <v>6084849</v>
      </c>
      <c r="P7309">
        <v>1</v>
      </c>
      <c r="Q7309">
        <v>0</v>
      </c>
      <c r="R7309" t="s">
        <v>4205</v>
      </c>
      <c r="S7309">
        <v>73</v>
      </c>
    </row>
    <row r="7310" spans="1:19" x14ac:dyDescent="0.25">
      <c r="A7310">
        <v>31835164</v>
      </c>
      <c r="B7310" t="s">
        <v>37558</v>
      </c>
      <c r="C7310" s="1" t="s">
        <v>37559</v>
      </c>
      <c r="D7310">
        <v>41680744</v>
      </c>
      <c r="E7310">
        <v>2</v>
      </c>
      <c r="F7310">
        <v>0</v>
      </c>
      <c r="H7310" t="s">
        <v>37560</v>
      </c>
      <c r="I7310">
        <v>3</v>
      </c>
      <c r="J7310" t="s">
        <v>37561</v>
      </c>
      <c r="O7310">
        <v>138601</v>
      </c>
      <c r="P7310">
        <v>1</v>
      </c>
      <c r="Q7310">
        <v>10</v>
      </c>
      <c r="R7310" t="s">
        <v>37562</v>
      </c>
      <c r="S7310">
        <v>7647</v>
      </c>
    </row>
    <row r="7311" spans="1:19" x14ac:dyDescent="0.25">
      <c r="A7311">
        <v>43451254</v>
      </c>
      <c r="B7311" t="s">
        <v>37563</v>
      </c>
      <c r="C7311" s="1" t="s">
        <v>37564</v>
      </c>
      <c r="D7311">
        <v>43451852</v>
      </c>
      <c r="E7311">
        <v>4</v>
      </c>
      <c r="F7311">
        <v>2</v>
      </c>
      <c r="H7311" t="s">
        <v>37565</v>
      </c>
      <c r="J7311" t="s">
        <v>37566</v>
      </c>
      <c r="K7311" t="s">
        <v>37567</v>
      </c>
      <c r="M7311">
        <v>7151676</v>
      </c>
      <c r="O7311">
        <v>7151676</v>
      </c>
      <c r="P7311">
        <v>1</v>
      </c>
      <c r="Q7311">
        <v>0</v>
      </c>
      <c r="R7311" t="s">
        <v>37568</v>
      </c>
      <c r="S7311">
        <v>298</v>
      </c>
    </row>
    <row r="7312" spans="1:19" x14ac:dyDescent="0.25">
      <c r="A7312">
        <v>11674749</v>
      </c>
      <c r="B7312" t="s">
        <v>37569</v>
      </c>
      <c r="C7312" s="1" t="s">
        <v>37570</v>
      </c>
      <c r="D7312">
        <v>11692271</v>
      </c>
      <c r="E7312">
        <v>2</v>
      </c>
      <c r="F7312">
        <v>1</v>
      </c>
      <c r="H7312" t="s">
        <v>37571</v>
      </c>
      <c r="J7312" t="s">
        <v>37572</v>
      </c>
      <c r="O7312">
        <v>446829</v>
      </c>
      <c r="P7312">
        <v>1</v>
      </c>
      <c r="Q7312">
        <v>1</v>
      </c>
      <c r="R7312" t="s">
        <v>37573</v>
      </c>
      <c r="S7312">
        <v>476</v>
      </c>
    </row>
    <row r="7313" spans="1:19" x14ac:dyDescent="0.25">
      <c r="A7313">
        <v>38609549</v>
      </c>
      <c r="B7313" t="s">
        <v>37574</v>
      </c>
      <c r="C7313" s="1" t="s">
        <v>37575</v>
      </c>
      <c r="E7313">
        <v>2</v>
      </c>
      <c r="F7313">
        <v>1</v>
      </c>
      <c r="H7313" t="s">
        <v>37576</v>
      </c>
      <c r="J7313" t="s">
        <v>37577</v>
      </c>
      <c r="O7313">
        <v>6639771</v>
      </c>
      <c r="P7313">
        <v>1</v>
      </c>
      <c r="Q7313">
        <v>0</v>
      </c>
      <c r="R7313" t="s">
        <v>17950</v>
      </c>
      <c r="S7313">
        <v>21</v>
      </c>
    </row>
    <row r="7314" spans="1:19" x14ac:dyDescent="0.25">
      <c r="A7314">
        <v>48475530</v>
      </c>
      <c r="B7314" t="s">
        <v>37578</v>
      </c>
      <c r="C7314" s="1" t="s">
        <v>37579</v>
      </c>
      <c r="E7314">
        <v>1</v>
      </c>
      <c r="F7314">
        <v>1</v>
      </c>
      <c r="H7314" t="s">
        <v>37580</v>
      </c>
      <c r="J7314" t="s">
        <v>37581</v>
      </c>
      <c r="K7314" t="s">
        <v>37582</v>
      </c>
      <c r="M7314">
        <v>5180509</v>
      </c>
      <c r="O7314">
        <v>9272923</v>
      </c>
      <c r="P7314">
        <v>1</v>
      </c>
      <c r="Q7314">
        <v>0</v>
      </c>
      <c r="R7314" t="s">
        <v>37583</v>
      </c>
      <c r="S7314">
        <v>235</v>
      </c>
    </row>
    <row r="7315" spans="1:19" x14ac:dyDescent="0.25">
      <c r="A7315">
        <v>23195875</v>
      </c>
      <c r="B7315" t="s">
        <v>37584</v>
      </c>
      <c r="C7315" s="1" t="s">
        <v>37585</v>
      </c>
      <c r="D7315">
        <v>23201770</v>
      </c>
      <c r="E7315">
        <v>1</v>
      </c>
      <c r="F7315">
        <v>2</v>
      </c>
      <c r="H7315" t="s">
        <v>37586</v>
      </c>
      <c r="J7315" t="s">
        <v>37587</v>
      </c>
      <c r="K7315" t="s">
        <v>37588</v>
      </c>
      <c r="M7315">
        <v>3422586</v>
      </c>
      <c r="O7315">
        <v>3422586</v>
      </c>
      <c r="P7315">
        <v>1</v>
      </c>
      <c r="Q7315">
        <v>0</v>
      </c>
      <c r="R7315" t="s">
        <v>37589</v>
      </c>
      <c r="S7315">
        <v>1485</v>
      </c>
    </row>
    <row r="7316" spans="1:19" x14ac:dyDescent="0.25">
      <c r="A7316">
        <v>25901657</v>
      </c>
      <c r="B7316" t="s">
        <v>37590</v>
      </c>
      <c r="C7316" s="1" t="s">
        <v>37591</v>
      </c>
      <c r="E7316">
        <v>7</v>
      </c>
      <c r="F7316">
        <v>5</v>
      </c>
      <c r="H7316" t="s">
        <v>37592</v>
      </c>
      <c r="I7316">
        <v>1</v>
      </c>
      <c r="J7316" t="s">
        <v>37593</v>
      </c>
      <c r="K7316" t="s">
        <v>37594</v>
      </c>
      <c r="M7316">
        <v>15168</v>
      </c>
      <c r="O7316">
        <v>3181773</v>
      </c>
      <c r="P7316">
        <v>1</v>
      </c>
      <c r="Q7316">
        <v>2</v>
      </c>
      <c r="R7316" t="s">
        <v>37595</v>
      </c>
      <c r="S7316">
        <v>1594</v>
      </c>
    </row>
    <row r="7317" spans="1:19" x14ac:dyDescent="0.25">
      <c r="A7317">
        <v>53142857</v>
      </c>
      <c r="B7317" t="s">
        <v>37596</v>
      </c>
      <c r="C7317" s="1" t="s">
        <v>37597</v>
      </c>
      <c r="E7317">
        <v>1</v>
      </c>
      <c r="F7317">
        <v>0</v>
      </c>
      <c r="H7317" t="s">
        <v>37598</v>
      </c>
      <c r="J7317" t="s">
        <v>37599</v>
      </c>
      <c r="O7317">
        <v>9323052</v>
      </c>
      <c r="P7317">
        <v>1</v>
      </c>
      <c r="Q7317">
        <v>0</v>
      </c>
      <c r="R7317" t="s">
        <v>37600</v>
      </c>
      <c r="S7317">
        <v>21</v>
      </c>
    </row>
    <row r="7318" spans="1:19" x14ac:dyDescent="0.25">
      <c r="A7318">
        <v>24078762</v>
      </c>
      <c r="B7318" t="s">
        <v>37601</v>
      </c>
      <c r="C7318" s="1" t="s">
        <v>37602</v>
      </c>
      <c r="E7318">
        <v>1</v>
      </c>
      <c r="F7318">
        <v>7</v>
      </c>
      <c r="H7318" t="s">
        <v>37603</v>
      </c>
      <c r="J7318" t="s">
        <v>37604</v>
      </c>
      <c r="O7318">
        <v>1434880</v>
      </c>
      <c r="P7318">
        <v>1</v>
      </c>
      <c r="Q7318">
        <v>0</v>
      </c>
      <c r="R7318" t="s">
        <v>37605</v>
      </c>
      <c r="S7318">
        <v>144</v>
      </c>
    </row>
    <row r="7319" spans="1:19" x14ac:dyDescent="0.25">
      <c r="A7319">
        <v>2550543</v>
      </c>
      <c r="B7319" t="s">
        <v>37606</v>
      </c>
      <c r="C7319" t="s">
        <v>37607</v>
      </c>
      <c r="E7319">
        <v>1</v>
      </c>
      <c r="F7319">
        <v>4</v>
      </c>
      <c r="H7319" t="s">
        <v>37608</v>
      </c>
      <c r="J7319" t="s">
        <v>37609</v>
      </c>
      <c r="O7319">
        <v>100066</v>
      </c>
      <c r="P7319">
        <v>1</v>
      </c>
      <c r="Q7319">
        <v>-1</v>
      </c>
      <c r="R7319" t="s">
        <v>37610</v>
      </c>
      <c r="S7319">
        <v>659</v>
      </c>
    </row>
    <row r="7320" spans="1:19" x14ac:dyDescent="0.25">
      <c r="A7320">
        <v>37163416</v>
      </c>
      <c r="B7320" t="s">
        <v>37611</v>
      </c>
      <c r="C7320" s="1" t="s">
        <v>37612</v>
      </c>
      <c r="E7320">
        <v>1</v>
      </c>
      <c r="F7320">
        <v>2</v>
      </c>
      <c r="H7320" t="s">
        <v>37613</v>
      </c>
      <c r="J7320" t="s">
        <v>37614</v>
      </c>
      <c r="O7320">
        <v>6320055</v>
      </c>
      <c r="P7320">
        <v>1</v>
      </c>
      <c r="Q7320">
        <v>-1</v>
      </c>
      <c r="R7320" t="s">
        <v>2607</v>
      </c>
      <c r="S7320">
        <v>26</v>
      </c>
    </row>
    <row r="7321" spans="1:19" x14ac:dyDescent="0.25">
      <c r="A7321">
        <v>30511703</v>
      </c>
      <c r="B7321" t="s">
        <v>37615</v>
      </c>
      <c r="C7321" s="1" t="s">
        <v>37616</v>
      </c>
      <c r="D7321">
        <v>30520740</v>
      </c>
      <c r="E7321">
        <v>3</v>
      </c>
      <c r="F7321">
        <v>3</v>
      </c>
      <c r="H7321" t="s">
        <v>37617</v>
      </c>
      <c r="I7321">
        <v>1</v>
      </c>
      <c r="J7321" t="s">
        <v>37618</v>
      </c>
      <c r="O7321">
        <v>2823419</v>
      </c>
      <c r="P7321">
        <v>1</v>
      </c>
      <c r="Q7321">
        <v>6</v>
      </c>
      <c r="R7321" t="s">
        <v>37619</v>
      </c>
      <c r="S7321">
        <v>9825</v>
      </c>
    </row>
    <row r="7322" spans="1:19" x14ac:dyDescent="0.25">
      <c r="A7322">
        <v>34726627</v>
      </c>
      <c r="B7322" t="s">
        <v>37620</v>
      </c>
      <c r="C7322" t="s">
        <v>37621</v>
      </c>
      <c r="D7322">
        <v>34734691</v>
      </c>
      <c r="E7322">
        <v>1</v>
      </c>
      <c r="F7322">
        <v>6</v>
      </c>
      <c r="H7322" t="s">
        <v>37622</v>
      </c>
      <c r="I7322">
        <v>0</v>
      </c>
      <c r="J7322" t="s">
        <v>37623</v>
      </c>
      <c r="O7322">
        <v>4921328</v>
      </c>
      <c r="P7322">
        <v>1</v>
      </c>
      <c r="Q7322">
        <v>0</v>
      </c>
      <c r="R7322" t="s">
        <v>37624</v>
      </c>
      <c r="S7322">
        <v>1942</v>
      </c>
    </row>
    <row r="7323" spans="1:19" x14ac:dyDescent="0.25">
      <c r="A7323">
        <v>20525230</v>
      </c>
      <c r="B7323" t="s">
        <v>37625</v>
      </c>
      <c r="C7323" s="1" t="s">
        <v>37626</v>
      </c>
      <c r="D7323">
        <v>20525606</v>
      </c>
      <c r="E7323">
        <v>1</v>
      </c>
      <c r="F7323">
        <v>4</v>
      </c>
      <c r="H7323" t="s">
        <v>37627</v>
      </c>
      <c r="J7323" t="s">
        <v>37628</v>
      </c>
      <c r="O7323">
        <v>2945890</v>
      </c>
      <c r="P7323">
        <v>1</v>
      </c>
      <c r="Q7323">
        <v>0</v>
      </c>
      <c r="R7323" t="s">
        <v>37629</v>
      </c>
      <c r="S7323">
        <v>660</v>
      </c>
    </row>
    <row r="7324" spans="1:19" x14ac:dyDescent="0.25">
      <c r="A7324">
        <v>44199383</v>
      </c>
      <c r="B7324" t="s">
        <v>37630</v>
      </c>
      <c r="C7324" s="1" t="s">
        <v>37631</v>
      </c>
      <c r="E7324">
        <v>1</v>
      </c>
      <c r="F7324">
        <v>4</v>
      </c>
      <c r="H7324" t="s">
        <v>37632</v>
      </c>
      <c r="J7324" t="s">
        <v>37633</v>
      </c>
      <c r="O7324">
        <v>3460734</v>
      </c>
      <c r="P7324">
        <v>1</v>
      </c>
      <c r="Q7324">
        <v>1</v>
      </c>
      <c r="R7324" t="s">
        <v>37634</v>
      </c>
      <c r="S7324">
        <v>134</v>
      </c>
    </row>
    <row r="7325" spans="1:19" x14ac:dyDescent="0.25">
      <c r="A7325">
        <v>37963018</v>
      </c>
      <c r="B7325" t="s">
        <v>37635</v>
      </c>
      <c r="C7325" s="1" t="s">
        <v>37636</v>
      </c>
      <c r="D7325">
        <v>37963547</v>
      </c>
      <c r="E7325">
        <v>4</v>
      </c>
      <c r="F7325">
        <v>4</v>
      </c>
      <c r="H7325" t="s">
        <v>37637</v>
      </c>
      <c r="J7325" t="s">
        <v>37638</v>
      </c>
      <c r="O7325">
        <v>4570230</v>
      </c>
      <c r="P7325">
        <v>1</v>
      </c>
      <c r="Q7325">
        <v>0</v>
      </c>
      <c r="R7325" t="s">
        <v>6023</v>
      </c>
      <c r="S7325">
        <v>505</v>
      </c>
    </row>
    <row r="7326" spans="1:19" x14ac:dyDescent="0.25">
      <c r="A7326">
        <v>34302052</v>
      </c>
      <c r="B7326" t="s">
        <v>37639</v>
      </c>
      <c r="C7326" s="1" t="s">
        <v>37640</v>
      </c>
      <c r="D7326">
        <v>34302886</v>
      </c>
      <c r="E7326">
        <v>1</v>
      </c>
      <c r="F7326">
        <v>2</v>
      </c>
      <c r="H7326" t="s">
        <v>37641</v>
      </c>
      <c r="I7326">
        <v>1</v>
      </c>
      <c r="J7326" t="s">
        <v>37642</v>
      </c>
      <c r="K7326" t="s">
        <v>37643</v>
      </c>
      <c r="M7326">
        <v>5451433</v>
      </c>
      <c r="O7326">
        <v>5451433</v>
      </c>
      <c r="P7326">
        <v>1</v>
      </c>
      <c r="Q7326">
        <v>0</v>
      </c>
      <c r="R7326" t="s">
        <v>12692</v>
      </c>
      <c r="S7326">
        <v>29</v>
      </c>
    </row>
    <row r="7327" spans="1:19" x14ac:dyDescent="0.25">
      <c r="A7327">
        <v>33779195</v>
      </c>
      <c r="B7327" t="s">
        <v>37644</v>
      </c>
      <c r="C7327" s="1" t="s">
        <v>37645</v>
      </c>
      <c r="D7327">
        <v>33823522</v>
      </c>
      <c r="E7327">
        <v>1</v>
      </c>
      <c r="F7327">
        <v>0</v>
      </c>
      <c r="H7327" t="s">
        <v>37646</v>
      </c>
      <c r="J7327" t="s">
        <v>37647</v>
      </c>
      <c r="O7327">
        <v>2359449</v>
      </c>
      <c r="P7327">
        <v>1</v>
      </c>
      <c r="Q7327">
        <v>-1</v>
      </c>
      <c r="R7327" t="s">
        <v>37648</v>
      </c>
      <c r="S7327">
        <v>1438</v>
      </c>
    </row>
    <row r="7328" spans="1:19" x14ac:dyDescent="0.25">
      <c r="A7328">
        <v>48487252</v>
      </c>
      <c r="B7328" t="s">
        <v>37649</v>
      </c>
      <c r="C7328" s="1" t="s">
        <v>37650</v>
      </c>
      <c r="D7328">
        <v>48487553</v>
      </c>
      <c r="E7328">
        <v>1</v>
      </c>
      <c r="F7328">
        <v>0</v>
      </c>
      <c r="H7328" t="s">
        <v>37651</v>
      </c>
      <c r="J7328" t="s">
        <v>37652</v>
      </c>
      <c r="O7328">
        <v>3306356</v>
      </c>
      <c r="P7328">
        <v>1</v>
      </c>
      <c r="Q7328">
        <v>0</v>
      </c>
      <c r="R7328" t="s">
        <v>37653</v>
      </c>
      <c r="S7328">
        <v>17</v>
      </c>
    </row>
    <row r="7329" spans="1:19" x14ac:dyDescent="0.25">
      <c r="A7329">
        <v>47938212</v>
      </c>
      <c r="B7329" t="s">
        <v>37654</v>
      </c>
      <c r="C7329" s="1" t="s">
        <v>37655</v>
      </c>
      <c r="D7329">
        <v>47938489</v>
      </c>
      <c r="E7329">
        <v>1</v>
      </c>
      <c r="F7329">
        <v>0</v>
      </c>
      <c r="H7329" t="s">
        <v>37656</v>
      </c>
      <c r="J7329" t="s">
        <v>37657</v>
      </c>
      <c r="O7329">
        <v>8213274</v>
      </c>
      <c r="P7329">
        <v>1</v>
      </c>
      <c r="Q7329">
        <v>0</v>
      </c>
      <c r="R7329" t="s">
        <v>37658</v>
      </c>
      <c r="S7329">
        <v>36</v>
      </c>
    </row>
    <row r="7330" spans="1:19" x14ac:dyDescent="0.25">
      <c r="A7330">
        <v>43073268</v>
      </c>
      <c r="B7330" t="s">
        <v>37659</v>
      </c>
      <c r="C7330" s="1" t="s">
        <v>37660</v>
      </c>
      <c r="E7330">
        <v>1</v>
      </c>
      <c r="F7330">
        <v>2</v>
      </c>
      <c r="H7330" t="s">
        <v>37661</v>
      </c>
      <c r="J7330" t="s">
        <v>37662</v>
      </c>
      <c r="K7330" t="s">
        <v>37662</v>
      </c>
      <c r="M7330">
        <v>1724560</v>
      </c>
      <c r="O7330">
        <v>1724560</v>
      </c>
      <c r="P7330">
        <v>1</v>
      </c>
      <c r="Q7330">
        <v>0</v>
      </c>
      <c r="R7330" t="s">
        <v>37663</v>
      </c>
      <c r="S7330">
        <v>422</v>
      </c>
    </row>
    <row r="7331" spans="1:19" x14ac:dyDescent="0.25">
      <c r="A7331">
        <v>30820406</v>
      </c>
      <c r="B7331" t="s">
        <v>37664</v>
      </c>
      <c r="C7331" s="1" t="s">
        <v>37665</v>
      </c>
      <c r="D7331">
        <v>30827823</v>
      </c>
      <c r="E7331">
        <v>1</v>
      </c>
      <c r="F7331">
        <v>0</v>
      </c>
      <c r="H7331" t="s">
        <v>37666</v>
      </c>
      <c r="J7331" t="s">
        <v>37667</v>
      </c>
      <c r="K7331" t="s">
        <v>37668</v>
      </c>
      <c r="M7331">
        <v>776491</v>
      </c>
      <c r="O7331">
        <v>776491</v>
      </c>
      <c r="P7331">
        <v>1</v>
      </c>
      <c r="Q7331">
        <v>1</v>
      </c>
      <c r="R7331" t="s">
        <v>37669</v>
      </c>
      <c r="S7331">
        <v>1714</v>
      </c>
    </row>
    <row r="7332" spans="1:19" x14ac:dyDescent="0.25">
      <c r="A7332">
        <v>24376826</v>
      </c>
      <c r="B7332" t="s">
        <v>37670</v>
      </c>
      <c r="C7332" s="1" t="s">
        <v>37671</v>
      </c>
      <c r="E7332">
        <v>1</v>
      </c>
      <c r="F7332">
        <v>1</v>
      </c>
      <c r="H7332" t="s">
        <v>37672</v>
      </c>
      <c r="J7332" t="s">
        <v>37673</v>
      </c>
      <c r="K7332" t="s">
        <v>37674</v>
      </c>
      <c r="M7332">
        <v>142162</v>
      </c>
      <c r="O7332">
        <v>3769287</v>
      </c>
      <c r="P7332">
        <v>1</v>
      </c>
      <c r="Q7332">
        <v>-1</v>
      </c>
      <c r="R7332" t="s">
        <v>28046</v>
      </c>
      <c r="S7332">
        <v>523</v>
      </c>
    </row>
    <row r="7333" spans="1:19" x14ac:dyDescent="0.25">
      <c r="A7333">
        <v>9687146</v>
      </c>
      <c r="B7333" t="s">
        <v>37675</v>
      </c>
      <c r="C7333" s="1" t="s">
        <v>37676</v>
      </c>
      <c r="D7333">
        <v>9720986</v>
      </c>
      <c r="E7333">
        <v>2</v>
      </c>
      <c r="F7333">
        <v>0</v>
      </c>
      <c r="H7333" t="s">
        <v>37677</v>
      </c>
      <c r="J7333" t="s">
        <v>37678</v>
      </c>
      <c r="O7333">
        <v>804969</v>
      </c>
      <c r="P7333">
        <v>1</v>
      </c>
      <c r="Q7333">
        <v>0</v>
      </c>
      <c r="R7333" t="s">
        <v>37679</v>
      </c>
      <c r="S7333">
        <v>452</v>
      </c>
    </row>
    <row r="7334" spans="1:19" x14ac:dyDescent="0.25">
      <c r="A7334">
        <v>34290387</v>
      </c>
      <c r="B7334" t="s">
        <v>37680</v>
      </c>
      <c r="C7334" s="1" t="s">
        <v>37681</v>
      </c>
      <c r="D7334">
        <v>34339478</v>
      </c>
      <c r="E7334">
        <v>1</v>
      </c>
      <c r="F7334">
        <v>0</v>
      </c>
      <c r="H7334" t="s">
        <v>37682</v>
      </c>
      <c r="J7334" t="s">
        <v>37683</v>
      </c>
      <c r="K7334" t="s">
        <v>37684</v>
      </c>
      <c r="M7334">
        <v>2440325</v>
      </c>
      <c r="O7334">
        <v>2440325</v>
      </c>
      <c r="P7334">
        <v>1</v>
      </c>
      <c r="Q7334">
        <v>0</v>
      </c>
      <c r="R7334" t="s">
        <v>37685</v>
      </c>
      <c r="S7334">
        <v>151</v>
      </c>
    </row>
    <row r="7335" spans="1:19" x14ac:dyDescent="0.25">
      <c r="A7335">
        <v>38426309</v>
      </c>
      <c r="B7335" t="s">
        <v>37686</v>
      </c>
      <c r="C7335" s="1" t="s">
        <v>37687</v>
      </c>
      <c r="E7335">
        <v>1</v>
      </c>
      <c r="F7335">
        <v>0</v>
      </c>
      <c r="H7335" t="s">
        <v>37688</v>
      </c>
      <c r="I7335">
        <v>1</v>
      </c>
      <c r="J7335" t="s">
        <v>37689</v>
      </c>
      <c r="O7335">
        <v>586932</v>
      </c>
      <c r="P7335">
        <v>1</v>
      </c>
      <c r="Q7335">
        <v>1</v>
      </c>
      <c r="R7335" t="s">
        <v>37690</v>
      </c>
      <c r="S7335">
        <v>134</v>
      </c>
    </row>
    <row r="7336" spans="1:19" x14ac:dyDescent="0.25">
      <c r="A7336">
        <v>39977559</v>
      </c>
      <c r="B7336" t="s">
        <v>37691</v>
      </c>
      <c r="C7336" s="1" t="s">
        <v>37692</v>
      </c>
      <c r="D7336">
        <v>39977766</v>
      </c>
      <c r="E7336">
        <v>1</v>
      </c>
      <c r="F7336">
        <v>0</v>
      </c>
      <c r="H7336" t="s">
        <v>37693</v>
      </c>
      <c r="J7336" t="s">
        <v>37694</v>
      </c>
      <c r="O7336">
        <v>15349</v>
      </c>
      <c r="P7336">
        <v>1</v>
      </c>
      <c r="Q7336">
        <v>0</v>
      </c>
      <c r="R7336" t="s">
        <v>37695</v>
      </c>
      <c r="S7336">
        <v>74</v>
      </c>
    </row>
    <row r="7337" spans="1:19" x14ac:dyDescent="0.25">
      <c r="A7337">
        <v>5917087</v>
      </c>
      <c r="B7337" t="s">
        <v>37696</v>
      </c>
      <c r="C7337" s="1" t="s">
        <v>37697</v>
      </c>
      <c r="E7337">
        <v>2</v>
      </c>
      <c r="F7337">
        <v>0</v>
      </c>
      <c r="H7337" t="s">
        <v>37698</v>
      </c>
      <c r="I7337">
        <v>2</v>
      </c>
      <c r="J7337" t="s">
        <v>37699</v>
      </c>
      <c r="K7337" t="s">
        <v>37700</v>
      </c>
      <c r="M7337">
        <v>46690</v>
      </c>
      <c r="O7337">
        <v>225128</v>
      </c>
      <c r="P7337">
        <v>1</v>
      </c>
      <c r="Q7337">
        <v>1</v>
      </c>
      <c r="R7337" t="s">
        <v>37701</v>
      </c>
      <c r="S7337">
        <v>1377</v>
      </c>
    </row>
    <row r="7338" spans="1:19" x14ac:dyDescent="0.25">
      <c r="A7338">
        <v>37168919</v>
      </c>
      <c r="B7338" t="s">
        <v>37702</v>
      </c>
      <c r="C7338" s="1" t="s">
        <v>37703</v>
      </c>
      <c r="E7338">
        <v>0</v>
      </c>
      <c r="F7338">
        <v>0</v>
      </c>
      <c r="H7338" t="s">
        <v>37704</v>
      </c>
      <c r="J7338" t="s">
        <v>37704</v>
      </c>
      <c r="O7338">
        <v>5625906</v>
      </c>
      <c r="P7338">
        <v>1</v>
      </c>
      <c r="Q7338">
        <v>1</v>
      </c>
      <c r="R7338" t="s">
        <v>37705</v>
      </c>
      <c r="S7338">
        <v>383</v>
      </c>
    </row>
    <row r="7339" spans="1:19" x14ac:dyDescent="0.25">
      <c r="A7339">
        <v>43641351</v>
      </c>
      <c r="B7339" t="s">
        <v>37706</v>
      </c>
      <c r="C7339" s="1" t="s">
        <v>37707</v>
      </c>
      <c r="E7339">
        <v>1</v>
      </c>
      <c r="F7339">
        <v>7</v>
      </c>
      <c r="H7339" t="s">
        <v>37708</v>
      </c>
      <c r="I7339">
        <v>1</v>
      </c>
      <c r="J7339" t="s">
        <v>37709</v>
      </c>
      <c r="K7339" t="s">
        <v>37709</v>
      </c>
      <c r="M7339">
        <v>770127</v>
      </c>
      <c r="O7339">
        <v>770127</v>
      </c>
      <c r="P7339">
        <v>1</v>
      </c>
      <c r="Q7339">
        <v>2</v>
      </c>
      <c r="R7339" t="s">
        <v>37710</v>
      </c>
      <c r="S7339">
        <v>474</v>
      </c>
    </row>
    <row r="7340" spans="1:19" x14ac:dyDescent="0.25">
      <c r="A7340">
        <v>26590062</v>
      </c>
      <c r="B7340" t="s">
        <v>37711</v>
      </c>
      <c r="C7340" s="1" t="s">
        <v>37712</v>
      </c>
      <c r="D7340">
        <v>26590254</v>
      </c>
      <c r="E7340">
        <v>2</v>
      </c>
      <c r="F7340">
        <v>0</v>
      </c>
      <c r="H7340" t="s">
        <v>37713</v>
      </c>
      <c r="J7340" t="s">
        <v>37714</v>
      </c>
      <c r="O7340">
        <v>2542763</v>
      </c>
      <c r="P7340">
        <v>1</v>
      </c>
      <c r="Q7340">
        <v>0</v>
      </c>
      <c r="R7340" t="s">
        <v>3034</v>
      </c>
      <c r="S7340">
        <v>20</v>
      </c>
    </row>
    <row r="7341" spans="1:19" x14ac:dyDescent="0.25">
      <c r="A7341">
        <v>8297291</v>
      </c>
      <c r="B7341" t="s">
        <v>37715</v>
      </c>
      <c r="C7341" s="1" t="s">
        <v>37716</v>
      </c>
      <c r="D7341">
        <v>8297474</v>
      </c>
      <c r="E7341">
        <v>2</v>
      </c>
      <c r="F7341">
        <v>1</v>
      </c>
      <c r="H7341" t="s">
        <v>37717</v>
      </c>
      <c r="J7341" t="s">
        <v>37718</v>
      </c>
      <c r="K7341" t="s">
        <v>37718</v>
      </c>
      <c r="M7341">
        <v>97890</v>
      </c>
      <c r="O7341">
        <v>817572</v>
      </c>
      <c r="P7341">
        <v>1</v>
      </c>
      <c r="Q7341">
        <v>3</v>
      </c>
      <c r="R7341" t="s">
        <v>37719</v>
      </c>
      <c r="S7341">
        <v>641</v>
      </c>
    </row>
    <row r="7342" spans="1:19" x14ac:dyDescent="0.25">
      <c r="A7342">
        <v>25031101</v>
      </c>
      <c r="B7342" t="s">
        <v>37720</v>
      </c>
      <c r="C7342" s="1" t="s">
        <v>37721</v>
      </c>
      <c r="E7342">
        <v>1</v>
      </c>
      <c r="F7342">
        <v>6</v>
      </c>
      <c r="H7342" t="s">
        <v>37722</v>
      </c>
      <c r="J7342" t="s">
        <v>37723</v>
      </c>
      <c r="K7342" t="s">
        <v>37724</v>
      </c>
      <c r="M7342">
        <v>1629919</v>
      </c>
      <c r="O7342">
        <v>1629919</v>
      </c>
      <c r="P7342">
        <v>1</v>
      </c>
      <c r="Q7342">
        <v>0</v>
      </c>
      <c r="R7342" t="s">
        <v>37725</v>
      </c>
      <c r="S7342">
        <v>569</v>
      </c>
    </row>
    <row r="7343" spans="1:19" x14ac:dyDescent="0.25">
      <c r="A7343">
        <v>12577789</v>
      </c>
      <c r="B7343" t="s">
        <v>37726</v>
      </c>
      <c r="C7343" s="1" t="s">
        <v>37727</v>
      </c>
      <c r="E7343">
        <v>3</v>
      </c>
      <c r="F7343">
        <v>1</v>
      </c>
      <c r="H7343" t="s">
        <v>37728</v>
      </c>
      <c r="J7343" t="s">
        <v>37729</v>
      </c>
      <c r="K7343" t="s">
        <v>37730</v>
      </c>
      <c r="M7343">
        <v>995926</v>
      </c>
      <c r="O7343">
        <v>1594938</v>
      </c>
      <c r="P7343">
        <v>1</v>
      </c>
      <c r="Q7343">
        <v>0</v>
      </c>
      <c r="R7343" t="s">
        <v>37731</v>
      </c>
      <c r="S7343">
        <v>562</v>
      </c>
    </row>
    <row r="7344" spans="1:19" x14ac:dyDescent="0.25">
      <c r="A7344">
        <v>36583543</v>
      </c>
      <c r="B7344" t="s">
        <v>37732</v>
      </c>
      <c r="C7344" s="1" t="s">
        <v>37733</v>
      </c>
      <c r="E7344">
        <v>0</v>
      </c>
      <c r="F7344">
        <v>0</v>
      </c>
      <c r="H7344" t="s">
        <v>37734</v>
      </c>
      <c r="J7344" t="s">
        <v>37735</v>
      </c>
      <c r="K7344" t="s">
        <v>37735</v>
      </c>
      <c r="M7344">
        <v>364696</v>
      </c>
      <c r="O7344">
        <v>1660298</v>
      </c>
      <c r="P7344">
        <v>1</v>
      </c>
      <c r="Q7344">
        <v>2</v>
      </c>
      <c r="R7344" t="s">
        <v>37736</v>
      </c>
      <c r="S7344">
        <v>29</v>
      </c>
    </row>
    <row r="7345" spans="1:19" x14ac:dyDescent="0.25">
      <c r="A7345">
        <v>11510597</v>
      </c>
      <c r="B7345" t="s">
        <v>37737</v>
      </c>
      <c r="C7345" s="1" t="s">
        <v>37738</v>
      </c>
      <c r="E7345">
        <v>2</v>
      </c>
      <c r="F7345">
        <v>0</v>
      </c>
      <c r="H7345" t="s">
        <v>37739</v>
      </c>
      <c r="J7345" t="s">
        <v>37740</v>
      </c>
      <c r="O7345">
        <v>423285</v>
      </c>
      <c r="P7345">
        <v>1</v>
      </c>
      <c r="Q7345">
        <v>0</v>
      </c>
      <c r="R7345" t="s">
        <v>37741</v>
      </c>
      <c r="S7345">
        <v>275</v>
      </c>
    </row>
    <row r="7346" spans="1:19" x14ac:dyDescent="0.25">
      <c r="A7346">
        <v>4302582</v>
      </c>
      <c r="B7346" t="s">
        <v>37742</v>
      </c>
      <c r="C7346" s="1" t="s">
        <v>37743</v>
      </c>
      <c r="D7346">
        <v>9248474</v>
      </c>
      <c r="E7346">
        <v>1</v>
      </c>
      <c r="F7346">
        <v>1</v>
      </c>
      <c r="H7346" t="s">
        <v>37744</v>
      </c>
      <c r="I7346">
        <v>2</v>
      </c>
      <c r="J7346" t="s">
        <v>37745</v>
      </c>
      <c r="O7346">
        <v>426969</v>
      </c>
      <c r="P7346">
        <v>1</v>
      </c>
      <c r="Q7346">
        <v>1</v>
      </c>
      <c r="R7346" t="s">
        <v>1359</v>
      </c>
      <c r="S7346">
        <v>7038</v>
      </c>
    </row>
    <row r="7347" spans="1:19" x14ac:dyDescent="0.25">
      <c r="A7347">
        <v>17266265</v>
      </c>
      <c r="B7347" t="s">
        <v>37746</v>
      </c>
      <c r="C7347" s="1" t="s">
        <v>37747</v>
      </c>
      <c r="E7347">
        <v>2</v>
      </c>
      <c r="F7347">
        <v>0</v>
      </c>
      <c r="H7347" t="s">
        <v>37748</v>
      </c>
      <c r="I7347">
        <v>0</v>
      </c>
      <c r="J7347" t="s">
        <v>37749</v>
      </c>
      <c r="O7347">
        <v>2367887</v>
      </c>
      <c r="P7347">
        <v>1</v>
      </c>
      <c r="Q7347">
        <v>0</v>
      </c>
      <c r="R7347" t="s">
        <v>37750</v>
      </c>
      <c r="S7347">
        <v>627</v>
      </c>
    </row>
    <row r="7348" spans="1:19" x14ac:dyDescent="0.25">
      <c r="A7348">
        <v>38198729</v>
      </c>
      <c r="B7348" t="s">
        <v>37751</v>
      </c>
      <c r="C7348" s="1" t="s">
        <v>37752</v>
      </c>
      <c r="D7348">
        <v>38198966</v>
      </c>
      <c r="E7348">
        <v>2</v>
      </c>
      <c r="F7348">
        <v>10</v>
      </c>
      <c r="H7348" t="s">
        <v>37753</v>
      </c>
      <c r="J7348" t="s">
        <v>37754</v>
      </c>
      <c r="K7348" t="s">
        <v>37755</v>
      </c>
      <c r="L7348" t="s">
        <v>37756</v>
      </c>
      <c r="N7348" t="s">
        <v>37756</v>
      </c>
      <c r="P7348">
        <v>1</v>
      </c>
      <c r="Q7348">
        <v>0</v>
      </c>
      <c r="R7348" t="s">
        <v>37757</v>
      </c>
      <c r="S7348">
        <v>33</v>
      </c>
    </row>
    <row r="7349" spans="1:19" x14ac:dyDescent="0.25">
      <c r="A7349">
        <v>23809496</v>
      </c>
      <c r="B7349" t="s">
        <v>37758</v>
      </c>
      <c r="C7349" s="1" t="s">
        <v>37759</v>
      </c>
      <c r="D7349">
        <v>23833093</v>
      </c>
      <c r="E7349">
        <v>1</v>
      </c>
      <c r="F7349">
        <v>2</v>
      </c>
      <c r="H7349" t="s">
        <v>37760</v>
      </c>
      <c r="J7349" t="s">
        <v>37761</v>
      </c>
      <c r="K7349" t="s">
        <v>37762</v>
      </c>
      <c r="M7349">
        <v>3665354</v>
      </c>
      <c r="O7349">
        <v>3665354</v>
      </c>
      <c r="P7349">
        <v>1</v>
      </c>
      <c r="Q7349">
        <v>0</v>
      </c>
      <c r="R7349" t="s">
        <v>18723</v>
      </c>
      <c r="S7349">
        <v>115</v>
      </c>
    </row>
    <row r="7350" spans="1:19" x14ac:dyDescent="0.25">
      <c r="A7350">
        <v>1925744</v>
      </c>
      <c r="B7350" t="s">
        <v>37763</v>
      </c>
      <c r="C7350" s="1" t="s">
        <v>37764</v>
      </c>
      <c r="D7350">
        <v>1925761</v>
      </c>
      <c r="E7350">
        <v>3</v>
      </c>
      <c r="F7350">
        <v>0</v>
      </c>
      <c r="H7350" t="s">
        <v>37765</v>
      </c>
      <c r="J7350" t="s">
        <v>37766</v>
      </c>
      <c r="O7350">
        <v>63761</v>
      </c>
      <c r="P7350">
        <v>1</v>
      </c>
      <c r="Q7350">
        <v>0</v>
      </c>
      <c r="R7350" t="s">
        <v>37767</v>
      </c>
      <c r="S7350">
        <v>738</v>
      </c>
    </row>
    <row r="7351" spans="1:19" x14ac:dyDescent="0.25">
      <c r="A7351">
        <v>1513589</v>
      </c>
      <c r="B7351" t="s">
        <v>37768</v>
      </c>
      <c r="C7351" s="1" t="s">
        <v>37769</v>
      </c>
      <c r="D7351">
        <v>1515904</v>
      </c>
      <c r="E7351">
        <v>2</v>
      </c>
      <c r="F7351">
        <v>0</v>
      </c>
      <c r="H7351" t="s">
        <v>37770</v>
      </c>
      <c r="I7351">
        <v>2</v>
      </c>
      <c r="J7351" t="s">
        <v>37771</v>
      </c>
      <c r="K7351" t="s">
        <v>37772</v>
      </c>
      <c r="M7351">
        <v>-1</v>
      </c>
      <c r="O7351">
        <v>33080</v>
      </c>
      <c r="P7351">
        <v>1</v>
      </c>
      <c r="Q7351">
        <v>6</v>
      </c>
      <c r="R7351" t="s">
        <v>37773</v>
      </c>
      <c r="S7351">
        <v>1557</v>
      </c>
    </row>
    <row r="7352" spans="1:19" x14ac:dyDescent="0.25">
      <c r="A7352">
        <v>39989488</v>
      </c>
      <c r="B7352" t="s">
        <v>37774</v>
      </c>
      <c r="C7352" s="1" t="s">
        <v>37775</v>
      </c>
      <c r="D7352">
        <v>39989521</v>
      </c>
      <c r="E7352">
        <v>1</v>
      </c>
      <c r="F7352">
        <v>0</v>
      </c>
      <c r="H7352" t="s">
        <v>37776</v>
      </c>
      <c r="J7352" t="s">
        <v>37777</v>
      </c>
      <c r="O7352">
        <v>4984555</v>
      </c>
      <c r="P7352">
        <v>1</v>
      </c>
      <c r="Q7352">
        <v>0</v>
      </c>
      <c r="R7352" t="s">
        <v>37778</v>
      </c>
      <c r="S7352">
        <v>49</v>
      </c>
    </row>
    <row r="7353" spans="1:19" x14ac:dyDescent="0.25">
      <c r="A7353">
        <v>17131107</v>
      </c>
      <c r="B7353" t="s">
        <v>37779</v>
      </c>
      <c r="C7353" s="1" t="s">
        <v>37780</v>
      </c>
      <c r="E7353">
        <v>0</v>
      </c>
      <c r="F7353">
        <v>10</v>
      </c>
      <c r="H7353" t="s">
        <v>37781</v>
      </c>
      <c r="J7353" t="s">
        <v>37781</v>
      </c>
      <c r="O7353">
        <v>257635</v>
      </c>
      <c r="P7353">
        <v>1</v>
      </c>
      <c r="Q7353">
        <v>2</v>
      </c>
      <c r="R7353" t="s">
        <v>37782</v>
      </c>
      <c r="S7353">
        <v>157</v>
      </c>
    </row>
    <row r="7354" spans="1:19" x14ac:dyDescent="0.25">
      <c r="A7354">
        <v>29815798</v>
      </c>
      <c r="B7354" t="s">
        <v>37783</v>
      </c>
      <c r="C7354" s="1" t="s">
        <v>37784</v>
      </c>
      <c r="D7354">
        <v>29817218</v>
      </c>
      <c r="E7354">
        <v>1</v>
      </c>
      <c r="F7354">
        <v>0</v>
      </c>
      <c r="H7354" t="s">
        <v>37785</v>
      </c>
      <c r="J7354" t="s">
        <v>37786</v>
      </c>
      <c r="O7354">
        <v>2575541</v>
      </c>
      <c r="P7354">
        <v>1</v>
      </c>
      <c r="Q7354">
        <v>2</v>
      </c>
      <c r="R7354" t="s">
        <v>37787</v>
      </c>
      <c r="S7354">
        <v>3846</v>
      </c>
    </row>
    <row r="7355" spans="1:19" x14ac:dyDescent="0.25">
      <c r="A7355">
        <v>41686739</v>
      </c>
      <c r="B7355" t="s">
        <v>37788</v>
      </c>
      <c r="C7355" s="1" t="s">
        <v>37789</v>
      </c>
      <c r="D7355">
        <v>41687233</v>
      </c>
      <c r="E7355">
        <v>2</v>
      </c>
      <c r="F7355">
        <v>0</v>
      </c>
      <c r="H7355" t="s">
        <v>37790</v>
      </c>
      <c r="J7355" t="s">
        <v>37791</v>
      </c>
      <c r="O7355">
        <v>7404985</v>
      </c>
      <c r="P7355">
        <v>1</v>
      </c>
      <c r="Q7355">
        <v>0</v>
      </c>
      <c r="R7355" t="s">
        <v>37792</v>
      </c>
      <c r="S7355">
        <v>23</v>
      </c>
    </row>
    <row r="7356" spans="1:19" x14ac:dyDescent="0.25">
      <c r="A7356">
        <v>4669058</v>
      </c>
      <c r="B7356" t="s">
        <v>37793</v>
      </c>
      <c r="C7356" s="1" t="s">
        <v>37794</v>
      </c>
      <c r="E7356">
        <v>2</v>
      </c>
      <c r="F7356">
        <v>0</v>
      </c>
      <c r="H7356" t="s">
        <v>37795</v>
      </c>
      <c r="J7356" t="s">
        <v>37796</v>
      </c>
      <c r="K7356" t="s">
        <v>37797</v>
      </c>
      <c r="M7356">
        <v>144491</v>
      </c>
      <c r="O7356">
        <v>571739</v>
      </c>
      <c r="P7356">
        <v>1</v>
      </c>
      <c r="Q7356">
        <v>0</v>
      </c>
      <c r="R7356" t="s">
        <v>32631</v>
      </c>
      <c r="S7356">
        <v>132</v>
      </c>
    </row>
    <row r="7357" spans="1:19" x14ac:dyDescent="0.25">
      <c r="A7357">
        <v>44053214</v>
      </c>
      <c r="B7357" t="s">
        <v>37798</v>
      </c>
      <c r="C7357" s="1" t="s">
        <v>37799</v>
      </c>
      <c r="D7357">
        <v>44053367</v>
      </c>
      <c r="E7357">
        <v>1</v>
      </c>
      <c r="F7357">
        <v>2</v>
      </c>
      <c r="H7357" t="s">
        <v>37800</v>
      </c>
      <c r="J7357" t="s">
        <v>37801</v>
      </c>
      <c r="K7357" t="s">
        <v>37802</v>
      </c>
      <c r="M7357">
        <v>13302</v>
      </c>
      <c r="O7357">
        <v>6474749</v>
      </c>
      <c r="P7357">
        <v>1</v>
      </c>
      <c r="Q7357">
        <v>0</v>
      </c>
      <c r="R7357" t="s">
        <v>549</v>
      </c>
      <c r="S7357">
        <v>21</v>
      </c>
    </row>
    <row r="7358" spans="1:19" x14ac:dyDescent="0.25">
      <c r="A7358">
        <v>39056877</v>
      </c>
      <c r="B7358" t="s">
        <v>37803</v>
      </c>
      <c r="C7358" s="1" t="s">
        <v>37804</v>
      </c>
      <c r="D7358">
        <v>39056899</v>
      </c>
      <c r="E7358">
        <v>1</v>
      </c>
      <c r="F7358">
        <v>3</v>
      </c>
      <c r="H7358" t="s">
        <v>37805</v>
      </c>
      <c r="I7358">
        <v>0</v>
      </c>
      <c r="J7358" t="s">
        <v>37806</v>
      </c>
      <c r="K7358" t="s">
        <v>37806</v>
      </c>
      <c r="M7358">
        <v>6221412</v>
      </c>
      <c r="O7358">
        <v>6221412</v>
      </c>
      <c r="P7358">
        <v>1</v>
      </c>
      <c r="Q7358">
        <v>0</v>
      </c>
      <c r="R7358" t="s">
        <v>37807</v>
      </c>
      <c r="S7358">
        <v>196</v>
      </c>
    </row>
    <row r="7359" spans="1:19" x14ac:dyDescent="0.25">
      <c r="A7359">
        <v>5155038</v>
      </c>
      <c r="B7359" t="s">
        <v>37808</v>
      </c>
      <c r="C7359" s="1" t="s">
        <v>37809</v>
      </c>
      <c r="E7359">
        <v>2</v>
      </c>
      <c r="F7359">
        <v>1</v>
      </c>
      <c r="H7359" t="s">
        <v>37810</v>
      </c>
      <c r="I7359">
        <v>1</v>
      </c>
      <c r="J7359" t="s">
        <v>37811</v>
      </c>
      <c r="K7359" t="s">
        <v>37812</v>
      </c>
      <c r="M7359">
        <v>6509</v>
      </c>
      <c r="O7359">
        <v>576682</v>
      </c>
      <c r="P7359">
        <v>1</v>
      </c>
      <c r="Q7359">
        <v>4</v>
      </c>
      <c r="R7359" t="s">
        <v>6657</v>
      </c>
      <c r="S7359">
        <v>9205</v>
      </c>
    </row>
    <row r="7360" spans="1:19" x14ac:dyDescent="0.25">
      <c r="A7360">
        <v>11069644</v>
      </c>
      <c r="B7360" t="s">
        <v>37813</v>
      </c>
      <c r="C7360" s="1" t="s">
        <v>37814</v>
      </c>
      <c r="D7360">
        <v>11069916</v>
      </c>
      <c r="E7360">
        <v>1</v>
      </c>
      <c r="F7360">
        <v>0</v>
      </c>
      <c r="H7360" t="s">
        <v>37815</v>
      </c>
      <c r="I7360">
        <v>4</v>
      </c>
      <c r="J7360" t="s">
        <v>37816</v>
      </c>
      <c r="K7360" t="s">
        <v>37817</v>
      </c>
      <c r="M7360">
        <v>938089</v>
      </c>
      <c r="O7360">
        <v>167814</v>
      </c>
      <c r="P7360">
        <v>1</v>
      </c>
      <c r="Q7360">
        <v>11</v>
      </c>
      <c r="R7360" t="s">
        <v>37818</v>
      </c>
      <c r="S7360">
        <v>3258</v>
      </c>
    </row>
    <row r="7361" spans="1:19" x14ac:dyDescent="0.25">
      <c r="A7361">
        <v>35051863</v>
      </c>
      <c r="B7361" t="s">
        <v>37819</v>
      </c>
      <c r="C7361" s="1" t="s">
        <v>37820</v>
      </c>
      <c r="D7361">
        <v>35063796</v>
      </c>
      <c r="E7361">
        <v>1</v>
      </c>
      <c r="F7361">
        <v>0</v>
      </c>
      <c r="H7361" t="s">
        <v>37821</v>
      </c>
      <c r="I7361">
        <v>0</v>
      </c>
      <c r="J7361" t="s">
        <v>37822</v>
      </c>
      <c r="K7361" t="s">
        <v>37823</v>
      </c>
      <c r="M7361">
        <v>5697203</v>
      </c>
      <c r="O7361">
        <v>5697203</v>
      </c>
      <c r="P7361">
        <v>1</v>
      </c>
      <c r="Q7361">
        <v>0</v>
      </c>
      <c r="R7361" t="s">
        <v>37824</v>
      </c>
      <c r="S7361">
        <v>143</v>
      </c>
    </row>
    <row r="7362" spans="1:19" x14ac:dyDescent="0.25">
      <c r="A7362">
        <v>34834056</v>
      </c>
      <c r="B7362" t="s">
        <v>37825</v>
      </c>
      <c r="C7362" t="s">
        <v>37826</v>
      </c>
      <c r="E7362">
        <v>0</v>
      </c>
      <c r="F7362">
        <v>7</v>
      </c>
      <c r="H7362" t="s">
        <v>37827</v>
      </c>
      <c r="J7362" t="s">
        <v>37828</v>
      </c>
      <c r="K7362" t="s">
        <v>37828</v>
      </c>
      <c r="M7362">
        <v>4158862</v>
      </c>
      <c r="O7362">
        <v>5798789</v>
      </c>
      <c r="P7362">
        <v>1</v>
      </c>
      <c r="Q7362">
        <v>0</v>
      </c>
      <c r="R7362" t="s">
        <v>37829</v>
      </c>
      <c r="S7362">
        <v>97</v>
      </c>
    </row>
    <row r="7363" spans="1:19" x14ac:dyDescent="0.25">
      <c r="A7363">
        <v>45936434</v>
      </c>
      <c r="B7363" t="s">
        <v>37830</v>
      </c>
      <c r="C7363" s="1" t="s">
        <v>37831</v>
      </c>
      <c r="E7363">
        <v>2</v>
      </c>
      <c r="F7363">
        <v>3</v>
      </c>
      <c r="H7363" t="s">
        <v>37832</v>
      </c>
      <c r="J7363" t="s">
        <v>37833</v>
      </c>
      <c r="K7363" t="s">
        <v>37834</v>
      </c>
      <c r="M7363">
        <v>472495</v>
      </c>
      <c r="O7363">
        <v>8531862</v>
      </c>
      <c r="P7363">
        <v>1</v>
      </c>
      <c r="Q7363">
        <v>1</v>
      </c>
      <c r="R7363" t="s">
        <v>5654</v>
      </c>
      <c r="S7363">
        <v>53</v>
      </c>
    </row>
    <row r="7364" spans="1:19" x14ac:dyDescent="0.25">
      <c r="A7364">
        <v>33609092</v>
      </c>
      <c r="B7364" t="s">
        <v>37835</v>
      </c>
      <c r="C7364" s="1" t="s">
        <v>37836</v>
      </c>
      <c r="E7364">
        <v>2</v>
      </c>
      <c r="F7364">
        <v>1</v>
      </c>
      <c r="H7364" t="s">
        <v>37837</v>
      </c>
      <c r="J7364" t="s">
        <v>37838</v>
      </c>
      <c r="O7364">
        <v>2768453</v>
      </c>
      <c r="P7364">
        <v>1</v>
      </c>
      <c r="Q7364">
        <v>0</v>
      </c>
      <c r="R7364" t="s">
        <v>37839</v>
      </c>
      <c r="S7364">
        <v>754</v>
      </c>
    </row>
    <row r="7365" spans="1:19" x14ac:dyDescent="0.25">
      <c r="A7365">
        <v>2530098</v>
      </c>
      <c r="B7365" t="s">
        <v>37840</v>
      </c>
      <c r="C7365" s="1" t="s">
        <v>37841</v>
      </c>
      <c r="D7365">
        <v>2530106</v>
      </c>
      <c r="E7365">
        <v>4</v>
      </c>
      <c r="F7365">
        <v>0</v>
      </c>
      <c r="H7365" t="s">
        <v>37842</v>
      </c>
      <c r="I7365">
        <v>0</v>
      </c>
      <c r="J7365" t="s">
        <v>37843</v>
      </c>
      <c r="O7365">
        <v>427812</v>
      </c>
      <c r="P7365">
        <v>1</v>
      </c>
      <c r="Q7365">
        <v>-1</v>
      </c>
      <c r="R7365" t="s">
        <v>37844</v>
      </c>
      <c r="S7365">
        <v>556</v>
      </c>
    </row>
    <row r="7366" spans="1:19" x14ac:dyDescent="0.25">
      <c r="A7366">
        <v>31121948</v>
      </c>
      <c r="B7366" t="s">
        <v>37845</v>
      </c>
      <c r="C7366" s="1" t="s">
        <v>37846</v>
      </c>
      <c r="D7366">
        <v>31151374</v>
      </c>
      <c r="E7366">
        <v>3</v>
      </c>
      <c r="F7366">
        <v>0</v>
      </c>
      <c r="H7366" t="s">
        <v>37847</v>
      </c>
      <c r="I7366">
        <v>5</v>
      </c>
      <c r="J7366" t="s">
        <v>37848</v>
      </c>
      <c r="O7366">
        <v>3203662</v>
      </c>
      <c r="P7366">
        <v>1</v>
      </c>
      <c r="Q7366">
        <v>12</v>
      </c>
      <c r="R7366" t="s">
        <v>37849</v>
      </c>
      <c r="S7366">
        <v>12451</v>
      </c>
    </row>
    <row r="7367" spans="1:19" x14ac:dyDescent="0.25">
      <c r="A7367">
        <v>8983375</v>
      </c>
      <c r="B7367" t="s">
        <v>37850</v>
      </c>
      <c r="C7367" s="1" t="s">
        <v>37851</v>
      </c>
      <c r="D7367">
        <v>9003054</v>
      </c>
      <c r="E7367">
        <v>1</v>
      </c>
      <c r="F7367">
        <v>0</v>
      </c>
      <c r="H7367" t="s">
        <v>37852</v>
      </c>
      <c r="J7367" t="s">
        <v>37853</v>
      </c>
      <c r="O7367">
        <v>726239</v>
      </c>
      <c r="P7367">
        <v>1</v>
      </c>
      <c r="Q7367">
        <v>1</v>
      </c>
      <c r="R7367" t="s">
        <v>37854</v>
      </c>
      <c r="S7367">
        <v>608</v>
      </c>
    </row>
    <row r="7368" spans="1:19" x14ac:dyDescent="0.25">
      <c r="A7368">
        <v>15454691</v>
      </c>
      <c r="B7368" t="s">
        <v>37855</v>
      </c>
      <c r="C7368" s="1" t="s">
        <v>37856</v>
      </c>
      <c r="D7368">
        <v>15454717</v>
      </c>
      <c r="E7368">
        <v>1</v>
      </c>
      <c r="F7368">
        <v>1</v>
      </c>
      <c r="H7368" t="s">
        <v>37857</v>
      </c>
      <c r="J7368" t="s">
        <v>37858</v>
      </c>
      <c r="K7368" t="s">
        <v>37858</v>
      </c>
      <c r="M7368">
        <v>85661</v>
      </c>
      <c r="O7368">
        <v>1279200</v>
      </c>
      <c r="P7368">
        <v>1</v>
      </c>
      <c r="Q7368">
        <v>1</v>
      </c>
      <c r="R7368" t="s">
        <v>37859</v>
      </c>
      <c r="S7368">
        <v>2333</v>
      </c>
    </row>
    <row r="7369" spans="1:19" x14ac:dyDescent="0.25">
      <c r="A7369">
        <v>12074513</v>
      </c>
      <c r="B7369" t="s">
        <v>37860</v>
      </c>
      <c r="C7369" s="1" t="s">
        <v>37861</v>
      </c>
      <c r="E7369">
        <v>1</v>
      </c>
      <c r="F7369">
        <v>0</v>
      </c>
      <c r="H7369" t="s">
        <v>37862</v>
      </c>
      <c r="J7369" t="s">
        <v>37863</v>
      </c>
      <c r="O7369">
        <v>1610450</v>
      </c>
      <c r="P7369">
        <v>1</v>
      </c>
      <c r="Q7369">
        <v>0</v>
      </c>
      <c r="R7369" t="s">
        <v>37864</v>
      </c>
      <c r="S7369">
        <v>169</v>
      </c>
    </row>
    <row r="7370" spans="1:19" x14ac:dyDescent="0.25">
      <c r="A7370">
        <v>4562543</v>
      </c>
      <c r="B7370" t="s">
        <v>37865</v>
      </c>
      <c r="C7370" s="1" t="s">
        <v>37866</v>
      </c>
      <c r="D7370">
        <v>4563269</v>
      </c>
      <c r="E7370">
        <v>1</v>
      </c>
      <c r="F7370">
        <v>2</v>
      </c>
      <c r="H7370" t="s">
        <v>37867</v>
      </c>
      <c r="J7370" t="s">
        <v>37868</v>
      </c>
      <c r="K7370" t="s">
        <v>37868</v>
      </c>
      <c r="M7370">
        <v>679449</v>
      </c>
      <c r="O7370">
        <v>558249</v>
      </c>
      <c r="P7370">
        <v>1</v>
      </c>
      <c r="Q7370">
        <v>1</v>
      </c>
      <c r="R7370" t="s">
        <v>780</v>
      </c>
      <c r="S7370">
        <v>1330</v>
      </c>
    </row>
    <row r="7371" spans="1:19" x14ac:dyDescent="0.25">
      <c r="A7371">
        <v>17524087</v>
      </c>
      <c r="B7371" t="s">
        <v>37869</v>
      </c>
      <c r="C7371" s="1" t="s">
        <v>37870</v>
      </c>
      <c r="E7371">
        <v>2</v>
      </c>
      <c r="F7371">
        <v>0</v>
      </c>
      <c r="H7371" t="s">
        <v>37871</v>
      </c>
      <c r="J7371" t="s">
        <v>37872</v>
      </c>
      <c r="O7371">
        <v>1206358</v>
      </c>
      <c r="P7371">
        <v>1</v>
      </c>
      <c r="Q7371">
        <v>3</v>
      </c>
      <c r="R7371" t="s">
        <v>37873</v>
      </c>
      <c r="S7371">
        <v>290</v>
      </c>
    </row>
    <row r="7372" spans="1:19" x14ac:dyDescent="0.25">
      <c r="A7372">
        <v>17000505</v>
      </c>
      <c r="B7372" t="s">
        <v>37874</v>
      </c>
      <c r="C7372" s="1" t="s">
        <v>37875</v>
      </c>
      <c r="D7372">
        <v>17144084</v>
      </c>
      <c r="E7372">
        <v>1</v>
      </c>
      <c r="F7372">
        <v>0</v>
      </c>
      <c r="H7372" t="s">
        <v>37876</v>
      </c>
      <c r="J7372" t="s">
        <v>37877</v>
      </c>
      <c r="O7372">
        <v>925309</v>
      </c>
      <c r="P7372">
        <v>1</v>
      </c>
      <c r="Q7372">
        <v>0</v>
      </c>
      <c r="R7372" t="s">
        <v>37878</v>
      </c>
      <c r="S7372">
        <v>132</v>
      </c>
    </row>
    <row r="7373" spans="1:19" x14ac:dyDescent="0.25">
      <c r="A7373">
        <v>33981709</v>
      </c>
      <c r="B7373" t="s">
        <v>37879</v>
      </c>
      <c r="C7373" s="1" t="s">
        <v>37880</v>
      </c>
      <c r="E7373">
        <v>1</v>
      </c>
      <c r="F7373">
        <v>0</v>
      </c>
      <c r="H7373" t="s">
        <v>37881</v>
      </c>
      <c r="J7373" t="s">
        <v>37882</v>
      </c>
      <c r="K7373" t="s">
        <v>37883</v>
      </c>
      <c r="M7373">
        <v>-1</v>
      </c>
      <c r="O7373">
        <v>5617415</v>
      </c>
      <c r="P7373">
        <v>1</v>
      </c>
      <c r="Q7373">
        <v>0</v>
      </c>
      <c r="R7373" t="s">
        <v>37884</v>
      </c>
      <c r="S7373">
        <v>67</v>
      </c>
    </row>
    <row r="7374" spans="1:19" x14ac:dyDescent="0.25">
      <c r="A7374">
        <v>11664842</v>
      </c>
      <c r="B7374" t="s">
        <v>37885</v>
      </c>
      <c r="C7374" s="1" t="s">
        <v>37886</v>
      </c>
      <c r="D7374">
        <v>11665162</v>
      </c>
      <c r="E7374">
        <v>1</v>
      </c>
      <c r="F7374">
        <v>0</v>
      </c>
      <c r="H7374" t="s">
        <v>37887</v>
      </c>
      <c r="J7374" t="s">
        <v>37888</v>
      </c>
      <c r="O7374">
        <v>1257055</v>
      </c>
      <c r="P7374">
        <v>1</v>
      </c>
      <c r="Q7374">
        <v>0</v>
      </c>
      <c r="R7374" t="s">
        <v>37889</v>
      </c>
      <c r="S7374">
        <v>107</v>
      </c>
    </row>
    <row r="7375" spans="1:19" x14ac:dyDescent="0.25">
      <c r="A7375">
        <v>17866803</v>
      </c>
      <c r="B7375" t="s">
        <v>37890</v>
      </c>
      <c r="C7375" s="1" t="s">
        <v>37891</v>
      </c>
      <c r="D7375">
        <v>19672202</v>
      </c>
      <c r="E7375">
        <v>1</v>
      </c>
      <c r="F7375">
        <v>0</v>
      </c>
      <c r="H7375" t="s">
        <v>37892</v>
      </c>
      <c r="J7375" t="s">
        <v>37893</v>
      </c>
      <c r="K7375" t="s">
        <v>37893</v>
      </c>
      <c r="M7375">
        <v>1033581</v>
      </c>
      <c r="O7375">
        <v>2596983</v>
      </c>
      <c r="P7375">
        <v>1</v>
      </c>
      <c r="Q7375">
        <v>1</v>
      </c>
      <c r="R7375" t="s">
        <v>37894</v>
      </c>
      <c r="S7375">
        <v>225</v>
      </c>
    </row>
    <row r="7376" spans="1:19" x14ac:dyDescent="0.25">
      <c r="A7376">
        <v>33615249</v>
      </c>
      <c r="B7376" t="s">
        <v>37895</v>
      </c>
      <c r="C7376" s="1" t="s">
        <v>37896</v>
      </c>
      <c r="E7376">
        <v>0</v>
      </c>
      <c r="F7376">
        <v>3</v>
      </c>
      <c r="H7376" t="s">
        <v>37897</v>
      </c>
      <c r="J7376" t="s">
        <v>37898</v>
      </c>
      <c r="K7376" t="s">
        <v>37898</v>
      </c>
      <c r="M7376">
        <v>2748311</v>
      </c>
      <c r="O7376">
        <v>5539028</v>
      </c>
      <c r="P7376">
        <v>1</v>
      </c>
      <c r="Q7376">
        <v>1</v>
      </c>
      <c r="R7376" t="s">
        <v>37899</v>
      </c>
      <c r="S7376">
        <v>201</v>
      </c>
    </row>
    <row r="7377" spans="1:19" x14ac:dyDescent="0.25">
      <c r="A7377">
        <v>21282772</v>
      </c>
      <c r="B7377" t="s">
        <v>37900</v>
      </c>
      <c r="C7377" s="1" t="s">
        <v>37901</v>
      </c>
      <c r="E7377">
        <v>1</v>
      </c>
      <c r="F7377">
        <v>0</v>
      </c>
      <c r="H7377" t="s">
        <v>37902</v>
      </c>
      <c r="J7377" t="s">
        <v>37903</v>
      </c>
      <c r="K7377" t="s">
        <v>37903</v>
      </c>
      <c r="M7377">
        <v>367456</v>
      </c>
      <c r="O7377">
        <v>413225</v>
      </c>
      <c r="P7377">
        <v>1</v>
      </c>
      <c r="Q7377">
        <v>0</v>
      </c>
      <c r="R7377" t="s">
        <v>37904</v>
      </c>
      <c r="S7377">
        <v>368</v>
      </c>
    </row>
    <row r="7378" spans="1:19" x14ac:dyDescent="0.25">
      <c r="A7378">
        <v>48977131</v>
      </c>
      <c r="B7378" t="s">
        <v>37905</v>
      </c>
      <c r="C7378" s="1" t="s">
        <v>37906</v>
      </c>
      <c r="D7378">
        <v>48979070</v>
      </c>
      <c r="E7378">
        <v>1</v>
      </c>
      <c r="F7378">
        <v>0</v>
      </c>
      <c r="H7378" t="s">
        <v>37907</v>
      </c>
      <c r="J7378" t="s">
        <v>37908</v>
      </c>
      <c r="O7378">
        <v>8775244</v>
      </c>
      <c r="P7378">
        <v>1</v>
      </c>
      <c r="Q7378">
        <v>-1</v>
      </c>
      <c r="R7378" t="s">
        <v>37909</v>
      </c>
      <c r="S7378">
        <v>43</v>
      </c>
    </row>
    <row r="7379" spans="1:19" x14ac:dyDescent="0.25">
      <c r="A7379">
        <v>11256632</v>
      </c>
      <c r="B7379" t="s">
        <v>37910</v>
      </c>
      <c r="C7379" s="1" t="s">
        <v>37911</v>
      </c>
      <c r="D7379">
        <v>11257482</v>
      </c>
      <c r="E7379">
        <v>2</v>
      </c>
      <c r="F7379">
        <v>0</v>
      </c>
      <c r="H7379" t="s">
        <v>37912</v>
      </c>
      <c r="J7379" t="s">
        <v>37913</v>
      </c>
      <c r="O7379">
        <v>125481</v>
      </c>
      <c r="P7379">
        <v>1</v>
      </c>
      <c r="Q7379">
        <v>3</v>
      </c>
      <c r="R7379" t="s">
        <v>37914</v>
      </c>
      <c r="S7379">
        <v>3900</v>
      </c>
    </row>
    <row r="7380" spans="1:19" x14ac:dyDescent="0.25">
      <c r="A7380">
        <v>44306562</v>
      </c>
      <c r="B7380" t="s">
        <v>37915</v>
      </c>
      <c r="C7380" s="1" t="s">
        <v>37916</v>
      </c>
      <c r="E7380">
        <v>0</v>
      </c>
      <c r="F7380">
        <v>6</v>
      </c>
      <c r="H7380" t="s">
        <v>37917</v>
      </c>
      <c r="J7380" t="s">
        <v>37917</v>
      </c>
      <c r="O7380">
        <v>7430237</v>
      </c>
      <c r="P7380">
        <v>1</v>
      </c>
      <c r="Q7380">
        <v>0</v>
      </c>
      <c r="R7380" t="s">
        <v>37918</v>
      </c>
      <c r="S7380">
        <v>27</v>
      </c>
    </row>
    <row r="7381" spans="1:19" x14ac:dyDescent="0.25">
      <c r="A7381">
        <v>49847339</v>
      </c>
      <c r="B7381" t="s">
        <v>37919</v>
      </c>
      <c r="C7381" s="1" t="s">
        <v>37920</v>
      </c>
      <c r="E7381">
        <v>0</v>
      </c>
      <c r="F7381">
        <v>4</v>
      </c>
      <c r="H7381" t="s">
        <v>37921</v>
      </c>
      <c r="J7381" t="s">
        <v>37921</v>
      </c>
      <c r="O7381">
        <v>9613876</v>
      </c>
      <c r="P7381">
        <v>1</v>
      </c>
      <c r="Q7381">
        <v>0</v>
      </c>
      <c r="R7381" t="s">
        <v>37922</v>
      </c>
      <c r="S7381">
        <v>59</v>
      </c>
    </row>
    <row r="7382" spans="1:19" x14ac:dyDescent="0.25">
      <c r="A7382">
        <v>21445529</v>
      </c>
      <c r="B7382" t="s">
        <v>37923</v>
      </c>
      <c r="C7382" s="1" t="s">
        <v>37924</v>
      </c>
      <c r="E7382">
        <v>1</v>
      </c>
      <c r="F7382">
        <v>0</v>
      </c>
      <c r="H7382" t="s">
        <v>37925</v>
      </c>
      <c r="J7382" t="s">
        <v>37926</v>
      </c>
      <c r="O7382">
        <v>1907159</v>
      </c>
      <c r="P7382">
        <v>1</v>
      </c>
      <c r="Q7382">
        <v>1</v>
      </c>
      <c r="R7382" t="s">
        <v>37927</v>
      </c>
      <c r="S7382">
        <v>461</v>
      </c>
    </row>
    <row r="7383" spans="1:19" x14ac:dyDescent="0.25">
      <c r="A7383">
        <v>44783892</v>
      </c>
      <c r="B7383" t="s">
        <v>37928</v>
      </c>
      <c r="C7383" s="1" t="s">
        <v>37929</v>
      </c>
      <c r="D7383">
        <v>44824916</v>
      </c>
      <c r="E7383">
        <v>1</v>
      </c>
      <c r="F7383">
        <v>2</v>
      </c>
      <c r="H7383" t="s">
        <v>37930</v>
      </c>
      <c r="J7383" t="s">
        <v>37931</v>
      </c>
      <c r="K7383" t="s">
        <v>37931</v>
      </c>
      <c r="M7383">
        <v>5140781</v>
      </c>
      <c r="O7383">
        <v>1260512</v>
      </c>
      <c r="P7383">
        <v>1</v>
      </c>
      <c r="Q7383">
        <v>-1</v>
      </c>
      <c r="R7383" t="s">
        <v>37932</v>
      </c>
      <c r="S7383">
        <v>156</v>
      </c>
    </row>
    <row r="7384" spans="1:19" x14ac:dyDescent="0.25">
      <c r="A7384">
        <v>14816092</v>
      </c>
      <c r="B7384" t="s">
        <v>37933</v>
      </c>
      <c r="C7384" s="1" t="s">
        <v>37934</v>
      </c>
      <c r="E7384">
        <v>1</v>
      </c>
      <c r="F7384">
        <v>0</v>
      </c>
      <c r="H7384" t="s">
        <v>37935</v>
      </c>
      <c r="I7384">
        <v>2</v>
      </c>
      <c r="J7384" t="s">
        <v>37936</v>
      </c>
      <c r="O7384">
        <v>1499311</v>
      </c>
      <c r="P7384">
        <v>1</v>
      </c>
      <c r="Q7384">
        <v>2</v>
      </c>
      <c r="R7384" t="s">
        <v>37937</v>
      </c>
      <c r="S7384">
        <v>1045</v>
      </c>
    </row>
    <row r="7385" spans="1:19" x14ac:dyDescent="0.25">
      <c r="A7385">
        <v>3557624</v>
      </c>
      <c r="B7385" t="s">
        <v>37938</v>
      </c>
      <c r="C7385" s="1" t="s">
        <v>37939</v>
      </c>
      <c r="D7385">
        <v>3621480</v>
      </c>
      <c r="E7385">
        <v>1</v>
      </c>
      <c r="F7385">
        <v>0</v>
      </c>
      <c r="H7385" t="s">
        <v>37940</v>
      </c>
      <c r="I7385">
        <v>2</v>
      </c>
      <c r="J7385" t="s">
        <v>37941</v>
      </c>
      <c r="K7385" t="s">
        <v>37941</v>
      </c>
      <c r="M7385">
        <v>727208</v>
      </c>
      <c r="O7385">
        <v>168012</v>
      </c>
      <c r="P7385">
        <v>1</v>
      </c>
      <c r="Q7385">
        <v>5</v>
      </c>
      <c r="R7385" t="s">
        <v>37942</v>
      </c>
      <c r="S7385">
        <v>1398</v>
      </c>
    </row>
    <row r="7386" spans="1:19" x14ac:dyDescent="0.25">
      <c r="A7386">
        <v>13156199</v>
      </c>
      <c r="B7386" t="s">
        <v>37943</v>
      </c>
      <c r="C7386" s="1" t="s">
        <v>37944</v>
      </c>
      <c r="D7386">
        <v>13156346</v>
      </c>
      <c r="E7386">
        <v>1</v>
      </c>
      <c r="F7386">
        <v>0</v>
      </c>
      <c r="H7386" t="s">
        <v>37945</v>
      </c>
      <c r="J7386" t="s">
        <v>37946</v>
      </c>
      <c r="O7386">
        <v>1004708</v>
      </c>
      <c r="P7386">
        <v>1</v>
      </c>
      <c r="Q7386">
        <v>3</v>
      </c>
      <c r="R7386" t="s">
        <v>37947</v>
      </c>
      <c r="S7386">
        <v>758</v>
      </c>
    </row>
    <row r="7387" spans="1:19" x14ac:dyDescent="0.25">
      <c r="A7387">
        <v>14090779</v>
      </c>
      <c r="B7387" t="s">
        <v>37948</v>
      </c>
      <c r="C7387" s="1" t="s">
        <v>37949</v>
      </c>
      <c r="D7387">
        <v>14090910</v>
      </c>
      <c r="E7387">
        <v>1</v>
      </c>
      <c r="F7387">
        <v>0</v>
      </c>
      <c r="H7387" t="s">
        <v>37950</v>
      </c>
      <c r="J7387" t="s">
        <v>37951</v>
      </c>
      <c r="O7387">
        <v>1470327</v>
      </c>
      <c r="P7387">
        <v>1</v>
      </c>
      <c r="Q7387">
        <v>2</v>
      </c>
      <c r="R7387" t="s">
        <v>37952</v>
      </c>
      <c r="S7387">
        <v>2121</v>
      </c>
    </row>
    <row r="7388" spans="1:19" x14ac:dyDescent="0.25">
      <c r="A7388">
        <v>37497070</v>
      </c>
      <c r="B7388" t="s">
        <v>37953</v>
      </c>
      <c r="C7388" s="1" t="s">
        <v>37954</v>
      </c>
      <c r="D7388">
        <v>37498312</v>
      </c>
      <c r="E7388">
        <v>2</v>
      </c>
      <c r="F7388">
        <v>0</v>
      </c>
      <c r="H7388" t="s">
        <v>37955</v>
      </c>
      <c r="J7388" t="s">
        <v>37956</v>
      </c>
      <c r="O7388">
        <v>6039787</v>
      </c>
      <c r="P7388">
        <v>1</v>
      </c>
      <c r="Q7388">
        <v>2</v>
      </c>
      <c r="R7388" t="s">
        <v>37957</v>
      </c>
      <c r="S7388">
        <v>1677</v>
      </c>
    </row>
    <row r="7389" spans="1:19" x14ac:dyDescent="0.25">
      <c r="A7389">
        <v>46578350</v>
      </c>
      <c r="B7389" t="s">
        <v>37958</v>
      </c>
      <c r="C7389" s="1" t="s">
        <v>37959</v>
      </c>
      <c r="D7389">
        <v>46578624</v>
      </c>
      <c r="E7389">
        <v>2</v>
      </c>
      <c r="F7389">
        <v>9</v>
      </c>
      <c r="H7389" t="s">
        <v>37960</v>
      </c>
      <c r="J7389" t="s">
        <v>37961</v>
      </c>
      <c r="K7389" t="s">
        <v>37962</v>
      </c>
      <c r="M7389">
        <v>8706911</v>
      </c>
      <c r="O7389">
        <v>8706911</v>
      </c>
      <c r="P7389">
        <v>1</v>
      </c>
      <c r="Q7389">
        <v>-4</v>
      </c>
      <c r="R7389" t="s">
        <v>2771</v>
      </c>
      <c r="S7389">
        <v>49</v>
      </c>
    </row>
    <row r="7390" spans="1:19" x14ac:dyDescent="0.25">
      <c r="A7390">
        <v>34888724</v>
      </c>
      <c r="B7390" t="s">
        <v>37963</v>
      </c>
      <c r="C7390" s="1" t="s">
        <v>37964</v>
      </c>
      <c r="E7390">
        <v>1</v>
      </c>
      <c r="F7390">
        <v>1</v>
      </c>
      <c r="H7390" t="s">
        <v>37965</v>
      </c>
      <c r="J7390" t="s">
        <v>37966</v>
      </c>
      <c r="O7390">
        <v>5693034</v>
      </c>
      <c r="P7390">
        <v>1</v>
      </c>
      <c r="Q7390">
        <v>0</v>
      </c>
      <c r="R7390" t="s">
        <v>37967</v>
      </c>
      <c r="S7390">
        <v>24</v>
      </c>
    </row>
    <row r="7391" spans="1:19" x14ac:dyDescent="0.25">
      <c r="A7391">
        <v>47970277</v>
      </c>
      <c r="B7391" t="s">
        <v>37968</v>
      </c>
      <c r="C7391" s="1" t="s">
        <v>37969</v>
      </c>
      <c r="E7391">
        <v>2</v>
      </c>
      <c r="F7391">
        <v>1</v>
      </c>
      <c r="H7391" t="s">
        <v>37970</v>
      </c>
      <c r="J7391" t="s">
        <v>37971</v>
      </c>
      <c r="K7391" t="s">
        <v>37972</v>
      </c>
      <c r="M7391">
        <v>1268455</v>
      </c>
      <c r="O7391">
        <v>1268455</v>
      </c>
      <c r="P7391">
        <v>1</v>
      </c>
      <c r="Q7391">
        <v>0</v>
      </c>
      <c r="R7391" t="s">
        <v>3034</v>
      </c>
      <c r="S7391">
        <v>95</v>
      </c>
    </row>
    <row r="7392" spans="1:19" x14ac:dyDescent="0.25">
      <c r="A7392">
        <v>21922047</v>
      </c>
      <c r="B7392" t="s">
        <v>37973</v>
      </c>
      <c r="C7392" s="1" t="s">
        <v>37974</v>
      </c>
      <c r="E7392">
        <v>2</v>
      </c>
      <c r="F7392">
        <v>0</v>
      </c>
      <c r="H7392" t="s">
        <v>37975</v>
      </c>
      <c r="J7392" t="s">
        <v>37976</v>
      </c>
      <c r="K7392" t="s">
        <v>37977</v>
      </c>
      <c r="M7392">
        <v>989565</v>
      </c>
      <c r="O7392">
        <v>989565</v>
      </c>
      <c r="P7392">
        <v>1</v>
      </c>
      <c r="Q7392">
        <v>0</v>
      </c>
      <c r="R7392" t="s">
        <v>37978</v>
      </c>
      <c r="S7392">
        <v>1082</v>
      </c>
    </row>
    <row r="7393" spans="1:19" x14ac:dyDescent="0.25">
      <c r="A7393">
        <v>38304985</v>
      </c>
      <c r="B7393" t="s">
        <v>37979</v>
      </c>
      <c r="C7393" s="1" t="s">
        <v>37980</v>
      </c>
      <c r="E7393">
        <v>4</v>
      </c>
      <c r="F7393">
        <v>0</v>
      </c>
      <c r="H7393" t="s">
        <v>37981</v>
      </c>
      <c r="J7393" t="s">
        <v>37982</v>
      </c>
      <c r="K7393" t="s">
        <v>37983</v>
      </c>
      <c r="M7393">
        <v>1161518</v>
      </c>
      <c r="O7393">
        <v>1161518</v>
      </c>
      <c r="P7393">
        <v>1</v>
      </c>
      <c r="Q7393">
        <v>0</v>
      </c>
      <c r="R7393" t="s">
        <v>2664</v>
      </c>
      <c r="S7393">
        <v>295</v>
      </c>
    </row>
    <row r="7394" spans="1:19" x14ac:dyDescent="0.25">
      <c r="A7394">
        <v>41305221</v>
      </c>
      <c r="B7394" t="s">
        <v>37984</v>
      </c>
      <c r="C7394" s="1" t="s">
        <v>37985</v>
      </c>
      <c r="D7394">
        <v>41305627</v>
      </c>
      <c r="E7394">
        <v>2</v>
      </c>
      <c r="F7394">
        <v>0</v>
      </c>
      <c r="H7394" t="s">
        <v>37986</v>
      </c>
      <c r="J7394" t="s">
        <v>37987</v>
      </c>
      <c r="O7394">
        <v>1491639</v>
      </c>
      <c r="P7394">
        <v>1</v>
      </c>
      <c r="Q7394">
        <v>0</v>
      </c>
      <c r="R7394" t="s">
        <v>37988</v>
      </c>
      <c r="S7394">
        <v>330</v>
      </c>
    </row>
    <row r="7395" spans="1:19" x14ac:dyDescent="0.25">
      <c r="A7395">
        <v>40007286</v>
      </c>
      <c r="B7395" t="s">
        <v>37989</v>
      </c>
      <c r="C7395" s="1" t="s">
        <v>37990</v>
      </c>
      <c r="E7395">
        <v>1</v>
      </c>
      <c r="F7395">
        <v>3</v>
      </c>
      <c r="H7395" t="s">
        <v>37991</v>
      </c>
      <c r="J7395" t="s">
        <v>37992</v>
      </c>
      <c r="K7395" t="s">
        <v>37993</v>
      </c>
      <c r="M7395">
        <v>-1</v>
      </c>
      <c r="O7395">
        <v>5224226</v>
      </c>
      <c r="P7395">
        <v>1</v>
      </c>
      <c r="Q7395">
        <v>0</v>
      </c>
      <c r="R7395" t="s">
        <v>2176</v>
      </c>
      <c r="S7395">
        <v>303</v>
      </c>
    </row>
    <row r="7396" spans="1:19" x14ac:dyDescent="0.25">
      <c r="A7396">
        <v>46399029</v>
      </c>
      <c r="B7396" t="s">
        <v>37994</v>
      </c>
      <c r="C7396" s="1" t="s">
        <v>37995</v>
      </c>
      <c r="E7396">
        <v>0</v>
      </c>
      <c r="F7396">
        <v>5</v>
      </c>
      <c r="H7396" t="s">
        <v>37996</v>
      </c>
      <c r="J7396" t="s">
        <v>37997</v>
      </c>
      <c r="K7396" t="s">
        <v>37997</v>
      </c>
      <c r="M7396">
        <v>8541759</v>
      </c>
      <c r="O7396">
        <v>8541759</v>
      </c>
      <c r="P7396">
        <v>1</v>
      </c>
      <c r="Q7396">
        <v>1</v>
      </c>
      <c r="R7396" t="s">
        <v>37998</v>
      </c>
      <c r="S7396">
        <v>294</v>
      </c>
    </row>
    <row r="7397" spans="1:19" x14ac:dyDescent="0.25">
      <c r="A7397">
        <v>9265994</v>
      </c>
      <c r="B7397" t="s">
        <v>37999</v>
      </c>
      <c r="C7397" t="s">
        <v>38000</v>
      </c>
      <c r="D7397">
        <v>9266309</v>
      </c>
      <c r="E7397">
        <v>2</v>
      </c>
      <c r="F7397">
        <v>2</v>
      </c>
      <c r="H7397" t="s">
        <v>38001</v>
      </c>
      <c r="J7397" t="s">
        <v>38002</v>
      </c>
      <c r="O7397">
        <v>589620</v>
      </c>
      <c r="P7397">
        <v>1</v>
      </c>
      <c r="Q7397">
        <v>0</v>
      </c>
      <c r="R7397" t="s">
        <v>37807</v>
      </c>
      <c r="S7397">
        <v>295</v>
      </c>
    </row>
    <row r="7398" spans="1:19" x14ac:dyDescent="0.25">
      <c r="A7398">
        <v>49803148</v>
      </c>
      <c r="B7398" t="s">
        <v>38003</v>
      </c>
      <c r="C7398" s="1" t="s">
        <v>38004</v>
      </c>
      <c r="D7398">
        <v>49819519</v>
      </c>
      <c r="E7398">
        <v>1</v>
      </c>
      <c r="F7398">
        <v>1</v>
      </c>
      <c r="H7398" t="s">
        <v>38005</v>
      </c>
      <c r="J7398" t="s">
        <v>38006</v>
      </c>
      <c r="K7398" t="s">
        <v>38006</v>
      </c>
      <c r="M7398">
        <v>3915431</v>
      </c>
      <c r="O7398">
        <v>9637306</v>
      </c>
      <c r="P7398">
        <v>1</v>
      </c>
      <c r="Q7398">
        <v>0</v>
      </c>
      <c r="R7398" t="s">
        <v>38007</v>
      </c>
      <c r="S7398">
        <v>388</v>
      </c>
    </row>
    <row r="7399" spans="1:19" x14ac:dyDescent="0.25">
      <c r="A7399">
        <v>34040071</v>
      </c>
      <c r="B7399" t="s">
        <v>38008</v>
      </c>
      <c r="C7399" s="1" t="s">
        <v>38009</v>
      </c>
      <c r="D7399">
        <v>34040863</v>
      </c>
      <c r="E7399">
        <v>4</v>
      </c>
      <c r="F7399">
        <v>9</v>
      </c>
      <c r="H7399" t="s">
        <v>38010</v>
      </c>
      <c r="J7399" t="s">
        <v>38011</v>
      </c>
      <c r="K7399" t="s">
        <v>38012</v>
      </c>
      <c r="M7399">
        <v>5330854</v>
      </c>
      <c r="O7399">
        <v>5330854</v>
      </c>
      <c r="P7399">
        <v>1</v>
      </c>
      <c r="Q7399">
        <v>1</v>
      </c>
      <c r="R7399" t="s">
        <v>38013</v>
      </c>
      <c r="S7399">
        <v>739</v>
      </c>
    </row>
    <row r="7400" spans="1:19" x14ac:dyDescent="0.25">
      <c r="A7400">
        <v>30687224</v>
      </c>
      <c r="B7400" t="s">
        <v>38014</v>
      </c>
      <c r="C7400" s="1" t="s">
        <v>38015</v>
      </c>
      <c r="E7400">
        <v>1</v>
      </c>
      <c r="F7400">
        <v>2</v>
      </c>
      <c r="H7400" t="s">
        <v>38016</v>
      </c>
      <c r="I7400">
        <v>2</v>
      </c>
      <c r="J7400" t="s">
        <v>38017</v>
      </c>
      <c r="O7400">
        <v>4982035</v>
      </c>
      <c r="P7400">
        <v>1</v>
      </c>
      <c r="Q7400">
        <v>1</v>
      </c>
      <c r="R7400" t="s">
        <v>38018</v>
      </c>
      <c r="S7400">
        <v>317</v>
      </c>
    </row>
    <row r="7401" spans="1:19" x14ac:dyDescent="0.25">
      <c r="A7401">
        <v>47055236</v>
      </c>
      <c r="B7401" t="s">
        <v>38019</v>
      </c>
      <c r="C7401" s="1" t="s">
        <v>38020</v>
      </c>
      <c r="D7401">
        <v>47060752</v>
      </c>
      <c r="E7401">
        <v>1</v>
      </c>
      <c r="F7401">
        <v>0</v>
      </c>
      <c r="H7401" t="s">
        <v>38021</v>
      </c>
      <c r="J7401" t="s">
        <v>38022</v>
      </c>
      <c r="O7401">
        <v>1056563</v>
      </c>
      <c r="P7401">
        <v>1</v>
      </c>
      <c r="Q7401">
        <v>0</v>
      </c>
      <c r="R7401" t="s">
        <v>38023</v>
      </c>
      <c r="S7401">
        <v>86</v>
      </c>
    </row>
    <row r="7402" spans="1:19" x14ac:dyDescent="0.25">
      <c r="A7402">
        <v>48855841</v>
      </c>
      <c r="B7402" t="s">
        <v>38024</v>
      </c>
      <c r="C7402" s="1" t="s">
        <v>38025</v>
      </c>
      <c r="D7402">
        <v>48855874</v>
      </c>
      <c r="E7402">
        <v>3</v>
      </c>
      <c r="F7402">
        <v>1</v>
      </c>
      <c r="H7402" t="s">
        <v>38026</v>
      </c>
      <c r="J7402" t="s">
        <v>38027</v>
      </c>
      <c r="O7402">
        <v>7534987</v>
      </c>
      <c r="P7402">
        <v>1</v>
      </c>
      <c r="Q7402">
        <v>0</v>
      </c>
      <c r="R7402" t="s">
        <v>38028</v>
      </c>
      <c r="S7402">
        <v>53</v>
      </c>
    </row>
    <row r="7403" spans="1:19" x14ac:dyDescent="0.25">
      <c r="A7403">
        <v>51033209</v>
      </c>
      <c r="B7403" t="s">
        <v>38029</v>
      </c>
      <c r="C7403" s="1" t="s">
        <v>38030</v>
      </c>
      <c r="D7403">
        <v>51057819</v>
      </c>
      <c r="E7403">
        <v>1</v>
      </c>
      <c r="F7403">
        <v>0</v>
      </c>
      <c r="H7403" t="s">
        <v>38031</v>
      </c>
      <c r="J7403" t="s">
        <v>38032</v>
      </c>
      <c r="K7403" t="s">
        <v>38033</v>
      </c>
      <c r="M7403">
        <v>4953079</v>
      </c>
      <c r="O7403">
        <v>491682</v>
      </c>
      <c r="P7403">
        <v>1</v>
      </c>
      <c r="Q7403">
        <v>0</v>
      </c>
      <c r="R7403" t="s">
        <v>38034</v>
      </c>
      <c r="S7403">
        <v>295</v>
      </c>
    </row>
    <row r="7404" spans="1:19" x14ac:dyDescent="0.25">
      <c r="A7404">
        <v>41281562</v>
      </c>
      <c r="B7404" t="s">
        <v>38035</v>
      </c>
      <c r="C7404" s="1" t="s">
        <v>38036</v>
      </c>
      <c r="D7404">
        <v>41281731</v>
      </c>
      <c r="E7404">
        <v>3</v>
      </c>
      <c r="F7404">
        <v>3</v>
      </c>
      <c r="H7404" t="s">
        <v>38037</v>
      </c>
      <c r="J7404" t="s">
        <v>38038</v>
      </c>
      <c r="K7404" t="s">
        <v>38039</v>
      </c>
      <c r="M7404">
        <v>5035890</v>
      </c>
      <c r="O7404">
        <v>5878533</v>
      </c>
      <c r="P7404">
        <v>1</v>
      </c>
      <c r="Q7404">
        <v>0</v>
      </c>
      <c r="R7404" t="s">
        <v>1446</v>
      </c>
      <c r="S7404">
        <v>56</v>
      </c>
    </row>
    <row r="7405" spans="1:19" x14ac:dyDescent="0.25">
      <c r="A7405">
        <v>40711116</v>
      </c>
      <c r="B7405" t="s">
        <v>38040</v>
      </c>
      <c r="C7405" s="1" t="s">
        <v>38041</v>
      </c>
      <c r="E7405">
        <v>0</v>
      </c>
      <c r="F7405">
        <v>4</v>
      </c>
      <c r="H7405" t="s">
        <v>38042</v>
      </c>
      <c r="J7405" t="s">
        <v>38042</v>
      </c>
      <c r="O7405">
        <v>7187034</v>
      </c>
      <c r="P7405">
        <v>1</v>
      </c>
      <c r="Q7405">
        <v>0</v>
      </c>
      <c r="R7405" t="s">
        <v>38043</v>
      </c>
      <c r="S7405">
        <v>14</v>
      </c>
    </row>
    <row r="7406" spans="1:19" x14ac:dyDescent="0.25">
      <c r="A7406">
        <v>11069437</v>
      </c>
      <c r="B7406" t="s">
        <v>38044</v>
      </c>
      <c r="C7406" s="1" t="s">
        <v>38045</v>
      </c>
      <c r="D7406">
        <v>11069509</v>
      </c>
      <c r="E7406">
        <v>5</v>
      </c>
      <c r="F7406">
        <v>2</v>
      </c>
      <c r="H7406" t="s">
        <v>38046</v>
      </c>
      <c r="I7406">
        <v>7</v>
      </c>
      <c r="J7406" t="s">
        <v>38047</v>
      </c>
      <c r="K7406" t="s">
        <v>38048</v>
      </c>
      <c r="M7406">
        <v>852828</v>
      </c>
      <c r="N7406" t="s">
        <v>38049</v>
      </c>
      <c r="P7406">
        <v>1</v>
      </c>
      <c r="Q7406">
        <v>29</v>
      </c>
      <c r="R7406" t="s">
        <v>38050</v>
      </c>
      <c r="S7406">
        <v>16527</v>
      </c>
    </row>
    <row r="7407" spans="1:19" x14ac:dyDescent="0.25">
      <c r="A7407">
        <v>31518716</v>
      </c>
      <c r="B7407" t="s">
        <v>38051</v>
      </c>
      <c r="C7407" s="1" t="s">
        <v>38052</v>
      </c>
      <c r="D7407">
        <v>31540033</v>
      </c>
      <c r="E7407">
        <v>2</v>
      </c>
      <c r="F7407">
        <v>3</v>
      </c>
      <c r="H7407" t="s">
        <v>38053</v>
      </c>
      <c r="J7407" t="s">
        <v>38054</v>
      </c>
      <c r="K7407" t="s">
        <v>38055</v>
      </c>
      <c r="M7407">
        <v>1680154</v>
      </c>
      <c r="O7407">
        <v>1680154</v>
      </c>
      <c r="P7407">
        <v>1</v>
      </c>
      <c r="Q7407">
        <v>3</v>
      </c>
      <c r="R7407" t="s">
        <v>38056</v>
      </c>
      <c r="S7407">
        <v>1218</v>
      </c>
    </row>
    <row r="7408" spans="1:19" x14ac:dyDescent="0.25">
      <c r="A7408">
        <v>17029783</v>
      </c>
      <c r="B7408" t="s">
        <v>38057</v>
      </c>
      <c r="C7408" s="1" t="s">
        <v>38058</v>
      </c>
      <c r="D7408">
        <v>17030280</v>
      </c>
      <c r="E7408">
        <v>1</v>
      </c>
      <c r="F7408">
        <v>1</v>
      </c>
      <c r="H7408" t="s">
        <v>38059</v>
      </c>
      <c r="J7408" t="s">
        <v>38060</v>
      </c>
      <c r="O7408">
        <v>854207</v>
      </c>
      <c r="P7408">
        <v>1</v>
      </c>
      <c r="Q7408">
        <v>0</v>
      </c>
      <c r="R7408" t="s">
        <v>38061</v>
      </c>
      <c r="S7408">
        <v>802</v>
      </c>
    </row>
    <row r="7409" spans="1:19" x14ac:dyDescent="0.25">
      <c r="A7409">
        <v>29263843</v>
      </c>
      <c r="B7409" t="s">
        <v>38062</v>
      </c>
      <c r="C7409" s="1" t="s">
        <v>38063</v>
      </c>
      <c r="E7409">
        <v>1</v>
      </c>
      <c r="F7409">
        <v>5</v>
      </c>
      <c r="H7409" t="s">
        <v>38064</v>
      </c>
      <c r="I7409">
        <v>1</v>
      </c>
      <c r="J7409" t="s">
        <v>38065</v>
      </c>
      <c r="K7409" t="s">
        <v>38066</v>
      </c>
      <c r="M7409">
        <v>1129332</v>
      </c>
      <c r="O7409">
        <v>1129332</v>
      </c>
      <c r="P7409">
        <v>1</v>
      </c>
      <c r="Q7409">
        <v>10</v>
      </c>
      <c r="R7409" t="s">
        <v>38067</v>
      </c>
      <c r="S7409">
        <v>5483</v>
      </c>
    </row>
    <row r="7410" spans="1:19" x14ac:dyDescent="0.25">
      <c r="A7410">
        <v>14862879</v>
      </c>
      <c r="B7410" t="s">
        <v>38068</v>
      </c>
      <c r="C7410" s="1" t="s">
        <v>38069</v>
      </c>
      <c r="D7410">
        <v>14871847</v>
      </c>
      <c r="E7410">
        <v>1</v>
      </c>
      <c r="F7410">
        <v>2</v>
      </c>
      <c r="H7410" t="s">
        <v>38070</v>
      </c>
      <c r="J7410" t="s">
        <v>38071</v>
      </c>
      <c r="K7410" t="s">
        <v>38072</v>
      </c>
      <c r="M7410">
        <v>267892</v>
      </c>
      <c r="O7410">
        <v>1351403</v>
      </c>
      <c r="P7410">
        <v>1</v>
      </c>
      <c r="Q7410">
        <v>2</v>
      </c>
      <c r="R7410" t="s">
        <v>38073</v>
      </c>
      <c r="S7410">
        <v>346</v>
      </c>
    </row>
    <row r="7411" spans="1:19" x14ac:dyDescent="0.25">
      <c r="A7411">
        <v>39811427</v>
      </c>
      <c r="B7411" t="s">
        <v>38074</v>
      </c>
      <c r="C7411" s="1" t="s">
        <v>38075</v>
      </c>
      <c r="E7411">
        <v>1</v>
      </c>
      <c r="F7411">
        <v>0</v>
      </c>
      <c r="H7411" t="s">
        <v>38076</v>
      </c>
      <c r="I7411">
        <v>1</v>
      </c>
      <c r="J7411" t="s">
        <v>38077</v>
      </c>
      <c r="O7411">
        <v>1840352</v>
      </c>
      <c r="P7411">
        <v>1</v>
      </c>
      <c r="Q7411">
        <v>2</v>
      </c>
      <c r="R7411" t="s">
        <v>38078</v>
      </c>
      <c r="S7411">
        <v>83</v>
      </c>
    </row>
    <row r="7412" spans="1:19" x14ac:dyDescent="0.25">
      <c r="A7412">
        <v>38627726</v>
      </c>
      <c r="B7412" t="s">
        <v>38079</v>
      </c>
      <c r="C7412" s="1" t="s">
        <v>38080</v>
      </c>
      <c r="E7412">
        <v>2</v>
      </c>
      <c r="F7412">
        <v>0</v>
      </c>
      <c r="H7412" t="s">
        <v>38081</v>
      </c>
      <c r="I7412">
        <v>1</v>
      </c>
      <c r="J7412" t="s">
        <v>38082</v>
      </c>
      <c r="K7412" t="s">
        <v>38083</v>
      </c>
      <c r="M7412">
        <v>850848</v>
      </c>
      <c r="O7412">
        <v>6539755</v>
      </c>
      <c r="P7412">
        <v>1</v>
      </c>
      <c r="Q7412">
        <v>0</v>
      </c>
      <c r="R7412" t="s">
        <v>38084</v>
      </c>
      <c r="S7412">
        <v>366</v>
      </c>
    </row>
    <row r="7413" spans="1:19" x14ac:dyDescent="0.25">
      <c r="A7413">
        <v>17054732</v>
      </c>
      <c r="B7413" t="s">
        <v>38085</v>
      </c>
      <c r="C7413" s="1" t="s">
        <v>38086</v>
      </c>
      <c r="E7413">
        <v>0</v>
      </c>
      <c r="F7413">
        <v>6</v>
      </c>
      <c r="H7413" t="s">
        <v>38087</v>
      </c>
      <c r="J7413" t="s">
        <v>38088</v>
      </c>
      <c r="K7413" t="s">
        <v>38088</v>
      </c>
      <c r="M7413">
        <v>856522</v>
      </c>
      <c r="O7413">
        <v>2476342</v>
      </c>
      <c r="P7413">
        <v>1</v>
      </c>
      <c r="Q7413">
        <v>0</v>
      </c>
      <c r="R7413" t="s">
        <v>38089</v>
      </c>
      <c r="S7413">
        <v>94</v>
      </c>
    </row>
    <row r="7414" spans="1:19" x14ac:dyDescent="0.25">
      <c r="A7414">
        <v>15523460</v>
      </c>
      <c r="B7414" t="s">
        <v>38090</v>
      </c>
      <c r="C7414" s="1" t="s">
        <v>38091</v>
      </c>
      <c r="E7414">
        <v>2</v>
      </c>
      <c r="F7414">
        <v>0</v>
      </c>
      <c r="H7414" t="s">
        <v>38092</v>
      </c>
      <c r="J7414" t="s">
        <v>38093</v>
      </c>
      <c r="O7414">
        <v>2062027</v>
      </c>
      <c r="P7414">
        <v>1</v>
      </c>
      <c r="Q7414">
        <v>2</v>
      </c>
      <c r="R7414" t="s">
        <v>38094</v>
      </c>
      <c r="S7414">
        <v>3744</v>
      </c>
    </row>
    <row r="7415" spans="1:19" x14ac:dyDescent="0.25">
      <c r="A7415">
        <v>36001271</v>
      </c>
      <c r="B7415" t="s">
        <v>38095</v>
      </c>
      <c r="C7415" s="1" t="s">
        <v>38096</v>
      </c>
      <c r="E7415">
        <v>0</v>
      </c>
      <c r="F7415">
        <v>6</v>
      </c>
      <c r="H7415" t="s">
        <v>38097</v>
      </c>
      <c r="J7415" t="s">
        <v>38098</v>
      </c>
      <c r="K7415" t="s">
        <v>38098</v>
      </c>
      <c r="M7415">
        <v>3011380</v>
      </c>
      <c r="O7415">
        <v>4774381</v>
      </c>
      <c r="P7415">
        <v>1</v>
      </c>
      <c r="Q7415">
        <v>0</v>
      </c>
      <c r="R7415" t="s">
        <v>5585</v>
      </c>
      <c r="S7415">
        <v>447</v>
      </c>
    </row>
    <row r="7416" spans="1:19" x14ac:dyDescent="0.25">
      <c r="A7416">
        <v>41926830</v>
      </c>
      <c r="B7416" t="s">
        <v>38099</v>
      </c>
      <c r="C7416" s="1" t="s">
        <v>38100</v>
      </c>
      <c r="E7416">
        <v>1</v>
      </c>
      <c r="F7416">
        <v>0</v>
      </c>
      <c r="H7416" t="s">
        <v>38101</v>
      </c>
      <c r="J7416" t="s">
        <v>38102</v>
      </c>
      <c r="K7416" t="s">
        <v>38102</v>
      </c>
      <c r="M7416">
        <v>322355</v>
      </c>
      <c r="O7416">
        <v>7487474</v>
      </c>
      <c r="P7416">
        <v>1</v>
      </c>
      <c r="Q7416">
        <v>0</v>
      </c>
      <c r="R7416" t="s">
        <v>38103</v>
      </c>
      <c r="S7416">
        <v>279</v>
      </c>
    </row>
    <row r="7417" spans="1:19" x14ac:dyDescent="0.25">
      <c r="A7417">
        <v>30513878</v>
      </c>
      <c r="B7417" t="s">
        <v>38104</v>
      </c>
      <c r="C7417" s="1" t="s">
        <v>38105</v>
      </c>
      <c r="E7417">
        <v>0</v>
      </c>
      <c r="F7417">
        <v>3</v>
      </c>
      <c r="H7417" t="s">
        <v>38106</v>
      </c>
      <c r="J7417" t="s">
        <v>38106</v>
      </c>
      <c r="O7417">
        <v>4950368</v>
      </c>
      <c r="P7417">
        <v>1</v>
      </c>
      <c r="Q7417">
        <v>1</v>
      </c>
      <c r="R7417" t="s">
        <v>38107</v>
      </c>
      <c r="S7417">
        <v>52</v>
      </c>
    </row>
    <row r="7418" spans="1:19" x14ac:dyDescent="0.25">
      <c r="A7418">
        <v>45596268</v>
      </c>
      <c r="B7418" t="s">
        <v>38108</v>
      </c>
      <c r="C7418" s="1" t="s">
        <v>38109</v>
      </c>
      <c r="E7418">
        <v>4</v>
      </c>
      <c r="F7418">
        <v>4</v>
      </c>
      <c r="H7418" t="s">
        <v>38110</v>
      </c>
      <c r="I7418">
        <v>1</v>
      </c>
      <c r="J7418" t="s">
        <v>38111</v>
      </c>
      <c r="K7418" t="s">
        <v>38111</v>
      </c>
      <c r="M7418">
        <v>8112776</v>
      </c>
      <c r="O7418">
        <v>8440797</v>
      </c>
      <c r="P7418">
        <v>1</v>
      </c>
      <c r="Q7418">
        <v>12</v>
      </c>
      <c r="R7418" t="s">
        <v>38112</v>
      </c>
      <c r="S7418">
        <v>1718</v>
      </c>
    </row>
    <row r="7419" spans="1:19" x14ac:dyDescent="0.25">
      <c r="A7419">
        <v>6489864</v>
      </c>
      <c r="B7419" t="s">
        <v>38113</v>
      </c>
      <c r="C7419" s="1" t="s">
        <v>38114</v>
      </c>
      <c r="E7419">
        <v>3</v>
      </c>
      <c r="F7419">
        <v>1</v>
      </c>
      <c r="H7419" t="s">
        <v>38115</v>
      </c>
      <c r="I7419">
        <v>1</v>
      </c>
      <c r="J7419" t="s">
        <v>38116</v>
      </c>
      <c r="K7419" t="s">
        <v>38117</v>
      </c>
      <c r="M7419">
        <v>-1</v>
      </c>
      <c r="O7419">
        <v>149913</v>
      </c>
      <c r="P7419">
        <v>1</v>
      </c>
      <c r="Q7419">
        <v>3</v>
      </c>
      <c r="R7419" t="s">
        <v>29573</v>
      </c>
      <c r="S7419">
        <v>1129</v>
      </c>
    </row>
    <row r="7420" spans="1:19" x14ac:dyDescent="0.25">
      <c r="A7420">
        <v>43987651</v>
      </c>
      <c r="B7420" t="s">
        <v>38118</v>
      </c>
      <c r="C7420" s="1" t="s">
        <v>38119</v>
      </c>
      <c r="E7420">
        <v>0</v>
      </c>
      <c r="F7420">
        <v>2</v>
      </c>
      <c r="H7420" t="s">
        <v>38120</v>
      </c>
      <c r="I7420">
        <v>1</v>
      </c>
      <c r="J7420" t="s">
        <v>38120</v>
      </c>
      <c r="K7420" t="s">
        <v>38121</v>
      </c>
      <c r="M7420">
        <v>-1</v>
      </c>
      <c r="O7420">
        <v>2067687</v>
      </c>
      <c r="P7420">
        <v>1</v>
      </c>
      <c r="Q7420">
        <v>0</v>
      </c>
      <c r="R7420" t="s">
        <v>38122</v>
      </c>
      <c r="S7420">
        <v>234</v>
      </c>
    </row>
    <row r="7421" spans="1:19" x14ac:dyDescent="0.25">
      <c r="A7421">
        <v>3056810</v>
      </c>
      <c r="B7421" t="s">
        <v>38123</v>
      </c>
      <c r="C7421" s="1" t="s">
        <v>38124</v>
      </c>
      <c r="E7421">
        <v>1</v>
      </c>
      <c r="F7421">
        <v>0</v>
      </c>
      <c r="H7421" t="s">
        <v>38125</v>
      </c>
      <c r="J7421" t="s">
        <v>38126</v>
      </c>
      <c r="O7421">
        <v>288293</v>
      </c>
      <c r="P7421">
        <v>1</v>
      </c>
      <c r="Q7421">
        <v>0</v>
      </c>
      <c r="R7421" t="s">
        <v>30756</v>
      </c>
      <c r="S7421">
        <v>712</v>
      </c>
    </row>
    <row r="7422" spans="1:19" x14ac:dyDescent="0.25">
      <c r="A7422">
        <v>16301646</v>
      </c>
      <c r="B7422" t="s">
        <v>38127</v>
      </c>
      <c r="C7422" s="1" t="s">
        <v>38128</v>
      </c>
      <c r="D7422">
        <v>16324791</v>
      </c>
      <c r="E7422">
        <v>1</v>
      </c>
      <c r="F7422">
        <v>0</v>
      </c>
      <c r="H7422" t="s">
        <v>38129</v>
      </c>
      <c r="J7422" t="s">
        <v>38130</v>
      </c>
      <c r="K7422" t="s">
        <v>38131</v>
      </c>
      <c r="M7422">
        <v>847174</v>
      </c>
      <c r="O7422">
        <v>2336030</v>
      </c>
      <c r="P7422">
        <v>1</v>
      </c>
      <c r="Q7422">
        <v>0</v>
      </c>
      <c r="R7422" t="s">
        <v>38132</v>
      </c>
      <c r="S7422">
        <v>809</v>
      </c>
    </row>
    <row r="7423" spans="1:19" x14ac:dyDescent="0.25">
      <c r="A7423">
        <v>50997997</v>
      </c>
      <c r="B7423" t="s">
        <v>38133</v>
      </c>
      <c r="C7423" s="1" t="s">
        <v>38134</v>
      </c>
      <c r="D7423">
        <v>51002924</v>
      </c>
      <c r="E7423">
        <v>1</v>
      </c>
      <c r="F7423">
        <v>0</v>
      </c>
      <c r="H7423" t="s">
        <v>38135</v>
      </c>
      <c r="I7423">
        <v>1</v>
      </c>
      <c r="J7423" t="s">
        <v>38136</v>
      </c>
      <c r="K7423" t="s">
        <v>38137</v>
      </c>
      <c r="M7423">
        <v>8316379</v>
      </c>
      <c r="O7423">
        <v>8316379</v>
      </c>
      <c r="P7423">
        <v>1</v>
      </c>
      <c r="Q7423">
        <v>0</v>
      </c>
      <c r="R7423" t="s">
        <v>38138</v>
      </c>
      <c r="S7423">
        <v>121</v>
      </c>
    </row>
    <row r="7424" spans="1:19" x14ac:dyDescent="0.25">
      <c r="A7424">
        <v>27860703</v>
      </c>
      <c r="B7424" t="s">
        <v>38139</v>
      </c>
      <c r="C7424" t="s">
        <v>38140</v>
      </c>
      <c r="D7424">
        <v>28296980</v>
      </c>
      <c r="E7424">
        <v>3</v>
      </c>
      <c r="F7424">
        <v>0</v>
      </c>
      <c r="H7424" t="s">
        <v>38141</v>
      </c>
      <c r="J7424" t="s">
        <v>38142</v>
      </c>
      <c r="O7424">
        <v>4349016</v>
      </c>
      <c r="P7424">
        <v>1</v>
      </c>
      <c r="Q7424">
        <v>0</v>
      </c>
      <c r="R7424" t="s">
        <v>38143</v>
      </c>
      <c r="S7424">
        <v>1322</v>
      </c>
    </row>
    <row r="7425" spans="1:19" x14ac:dyDescent="0.25">
      <c r="A7425">
        <v>4266152</v>
      </c>
      <c r="B7425" t="s">
        <v>38144</v>
      </c>
      <c r="C7425" s="1" t="s">
        <v>38145</v>
      </c>
      <c r="D7425">
        <v>4266200</v>
      </c>
      <c r="E7425">
        <v>1</v>
      </c>
      <c r="F7425">
        <v>0</v>
      </c>
      <c r="H7425" t="s">
        <v>38146</v>
      </c>
      <c r="J7425" t="s">
        <v>38147</v>
      </c>
      <c r="K7425" t="s">
        <v>38148</v>
      </c>
      <c r="M7425">
        <v>4370109</v>
      </c>
      <c r="O7425">
        <v>80425</v>
      </c>
      <c r="P7425">
        <v>1</v>
      </c>
      <c r="Q7425">
        <v>0</v>
      </c>
      <c r="R7425" t="s">
        <v>38149</v>
      </c>
      <c r="S7425">
        <v>91</v>
      </c>
    </row>
    <row r="7426" spans="1:19" x14ac:dyDescent="0.25">
      <c r="A7426">
        <v>41042317</v>
      </c>
      <c r="B7426" t="s">
        <v>38150</v>
      </c>
      <c r="C7426" s="1" t="s">
        <v>38151</v>
      </c>
      <c r="E7426">
        <v>1</v>
      </c>
      <c r="F7426">
        <v>0</v>
      </c>
      <c r="H7426" t="s">
        <v>38152</v>
      </c>
      <c r="J7426" t="s">
        <v>38153</v>
      </c>
      <c r="O7426">
        <v>7268182</v>
      </c>
      <c r="P7426">
        <v>1</v>
      </c>
      <c r="Q7426">
        <v>-2</v>
      </c>
      <c r="R7426" t="s">
        <v>1466</v>
      </c>
      <c r="S7426">
        <v>26</v>
      </c>
    </row>
    <row r="7427" spans="1:19" x14ac:dyDescent="0.25">
      <c r="A7427">
        <v>39609844</v>
      </c>
      <c r="B7427" t="s">
        <v>38154</v>
      </c>
      <c r="C7427" s="1" t="s">
        <v>38155</v>
      </c>
      <c r="D7427">
        <v>39610302</v>
      </c>
      <c r="E7427">
        <v>1</v>
      </c>
      <c r="F7427">
        <v>3</v>
      </c>
      <c r="H7427" t="s">
        <v>38156</v>
      </c>
      <c r="I7427">
        <v>0</v>
      </c>
      <c r="J7427" t="s">
        <v>38157</v>
      </c>
      <c r="K7427" t="s">
        <v>38158</v>
      </c>
      <c r="M7427">
        <v>391338</v>
      </c>
      <c r="O7427">
        <v>2169777</v>
      </c>
      <c r="P7427">
        <v>1</v>
      </c>
      <c r="Q7427">
        <v>2</v>
      </c>
      <c r="R7427" t="s">
        <v>351</v>
      </c>
      <c r="S7427">
        <v>69</v>
      </c>
    </row>
    <row r="7428" spans="1:19" x14ac:dyDescent="0.25">
      <c r="A7428">
        <v>10527746</v>
      </c>
      <c r="B7428" t="s">
        <v>38159</v>
      </c>
      <c r="C7428" s="1" t="s">
        <v>38160</v>
      </c>
      <c r="E7428">
        <v>2</v>
      </c>
      <c r="F7428">
        <v>0</v>
      </c>
      <c r="H7428" t="s">
        <v>38161</v>
      </c>
      <c r="J7428" t="s">
        <v>38162</v>
      </c>
      <c r="K7428" t="s">
        <v>38163</v>
      </c>
      <c r="M7428">
        <v>-1</v>
      </c>
      <c r="O7428">
        <v>56648</v>
      </c>
      <c r="P7428">
        <v>1</v>
      </c>
      <c r="Q7428">
        <v>1</v>
      </c>
      <c r="R7428" t="s">
        <v>38164</v>
      </c>
      <c r="S7428">
        <v>1286</v>
      </c>
    </row>
    <row r="7429" spans="1:19" x14ac:dyDescent="0.25">
      <c r="A7429">
        <v>40853021</v>
      </c>
      <c r="B7429" t="s">
        <v>38165</v>
      </c>
      <c r="C7429" s="1" t="s">
        <v>38166</v>
      </c>
      <c r="E7429">
        <v>2</v>
      </c>
      <c r="F7429">
        <v>0</v>
      </c>
      <c r="H7429" t="s">
        <v>38167</v>
      </c>
      <c r="J7429" t="s">
        <v>38168</v>
      </c>
      <c r="K7429" t="s">
        <v>38169</v>
      </c>
      <c r="M7429">
        <v>5828959</v>
      </c>
      <c r="O7429">
        <v>5828959</v>
      </c>
      <c r="P7429">
        <v>1</v>
      </c>
      <c r="Q7429">
        <v>1</v>
      </c>
      <c r="R7429" t="s">
        <v>9846</v>
      </c>
      <c r="S7429">
        <v>64</v>
      </c>
    </row>
    <row r="7430" spans="1:19" x14ac:dyDescent="0.25">
      <c r="A7430">
        <v>10452592</v>
      </c>
      <c r="B7430" t="s">
        <v>38170</v>
      </c>
      <c r="C7430" s="1" t="s">
        <v>38171</v>
      </c>
      <c r="E7430">
        <v>1</v>
      </c>
      <c r="F7430">
        <v>3</v>
      </c>
      <c r="H7430" t="s">
        <v>38172</v>
      </c>
      <c r="J7430" t="s">
        <v>38173</v>
      </c>
      <c r="O7430">
        <v>1159613</v>
      </c>
      <c r="P7430">
        <v>1</v>
      </c>
      <c r="Q7430">
        <v>-4</v>
      </c>
      <c r="R7430" t="s">
        <v>2754</v>
      </c>
      <c r="S7430">
        <v>76</v>
      </c>
    </row>
    <row r="7431" spans="1:19" x14ac:dyDescent="0.25">
      <c r="A7431">
        <v>36248480</v>
      </c>
      <c r="B7431" t="s">
        <v>38174</v>
      </c>
      <c r="C7431" s="1" t="s">
        <v>38175</v>
      </c>
      <c r="D7431">
        <v>36248554</v>
      </c>
      <c r="E7431">
        <v>1</v>
      </c>
      <c r="F7431">
        <v>0</v>
      </c>
      <c r="H7431" t="s">
        <v>38176</v>
      </c>
      <c r="J7431" t="s">
        <v>38177</v>
      </c>
      <c r="O7431">
        <v>6081974</v>
      </c>
      <c r="P7431">
        <v>1</v>
      </c>
      <c r="Q7431">
        <v>0</v>
      </c>
      <c r="R7431" t="s">
        <v>38178</v>
      </c>
      <c r="S7431">
        <v>65</v>
      </c>
    </row>
    <row r="7432" spans="1:19" x14ac:dyDescent="0.25">
      <c r="A7432">
        <v>4356705</v>
      </c>
      <c r="B7432" t="s">
        <v>38179</v>
      </c>
      <c r="C7432" t="s">
        <v>38180</v>
      </c>
      <c r="D7432">
        <v>4356733</v>
      </c>
      <c r="E7432">
        <v>1</v>
      </c>
      <c r="F7432">
        <v>0</v>
      </c>
      <c r="H7432" t="s">
        <v>38181</v>
      </c>
      <c r="J7432" t="s">
        <v>38182</v>
      </c>
      <c r="K7432" t="s">
        <v>38183</v>
      </c>
      <c r="M7432">
        <v>44729</v>
      </c>
      <c r="O7432">
        <v>122229</v>
      </c>
      <c r="P7432">
        <v>1</v>
      </c>
      <c r="Q7432">
        <v>3</v>
      </c>
      <c r="R7432" t="s">
        <v>38184</v>
      </c>
      <c r="S7432">
        <v>945</v>
      </c>
    </row>
    <row r="7433" spans="1:19" x14ac:dyDescent="0.25">
      <c r="A7433">
        <v>49731960</v>
      </c>
      <c r="B7433" t="s">
        <v>38185</v>
      </c>
      <c r="C7433" s="1" t="s">
        <v>38186</v>
      </c>
      <c r="E7433">
        <v>1</v>
      </c>
      <c r="F7433">
        <v>8</v>
      </c>
      <c r="H7433" t="s">
        <v>38187</v>
      </c>
      <c r="J7433" t="s">
        <v>38188</v>
      </c>
      <c r="K7433" t="s">
        <v>38189</v>
      </c>
      <c r="M7433">
        <v>2172547</v>
      </c>
      <c r="O7433">
        <v>2172547</v>
      </c>
      <c r="P7433">
        <v>1</v>
      </c>
      <c r="Q7433">
        <v>0</v>
      </c>
      <c r="R7433" t="s">
        <v>9673</v>
      </c>
      <c r="S7433">
        <v>97</v>
      </c>
    </row>
    <row r="7434" spans="1:19" x14ac:dyDescent="0.25">
      <c r="A7434">
        <v>37310272</v>
      </c>
      <c r="B7434" t="s">
        <v>38190</v>
      </c>
      <c r="C7434" s="1" t="s">
        <v>38191</v>
      </c>
      <c r="E7434">
        <v>1</v>
      </c>
      <c r="F7434">
        <v>0</v>
      </c>
      <c r="H7434" t="s">
        <v>38192</v>
      </c>
      <c r="J7434" t="s">
        <v>38193</v>
      </c>
      <c r="K7434" t="s">
        <v>38193</v>
      </c>
      <c r="M7434">
        <v>459102</v>
      </c>
      <c r="O7434">
        <v>139599</v>
      </c>
      <c r="P7434">
        <v>1</v>
      </c>
      <c r="Q7434">
        <v>1</v>
      </c>
      <c r="R7434" t="s">
        <v>38194</v>
      </c>
      <c r="S7434">
        <v>143</v>
      </c>
    </row>
    <row r="7435" spans="1:19" x14ac:dyDescent="0.25">
      <c r="A7435">
        <v>16595044</v>
      </c>
      <c r="B7435" t="s">
        <v>38195</v>
      </c>
      <c r="C7435" s="1" t="s">
        <v>38196</v>
      </c>
      <c r="E7435">
        <v>3</v>
      </c>
      <c r="F7435">
        <v>32</v>
      </c>
      <c r="H7435" t="s">
        <v>38197</v>
      </c>
      <c r="I7435">
        <v>5</v>
      </c>
      <c r="J7435" t="s">
        <v>38198</v>
      </c>
      <c r="K7435" t="s">
        <v>38199</v>
      </c>
      <c r="M7435">
        <v>1429390</v>
      </c>
      <c r="O7435">
        <v>1429390</v>
      </c>
      <c r="P7435">
        <v>1</v>
      </c>
      <c r="Q7435">
        <v>40</v>
      </c>
      <c r="R7435" t="s">
        <v>38200</v>
      </c>
      <c r="S7435">
        <v>5679</v>
      </c>
    </row>
    <row r="7436" spans="1:19" x14ac:dyDescent="0.25">
      <c r="A7436">
        <v>28909183</v>
      </c>
      <c r="B7436" t="s">
        <v>38201</v>
      </c>
      <c r="C7436" s="1" t="s">
        <v>38202</v>
      </c>
      <c r="D7436">
        <v>28909938</v>
      </c>
      <c r="E7436">
        <v>1</v>
      </c>
      <c r="F7436">
        <v>0</v>
      </c>
      <c r="H7436" t="s">
        <v>38203</v>
      </c>
      <c r="J7436" t="s">
        <v>38204</v>
      </c>
      <c r="O7436">
        <v>887976</v>
      </c>
      <c r="P7436">
        <v>1</v>
      </c>
      <c r="Q7436">
        <v>0</v>
      </c>
      <c r="R7436" t="s">
        <v>38205</v>
      </c>
      <c r="S7436">
        <v>141</v>
      </c>
    </row>
    <row r="7437" spans="1:19" x14ac:dyDescent="0.25">
      <c r="A7437">
        <v>12491454</v>
      </c>
      <c r="B7437" t="s">
        <v>38206</v>
      </c>
      <c r="C7437" s="1" t="s">
        <v>38207</v>
      </c>
      <c r="E7437">
        <v>0</v>
      </c>
      <c r="F7437">
        <v>0</v>
      </c>
      <c r="H7437" t="s">
        <v>38208</v>
      </c>
      <c r="J7437" t="s">
        <v>38208</v>
      </c>
      <c r="O7437">
        <v>1553803</v>
      </c>
      <c r="P7437">
        <v>1</v>
      </c>
      <c r="Q7437">
        <v>1</v>
      </c>
      <c r="R7437" t="s">
        <v>38209</v>
      </c>
      <c r="S7437">
        <v>324</v>
      </c>
    </row>
    <row r="7438" spans="1:19" x14ac:dyDescent="0.25">
      <c r="A7438">
        <v>7113285</v>
      </c>
      <c r="B7438" t="s">
        <v>38210</v>
      </c>
      <c r="C7438" s="1" t="s">
        <v>38211</v>
      </c>
      <c r="D7438">
        <v>7113701</v>
      </c>
      <c r="E7438">
        <v>1</v>
      </c>
      <c r="F7438">
        <v>1</v>
      </c>
      <c r="H7438" t="s">
        <v>38212</v>
      </c>
      <c r="I7438">
        <v>0</v>
      </c>
      <c r="J7438" t="s">
        <v>38213</v>
      </c>
      <c r="O7438">
        <v>134367</v>
      </c>
      <c r="P7438">
        <v>1</v>
      </c>
      <c r="Q7438">
        <v>3</v>
      </c>
      <c r="R7438" t="s">
        <v>38214</v>
      </c>
      <c r="S7438">
        <v>4877</v>
      </c>
    </row>
    <row r="7439" spans="1:19" x14ac:dyDescent="0.25">
      <c r="A7439">
        <v>19399925</v>
      </c>
      <c r="B7439" t="s">
        <v>38215</v>
      </c>
      <c r="C7439" s="1" t="s">
        <v>38216</v>
      </c>
      <c r="D7439">
        <v>19400166</v>
      </c>
      <c r="E7439">
        <v>3</v>
      </c>
      <c r="F7439">
        <v>1</v>
      </c>
      <c r="H7439" t="s">
        <v>38217</v>
      </c>
      <c r="J7439" t="s">
        <v>38218</v>
      </c>
      <c r="O7439">
        <v>805707</v>
      </c>
      <c r="P7439">
        <v>1</v>
      </c>
      <c r="Q7439">
        <v>1</v>
      </c>
      <c r="R7439" t="s">
        <v>38219</v>
      </c>
      <c r="S7439">
        <v>156</v>
      </c>
    </row>
    <row r="7440" spans="1:19" x14ac:dyDescent="0.25">
      <c r="A7440">
        <v>47711502</v>
      </c>
      <c r="B7440" t="s">
        <v>38220</v>
      </c>
      <c r="C7440" s="1" t="s">
        <v>38221</v>
      </c>
      <c r="E7440">
        <v>2</v>
      </c>
      <c r="F7440">
        <v>7</v>
      </c>
      <c r="H7440" t="s">
        <v>38222</v>
      </c>
      <c r="J7440" t="s">
        <v>38223</v>
      </c>
      <c r="K7440" t="s">
        <v>38224</v>
      </c>
      <c r="M7440">
        <v>5529445</v>
      </c>
      <c r="O7440">
        <v>8053052</v>
      </c>
      <c r="P7440">
        <v>1</v>
      </c>
      <c r="Q7440">
        <v>0</v>
      </c>
      <c r="R7440" t="s">
        <v>38225</v>
      </c>
      <c r="S7440">
        <v>77</v>
      </c>
    </row>
    <row r="7441" spans="1:19" x14ac:dyDescent="0.25">
      <c r="A7441">
        <v>5142263</v>
      </c>
      <c r="B7441" t="s">
        <v>38226</v>
      </c>
      <c r="C7441" s="1" t="s">
        <v>38227</v>
      </c>
      <c r="E7441">
        <v>3</v>
      </c>
      <c r="F7441">
        <v>0</v>
      </c>
      <c r="H7441" t="s">
        <v>38228</v>
      </c>
      <c r="I7441">
        <v>1</v>
      </c>
      <c r="J7441" t="s">
        <v>38229</v>
      </c>
      <c r="K7441" t="s">
        <v>38230</v>
      </c>
      <c r="M7441">
        <v>578594</v>
      </c>
      <c r="O7441">
        <v>637702</v>
      </c>
      <c r="P7441">
        <v>1</v>
      </c>
      <c r="Q7441">
        <v>6</v>
      </c>
      <c r="R7441" t="s">
        <v>2771</v>
      </c>
      <c r="S7441">
        <v>15112</v>
      </c>
    </row>
    <row r="7442" spans="1:19" x14ac:dyDescent="0.25">
      <c r="A7442">
        <v>3284297</v>
      </c>
      <c r="B7442" t="s">
        <v>38231</v>
      </c>
      <c r="C7442" s="1" t="s">
        <v>38232</v>
      </c>
      <c r="D7442">
        <v>3284368</v>
      </c>
      <c r="E7442">
        <v>4</v>
      </c>
      <c r="F7442">
        <v>0</v>
      </c>
      <c r="H7442" t="s">
        <v>38233</v>
      </c>
      <c r="I7442">
        <v>2</v>
      </c>
      <c r="J7442" t="s">
        <v>38234</v>
      </c>
      <c r="O7442">
        <v>32240</v>
      </c>
      <c r="P7442">
        <v>1</v>
      </c>
      <c r="Q7442">
        <v>9</v>
      </c>
      <c r="R7442" t="s">
        <v>38235</v>
      </c>
      <c r="S7442">
        <v>6643</v>
      </c>
    </row>
    <row r="7443" spans="1:19" x14ac:dyDescent="0.25">
      <c r="A7443">
        <v>15980487</v>
      </c>
      <c r="B7443" t="s">
        <v>38236</v>
      </c>
      <c r="C7443" s="1" t="s">
        <v>38237</v>
      </c>
      <c r="E7443">
        <v>1</v>
      </c>
      <c r="F7443">
        <v>2</v>
      </c>
      <c r="H7443" t="s">
        <v>38238</v>
      </c>
      <c r="I7443">
        <v>1</v>
      </c>
      <c r="J7443" t="s">
        <v>38239</v>
      </c>
      <c r="K7443" t="s">
        <v>38240</v>
      </c>
      <c r="M7443">
        <v>588079</v>
      </c>
      <c r="O7443">
        <v>2275857</v>
      </c>
      <c r="P7443">
        <v>1</v>
      </c>
      <c r="Q7443">
        <v>1</v>
      </c>
      <c r="R7443" t="s">
        <v>38241</v>
      </c>
      <c r="S7443">
        <v>446</v>
      </c>
    </row>
    <row r="7444" spans="1:19" x14ac:dyDescent="0.25">
      <c r="A7444">
        <v>28427001</v>
      </c>
      <c r="B7444" t="s">
        <v>38242</v>
      </c>
      <c r="C7444" s="1" t="s">
        <v>38243</v>
      </c>
      <c r="E7444">
        <v>0</v>
      </c>
      <c r="F7444">
        <v>1</v>
      </c>
      <c r="H7444" t="s">
        <v>38244</v>
      </c>
      <c r="J7444" t="s">
        <v>38244</v>
      </c>
      <c r="O7444">
        <v>2931112</v>
      </c>
      <c r="P7444">
        <v>1</v>
      </c>
      <c r="Q7444">
        <v>2</v>
      </c>
      <c r="R7444" t="s">
        <v>38245</v>
      </c>
      <c r="S7444">
        <v>589</v>
      </c>
    </row>
    <row r="7445" spans="1:19" x14ac:dyDescent="0.25">
      <c r="A7445">
        <v>34747832</v>
      </c>
      <c r="B7445" t="s">
        <v>38246</v>
      </c>
      <c r="C7445" s="1" t="s">
        <v>38247</v>
      </c>
      <c r="E7445">
        <v>2</v>
      </c>
      <c r="F7445">
        <v>0</v>
      </c>
      <c r="H7445" t="s">
        <v>38248</v>
      </c>
      <c r="J7445" t="s">
        <v>38249</v>
      </c>
      <c r="O7445">
        <v>5779574</v>
      </c>
      <c r="P7445">
        <v>1</v>
      </c>
      <c r="Q7445">
        <v>0</v>
      </c>
      <c r="R7445" t="s">
        <v>38250</v>
      </c>
      <c r="S7445">
        <v>611</v>
      </c>
    </row>
    <row r="7446" spans="1:19" x14ac:dyDescent="0.25">
      <c r="A7446">
        <v>31731796</v>
      </c>
      <c r="B7446" t="s">
        <v>38251</v>
      </c>
      <c r="C7446" s="1" t="s">
        <v>38252</v>
      </c>
      <c r="E7446">
        <v>1</v>
      </c>
      <c r="F7446">
        <v>5</v>
      </c>
      <c r="H7446" t="s">
        <v>38253</v>
      </c>
      <c r="J7446" t="s">
        <v>38254</v>
      </c>
      <c r="K7446" t="s">
        <v>38255</v>
      </c>
      <c r="M7446">
        <v>5015957</v>
      </c>
      <c r="O7446">
        <v>5111115</v>
      </c>
      <c r="P7446">
        <v>1</v>
      </c>
      <c r="Q7446">
        <v>0</v>
      </c>
      <c r="R7446" t="s">
        <v>38256</v>
      </c>
      <c r="S7446">
        <v>2173</v>
      </c>
    </row>
    <row r="7447" spans="1:19" x14ac:dyDescent="0.25">
      <c r="A7447">
        <v>43062948</v>
      </c>
      <c r="B7447" t="s">
        <v>38257</v>
      </c>
      <c r="C7447" t="s">
        <v>38258</v>
      </c>
      <c r="D7447">
        <v>43110867</v>
      </c>
      <c r="E7447">
        <v>2</v>
      </c>
      <c r="F7447">
        <v>0</v>
      </c>
      <c r="H7447" t="s">
        <v>38259</v>
      </c>
      <c r="J7447" t="s">
        <v>38260</v>
      </c>
      <c r="K7447" t="s">
        <v>38261</v>
      </c>
      <c r="M7447">
        <v>2698119</v>
      </c>
      <c r="O7447">
        <v>2698119</v>
      </c>
      <c r="P7447">
        <v>1</v>
      </c>
      <c r="Q7447">
        <v>3</v>
      </c>
      <c r="R7447" t="s">
        <v>38262</v>
      </c>
      <c r="S7447">
        <v>915</v>
      </c>
    </row>
    <row r="7448" spans="1:19" x14ac:dyDescent="0.25">
      <c r="A7448">
        <v>26180412</v>
      </c>
      <c r="B7448" t="s">
        <v>38263</v>
      </c>
      <c r="C7448" s="1" t="s">
        <v>38264</v>
      </c>
      <c r="D7448">
        <v>26184609</v>
      </c>
      <c r="E7448">
        <v>1</v>
      </c>
      <c r="F7448">
        <v>0</v>
      </c>
      <c r="H7448" t="s">
        <v>38265</v>
      </c>
      <c r="I7448">
        <v>1</v>
      </c>
      <c r="J7448" t="s">
        <v>38266</v>
      </c>
      <c r="K7448" t="s">
        <v>38267</v>
      </c>
      <c r="M7448">
        <v>-1</v>
      </c>
      <c r="O7448">
        <v>3487276</v>
      </c>
      <c r="P7448">
        <v>1</v>
      </c>
      <c r="Q7448">
        <v>2</v>
      </c>
      <c r="R7448" t="s">
        <v>38268</v>
      </c>
      <c r="S7448">
        <v>5633</v>
      </c>
    </row>
    <row r="7449" spans="1:19" x14ac:dyDescent="0.25">
      <c r="A7449">
        <v>29069517</v>
      </c>
      <c r="B7449" t="s">
        <v>38269</v>
      </c>
      <c r="C7449" s="1" t="s">
        <v>38270</v>
      </c>
      <c r="D7449">
        <v>29069543</v>
      </c>
      <c r="E7449">
        <v>2</v>
      </c>
      <c r="F7449">
        <v>0</v>
      </c>
      <c r="H7449" t="s">
        <v>38271</v>
      </c>
      <c r="J7449" t="s">
        <v>38272</v>
      </c>
      <c r="K7449" t="s">
        <v>38273</v>
      </c>
      <c r="M7449">
        <v>-1</v>
      </c>
      <c r="O7449">
        <v>2124535</v>
      </c>
      <c r="P7449">
        <v>1</v>
      </c>
      <c r="Q7449">
        <v>0</v>
      </c>
      <c r="R7449" t="s">
        <v>2664</v>
      </c>
      <c r="S7449">
        <v>28</v>
      </c>
    </row>
    <row r="7450" spans="1:19" x14ac:dyDescent="0.25">
      <c r="A7450">
        <v>35947883</v>
      </c>
      <c r="B7450" t="s">
        <v>38274</v>
      </c>
      <c r="C7450" s="1" t="s">
        <v>38275</v>
      </c>
      <c r="E7450">
        <v>0</v>
      </c>
      <c r="F7450">
        <v>5</v>
      </c>
      <c r="H7450" t="s">
        <v>38276</v>
      </c>
      <c r="J7450" t="s">
        <v>38276</v>
      </c>
      <c r="O7450">
        <v>1730345</v>
      </c>
      <c r="P7450">
        <v>1</v>
      </c>
      <c r="Q7450">
        <v>1</v>
      </c>
      <c r="R7450" t="s">
        <v>38277</v>
      </c>
      <c r="S7450">
        <v>721</v>
      </c>
    </row>
    <row r="7451" spans="1:19" x14ac:dyDescent="0.25">
      <c r="A7451">
        <v>53129168</v>
      </c>
      <c r="B7451" t="s">
        <v>38278</v>
      </c>
      <c r="C7451" s="1" t="s">
        <v>38279</v>
      </c>
      <c r="D7451">
        <v>53129230</v>
      </c>
      <c r="E7451">
        <v>1</v>
      </c>
      <c r="F7451">
        <v>0</v>
      </c>
      <c r="H7451" t="s">
        <v>38280</v>
      </c>
      <c r="J7451" t="s">
        <v>38281</v>
      </c>
      <c r="K7451" t="s">
        <v>38281</v>
      </c>
      <c r="M7451">
        <v>4370109</v>
      </c>
      <c r="O7451">
        <v>7368655</v>
      </c>
      <c r="P7451">
        <v>1</v>
      </c>
      <c r="Q7451">
        <v>2</v>
      </c>
      <c r="R7451" t="s">
        <v>38282</v>
      </c>
      <c r="S7451">
        <v>41</v>
      </c>
    </row>
    <row r="7452" spans="1:19" x14ac:dyDescent="0.25">
      <c r="A7452">
        <v>52301473</v>
      </c>
      <c r="B7452" t="s">
        <v>38283</v>
      </c>
      <c r="C7452" s="1" t="s">
        <v>38284</v>
      </c>
      <c r="D7452">
        <v>52303396</v>
      </c>
      <c r="E7452">
        <v>2</v>
      </c>
      <c r="F7452">
        <v>5</v>
      </c>
      <c r="H7452" t="s">
        <v>38285</v>
      </c>
      <c r="J7452" t="s">
        <v>38286</v>
      </c>
      <c r="K7452" t="s">
        <v>38287</v>
      </c>
      <c r="M7452">
        <v>1953504</v>
      </c>
      <c r="O7452">
        <v>3304359</v>
      </c>
      <c r="P7452">
        <v>1</v>
      </c>
      <c r="Q7452">
        <v>1</v>
      </c>
      <c r="R7452" t="s">
        <v>38288</v>
      </c>
      <c r="S7452">
        <v>52</v>
      </c>
    </row>
    <row r="7453" spans="1:19" x14ac:dyDescent="0.25">
      <c r="A7453">
        <v>11922956</v>
      </c>
      <c r="B7453" t="s">
        <v>38289</v>
      </c>
      <c r="C7453" s="1" t="s">
        <v>38290</v>
      </c>
      <c r="E7453">
        <v>0</v>
      </c>
      <c r="F7453">
        <v>3</v>
      </c>
      <c r="H7453" t="s">
        <v>38291</v>
      </c>
      <c r="J7453" t="s">
        <v>38292</v>
      </c>
      <c r="K7453" t="s">
        <v>38293</v>
      </c>
      <c r="M7453">
        <v>-1</v>
      </c>
      <c r="O7453">
        <v>985292</v>
      </c>
      <c r="P7453">
        <v>1</v>
      </c>
      <c r="Q7453">
        <v>0</v>
      </c>
      <c r="R7453" t="s">
        <v>38294</v>
      </c>
      <c r="S7453">
        <v>255</v>
      </c>
    </row>
    <row r="7454" spans="1:19" x14ac:dyDescent="0.25">
      <c r="A7454">
        <v>8091832</v>
      </c>
      <c r="B7454" t="s">
        <v>38295</v>
      </c>
      <c r="C7454" s="1" t="s">
        <v>38296</v>
      </c>
      <c r="E7454">
        <v>0</v>
      </c>
      <c r="F7454">
        <v>4</v>
      </c>
      <c r="H7454" t="s">
        <v>38297</v>
      </c>
      <c r="I7454">
        <v>1</v>
      </c>
      <c r="J7454" t="s">
        <v>38298</v>
      </c>
      <c r="K7454" t="s">
        <v>38298</v>
      </c>
      <c r="M7454">
        <v>1228</v>
      </c>
      <c r="O7454">
        <v>766033</v>
      </c>
      <c r="P7454">
        <v>1</v>
      </c>
      <c r="Q7454">
        <v>2</v>
      </c>
      <c r="R7454" t="s">
        <v>4626</v>
      </c>
      <c r="S7454">
        <v>1255</v>
      </c>
    </row>
    <row r="7455" spans="1:19" x14ac:dyDescent="0.25">
      <c r="A7455">
        <v>8852775</v>
      </c>
      <c r="B7455" t="s">
        <v>38299</v>
      </c>
      <c r="C7455" t="s">
        <v>38300</v>
      </c>
      <c r="E7455">
        <v>1</v>
      </c>
      <c r="F7455">
        <v>3</v>
      </c>
      <c r="H7455" t="s">
        <v>38301</v>
      </c>
      <c r="J7455" t="s">
        <v>38302</v>
      </c>
      <c r="O7455">
        <v>1136700</v>
      </c>
      <c r="P7455">
        <v>1</v>
      </c>
      <c r="Q7455">
        <v>0</v>
      </c>
      <c r="R7455" t="s">
        <v>38303</v>
      </c>
      <c r="S7455">
        <v>1564</v>
      </c>
    </row>
    <row r="7456" spans="1:19" x14ac:dyDescent="0.25">
      <c r="A7456">
        <v>33311170</v>
      </c>
      <c r="B7456" t="s">
        <v>38304</v>
      </c>
      <c r="C7456" s="1" t="s">
        <v>38305</v>
      </c>
      <c r="D7456">
        <v>33311540</v>
      </c>
      <c r="E7456">
        <v>2</v>
      </c>
      <c r="F7456">
        <v>0</v>
      </c>
      <c r="H7456" t="s">
        <v>38306</v>
      </c>
      <c r="J7456" t="s">
        <v>38307</v>
      </c>
      <c r="O7456">
        <v>450847</v>
      </c>
      <c r="P7456">
        <v>1</v>
      </c>
      <c r="Q7456">
        <v>1</v>
      </c>
      <c r="R7456" t="s">
        <v>38308</v>
      </c>
      <c r="S7456">
        <v>1269</v>
      </c>
    </row>
    <row r="7457" spans="1:19" x14ac:dyDescent="0.25">
      <c r="A7457">
        <v>17529570</v>
      </c>
      <c r="B7457" t="s">
        <v>38309</v>
      </c>
      <c r="C7457" s="1" t="s">
        <v>38310</v>
      </c>
      <c r="E7457">
        <v>0</v>
      </c>
      <c r="F7457">
        <v>5</v>
      </c>
      <c r="H7457" t="s">
        <v>38311</v>
      </c>
      <c r="J7457" t="s">
        <v>38312</v>
      </c>
      <c r="K7457" t="s">
        <v>38312</v>
      </c>
      <c r="M7457">
        <v>1269664</v>
      </c>
      <c r="O7457">
        <v>1269664</v>
      </c>
      <c r="P7457">
        <v>1</v>
      </c>
      <c r="Q7457">
        <v>0</v>
      </c>
      <c r="R7457" t="s">
        <v>38313</v>
      </c>
      <c r="S7457">
        <v>156</v>
      </c>
    </row>
    <row r="7458" spans="1:19" x14ac:dyDescent="0.25">
      <c r="A7458">
        <v>24990194</v>
      </c>
      <c r="B7458" t="s">
        <v>38314</v>
      </c>
      <c r="C7458" s="1" t="s">
        <v>38315</v>
      </c>
      <c r="E7458">
        <v>1</v>
      </c>
      <c r="F7458">
        <v>0</v>
      </c>
      <c r="H7458" t="s">
        <v>38316</v>
      </c>
      <c r="J7458" t="s">
        <v>38317</v>
      </c>
      <c r="O7458">
        <v>574033</v>
      </c>
      <c r="P7458">
        <v>1</v>
      </c>
      <c r="Q7458">
        <v>0</v>
      </c>
      <c r="R7458" t="s">
        <v>38318</v>
      </c>
      <c r="S7458">
        <v>83</v>
      </c>
    </row>
    <row r="7459" spans="1:19" x14ac:dyDescent="0.25">
      <c r="A7459">
        <v>27205243</v>
      </c>
      <c r="B7459" t="s">
        <v>38319</v>
      </c>
      <c r="C7459" s="1" t="s">
        <v>38320</v>
      </c>
      <c r="D7459">
        <v>32758366</v>
      </c>
      <c r="E7459">
        <v>2</v>
      </c>
      <c r="F7459">
        <v>3</v>
      </c>
      <c r="H7459" t="s">
        <v>38321</v>
      </c>
      <c r="I7459">
        <v>1</v>
      </c>
      <c r="J7459" t="s">
        <v>38322</v>
      </c>
      <c r="K7459" t="s">
        <v>38323</v>
      </c>
      <c r="M7459">
        <v>3011082</v>
      </c>
      <c r="O7459">
        <v>2815826</v>
      </c>
      <c r="P7459">
        <v>1</v>
      </c>
      <c r="Q7459">
        <v>0</v>
      </c>
      <c r="R7459" t="s">
        <v>3056</v>
      </c>
      <c r="S7459">
        <v>1353</v>
      </c>
    </row>
    <row r="7460" spans="1:19" x14ac:dyDescent="0.25">
      <c r="A7460">
        <v>4742100</v>
      </c>
      <c r="B7460" t="s">
        <v>38324</v>
      </c>
      <c r="C7460" s="1" t="s">
        <v>38325</v>
      </c>
      <c r="E7460">
        <v>4</v>
      </c>
      <c r="F7460">
        <v>0</v>
      </c>
      <c r="H7460" t="s">
        <v>38326</v>
      </c>
      <c r="I7460">
        <v>1</v>
      </c>
      <c r="J7460" t="s">
        <v>38327</v>
      </c>
      <c r="K7460" t="s">
        <v>38328</v>
      </c>
      <c r="M7460">
        <v>6174</v>
      </c>
      <c r="O7460">
        <v>6174</v>
      </c>
      <c r="P7460">
        <v>1</v>
      </c>
      <c r="Q7460">
        <v>1</v>
      </c>
      <c r="R7460" t="s">
        <v>38329</v>
      </c>
      <c r="S7460">
        <v>3464</v>
      </c>
    </row>
    <row r="7461" spans="1:19" x14ac:dyDescent="0.25">
      <c r="A7461">
        <v>5836236</v>
      </c>
      <c r="B7461" t="s">
        <v>38330</v>
      </c>
      <c r="C7461" s="1" t="s">
        <v>38331</v>
      </c>
      <c r="E7461">
        <v>1</v>
      </c>
      <c r="F7461">
        <v>0</v>
      </c>
      <c r="H7461" t="s">
        <v>38332</v>
      </c>
      <c r="J7461" t="s">
        <v>38333</v>
      </c>
      <c r="K7461" t="s">
        <v>38334</v>
      </c>
      <c r="M7461">
        <v>21234</v>
      </c>
      <c r="O7461">
        <v>717759</v>
      </c>
      <c r="P7461">
        <v>1</v>
      </c>
      <c r="Q7461">
        <v>2</v>
      </c>
      <c r="R7461" t="s">
        <v>38335</v>
      </c>
      <c r="S7461">
        <v>497</v>
      </c>
    </row>
    <row r="7462" spans="1:19" x14ac:dyDescent="0.25">
      <c r="A7462">
        <v>5231907</v>
      </c>
      <c r="B7462" t="s">
        <v>38336</v>
      </c>
      <c r="C7462" s="1" t="s">
        <v>38337</v>
      </c>
      <c r="D7462">
        <v>5231916</v>
      </c>
      <c r="E7462">
        <v>4</v>
      </c>
      <c r="F7462">
        <v>2</v>
      </c>
      <c r="H7462" t="s">
        <v>38338</v>
      </c>
      <c r="I7462">
        <v>12</v>
      </c>
      <c r="J7462" t="s">
        <v>38339</v>
      </c>
      <c r="K7462" t="s">
        <v>38340</v>
      </c>
      <c r="M7462">
        <v>17343</v>
      </c>
      <c r="O7462">
        <v>514963</v>
      </c>
      <c r="P7462">
        <v>1</v>
      </c>
      <c r="Q7462">
        <v>32</v>
      </c>
      <c r="R7462" t="s">
        <v>38341</v>
      </c>
      <c r="S7462">
        <v>15601</v>
      </c>
    </row>
    <row r="7463" spans="1:19" x14ac:dyDescent="0.25">
      <c r="A7463">
        <v>36014931</v>
      </c>
      <c r="B7463" t="s">
        <v>38342</v>
      </c>
      <c r="C7463" s="1" t="s">
        <v>38343</v>
      </c>
      <c r="D7463">
        <v>36015103</v>
      </c>
      <c r="E7463">
        <v>2</v>
      </c>
      <c r="F7463">
        <v>0</v>
      </c>
      <c r="H7463" t="s">
        <v>38344</v>
      </c>
      <c r="J7463" t="s">
        <v>38345</v>
      </c>
      <c r="O7463">
        <v>1819092</v>
      </c>
      <c r="P7463">
        <v>1</v>
      </c>
      <c r="Q7463">
        <v>0</v>
      </c>
      <c r="R7463" t="s">
        <v>38346</v>
      </c>
      <c r="S7463">
        <v>36</v>
      </c>
    </row>
    <row r="7464" spans="1:19" x14ac:dyDescent="0.25">
      <c r="A7464">
        <v>49771437</v>
      </c>
      <c r="B7464" t="s">
        <v>38347</v>
      </c>
      <c r="C7464" s="1" t="s">
        <v>38348</v>
      </c>
      <c r="E7464">
        <v>0</v>
      </c>
      <c r="F7464">
        <v>1</v>
      </c>
      <c r="H7464" t="s">
        <v>38349</v>
      </c>
      <c r="J7464" t="s">
        <v>38350</v>
      </c>
      <c r="K7464" t="s">
        <v>38350</v>
      </c>
      <c r="M7464">
        <v>3148590</v>
      </c>
      <c r="O7464">
        <v>9629288</v>
      </c>
      <c r="P7464">
        <v>1</v>
      </c>
      <c r="Q7464">
        <v>0</v>
      </c>
      <c r="R7464" t="s">
        <v>3034</v>
      </c>
      <c r="S7464">
        <v>36</v>
      </c>
    </row>
    <row r="7465" spans="1:19" x14ac:dyDescent="0.25">
      <c r="A7465">
        <v>31791440</v>
      </c>
      <c r="B7465" t="s">
        <v>38351</v>
      </c>
      <c r="C7465" s="1" t="s">
        <v>38352</v>
      </c>
      <c r="E7465">
        <v>1</v>
      </c>
      <c r="F7465">
        <v>0</v>
      </c>
      <c r="H7465" t="s">
        <v>38353</v>
      </c>
      <c r="I7465">
        <v>1</v>
      </c>
      <c r="J7465" t="s">
        <v>38354</v>
      </c>
      <c r="K7465" t="s">
        <v>38354</v>
      </c>
      <c r="M7465">
        <v>369489</v>
      </c>
      <c r="O7465">
        <v>369489</v>
      </c>
      <c r="P7465">
        <v>1</v>
      </c>
      <c r="Q7465">
        <v>0</v>
      </c>
      <c r="R7465" t="s">
        <v>38355</v>
      </c>
      <c r="S7465">
        <v>54</v>
      </c>
    </row>
    <row r="7466" spans="1:19" x14ac:dyDescent="0.25">
      <c r="A7466">
        <v>43122447</v>
      </c>
      <c r="B7466" t="s">
        <v>38356</v>
      </c>
      <c r="C7466" s="1" t="s">
        <v>38357</v>
      </c>
      <c r="D7466">
        <v>43123739</v>
      </c>
      <c r="E7466">
        <v>1</v>
      </c>
      <c r="F7466">
        <v>0</v>
      </c>
      <c r="H7466" t="s">
        <v>38358</v>
      </c>
      <c r="J7466" t="s">
        <v>38359</v>
      </c>
      <c r="K7466" t="s">
        <v>38360</v>
      </c>
      <c r="M7466">
        <v>7558967</v>
      </c>
      <c r="O7466">
        <v>7558967</v>
      </c>
      <c r="P7466">
        <v>1</v>
      </c>
      <c r="Q7466">
        <v>0</v>
      </c>
      <c r="R7466" t="s">
        <v>19193</v>
      </c>
      <c r="S7466">
        <v>75</v>
      </c>
    </row>
    <row r="7467" spans="1:19" x14ac:dyDescent="0.25">
      <c r="A7467">
        <v>10061115</v>
      </c>
      <c r="B7467" t="s">
        <v>38361</v>
      </c>
      <c r="C7467" t="s">
        <v>38362</v>
      </c>
      <c r="D7467">
        <v>10061138</v>
      </c>
      <c r="E7467">
        <v>2</v>
      </c>
      <c r="F7467">
        <v>0</v>
      </c>
      <c r="H7467" t="s">
        <v>38363</v>
      </c>
      <c r="J7467" t="s">
        <v>38364</v>
      </c>
      <c r="O7467">
        <v>981835</v>
      </c>
      <c r="P7467">
        <v>1</v>
      </c>
      <c r="Q7467">
        <v>0</v>
      </c>
      <c r="R7467" t="s">
        <v>38365</v>
      </c>
      <c r="S7467">
        <v>2378</v>
      </c>
    </row>
    <row r="7468" spans="1:19" x14ac:dyDescent="0.25">
      <c r="A7468">
        <v>47754582</v>
      </c>
      <c r="B7468" t="s">
        <v>38366</v>
      </c>
      <c r="C7468" s="1" t="s">
        <v>38367</v>
      </c>
      <c r="E7468">
        <v>0</v>
      </c>
      <c r="F7468">
        <v>0</v>
      </c>
      <c r="H7468" t="s">
        <v>38368</v>
      </c>
      <c r="J7468" t="s">
        <v>38368</v>
      </c>
      <c r="O7468">
        <v>9083973</v>
      </c>
      <c r="P7468">
        <v>1</v>
      </c>
      <c r="Q7468">
        <v>0</v>
      </c>
      <c r="R7468" t="s">
        <v>38369</v>
      </c>
      <c r="S7468">
        <v>9</v>
      </c>
    </row>
    <row r="7469" spans="1:19" x14ac:dyDescent="0.25">
      <c r="A7469">
        <v>2961364</v>
      </c>
      <c r="B7469" t="s">
        <v>38370</v>
      </c>
      <c r="C7469" s="1" t="s">
        <v>38371</v>
      </c>
      <c r="E7469">
        <v>1</v>
      </c>
      <c r="F7469">
        <v>0</v>
      </c>
      <c r="H7469" t="s">
        <v>38372</v>
      </c>
      <c r="J7469" t="s">
        <v>38373</v>
      </c>
      <c r="K7469" t="s">
        <v>38373</v>
      </c>
      <c r="M7469">
        <v>21239</v>
      </c>
      <c r="O7469">
        <v>142416</v>
      </c>
      <c r="P7469">
        <v>1</v>
      </c>
      <c r="Q7469">
        <v>0</v>
      </c>
      <c r="R7469" t="s">
        <v>38374</v>
      </c>
      <c r="S7469">
        <v>678</v>
      </c>
    </row>
    <row r="7470" spans="1:19" x14ac:dyDescent="0.25">
      <c r="A7470">
        <v>5540981</v>
      </c>
      <c r="B7470" t="s">
        <v>38375</v>
      </c>
      <c r="C7470" s="1" t="s">
        <v>38376</v>
      </c>
      <c r="E7470">
        <v>2</v>
      </c>
      <c r="F7470">
        <v>2</v>
      </c>
      <c r="H7470" t="s">
        <v>38377</v>
      </c>
      <c r="I7470">
        <v>6</v>
      </c>
      <c r="J7470" t="s">
        <v>38378</v>
      </c>
      <c r="K7470" t="s">
        <v>38378</v>
      </c>
      <c r="M7470">
        <v>4286919</v>
      </c>
      <c r="O7470">
        <v>616982</v>
      </c>
      <c r="P7470">
        <v>1</v>
      </c>
      <c r="Q7470">
        <v>12</v>
      </c>
      <c r="R7470" t="s">
        <v>38379</v>
      </c>
      <c r="S7470">
        <v>16944</v>
      </c>
    </row>
    <row r="7471" spans="1:19" x14ac:dyDescent="0.25">
      <c r="A7471">
        <v>38802070</v>
      </c>
      <c r="B7471" t="s">
        <v>38380</v>
      </c>
      <c r="C7471" s="1" t="s">
        <v>38381</v>
      </c>
      <c r="D7471">
        <v>38802144</v>
      </c>
      <c r="E7471">
        <v>2</v>
      </c>
      <c r="F7471">
        <v>0</v>
      </c>
      <c r="H7471" t="s">
        <v>38382</v>
      </c>
      <c r="J7471" t="s">
        <v>38383</v>
      </c>
      <c r="K7471" t="s">
        <v>38384</v>
      </c>
      <c r="M7471">
        <v>-1</v>
      </c>
      <c r="O7471">
        <v>3985071</v>
      </c>
      <c r="P7471">
        <v>1</v>
      </c>
      <c r="Q7471">
        <v>0</v>
      </c>
      <c r="R7471" t="s">
        <v>38385</v>
      </c>
      <c r="S7471">
        <v>766</v>
      </c>
    </row>
    <row r="7472" spans="1:19" x14ac:dyDescent="0.25">
      <c r="A7472">
        <v>51267715</v>
      </c>
      <c r="B7472" t="s">
        <v>38386</v>
      </c>
      <c r="C7472" s="1" t="s">
        <v>38387</v>
      </c>
      <c r="E7472">
        <v>1</v>
      </c>
      <c r="F7472">
        <v>2</v>
      </c>
      <c r="H7472" t="s">
        <v>38388</v>
      </c>
      <c r="I7472">
        <v>1</v>
      </c>
      <c r="J7472" t="s">
        <v>38389</v>
      </c>
      <c r="K7472" t="s">
        <v>38390</v>
      </c>
      <c r="M7472">
        <v>9404954</v>
      </c>
      <c r="O7472">
        <v>9404954</v>
      </c>
      <c r="P7472">
        <v>1</v>
      </c>
      <c r="Q7472">
        <v>0</v>
      </c>
      <c r="R7472" t="s">
        <v>38391</v>
      </c>
      <c r="S7472">
        <v>90</v>
      </c>
    </row>
    <row r="7473" spans="1:19" x14ac:dyDescent="0.25">
      <c r="A7473">
        <v>28187598</v>
      </c>
      <c r="B7473" t="s">
        <v>38392</v>
      </c>
      <c r="C7473" s="1" t="s">
        <v>38393</v>
      </c>
      <c r="D7473">
        <v>28187968</v>
      </c>
      <c r="E7473">
        <v>3</v>
      </c>
      <c r="F7473">
        <v>1</v>
      </c>
      <c r="H7473" t="s">
        <v>38394</v>
      </c>
      <c r="I7473">
        <v>1</v>
      </c>
      <c r="J7473" t="s">
        <v>38395</v>
      </c>
      <c r="O7473">
        <v>4468075</v>
      </c>
      <c r="P7473">
        <v>1</v>
      </c>
      <c r="Q7473">
        <v>1</v>
      </c>
      <c r="R7473" t="s">
        <v>2825</v>
      </c>
      <c r="S7473">
        <v>1685</v>
      </c>
    </row>
    <row r="7474" spans="1:19" x14ac:dyDescent="0.25">
      <c r="A7474">
        <v>52835554</v>
      </c>
      <c r="B7474" t="s">
        <v>38396</v>
      </c>
      <c r="C7474" s="1" t="s">
        <v>38397</v>
      </c>
      <c r="E7474">
        <v>0</v>
      </c>
      <c r="F7474">
        <v>0</v>
      </c>
      <c r="H7474" t="s">
        <v>38398</v>
      </c>
      <c r="J7474" t="s">
        <v>38398</v>
      </c>
      <c r="O7474">
        <v>2771892</v>
      </c>
      <c r="P7474">
        <v>1</v>
      </c>
      <c r="Q7474">
        <v>0</v>
      </c>
      <c r="R7474" t="s">
        <v>38399</v>
      </c>
      <c r="S7474">
        <v>31</v>
      </c>
    </row>
    <row r="7475" spans="1:19" x14ac:dyDescent="0.25">
      <c r="A7475">
        <v>36107886</v>
      </c>
      <c r="B7475" t="s">
        <v>38400</v>
      </c>
      <c r="C7475" s="1" t="s">
        <v>38401</v>
      </c>
      <c r="D7475">
        <v>36112155</v>
      </c>
      <c r="E7475">
        <v>5</v>
      </c>
      <c r="F7475">
        <v>19</v>
      </c>
      <c r="H7475" t="s">
        <v>38402</v>
      </c>
      <c r="I7475">
        <v>1</v>
      </c>
      <c r="J7475" t="s">
        <v>38403</v>
      </c>
      <c r="K7475" t="s">
        <v>38404</v>
      </c>
      <c r="M7475">
        <v>443943</v>
      </c>
      <c r="O7475">
        <v>443943</v>
      </c>
      <c r="P7475">
        <v>1</v>
      </c>
      <c r="Q7475">
        <v>14</v>
      </c>
      <c r="R7475" t="s">
        <v>38405</v>
      </c>
      <c r="S7475">
        <v>522</v>
      </c>
    </row>
    <row r="7476" spans="1:19" x14ac:dyDescent="0.25">
      <c r="A7476">
        <v>12272559</v>
      </c>
      <c r="B7476" t="s">
        <v>38406</v>
      </c>
      <c r="C7476" s="1" t="s">
        <v>38407</v>
      </c>
      <c r="E7476">
        <v>2</v>
      </c>
      <c r="F7476">
        <v>1</v>
      </c>
      <c r="H7476" t="s">
        <v>38408</v>
      </c>
      <c r="J7476" t="s">
        <v>38409</v>
      </c>
      <c r="K7476" t="s">
        <v>38410</v>
      </c>
      <c r="M7476">
        <v>1644758</v>
      </c>
      <c r="O7476">
        <v>1644758</v>
      </c>
      <c r="P7476">
        <v>1</v>
      </c>
      <c r="Q7476">
        <v>0</v>
      </c>
      <c r="R7476" t="s">
        <v>38411</v>
      </c>
      <c r="S7476">
        <v>4014</v>
      </c>
    </row>
    <row r="7477" spans="1:19" x14ac:dyDescent="0.25">
      <c r="A7477">
        <v>42394088</v>
      </c>
      <c r="B7477" t="s">
        <v>38412</v>
      </c>
      <c r="C7477" s="1" t="s">
        <v>38413</v>
      </c>
      <c r="E7477">
        <v>0</v>
      </c>
      <c r="F7477">
        <v>3</v>
      </c>
      <c r="H7477" t="s">
        <v>38414</v>
      </c>
      <c r="J7477" t="s">
        <v>38414</v>
      </c>
      <c r="O7477">
        <v>5260544</v>
      </c>
      <c r="P7477">
        <v>1</v>
      </c>
      <c r="Q7477">
        <v>1</v>
      </c>
      <c r="R7477" t="s">
        <v>38415</v>
      </c>
      <c r="S7477">
        <v>162</v>
      </c>
    </row>
    <row r="7478" spans="1:19" x14ac:dyDescent="0.25">
      <c r="A7478">
        <v>47823270</v>
      </c>
      <c r="B7478" t="s">
        <v>38416</v>
      </c>
      <c r="C7478" s="1" t="s">
        <v>38417</v>
      </c>
      <c r="D7478">
        <v>47823684</v>
      </c>
      <c r="E7478">
        <v>1</v>
      </c>
      <c r="F7478">
        <v>0</v>
      </c>
      <c r="H7478" t="s">
        <v>38418</v>
      </c>
      <c r="J7478" t="s">
        <v>38419</v>
      </c>
      <c r="K7478" t="s">
        <v>38420</v>
      </c>
      <c r="M7478">
        <v>5277925</v>
      </c>
      <c r="O7478">
        <v>7805630</v>
      </c>
      <c r="P7478">
        <v>1</v>
      </c>
      <c r="Q7478">
        <v>0</v>
      </c>
      <c r="R7478" t="s">
        <v>5251</v>
      </c>
      <c r="S7478">
        <v>25</v>
      </c>
    </row>
    <row r="7479" spans="1:19" x14ac:dyDescent="0.25">
      <c r="A7479">
        <v>34763800</v>
      </c>
      <c r="B7479" t="s">
        <v>38421</v>
      </c>
      <c r="C7479" s="1" t="s">
        <v>38422</v>
      </c>
      <c r="E7479">
        <v>0</v>
      </c>
      <c r="F7479">
        <v>4</v>
      </c>
      <c r="H7479" t="s">
        <v>38423</v>
      </c>
      <c r="J7479" t="s">
        <v>38424</v>
      </c>
      <c r="K7479" t="s">
        <v>38424</v>
      </c>
      <c r="M7479">
        <v>2557210</v>
      </c>
      <c r="O7479">
        <v>5489621</v>
      </c>
      <c r="P7479">
        <v>1</v>
      </c>
      <c r="Q7479">
        <v>0</v>
      </c>
      <c r="R7479" t="s">
        <v>38425</v>
      </c>
      <c r="S7479">
        <v>44</v>
      </c>
    </row>
    <row r="7480" spans="1:19" x14ac:dyDescent="0.25">
      <c r="A7480">
        <v>41677137</v>
      </c>
      <c r="B7480" t="s">
        <v>38426</v>
      </c>
      <c r="C7480" s="1" t="s">
        <v>38427</v>
      </c>
      <c r="E7480">
        <v>1</v>
      </c>
      <c r="F7480">
        <v>2</v>
      </c>
      <c r="H7480" t="s">
        <v>38428</v>
      </c>
      <c r="I7480">
        <v>0</v>
      </c>
      <c r="J7480" t="s">
        <v>38429</v>
      </c>
      <c r="O7480">
        <v>5035236</v>
      </c>
      <c r="P7480">
        <v>1</v>
      </c>
      <c r="Q7480">
        <v>0</v>
      </c>
      <c r="R7480" t="s">
        <v>5021</v>
      </c>
      <c r="S7480">
        <v>388</v>
      </c>
    </row>
    <row r="7481" spans="1:19" x14ac:dyDescent="0.25">
      <c r="A7481">
        <v>16182141</v>
      </c>
      <c r="B7481" t="s">
        <v>38430</v>
      </c>
      <c r="C7481" s="1" t="s">
        <v>38431</v>
      </c>
      <c r="D7481">
        <v>16182216</v>
      </c>
      <c r="E7481">
        <v>1</v>
      </c>
      <c r="F7481">
        <v>5</v>
      </c>
      <c r="H7481" t="s">
        <v>38432</v>
      </c>
      <c r="J7481" t="s">
        <v>38433</v>
      </c>
      <c r="K7481" t="s">
        <v>38434</v>
      </c>
      <c r="M7481">
        <v>782390</v>
      </c>
      <c r="O7481">
        <v>782390</v>
      </c>
      <c r="P7481">
        <v>1</v>
      </c>
      <c r="Q7481">
        <v>2</v>
      </c>
      <c r="R7481" t="s">
        <v>38435</v>
      </c>
      <c r="S7481">
        <v>919</v>
      </c>
    </row>
    <row r="7482" spans="1:19" x14ac:dyDescent="0.25">
      <c r="A7482">
        <v>9390819</v>
      </c>
      <c r="B7482" t="s">
        <v>38436</v>
      </c>
      <c r="C7482" s="1" t="s">
        <v>38437</v>
      </c>
      <c r="D7482">
        <v>9391615</v>
      </c>
      <c r="E7482">
        <v>1</v>
      </c>
      <c r="F7482">
        <v>2</v>
      </c>
      <c r="H7482" t="s">
        <v>38438</v>
      </c>
      <c r="J7482" t="s">
        <v>38439</v>
      </c>
      <c r="K7482" t="s">
        <v>38439</v>
      </c>
      <c r="M7482">
        <v>41153</v>
      </c>
      <c r="O7482">
        <v>83965</v>
      </c>
      <c r="P7482">
        <v>1</v>
      </c>
      <c r="Q7482">
        <v>2</v>
      </c>
      <c r="R7482" t="s">
        <v>38440</v>
      </c>
      <c r="S7482">
        <v>2084</v>
      </c>
    </row>
    <row r="7483" spans="1:19" x14ac:dyDescent="0.25">
      <c r="A7483">
        <v>37936721</v>
      </c>
      <c r="B7483" t="s">
        <v>38441</v>
      </c>
      <c r="C7483" s="1" t="s">
        <v>38442</v>
      </c>
      <c r="E7483">
        <v>1</v>
      </c>
      <c r="F7483">
        <v>1</v>
      </c>
      <c r="H7483" t="s">
        <v>38443</v>
      </c>
      <c r="J7483" t="s">
        <v>38444</v>
      </c>
      <c r="O7483">
        <v>2742188</v>
      </c>
      <c r="P7483">
        <v>1</v>
      </c>
      <c r="Q7483">
        <v>0</v>
      </c>
      <c r="R7483" t="s">
        <v>7913</v>
      </c>
      <c r="S7483">
        <v>27</v>
      </c>
    </row>
    <row r="7484" spans="1:19" x14ac:dyDescent="0.25">
      <c r="A7484">
        <v>39454068</v>
      </c>
      <c r="B7484" t="s">
        <v>38445</v>
      </c>
      <c r="C7484" s="1" t="s">
        <v>38446</v>
      </c>
      <c r="E7484">
        <v>1</v>
      </c>
      <c r="F7484">
        <v>0</v>
      </c>
      <c r="H7484" t="s">
        <v>38447</v>
      </c>
      <c r="I7484">
        <v>2</v>
      </c>
      <c r="J7484" t="s">
        <v>38448</v>
      </c>
      <c r="O7484">
        <v>1515084</v>
      </c>
      <c r="P7484">
        <v>1</v>
      </c>
      <c r="Q7484">
        <v>1</v>
      </c>
      <c r="R7484" t="s">
        <v>38449</v>
      </c>
      <c r="S7484">
        <v>243</v>
      </c>
    </row>
    <row r="7485" spans="1:19" x14ac:dyDescent="0.25">
      <c r="A7485">
        <v>30849076</v>
      </c>
      <c r="B7485" t="s">
        <v>38450</v>
      </c>
      <c r="C7485" s="1" t="s">
        <v>38451</v>
      </c>
      <c r="E7485">
        <v>1</v>
      </c>
      <c r="F7485">
        <v>2</v>
      </c>
      <c r="H7485" t="s">
        <v>38452</v>
      </c>
      <c r="J7485" t="s">
        <v>38453</v>
      </c>
      <c r="K7485" t="s">
        <v>38454</v>
      </c>
      <c r="M7485">
        <v>-1</v>
      </c>
      <c r="O7485">
        <v>3076403</v>
      </c>
      <c r="P7485">
        <v>1</v>
      </c>
      <c r="Q7485">
        <v>1</v>
      </c>
      <c r="R7485" t="s">
        <v>38455</v>
      </c>
      <c r="S7485">
        <v>781</v>
      </c>
    </row>
    <row r="7486" spans="1:19" x14ac:dyDescent="0.25">
      <c r="A7486">
        <v>22879164</v>
      </c>
      <c r="B7486" t="s">
        <v>38456</v>
      </c>
      <c r="C7486" s="1" t="s">
        <v>38457</v>
      </c>
      <c r="D7486">
        <v>22879633</v>
      </c>
      <c r="E7486">
        <v>1</v>
      </c>
      <c r="F7486">
        <v>2</v>
      </c>
      <c r="H7486" t="s">
        <v>38458</v>
      </c>
      <c r="J7486" t="s">
        <v>38459</v>
      </c>
      <c r="K7486" t="s">
        <v>38460</v>
      </c>
      <c r="M7486">
        <v>3382898</v>
      </c>
      <c r="O7486">
        <v>3382898</v>
      </c>
      <c r="P7486">
        <v>1</v>
      </c>
      <c r="Q7486">
        <v>3</v>
      </c>
      <c r="R7486" t="s">
        <v>229</v>
      </c>
      <c r="S7486">
        <v>92</v>
      </c>
    </row>
    <row r="7487" spans="1:19" x14ac:dyDescent="0.25">
      <c r="A7487">
        <v>13875321</v>
      </c>
      <c r="B7487" t="s">
        <v>38461</v>
      </c>
      <c r="C7487" s="1" t="s">
        <v>38462</v>
      </c>
      <c r="D7487">
        <v>13905181</v>
      </c>
      <c r="E7487">
        <v>2</v>
      </c>
      <c r="F7487">
        <v>0</v>
      </c>
      <c r="H7487" t="s">
        <v>38463</v>
      </c>
      <c r="J7487" t="s">
        <v>38464</v>
      </c>
      <c r="K7487" t="s">
        <v>38464</v>
      </c>
      <c r="M7487">
        <v>1442225</v>
      </c>
      <c r="O7487">
        <v>1442225</v>
      </c>
      <c r="P7487">
        <v>1</v>
      </c>
      <c r="Q7487">
        <v>0</v>
      </c>
      <c r="R7487" t="s">
        <v>38465</v>
      </c>
      <c r="S7487">
        <v>2009</v>
      </c>
    </row>
    <row r="7488" spans="1:19" x14ac:dyDescent="0.25">
      <c r="A7488">
        <v>11135910</v>
      </c>
      <c r="B7488" t="s">
        <v>38466</v>
      </c>
      <c r="C7488" s="1" t="s">
        <v>38467</v>
      </c>
      <c r="E7488">
        <v>1</v>
      </c>
      <c r="F7488">
        <v>0</v>
      </c>
      <c r="H7488" t="s">
        <v>38468</v>
      </c>
      <c r="J7488" t="s">
        <v>38469</v>
      </c>
      <c r="K7488" t="s">
        <v>38469</v>
      </c>
      <c r="M7488">
        <v>1285948</v>
      </c>
      <c r="O7488">
        <v>1285948</v>
      </c>
      <c r="P7488">
        <v>1</v>
      </c>
      <c r="Q7488">
        <v>0</v>
      </c>
      <c r="R7488" t="s">
        <v>38470</v>
      </c>
      <c r="S7488">
        <v>293</v>
      </c>
    </row>
    <row r="7489" spans="1:19" x14ac:dyDescent="0.25">
      <c r="A7489">
        <v>13479275</v>
      </c>
      <c r="B7489" t="s">
        <v>38471</v>
      </c>
      <c r="C7489" s="1" t="s">
        <v>38472</v>
      </c>
      <c r="D7489">
        <v>13479776</v>
      </c>
      <c r="E7489">
        <v>1</v>
      </c>
      <c r="F7489">
        <v>1</v>
      </c>
      <c r="H7489" t="s">
        <v>38473</v>
      </c>
      <c r="J7489" t="s">
        <v>38474</v>
      </c>
      <c r="K7489" t="s">
        <v>38474</v>
      </c>
      <c r="M7489">
        <v>1271826</v>
      </c>
      <c r="O7489">
        <v>1072846</v>
      </c>
      <c r="P7489">
        <v>1</v>
      </c>
      <c r="Q7489">
        <v>1</v>
      </c>
      <c r="R7489" t="s">
        <v>38475</v>
      </c>
      <c r="S7489">
        <v>412</v>
      </c>
    </row>
    <row r="7490" spans="1:19" x14ac:dyDescent="0.25">
      <c r="A7490">
        <v>45335540</v>
      </c>
      <c r="B7490" t="s">
        <v>38476</v>
      </c>
      <c r="C7490" s="1" t="s">
        <v>38477</v>
      </c>
      <c r="D7490">
        <v>45387005</v>
      </c>
      <c r="E7490">
        <v>3</v>
      </c>
      <c r="F7490">
        <v>1</v>
      </c>
      <c r="H7490" t="s">
        <v>38478</v>
      </c>
      <c r="I7490">
        <v>0</v>
      </c>
      <c r="J7490" t="s">
        <v>38479</v>
      </c>
      <c r="K7490" t="s">
        <v>38480</v>
      </c>
      <c r="M7490">
        <v>4576233</v>
      </c>
      <c r="O7490">
        <v>4576233</v>
      </c>
      <c r="P7490">
        <v>1</v>
      </c>
      <c r="Q7490">
        <v>12</v>
      </c>
      <c r="R7490" t="s">
        <v>38481</v>
      </c>
      <c r="S7490">
        <v>1383</v>
      </c>
    </row>
    <row r="7491" spans="1:19" x14ac:dyDescent="0.25">
      <c r="A7491">
        <v>31611950</v>
      </c>
      <c r="B7491" t="s">
        <v>38482</v>
      </c>
      <c r="C7491" s="1" t="s">
        <v>38483</v>
      </c>
      <c r="D7491">
        <v>31612699</v>
      </c>
      <c r="E7491">
        <v>1</v>
      </c>
      <c r="F7491">
        <v>4</v>
      </c>
      <c r="H7491" t="s">
        <v>38484</v>
      </c>
      <c r="J7491" t="s">
        <v>38485</v>
      </c>
      <c r="O7491">
        <v>1390527</v>
      </c>
      <c r="P7491">
        <v>1</v>
      </c>
      <c r="Q7491">
        <v>0</v>
      </c>
      <c r="R7491" t="s">
        <v>38486</v>
      </c>
      <c r="S7491">
        <v>35</v>
      </c>
    </row>
    <row r="7492" spans="1:19" x14ac:dyDescent="0.25">
      <c r="A7492">
        <v>7583790</v>
      </c>
      <c r="B7492" t="s">
        <v>38487</v>
      </c>
      <c r="C7492" s="1" t="s">
        <v>38488</v>
      </c>
      <c r="E7492">
        <v>1</v>
      </c>
      <c r="F7492">
        <v>1</v>
      </c>
      <c r="H7492" t="s">
        <v>38489</v>
      </c>
      <c r="J7492" t="s">
        <v>38490</v>
      </c>
      <c r="O7492">
        <v>99834</v>
      </c>
      <c r="P7492">
        <v>1</v>
      </c>
      <c r="Q7492">
        <v>0</v>
      </c>
      <c r="R7492" t="s">
        <v>38491</v>
      </c>
      <c r="S7492">
        <v>1128</v>
      </c>
    </row>
    <row r="7493" spans="1:19" x14ac:dyDescent="0.25">
      <c r="A7493">
        <v>51529409</v>
      </c>
      <c r="B7493" t="s">
        <v>38492</v>
      </c>
      <c r="C7493" s="1" t="s">
        <v>38493</v>
      </c>
      <c r="E7493">
        <v>2</v>
      </c>
      <c r="F7493">
        <v>0</v>
      </c>
      <c r="H7493" t="s">
        <v>38494</v>
      </c>
      <c r="J7493" t="s">
        <v>38495</v>
      </c>
      <c r="K7493" t="s">
        <v>38495</v>
      </c>
      <c r="M7493">
        <v>8047719</v>
      </c>
      <c r="O7493">
        <v>10112404</v>
      </c>
      <c r="P7493">
        <v>1</v>
      </c>
      <c r="Q7493">
        <v>1</v>
      </c>
      <c r="R7493" t="s">
        <v>38496</v>
      </c>
      <c r="S7493">
        <v>128</v>
      </c>
    </row>
    <row r="7494" spans="1:19" x14ac:dyDescent="0.25">
      <c r="A7494">
        <v>3391986</v>
      </c>
      <c r="B7494" t="s">
        <v>38497</v>
      </c>
      <c r="C7494" s="1" t="s">
        <v>38498</v>
      </c>
      <c r="D7494">
        <v>4844973</v>
      </c>
      <c r="E7494">
        <v>5</v>
      </c>
      <c r="F7494">
        <v>12</v>
      </c>
      <c r="H7494" t="s">
        <v>38499</v>
      </c>
      <c r="I7494">
        <v>8</v>
      </c>
      <c r="J7494" t="s">
        <v>38500</v>
      </c>
      <c r="K7494" t="s">
        <v>38501</v>
      </c>
      <c r="M7494">
        <v>253133</v>
      </c>
      <c r="O7494">
        <v>253133</v>
      </c>
      <c r="P7494">
        <v>1</v>
      </c>
      <c r="Q7494">
        <v>22</v>
      </c>
      <c r="R7494" t="s">
        <v>38502</v>
      </c>
      <c r="S7494">
        <v>4474</v>
      </c>
    </row>
    <row r="7495" spans="1:19" x14ac:dyDescent="0.25">
      <c r="A7495">
        <v>34066175</v>
      </c>
      <c r="B7495" t="s">
        <v>38503</v>
      </c>
      <c r="C7495" s="1" t="s">
        <v>38504</v>
      </c>
      <c r="D7495">
        <v>34066738</v>
      </c>
      <c r="E7495">
        <v>3</v>
      </c>
      <c r="F7495">
        <v>0</v>
      </c>
      <c r="H7495" t="s">
        <v>38505</v>
      </c>
      <c r="I7495">
        <v>1</v>
      </c>
      <c r="J7495" t="s">
        <v>38506</v>
      </c>
      <c r="K7495" t="s">
        <v>38507</v>
      </c>
      <c r="M7495">
        <v>1644962</v>
      </c>
      <c r="O7495">
        <v>1644962</v>
      </c>
      <c r="P7495">
        <v>1</v>
      </c>
      <c r="Q7495">
        <v>5</v>
      </c>
      <c r="R7495" t="s">
        <v>10671</v>
      </c>
      <c r="S7495">
        <v>3494</v>
      </c>
    </row>
    <row r="7496" spans="1:19" x14ac:dyDescent="0.25">
      <c r="A7496">
        <v>32433882</v>
      </c>
      <c r="B7496" t="s">
        <v>38508</v>
      </c>
      <c r="C7496" s="1" t="s">
        <v>38509</v>
      </c>
      <c r="E7496">
        <v>1</v>
      </c>
      <c r="F7496">
        <v>0</v>
      </c>
      <c r="H7496" t="s">
        <v>38510</v>
      </c>
      <c r="J7496" t="s">
        <v>38511</v>
      </c>
      <c r="K7496" t="s">
        <v>38511</v>
      </c>
      <c r="M7496">
        <v>3695849</v>
      </c>
      <c r="O7496">
        <v>5250476</v>
      </c>
      <c r="P7496">
        <v>1</v>
      </c>
      <c r="Q7496">
        <v>0</v>
      </c>
      <c r="R7496" t="s">
        <v>38512</v>
      </c>
      <c r="S7496">
        <v>192</v>
      </c>
    </row>
    <row r="7497" spans="1:19" x14ac:dyDescent="0.25">
      <c r="A7497">
        <v>8899698</v>
      </c>
      <c r="B7497" t="s">
        <v>38513</v>
      </c>
      <c r="C7497" s="1" t="s">
        <v>38514</v>
      </c>
      <c r="D7497">
        <v>8899777</v>
      </c>
      <c r="E7497">
        <v>3</v>
      </c>
      <c r="F7497">
        <v>1</v>
      </c>
      <c r="H7497" t="s">
        <v>38515</v>
      </c>
      <c r="J7497" t="s">
        <v>38516</v>
      </c>
      <c r="O7497">
        <v>1154347</v>
      </c>
      <c r="P7497">
        <v>1</v>
      </c>
      <c r="Q7497">
        <v>0</v>
      </c>
      <c r="R7497" t="s">
        <v>20962</v>
      </c>
      <c r="S7497">
        <v>987</v>
      </c>
    </row>
    <row r="7498" spans="1:19" x14ac:dyDescent="0.25">
      <c r="A7498">
        <v>30269434</v>
      </c>
      <c r="B7498" t="s">
        <v>38517</v>
      </c>
      <c r="C7498" s="1" t="s">
        <v>38518</v>
      </c>
      <c r="E7498">
        <v>1</v>
      </c>
      <c r="F7498">
        <v>8</v>
      </c>
      <c r="H7498" t="s">
        <v>38519</v>
      </c>
      <c r="J7498" t="s">
        <v>38520</v>
      </c>
      <c r="K7498" t="s">
        <v>38521</v>
      </c>
      <c r="M7498">
        <v>55640</v>
      </c>
      <c r="O7498">
        <v>4753386</v>
      </c>
      <c r="P7498">
        <v>1</v>
      </c>
      <c r="Q7498">
        <v>0</v>
      </c>
      <c r="R7498" t="s">
        <v>38522</v>
      </c>
      <c r="S7498">
        <v>2265</v>
      </c>
    </row>
    <row r="7499" spans="1:19" x14ac:dyDescent="0.25">
      <c r="A7499">
        <v>41355269</v>
      </c>
      <c r="B7499" t="s">
        <v>38523</v>
      </c>
      <c r="C7499" s="1" t="s">
        <v>38524</v>
      </c>
      <c r="E7499">
        <v>2</v>
      </c>
      <c r="F7499">
        <v>2</v>
      </c>
      <c r="H7499" t="s">
        <v>38525</v>
      </c>
      <c r="J7499" t="s">
        <v>38526</v>
      </c>
      <c r="K7499" t="s">
        <v>38526</v>
      </c>
      <c r="M7499">
        <v>3514372</v>
      </c>
      <c r="O7499">
        <v>3514372</v>
      </c>
      <c r="P7499">
        <v>1</v>
      </c>
      <c r="Q7499">
        <v>1</v>
      </c>
      <c r="R7499" t="s">
        <v>38527</v>
      </c>
      <c r="S7499">
        <v>130</v>
      </c>
    </row>
    <row r="7500" spans="1:19" x14ac:dyDescent="0.25">
      <c r="A7500">
        <v>11264755</v>
      </c>
      <c r="B7500" t="s">
        <v>38528</v>
      </c>
      <c r="C7500" s="1" t="s">
        <v>38529</v>
      </c>
      <c r="D7500">
        <v>11264850</v>
      </c>
      <c r="E7500">
        <v>4</v>
      </c>
      <c r="F7500">
        <v>1</v>
      </c>
      <c r="H7500" t="s">
        <v>38530</v>
      </c>
      <c r="J7500" t="s">
        <v>38531</v>
      </c>
      <c r="O7500">
        <v>1365010</v>
      </c>
      <c r="P7500">
        <v>1</v>
      </c>
      <c r="Q7500">
        <v>1</v>
      </c>
      <c r="R7500" t="s">
        <v>13115</v>
      </c>
      <c r="S7500">
        <v>83</v>
      </c>
    </row>
    <row r="7501" spans="1:19" x14ac:dyDescent="0.25">
      <c r="A7501">
        <v>2221408</v>
      </c>
      <c r="B7501" t="s">
        <v>38532</v>
      </c>
      <c r="C7501" s="1" t="s">
        <v>38533</v>
      </c>
      <c r="D7501">
        <v>2222998</v>
      </c>
      <c r="E7501">
        <v>6</v>
      </c>
      <c r="F7501">
        <v>1</v>
      </c>
      <c r="H7501" t="s">
        <v>38534</v>
      </c>
      <c r="I7501">
        <v>10</v>
      </c>
      <c r="J7501" t="s">
        <v>38535</v>
      </c>
      <c r="K7501" t="s">
        <v>38536</v>
      </c>
      <c r="M7501">
        <v>123109</v>
      </c>
      <c r="O7501">
        <v>244000</v>
      </c>
      <c r="P7501">
        <v>1</v>
      </c>
      <c r="Q7501">
        <v>56</v>
      </c>
      <c r="R7501" t="s">
        <v>38537</v>
      </c>
      <c r="S7501">
        <v>71752</v>
      </c>
    </row>
    <row r="7502" spans="1:19" x14ac:dyDescent="0.25">
      <c r="A7502">
        <v>41189043</v>
      </c>
      <c r="B7502" t="s">
        <v>38538</v>
      </c>
      <c r="C7502" s="1" t="s">
        <v>38539</v>
      </c>
      <c r="E7502">
        <v>0</v>
      </c>
      <c r="F7502">
        <v>3</v>
      </c>
      <c r="H7502" t="s">
        <v>38540</v>
      </c>
      <c r="J7502" t="s">
        <v>38540</v>
      </c>
      <c r="K7502" t="s">
        <v>38541</v>
      </c>
      <c r="M7502">
        <v>-1</v>
      </c>
      <c r="O7502">
        <v>3042665</v>
      </c>
      <c r="P7502">
        <v>1</v>
      </c>
      <c r="Q7502">
        <v>0</v>
      </c>
      <c r="R7502" t="s">
        <v>38542</v>
      </c>
      <c r="S7502">
        <v>146</v>
      </c>
    </row>
    <row r="7503" spans="1:19" x14ac:dyDescent="0.25">
      <c r="A7503">
        <v>43098124</v>
      </c>
      <c r="B7503" t="s">
        <v>38543</v>
      </c>
      <c r="C7503" s="1" t="s">
        <v>38544</v>
      </c>
      <c r="D7503">
        <v>43098478</v>
      </c>
      <c r="E7503">
        <v>1</v>
      </c>
      <c r="F7503">
        <v>0</v>
      </c>
      <c r="H7503" t="s">
        <v>38545</v>
      </c>
      <c r="J7503" t="s">
        <v>38546</v>
      </c>
      <c r="K7503" t="s">
        <v>38546</v>
      </c>
      <c r="M7503">
        <v>157882</v>
      </c>
      <c r="O7503">
        <v>1833945</v>
      </c>
      <c r="P7503">
        <v>1</v>
      </c>
      <c r="Q7503">
        <v>0</v>
      </c>
      <c r="R7503" t="s">
        <v>38547</v>
      </c>
      <c r="S7503">
        <v>159</v>
      </c>
    </row>
    <row r="7504" spans="1:19" x14ac:dyDescent="0.25">
      <c r="A7504">
        <v>47376354</v>
      </c>
      <c r="B7504" t="s">
        <v>38548</v>
      </c>
      <c r="C7504" s="1" t="s">
        <v>38549</v>
      </c>
      <c r="E7504">
        <v>1</v>
      </c>
      <c r="F7504">
        <v>2</v>
      </c>
      <c r="H7504" t="s">
        <v>38550</v>
      </c>
      <c r="I7504">
        <v>1</v>
      </c>
      <c r="J7504" t="s">
        <v>38551</v>
      </c>
      <c r="K7504" t="s">
        <v>38551</v>
      </c>
      <c r="M7504">
        <v>7668911</v>
      </c>
      <c r="O7504">
        <v>8819120</v>
      </c>
      <c r="P7504">
        <v>1</v>
      </c>
      <c r="Q7504">
        <v>0</v>
      </c>
      <c r="R7504" t="s">
        <v>38552</v>
      </c>
      <c r="S7504">
        <v>330</v>
      </c>
    </row>
    <row r="7505" spans="1:19" x14ac:dyDescent="0.25">
      <c r="A7505">
        <v>19608356</v>
      </c>
      <c r="B7505" t="s">
        <v>38553</v>
      </c>
      <c r="C7505" s="1" t="s">
        <v>38554</v>
      </c>
      <c r="E7505">
        <v>1</v>
      </c>
      <c r="F7505">
        <v>0</v>
      </c>
      <c r="H7505" t="s">
        <v>38555</v>
      </c>
      <c r="J7505" t="s">
        <v>38556</v>
      </c>
      <c r="K7505" t="s">
        <v>38557</v>
      </c>
      <c r="M7505">
        <v>814064</v>
      </c>
      <c r="O7505">
        <v>2923223</v>
      </c>
      <c r="P7505">
        <v>1</v>
      </c>
      <c r="Q7505">
        <v>3</v>
      </c>
      <c r="R7505" t="s">
        <v>38558</v>
      </c>
      <c r="S7505">
        <v>966</v>
      </c>
    </row>
    <row r="7506" spans="1:19" x14ac:dyDescent="0.25">
      <c r="A7506">
        <v>23840018</v>
      </c>
      <c r="B7506" t="s">
        <v>38559</v>
      </c>
      <c r="C7506" s="1" t="s">
        <v>38560</v>
      </c>
      <c r="D7506">
        <v>23849329</v>
      </c>
      <c r="E7506">
        <v>2</v>
      </c>
      <c r="F7506">
        <v>0</v>
      </c>
      <c r="H7506" t="s">
        <v>38561</v>
      </c>
      <c r="J7506" t="s">
        <v>38562</v>
      </c>
      <c r="K7506" t="s">
        <v>38563</v>
      </c>
      <c r="M7506">
        <v>493807</v>
      </c>
      <c r="O7506">
        <v>493807</v>
      </c>
      <c r="P7506">
        <v>1</v>
      </c>
      <c r="Q7506">
        <v>0</v>
      </c>
      <c r="R7506" t="s">
        <v>11167</v>
      </c>
      <c r="S7506">
        <v>117</v>
      </c>
    </row>
    <row r="7507" spans="1:19" x14ac:dyDescent="0.25">
      <c r="A7507">
        <v>6686937</v>
      </c>
      <c r="B7507" t="s">
        <v>38564</v>
      </c>
      <c r="C7507" s="1" t="s">
        <v>38565</v>
      </c>
      <c r="E7507">
        <v>2</v>
      </c>
      <c r="F7507">
        <v>0</v>
      </c>
      <c r="H7507" t="s">
        <v>38566</v>
      </c>
      <c r="J7507" t="s">
        <v>38567</v>
      </c>
      <c r="O7507">
        <v>843670</v>
      </c>
      <c r="P7507">
        <v>1</v>
      </c>
      <c r="Q7507">
        <v>0</v>
      </c>
      <c r="R7507" t="s">
        <v>38568</v>
      </c>
      <c r="S7507">
        <v>40</v>
      </c>
    </row>
    <row r="7508" spans="1:19" x14ac:dyDescent="0.25">
      <c r="A7508">
        <v>26317564</v>
      </c>
      <c r="B7508" t="s">
        <v>38569</v>
      </c>
      <c r="C7508" s="1" t="s">
        <v>38570</v>
      </c>
      <c r="D7508">
        <v>26317709</v>
      </c>
      <c r="E7508">
        <v>1</v>
      </c>
      <c r="F7508">
        <v>0</v>
      </c>
      <c r="H7508" t="s">
        <v>38571</v>
      </c>
      <c r="J7508" t="s">
        <v>38572</v>
      </c>
      <c r="O7508">
        <v>1883424</v>
      </c>
      <c r="P7508">
        <v>1</v>
      </c>
      <c r="Q7508">
        <v>4</v>
      </c>
      <c r="R7508" t="s">
        <v>38573</v>
      </c>
      <c r="S7508">
        <v>650</v>
      </c>
    </row>
    <row r="7509" spans="1:19" x14ac:dyDescent="0.25">
      <c r="A7509">
        <v>22429026</v>
      </c>
      <c r="B7509" t="s">
        <v>38574</v>
      </c>
      <c r="C7509" s="1" t="s">
        <v>38575</v>
      </c>
      <c r="D7509">
        <v>22429309</v>
      </c>
      <c r="E7509">
        <v>2</v>
      </c>
      <c r="F7509">
        <v>0</v>
      </c>
      <c r="H7509" t="s">
        <v>38576</v>
      </c>
      <c r="J7509" t="s">
        <v>38577</v>
      </c>
      <c r="O7509">
        <v>2914896</v>
      </c>
      <c r="P7509">
        <v>1</v>
      </c>
      <c r="Q7509">
        <v>1</v>
      </c>
      <c r="R7509" t="s">
        <v>38578</v>
      </c>
      <c r="S7509">
        <v>39</v>
      </c>
    </row>
    <row r="7510" spans="1:19" x14ac:dyDescent="0.25">
      <c r="A7510">
        <v>48387942</v>
      </c>
      <c r="B7510" t="s">
        <v>38579</v>
      </c>
      <c r="C7510" s="1" t="s">
        <v>38580</v>
      </c>
      <c r="D7510">
        <v>48405618</v>
      </c>
      <c r="E7510">
        <v>1</v>
      </c>
      <c r="F7510">
        <v>1</v>
      </c>
      <c r="H7510" t="s">
        <v>38581</v>
      </c>
      <c r="J7510" t="s">
        <v>38582</v>
      </c>
      <c r="O7510">
        <v>9253025</v>
      </c>
      <c r="P7510">
        <v>1</v>
      </c>
      <c r="Q7510">
        <v>2</v>
      </c>
      <c r="R7510" t="s">
        <v>38583</v>
      </c>
      <c r="S7510">
        <v>57</v>
      </c>
    </row>
    <row r="7511" spans="1:19" x14ac:dyDescent="0.25">
      <c r="A7511">
        <v>40265496</v>
      </c>
      <c r="B7511" t="s">
        <v>38584</v>
      </c>
      <c r="C7511" s="1" t="s">
        <v>38585</v>
      </c>
      <c r="D7511">
        <v>40289182</v>
      </c>
      <c r="E7511">
        <v>2</v>
      </c>
      <c r="F7511">
        <v>1</v>
      </c>
      <c r="H7511" t="s">
        <v>38586</v>
      </c>
      <c r="I7511">
        <v>0</v>
      </c>
      <c r="J7511" t="s">
        <v>38587</v>
      </c>
      <c r="K7511" t="s">
        <v>38588</v>
      </c>
      <c r="M7511">
        <v>1887927</v>
      </c>
      <c r="O7511">
        <v>1887927</v>
      </c>
      <c r="P7511">
        <v>1</v>
      </c>
      <c r="Q7511">
        <v>4</v>
      </c>
      <c r="R7511" t="s">
        <v>20087</v>
      </c>
      <c r="S7511">
        <v>970</v>
      </c>
    </row>
    <row r="7512" spans="1:19" x14ac:dyDescent="0.25">
      <c r="A7512">
        <v>8492696</v>
      </c>
      <c r="B7512" t="s">
        <v>38589</v>
      </c>
      <c r="C7512" s="1" t="s">
        <v>38590</v>
      </c>
      <c r="D7512">
        <v>8497149</v>
      </c>
      <c r="E7512">
        <v>1</v>
      </c>
      <c r="F7512">
        <v>0</v>
      </c>
      <c r="H7512" t="s">
        <v>38591</v>
      </c>
      <c r="J7512" t="s">
        <v>38592</v>
      </c>
      <c r="K7512" t="s">
        <v>38592</v>
      </c>
      <c r="M7512">
        <v>515054</v>
      </c>
      <c r="O7512">
        <v>515054</v>
      </c>
      <c r="P7512">
        <v>1</v>
      </c>
      <c r="Q7512">
        <v>1</v>
      </c>
      <c r="R7512" t="s">
        <v>38593</v>
      </c>
      <c r="S7512">
        <v>120</v>
      </c>
    </row>
    <row r="7513" spans="1:19" x14ac:dyDescent="0.25">
      <c r="A7513">
        <v>34565143</v>
      </c>
      <c r="B7513" t="s">
        <v>38594</v>
      </c>
      <c r="C7513" s="1" t="s">
        <v>38595</v>
      </c>
      <c r="D7513">
        <v>34565229</v>
      </c>
      <c r="E7513">
        <v>1</v>
      </c>
      <c r="F7513">
        <v>5</v>
      </c>
      <c r="H7513" t="s">
        <v>38596</v>
      </c>
      <c r="J7513" t="s">
        <v>38597</v>
      </c>
      <c r="K7513" t="s">
        <v>38598</v>
      </c>
      <c r="M7513">
        <v>5495523</v>
      </c>
      <c r="O7513">
        <v>1512043</v>
      </c>
      <c r="P7513">
        <v>1</v>
      </c>
      <c r="Q7513">
        <v>-2</v>
      </c>
      <c r="R7513" t="s">
        <v>38599</v>
      </c>
      <c r="S7513">
        <v>44</v>
      </c>
    </row>
    <row r="7514" spans="1:19" x14ac:dyDescent="0.25">
      <c r="A7514">
        <v>51905467</v>
      </c>
      <c r="B7514" t="s">
        <v>38600</v>
      </c>
      <c r="C7514" s="1" t="s">
        <v>38601</v>
      </c>
      <c r="D7514">
        <v>51906023</v>
      </c>
      <c r="E7514">
        <v>1</v>
      </c>
      <c r="F7514">
        <v>0</v>
      </c>
      <c r="H7514" t="s">
        <v>38602</v>
      </c>
      <c r="J7514" t="s">
        <v>38603</v>
      </c>
      <c r="K7514" t="s">
        <v>38603</v>
      </c>
      <c r="M7514">
        <v>400617</v>
      </c>
      <c r="O7514">
        <v>8070090</v>
      </c>
      <c r="P7514">
        <v>1</v>
      </c>
      <c r="Q7514">
        <v>-2</v>
      </c>
      <c r="R7514" t="s">
        <v>38604</v>
      </c>
      <c r="S7514">
        <v>117</v>
      </c>
    </row>
    <row r="7515" spans="1:19" x14ac:dyDescent="0.25">
      <c r="A7515">
        <v>35776355</v>
      </c>
      <c r="B7515" t="s">
        <v>38605</v>
      </c>
      <c r="C7515" s="1" t="s">
        <v>38606</v>
      </c>
      <c r="D7515">
        <v>35896150</v>
      </c>
      <c r="E7515">
        <v>1</v>
      </c>
      <c r="F7515">
        <v>1</v>
      </c>
      <c r="H7515" t="s">
        <v>38607</v>
      </c>
      <c r="J7515" t="s">
        <v>38608</v>
      </c>
      <c r="O7515">
        <v>1566642</v>
      </c>
      <c r="P7515">
        <v>1</v>
      </c>
      <c r="Q7515">
        <v>0</v>
      </c>
      <c r="R7515" t="s">
        <v>38609</v>
      </c>
      <c r="S7515">
        <v>57</v>
      </c>
    </row>
    <row r="7516" spans="1:19" x14ac:dyDescent="0.25">
      <c r="A7516">
        <v>34311568</v>
      </c>
      <c r="B7516" t="s">
        <v>38610</v>
      </c>
      <c r="C7516" s="1" t="s">
        <v>38611</v>
      </c>
      <c r="E7516">
        <v>1</v>
      </c>
      <c r="F7516">
        <v>2</v>
      </c>
      <c r="H7516" t="s">
        <v>38612</v>
      </c>
      <c r="J7516" t="s">
        <v>38613</v>
      </c>
      <c r="K7516" t="s">
        <v>38614</v>
      </c>
      <c r="M7516">
        <v>13302</v>
      </c>
      <c r="O7516">
        <v>5604195</v>
      </c>
      <c r="P7516">
        <v>1</v>
      </c>
      <c r="Q7516">
        <v>-1</v>
      </c>
      <c r="R7516" t="s">
        <v>38615</v>
      </c>
      <c r="S7516">
        <v>53</v>
      </c>
    </row>
    <row r="7517" spans="1:19" x14ac:dyDescent="0.25">
      <c r="A7517">
        <v>26157658</v>
      </c>
      <c r="B7517" t="s">
        <v>38616</v>
      </c>
      <c r="C7517" s="1" t="s">
        <v>38617</v>
      </c>
      <c r="E7517">
        <v>0</v>
      </c>
      <c r="F7517">
        <v>7</v>
      </c>
      <c r="H7517" t="s">
        <v>38618</v>
      </c>
      <c r="J7517" t="s">
        <v>38619</v>
      </c>
      <c r="K7517" t="s">
        <v>38619</v>
      </c>
      <c r="M7517">
        <v>326807</v>
      </c>
      <c r="O7517">
        <v>1534549</v>
      </c>
      <c r="P7517">
        <v>1</v>
      </c>
      <c r="Q7517">
        <v>1</v>
      </c>
      <c r="R7517" t="s">
        <v>38620</v>
      </c>
      <c r="S7517">
        <v>259</v>
      </c>
    </row>
    <row r="7518" spans="1:19" x14ac:dyDescent="0.25">
      <c r="A7518">
        <v>5547114</v>
      </c>
      <c r="B7518" t="s">
        <v>38621</v>
      </c>
      <c r="C7518" s="1" t="s">
        <v>38622</v>
      </c>
      <c r="D7518">
        <v>5547125</v>
      </c>
      <c r="E7518">
        <v>3</v>
      </c>
      <c r="F7518">
        <v>0</v>
      </c>
      <c r="H7518" t="s">
        <v>38623</v>
      </c>
      <c r="J7518" t="s">
        <v>38624</v>
      </c>
      <c r="O7518">
        <v>291180</v>
      </c>
      <c r="P7518">
        <v>1</v>
      </c>
      <c r="Q7518">
        <v>0</v>
      </c>
      <c r="R7518" t="s">
        <v>38625</v>
      </c>
      <c r="S7518">
        <v>113</v>
      </c>
    </row>
    <row r="7519" spans="1:19" x14ac:dyDescent="0.25">
      <c r="A7519">
        <v>22918526</v>
      </c>
      <c r="B7519" t="s">
        <v>38626</v>
      </c>
      <c r="C7519" s="1" t="s">
        <v>38627</v>
      </c>
      <c r="E7519">
        <v>1</v>
      </c>
      <c r="F7519">
        <v>0</v>
      </c>
      <c r="H7519" t="s">
        <v>38628</v>
      </c>
      <c r="J7519" t="s">
        <v>38629</v>
      </c>
      <c r="K7519" t="s">
        <v>38630</v>
      </c>
      <c r="M7519">
        <v>775138</v>
      </c>
      <c r="O7519">
        <v>775138</v>
      </c>
      <c r="P7519">
        <v>1</v>
      </c>
      <c r="Q7519">
        <v>3</v>
      </c>
      <c r="R7519" t="s">
        <v>38631</v>
      </c>
      <c r="S7519">
        <v>966</v>
      </c>
    </row>
    <row r="7520" spans="1:19" x14ac:dyDescent="0.25">
      <c r="A7520">
        <v>31373249</v>
      </c>
      <c r="B7520" t="s">
        <v>38632</v>
      </c>
      <c r="C7520" s="1" t="s">
        <v>38633</v>
      </c>
      <c r="E7520">
        <v>1</v>
      </c>
      <c r="F7520">
        <v>1</v>
      </c>
      <c r="H7520" t="s">
        <v>38634</v>
      </c>
      <c r="J7520" t="s">
        <v>38635</v>
      </c>
      <c r="O7520">
        <v>5107405</v>
      </c>
      <c r="P7520">
        <v>1</v>
      </c>
      <c r="Q7520">
        <v>-2</v>
      </c>
      <c r="R7520" t="s">
        <v>1239</v>
      </c>
      <c r="S7520">
        <v>97</v>
      </c>
    </row>
    <row r="7521" spans="1:19" x14ac:dyDescent="0.25">
      <c r="A7521">
        <v>34822378</v>
      </c>
      <c r="B7521" t="s">
        <v>38636</v>
      </c>
      <c r="C7521" s="1" t="s">
        <v>38637</v>
      </c>
      <c r="D7521">
        <v>34822408</v>
      </c>
      <c r="E7521">
        <v>1</v>
      </c>
      <c r="F7521">
        <v>0</v>
      </c>
      <c r="H7521" t="s">
        <v>38638</v>
      </c>
      <c r="J7521" t="s">
        <v>38639</v>
      </c>
      <c r="O7521">
        <v>5496085</v>
      </c>
      <c r="P7521">
        <v>1</v>
      </c>
      <c r="Q7521">
        <v>1</v>
      </c>
      <c r="R7521" t="s">
        <v>38640</v>
      </c>
      <c r="S7521">
        <v>1104</v>
      </c>
    </row>
    <row r="7522" spans="1:19" x14ac:dyDescent="0.25">
      <c r="A7522">
        <v>32961124</v>
      </c>
      <c r="B7522" t="s">
        <v>38641</v>
      </c>
      <c r="C7522" s="1" t="s">
        <v>38642</v>
      </c>
      <c r="D7522">
        <v>33113395</v>
      </c>
      <c r="E7522">
        <v>2</v>
      </c>
      <c r="F7522">
        <v>1</v>
      </c>
      <c r="H7522" t="s">
        <v>38643</v>
      </c>
      <c r="I7522">
        <v>3</v>
      </c>
      <c r="J7522" t="s">
        <v>38644</v>
      </c>
      <c r="K7522" t="s">
        <v>38645</v>
      </c>
      <c r="M7522">
        <v>-1</v>
      </c>
      <c r="O7522">
        <v>3411745</v>
      </c>
      <c r="P7522">
        <v>1</v>
      </c>
      <c r="Q7522">
        <v>23</v>
      </c>
      <c r="R7522" t="s">
        <v>38646</v>
      </c>
      <c r="S7522">
        <v>13839</v>
      </c>
    </row>
    <row r="7523" spans="1:19" x14ac:dyDescent="0.25">
      <c r="A7523">
        <v>9212326</v>
      </c>
      <c r="B7523" t="s">
        <v>38647</v>
      </c>
      <c r="C7523" s="1" t="s">
        <v>38648</v>
      </c>
      <c r="D7523">
        <v>9235559</v>
      </c>
      <c r="E7523">
        <v>2</v>
      </c>
      <c r="F7523">
        <v>0</v>
      </c>
      <c r="H7523" t="s">
        <v>38649</v>
      </c>
      <c r="J7523" t="s">
        <v>38650</v>
      </c>
      <c r="O7523">
        <v>834457</v>
      </c>
      <c r="P7523">
        <v>1</v>
      </c>
      <c r="Q7523">
        <v>1</v>
      </c>
      <c r="R7523" t="s">
        <v>10660</v>
      </c>
      <c r="S7523">
        <v>1968</v>
      </c>
    </row>
    <row r="7524" spans="1:19" x14ac:dyDescent="0.25">
      <c r="A7524">
        <v>34963819</v>
      </c>
      <c r="B7524" t="s">
        <v>38651</v>
      </c>
      <c r="C7524" s="1" t="s">
        <v>38652</v>
      </c>
      <c r="D7524">
        <v>34963895</v>
      </c>
      <c r="E7524">
        <v>2</v>
      </c>
      <c r="F7524">
        <v>8</v>
      </c>
      <c r="H7524" t="s">
        <v>38653</v>
      </c>
      <c r="J7524" t="s">
        <v>38654</v>
      </c>
      <c r="O7524">
        <v>5255147</v>
      </c>
      <c r="P7524">
        <v>1</v>
      </c>
      <c r="Q7524">
        <v>3</v>
      </c>
      <c r="R7524" t="s">
        <v>12082</v>
      </c>
      <c r="S7524">
        <v>1303</v>
      </c>
    </row>
    <row r="7525" spans="1:19" x14ac:dyDescent="0.25">
      <c r="A7525">
        <v>6882381</v>
      </c>
      <c r="B7525" t="s">
        <v>38655</v>
      </c>
      <c r="C7525" s="1" t="s">
        <v>38656</v>
      </c>
      <c r="D7525">
        <v>6882436</v>
      </c>
      <c r="E7525">
        <v>4</v>
      </c>
      <c r="F7525">
        <v>3</v>
      </c>
      <c r="H7525" t="s">
        <v>38657</v>
      </c>
      <c r="I7525">
        <v>1</v>
      </c>
      <c r="J7525" t="s">
        <v>38658</v>
      </c>
      <c r="O7525">
        <v>87154</v>
      </c>
      <c r="P7525">
        <v>1</v>
      </c>
      <c r="Q7525">
        <v>6</v>
      </c>
      <c r="R7525" t="s">
        <v>38659</v>
      </c>
      <c r="S7525">
        <v>14915</v>
      </c>
    </row>
    <row r="7526" spans="1:19" x14ac:dyDescent="0.25">
      <c r="A7526">
        <v>18299008</v>
      </c>
      <c r="B7526" t="s">
        <v>38660</v>
      </c>
      <c r="C7526" s="1" t="s">
        <v>38661</v>
      </c>
      <c r="D7526">
        <v>18299308</v>
      </c>
      <c r="E7526">
        <v>1</v>
      </c>
      <c r="F7526">
        <v>0</v>
      </c>
      <c r="H7526" t="s">
        <v>38662</v>
      </c>
      <c r="J7526" t="s">
        <v>38663</v>
      </c>
      <c r="O7526">
        <v>190480</v>
      </c>
      <c r="P7526">
        <v>1</v>
      </c>
      <c r="Q7526">
        <v>0</v>
      </c>
      <c r="R7526" t="s">
        <v>38664</v>
      </c>
      <c r="S7526">
        <v>96</v>
      </c>
    </row>
    <row r="7527" spans="1:19" x14ac:dyDescent="0.25">
      <c r="A7527">
        <v>26971665</v>
      </c>
      <c r="B7527" t="s">
        <v>38665</v>
      </c>
      <c r="C7527" t="s">
        <v>38666</v>
      </c>
      <c r="E7527">
        <v>0</v>
      </c>
      <c r="F7527">
        <v>0</v>
      </c>
      <c r="H7527" t="s">
        <v>38667</v>
      </c>
      <c r="J7527" t="s">
        <v>38668</v>
      </c>
      <c r="K7527" t="s">
        <v>38668</v>
      </c>
      <c r="M7527">
        <v>2571639</v>
      </c>
      <c r="O7527">
        <v>2571639</v>
      </c>
      <c r="P7527">
        <v>1</v>
      </c>
      <c r="Q7527">
        <v>3</v>
      </c>
      <c r="R7527" t="s">
        <v>38669</v>
      </c>
      <c r="S7527">
        <v>328</v>
      </c>
    </row>
    <row r="7528" spans="1:19" x14ac:dyDescent="0.25">
      <c r="A7528">
        <v>44143255</v>
      </c>
      <c r="B7528" t="s">
        <v>38670</v>
      </c>
      <c r="C7528" s="1" t="s">
        <v>38671</v>
      </c>
      <c r="E7528">
        <v>0</v>
      </c>
      <c r="F7528">
        <v>0</v>
      </c>
      <c r="H7528" t="s">
        <v>38672</v>
      </c>
      <c r="J7528" t="s">
        <v>38672</v>
      </c>
      <c r="O7528">
        <v>1259815</v>
      </c>
      <c r="P7528">
        <v>1</v>
      </c>
      <c r="Q7528">
        <v>1</v>
      </c>
      <c r="R7528" t="s">
        <v>38673</v>
      </c>
      <c r="S7528">
        <v>239</v>
      </c>
    </row>
    <row r="7529" spans="1:19" x14ac:dyDescent="0.25">
      <c r="A7529">
        <v>32624457</v>
      </c>
      <c r="B7529" t="s">
        <v>38674</v>
      </c>
      <c r="C7529" s="1" t="s">
        <v>38675</v>
      </c>
      <c r="E7529">
        <v>0</v>
      </c>
      <c r="F7529">
        <v>5</v>
      </c>
      <c r="H7529" t="s">
        <v>38676</v>
      </c>
      <c r="J7529" t="s">
        <v>38677</v>
      </c>
      <c r="K7529" t="s">
        <v>38677</v>
      </c>
      <c r="M7529">
        <v>1179689</v>
      </c>
      <c r="O7529">
        <v>1179689</v>
      </c>
      <c r="P7529">
        <v>1</v>
      </c>
      <c r="Q7529">
        <v>0</v>
      </c>
      <c r="R7529" t="s">
        <v>38678</v>
      </c>
      <c r="S7529">
        <v>48</v>
      </c>
    </row>
    <row r="7530" spans="1:19" x14ac:dyDescent="0.25">
      <c r="A7530">
        <v>26036685</v>
      </c>
      <c r="B7530" t="s">
        <v>38679</v>
      </c>
      <c r="C7530" s="1" t="s">
        <v>38680</v>
      </c>
      <c r="E7530">
        <v>1</v>
      </c>
      <c r="F7530">
        <v>0</v>
      </c>
      <c r="H7530" t="s">
        <v>38681</v>
      </c>
      <c r="J7530" t="s">
        <v>38682</v>
      </c>
      <c r="K7530" t="s">
        <v>38683</v>
      </c>
      <c r="M7530">
        <v>1554347</v>
      </c>
      <c r="O7530">
        <v>5798</v>
      </c>
      <c r="P7530">
        <v>1</v>
      </c>
      <c r="Q7530">
        <v>0</v>
      </c>
      <c r="R7530" t="s">
        <v>38684</v>
      </c>
      <c r="S7530">
        <v>738</v>
      </c>
    </row>
    <row r="7531" spans="1:19" x14ac:dyDescent="0.25">
      <c r="A7531">
        <v>33159022</v>
      </c>
      <c r="B7531" t="s">
        <v>38685</v>
      </c>
      <c r="C7531" s="1" t="s">
        <v>38686</v>
      </c>
      <c r="D7531">
        <v>33159094</v>
      </c>
      <c r="E7531">
        <v>4</v>
      </c>
      <c r="F7531">
        <v>2</v>
      </c>
      <c r="H7531" t="s">
        <v>38687</v>
      </c>
      <c r="J7531" t="s">
        <v>38688</v>
      </c>
      <c r="K7531" t="s">
        <v>38688</v>
      </c>
      <c r="M7531">
        <v>1464112</v>
      </c>
      <c r="O7531">
        <v>1189352</v>
      </c>
      <c r="P7531">
        <v>1</v>
      </c>
      <c r="Q7531">
        <v>1</v>
      </c>
      <c r="R7531" t="s">
        <v>38689</v>
      </c>
      <c r="S7531">
        <v>59</v>
      </c>
    </row>
    <row r="7532" spans="1:19" x14ac:dyDescent="0.25">
      <c r="A7532">
        <v>50579896</v>
      </c>
      <c r="B7532" t="s">
        <v>38690</v>
      </c>
      <c r="C7532" s="1" t="s">
        <v>38691</v>
      </c>
      <c r="E7532">
        <v>1</v>
      </c>
      <c r="F7532">
        <v>1</v>
      </c>
      <c r="H7532" t="s">
        <v>38692</v>
      </c>
      <c r="I7532">
        <v>1</v>
      </c>
      <c r="J7532" t="s">
        <v>38693</v>
      </c>
      <c r="K7532" t="s">
        <v>38693</v>
      </c>
      <c r="M7532">
        <v>2386774</v>
      </c>
      <c r="O7532">
        <v>7441583</v>
      </c>
      <c r="P7532">
        <v>1</v>
      </c>
      <c r="Q7532">
        <v>-2</v>
      </c>
      <c r="R7532" t="s">
        <v>38694</v>
      </c>
      <c r="S7532">
        <v>63</v>
      </c>
    </row>
    <row r="7533" spans="1:19" x14ac:dyDescent="0.25">
      <c r="A7533">
        <v>35921065</v>
      </c>
      <c r="B7533" t="s">
        <v>38695</v>
      </c>
      <c r="C7533" s="1" t="s">
        <v>38696</v>
      </c>
      <c r="E7533">
        <v>1</v>
      </c>
      <c r="F7533">
        <v>0</v>
      </c>
      <c r="H7533" t="s">
        <v>38697</v>
      </c>
      <c r="J7533" t="s">
        <v>38698</v>
      </c>
      <c r="O7533">
        <v>3540895</v>
      </c>
      <c r="P7533">
        <v>1</v>
      </c>
      <c r="Q7533">
        <v>0</v>
      </c>
      <c r="R7533" t="s">
        <v>17950</v>
      </c>
      <c r="S7533">
        <v>326</v>
      </c>
    </row>
    <row r="7534" spans="1:19" x14ac:dyDescent="0.25">
      <c r="A7534">
        <v>23386189</v>
      </c>
      <c r="B7534" t="s">
        <v>38699</v>
      </c>
      <c r="C7534" s="1" t="s">
        <v>38700</v>
      </c>
      <c r="D7534">
        <v>23386349</v>
      </c>
      <c r="E7534">
        <v>1</v>
      </c>
      <c r="F7534">
        <v>3</v>
      </c>
      <c r="H7534" t="s">
        <v>38701</v>
      </c>
      <c r="J7534" t="s">
        <v>38702</v>
      </c>
      <c r="O7534">
        <v>3588914</v>
      </c>
      <c r="P7534">
        <v>1</v>
      </c>
      <c r="Q7534">
        <v>1</v>
      </c>
      <c r="R7534" t="s">
        <v>38703</v>
      </c>
      <c r="S7534">
        <v>387</v>
      </c>
    </row>
    <row r="7535" spans="1:19" x14ac:dyDescent="0.25">
      <c r="A7535">
        <v>17855251</v>
      </c>
      <c r="B7535" t="s">
        <v>38704</v>
      </c>
      <c r="C7535" t="s">
        <v>38705</v>
      </c>
      <c r="E7535">
        <v>0</v>
      </c>
      <c r="F7535">
        <v>3</v>
      </c>
      <c r="H7535" t="s">
        <v>38706</v>
      </c>
      <c r="J7535" t="s">
        <v>38707</v>
      </c>
      <c r="K7535" t="s">
        <v>38707</v>
      </c>
      <c r="M7535">
        <v>759866</v>
      </c>
      <c r="O7535">
        <v>1119045</v>
      </c>
      <c r="P7535">
        <v>1</v>
      </c>
      <c r="Q7535">
        <v>0</v>
      </c>
      <c r="R7535" t="s">
        <v>38708</v>
      </c>
      <c r="S7535">
        <v>181</v>
      </c>
    </row>
    <row r="7536" spans="1:19" x14ac:dyDescent="0.25">
      <c r="A7536">
        <v>10659083</v>
      </c>
      <c r="B7536" t="s">
        <v>38709</v>
      </c>
      <c r="C7536" s="1" t="s">
        <v>38710</v>
      </c>
      <c r="D7536">
        <v>10659132</v>
      </c>
      <c r="E7536">
        <v>4</v>
      </c>
      <c r="F7536">
        <v>3</v>
      </c>
      <c r="H7536" t="s">
        <v>38711</v>
      </c>
      <c r="I7536">
        <v>2</v>
      </c>
      <c r="J7536" t="s">
        <v>38712</v>
      </c>
      <c r="K7536" t="s">
        <v>38713</v>
      </c>
      <c r="M7536">
        <v>1401376</v>
      </c>
      <c r="O7536">
        <v>1401376</v>
      </c>
      <c r="P7536">
        <v>1</v>
      </c>
      <c r="Q7536">
        <v>3</v>
      </c>
      <c r="R7536" t="s">
        <v>38714</v>
      </c>
      <c r="S7536">
        <v>29337</v>
      </c>
    </row>
    <row r="7537" spans="1:19" x14ac:dyDescent="0.25">
      <c r="A7537">
        <v>32373798</v>
      </c>
      <c r="B7537" t="s">
        <v>38715</v>
      </c>
      <c r="C7537" s="1" t="s">
        <v>38716</v>
      </c>
      <c r="E7537">
        <v>1</v>
      </c>
      <c r="F7537">
        <v>2</v>
      </c>
      <c r="H7537" t="s">
        <v>38717</v>
      </c>
      <c r="J7537" t="s">
        <v>38718</v>
      </c>
      <c r="O7537">
        <v>4575630</v>
      </c>
      <c r="P7537">
        <v>1</v>
      </c>
      <c r="Q7537">
        <v>0</v>
      </c>
      <c r="R7537" t="s">
        <v>38719</v>
      </c>
      <c r="S7537">
        <v>227</v>
      </c>
    </row>
    <row r="7538" spans="1:19" x14ac:dyDescent="0.25">
      <c r="A7538">
        <v>33911328</v>
      </c>
      <c r="B7538" t="s">
        <v>38720</v>
      </c>
      <c r="C7538" t="s">
        <v>38721</v>
      </c>
      <c r="E7538">
        <v>3</v>
      </c>
      <c r="F7538">
        <v>0</v>
      </c>
      <c r="H7538" t="s">
        <v>38722</v>
      </c>
      <c r="J7538" t="s">
        <v>38723</v>
      </c>
      <c r="O7538">
        <v>3405712</v>
      </c>
      <c r="P7538">
        <v>1</v>
      </c>
      <c r="Q7538">
        <v>1</v>
      </c>
      <c r="R7538" t="s">
        <v>38724</v>
      </c>
      <c r="S7538">
        <v>189</v>
      </c>
    </row>
    <row r="7539" spans="1:19" x14ac:dyDescent="0.25">
      <c r="A7539">
        <v>52665619</v>
      </c>
      <c r="B7539" t="s">
        <v>38725</v>
      </c>
      <c r="C7539" s="1" t="s">
        <v>38726</v>
      </c>
      <c r="D7539">
        <v>52686856</v>
      </c>
      <c r="E7539">
        <v>1</v>
      </c>
      <c r="F7539">
        <v>3</v>
      </c>
      <c r="H7539" t="s">
        <v>38727</v>
      </c>
      <c r="I7539">
        <v>0</v>
      </c>
      <c r="J7539" t="s">
        <v>38728</v>
      </c>
      <c r="O7539">
        <v>9015524</v>
      </c>
      <c r="P7539">
        <v>1</v>
      </c>
      <c r="Q7539">
        <v>1</v>
      </c>
      <c r="R7539" t="s">
        <v>38729</v>
      </c>
      <c r="S7539">
        <v>46</v>
      </c>
    </row>
    <row r="7540" spans="1:19" x14ac:dyDescent="0.25">
      <c r="A7540">
        <v>43577569</v>
      </c>
      <c r="B7540" t="s">
        <v>38730</v>
      </c>
      <c r="C7540" s="1" t="s">
        <v>38731</v>
      </c>
      <c r="D7540">
        <v>43578041</v>
      </c>
      <c r="E7540">
        <v>1</v>
      </c>
      <c r="F7540">
        <v>0</v>
      </c>
      <c r="H7540" t="s">
        <v>38732</v>
      </c>
      <c r="J7540" t="s">
        <v>38733</v>
      </c>
      <c r="O7540">
        <v>5420677</v>
      </c>
      <c r="P7540">
        <v>1</v>
      </c>
      <c r="Q7540">
        <v>2</v>
      </c>
      <c r="R7540" t="s">
        <v>38734</v>
      </c>
      <c r="S7540">
        <v>476</v>
      </c>
    </row>
    <row r="7541" spans="1:19" x14ac:dyDescent="0.25">
      <c r="A7541">
        <v>2123238</v>
      </c>
      <c r="B7541" t="s">
        <v>38735</v>
      </c>
      <c r="C7541" s="1" t="s">
        <v>38736</v>
      </c>
      <c r="E7541">
        <v>2</v>
      </c>
      <c r="F7541">
        <v>1</v>
      </c>
      <c r="H7541" t="s">
        <v>38737</v>
      </c>
      <c r="J7541" t="s">
        <v>38738</v>
      </c>
      <c r="K7541" t="s">
        <v>38739</v>
      </c>
      <c r="M7541">
        <v>241717</v>
      </c>
      <c r="O7541">
        <v>241717</v>
      </c>
      <c r="P7541">
        <v>1</v>
      </c>
      <c r="Q7541">
        <v>2</v>
      </c>
      <c r="R7541" t="s">
        <v>351</v>
      </c>
      <c r="S7541">
        <v>233</v>
      </c>
    </row>
    <row r="7542" spans="1:19" x14ac:dyDescent="0.25">
      <c r="A7542">
        <v>22107524</v>
      </c>
      <c r="B7542" t="s">
        <v>38740</v>
      </c>
      <c r="C7542" s="1" t="s">
        <v>38741</v>
      </c>
      <c r="E7542">
        <v>5</v>
      </c>
      <c r="F7542">
        <v>3</v>
      </c>
      <c r="H7542" t="s">
        <v>38742</v>
      </c>
      <c r="J7542" t="s">
        <v>38743</v>
      </c>
      <c r="O7542">
        <v>3366854</v>
      </c>
      <c r="P7542">
        <v>1</v>
      </c>
      <c r="Q7542">
        <v>2</v>
      </c>
      <c r="R7542" t="s">
        <v>213</v>
      </c>
      <c r="S7542">
        <v>121</v>
      </c>
    </row>
    <row r="7543" spans="1:19" x14ac:dyDescent="0.25">
      <c r="A7543">
        <v>49096808</v>
      </c>
      <c r="B7543" t="s">
        <v>38744</v>
      </c>
      <c r="C7543" s="1" t="s">
        <v>38745</v>
      </c>
      <c r="D7543">
        <v>49096862</v>
      </c>
      <c r="E7543">
        <v>2</v>
      </c>
      <c r="F7543">
        <v>5</v>
      </c>
      <c r="H7543" t="s">
        <v>38746</v>
      </c>
      <c r="J7543" t="s">
        <v>38747</v>
      </c>
      <c r="K7543" t="s">
        <v>38748</v>
      </c>
      <c r="M7543">
        <v>1491895</v>
      </c>
      <c r="O7543">
        <v>7281807</v>
      </c>
      <c r="P7543">
        <v>1</v>
      </c>
      <c r="Q7543">
        <v>1</v>
      </c>
      <c r="R7543" t="s">
        <v>38749</v>
      </c>
      <c r="S7543">
        <v>36</v>
      </c>
    </row>
    <row r="7544" spans="1:19" x14ac:dyDescent="0.25">
      <c r="A7544">
        <v>33142031</v>
      </c>
      <c r="B7544" t="s">
        <v>38750</v>
      </c>
      <c r="C7544" s="1" t="s">
        <v>38751</v>
      </c>
      <c r="D7544">
        <v>33144431</v>
      </c>
      <c r="E7544">
        <v>1</v>
      </c>
      <c r="F7544">
        <v>2</v>
      </c>
      <c r="H7544" t="s">
        <v>38752</v>
      </c>
      <c r="I7544">
        <v>1</v>
      </c>
      <c r="J7544" t="s">
        <v>38753</v>
      </c>
      <c r="O7544">
        <v>513413</v>
      </c>
      <c r="P7544">
        <v>1</v>
      </c>
      <c r="Q7544">
        <v>1</v>
      </c>
      <c r="R7544" t="s">
        <v>38754</v>
      </c>
      <c r="S7544">
        <v>405</v>
      </c>
    </row>
    <row r="7545" spans="1:19" x14ac:dyDescent="0.25">
      <c r="A7545">
        <v>3023398</v>
      </c>
      <c r="B7545" t="s">
        <v>38755</v>
      </c>
      <c r="C7545" s="1" t="s">
        <v>38756</v>
      </c>
      <c r="E7545">
        <v>1</v>
      </c>
      <c r="F7545">
        <v>0</v>
      </c>
      <c r="H7545" t="s">
        <v>38757</v>
      </c>
      <c r="J7545" t="s">
        <v>38758</v>
      </c>
      <c r="O7545">
        <v>7024</v>
      </c>
      <c r="P7545">
        <v>1</v>
      </c>
      <c r="Q7545">
        <v>0</v>
      </c>
      <c r="R7545" t="s">
        <v>38759</v>
      </c>
      <c r="S7545">
        <v>941</v>
      </c>
    </row>
    <row r="7546" spans="1:19" x14ac:dyDescent="0.25">
      <c r="A7546">
        <v>48810020</v>
      </c>
      <c r="B7546" t="s">
        <v>38760</v>
      </c>
      <c r="C7546" s="1" t="s">
        <v>38761</v>
      </c>
      <c r="E7546">
        <v>0</v>
      </c>
      <c r="F7546">
        <v>4</v>
      </c>
      <c r="H7546" t="s">
        <v>38762</v>
      </c>
      <c r="J7546" t="s">
        <v>38763</v>
      </c>
      <c r="K7546" t="s">
        <v>38763</v>
      </c>
      <c r="M7546">
        <v>1696947</v>
      </c>
      <c r="O7546">
        <v>1696947</v>
      </c>
      <c r="P7546">
        <v>1</v>
      </c>
      <c r="Q7546">
        <v>0</v>
      </c>
      <c r="R7546" t="s">
        <v>38764</v>
      </c>
      <c r="S7546">
        <v>56</v>
      </c>
    </row>
    <row r="7547" spans="1:19" x14ac:dyDescent="0.25">
      <c r="A7547">
        <v>50078131</v>
      </c>
      <c r="B7547" t="s">
        <v>38765</v>
      </c>
      <c r="C7547" s="1" t="s">
        <v>38766</v>
      </c>
      <c r="D7547">
        <v>50522997</v>
      </c>
      <c r="E7547">
        <v>1</v>
      </c>
      <c r="F7547">
        <v>0</v>
      </c>
      <c r="H7547" t="s">
        <v>38767</v>
      </c>
      <c r="I7547">
        <v>0</v>
      </c>
      <c r="J7547" t="s">
        <v>38768</v>
      </c>
      <c r="O7547">
        <v>8962087</v>
      </c>
      <c r="P7547">
        <v>1</v>
      </c>
      <c r="Q7547">
        <v>2</v>
      </c>
      <c r="R7547" t="s">
        <v>38769</v>
      </c>
      <c r="S7547">
        <v>54</v>
      </c>
    </row>
    <row r="7548" spans="1:19" x14ac:dyDescent="0.25">
      <c r="A7548">
        <v>9777490</v>
      </c>
      <c r="B7548" t="s">
        <v>38770</v>
      </c>
      <c r="C7548" s="1" t="s">
        <v>38771</v>
      </c>
      <c r="E7548">
        <v>2</v>
      </c>
      <c r="F7548">
        <v>2</v>
      </c>
      <c r="H7548" t="s">
        <v>38772</v>
      </c>
      <c r="J7548" t="s">
        <v>38773</v>
      </c>
      <c r="K7548" t="s">
        <v>38773</v>
      </c>
      <c r="M7548">
        <v>230513</v>
      </c>
      <c r="O7548">
        <v>1189361</v>
      </c>
      <c r="P7548">
        <v>1</v>
      </c>
      <c r="Q7548">
        <v>2</v>
      </c>
      <c r="R7548" t="s">
        <v>38774</v>
      </c>
      <c r="S7548">
        <v>1514</v>
      </c>
    </row>
    <row r="7549" spans="1:19" x14ac:dyDescent="0.25">
      <c r="A7549">
        <v>41999711</v>
      </c>
      <c r="B7549" t="s">
        <v>38775</v>
      </c>
      <c r="C7549" s="1" t="s">
        <v>38776</v>
      </c>
      <c r="D7549">
        <v>42019280</v>
      </c>
      <c r="E7549">
        <v>1</v>
      </c>
      <c r="F7549">
        <v>0</v>
      </c>
      <c r="H7549" t="s">
        <v>38777</v>
      </c>
      <c r="J7549" t="s">
        <v>38778</v>
      </c>
      <c r="O7549">
        <v>7176536</v>
      </c>
      <c r="P7549">
        <v>1</v>
      </c>
      <c r="Q7549">
        <v>0</v>
      </c>
      <c r="R7549" t="s">
        <v>38779</v>
      </c>
      <c r="S7549">
        <v>508</v>
      </c>
    </row>
    <row r="7550" spans="1:19" x14ac:dyDescent="0.25">
      <c r="A7550">
        <v>21972945</v>
      </c>
      <c r="B7550" t="s">
        <v>38780</v>
      </c>
      <c r="C7550" s="1" t="s">
        <v>38781</v>
      </c>
      <c r="D7550">
        <v>21973439</v>
      </c>
      <c r="E7550">
        <v>2</v>
      </c>
      <c r="F7550">
        <v>0</v>
      </c>
      <c r="H7550" t="s">
        <v>38782</v>
      </c>
      <c r="I7550">
        <v>1</v>
      </c>
      <c r="J7550" t="s">
        <v>38783</v>
      </c>
      <c r="O7550">
        <v>1728309</v>
      </c>
      <c r="P7550">
        <v>1</v>
      </c>
      <c r="Q7550">
        <v>0</v>
      </c>
      <c r="R7550" t="s">
        <v>1379</v>
      </c>
      <c r="S7550">
        <v>428</v>
      </c>
    </row>
    <row r="7551" spans="1:19" x14ac:dyDescent="0.25">
      <c r="A7551">
        <v>49332604</v>
      </c>
      <c r="B7551" t="s">
        <v>38784</v>
      </c>
      <c r="C7551" s="1" t="s">
        <v>38785</v>
      </c>
      <c r="D7551">
        <v>49332708</v>
      </c>
      <c r="E7551">
        <v>3</v>
      </c>
      <c r="F7551">
        <v>0</v>
      </c>
      <c r="H7551" t="s">
        <v>38786</v>
      </c>
      <c r="J7551" t="s">
        <v>38787</v>
      </c>
      <c r="K7551" t="s">
        <v>38788</v>
      </c>
      <c r="M7551">
        <v>6700627</v>
      </c>
      <c r="O7551">
        <v>9473802</v>
      </c>
      <c r="P7551">
        <v>1</v>
      </c>
      <c r="Q7551">
        <v>0</v>
      </c>
      <c r="R7551" t="s">
        <v>1446</v>
      </c>
      <c r="S7551">
        <v>35</v>
      </c>
    </row>
    <row r="7552" spans="1:19" x14ac:dyDescent="0.25">
      <c r="A7552">
        <v>38522341</v>
      </c>
      <c r="B7552" t="s">
        <v>38789</v>
      </c>
      <c r="C7552" s="1" t="s">
        <v>38790</v>
      </c>
      <c r="E7552">
        <v>2</v>
      </c>
      <c r="F7552">
        <v>9</v>
      </c>
      <c r="H7552" t="s">
        <v>38791</v>
      </c>
      <c r="J7552" t="s">
        <v>38792</v>
      </c>
      <c r="K7552" t="s">
        <v>38793</v>
      </c>
      <c r="M7552">
        <v>5764665</v>
      </c>
      <c r="O7552">
        <v>5639688</v>
      </c>
      <c r="P7552">
        <v>1</v>
      </c>
      <c r="Q7552">
        <v>1</v>
      </c>
      <c r="R7552" t="s">
        <v>38794</v>
      </c>
      <c r="S7552">
        <v>118</v>
      </c>
    </row>
    <row r="7553" spans="1:19" x14ac:dyDescent="0.25">
      <c r="A7553">
        <v>13726293</v>
      </c>
      <c r="B7553" t="s">
        <v>38795</v>
      </c>
      <c r="C7553" s="1" t="s">
        <v>38796</v>
      </c>
      <c r="D7553">
        <v>13726960</v>
      </c>
      <c r="E7553">
        <v>1</v>
      </c>
      <c r="F7553">
        <v>0</v>
      </c>
      <c r="H7553" t="s">
        <v>38797</v>
      </c>
      <c r="I7553">
        <v>1</v>
      </c>
      <c r="J7553" t="s">
        <v>38798</v>
      </c>
      <c r="K7553" t="s">
        <v>38798</v>
      </c>
      <c r="M7553">
        <v>985766</v>
      </c>
      <c r="O7553">
        <v>985766</v>
      </c>
      <c r="P7553">
        <v>1</v>
      </c>
      <c r="Q7553">
        <v>1</v>
      </c>
      <c r="R7553" t="s">
        <v>38799</v>
      </c>
      <c r="S7553">
        <v>816</v>
      </c>
    </row>
    <row r="7554" spans="1:19" x14ac:dyDescent="0.25">
      <c r="A7554">
        <v>36924374</v>
      </c>
      <c r="B7554" t="s">
        <v>38800</v>
      </c>
      <c r="C7554" s="1" t="s">
        <v>38801</v>
      </c>
      <c r="D7554">
        <v>36929794</v>
      </c>
      <c r="E7554">
        <v>1</v>
      </c>
      <c r="F7554">
        <v>0</v>
      </c>
      <c r="H7554" t="s">
        <v>38802</v>
      </c>
      <c r="J7554" t="s">
        <v>38803</v>
      </c>
      <c r="K7554" t="s">
        <v>38804</v>
      </c>
      <c r="M7554">
        <v>4468575</v>
      </c>
      <c r="O7554">
        <v>4468575</v>
      </c>
      <c r="P7554">
        <v>1</v>
      </c>
      <c r="Q7554">
        <v>0</v>
      </c>
      <c r="R7554" t="s">
        <v>38805</v>
      </c>
      <c r="S7554">
        <v>328</v>
      </c>
    </row>
    <row r="7555" spans="1:19" x14ac:dyDescent="0.25">
      <c r="A7555">
        <v>43987090</v>
      </c>
      <c r="B7555" t="s">
        <v>38806</v>
      </c>
      <c r="C7555" s="1" t="s">
        <v>38807</v>
      </c>
      <c r="D7555">
        <v>43998388</v>
      </c>
      <c r="E7555">
        <v>1</v>
      </c>
      <c r="F7555">
        <v>1</v>
      </c>
      <c r="H7555" t="s">
        <v>38808</v>
      </c>
      <c r="J7555" t="s">
        <v>38809</v>
      </c>
      <c r="O7555">
        <v>2455259</v>
      </c>
      <c r="P7555">
        <v>1</v>
      </c>
      <c r="Q7555">
        <v>0</v>
      </c>
      <c r="R7555" t="s">
        <v>38810</v>
      </c>
      <c r="S7555">
        <v>145</v>
      </c>
    </row>
    <row r="7556" spans="1:19" x14ac:dyDescent="0.25">
      <c r="A7556">
        <v>32382827</v>
      </c>
      <c r="B7556" t="s">
        <v>38811</v>
      </c>
      <c r="C7556" t="s">
        <v>38812</v>
      </c>
      <c r="E7556">
        <v>0</v>
      </c>
      <c r="F7556">
        <v>2</v>
      </c>
      <c r="H7556" t="s">
        <v>38813</v>
      </c>
      <c r="J7556" t="s">
        <v>38813</v>
      </c>
      <c r="O7556">
        <v>4704178</v>
      </c>
      <c r="P7556">
        <v>1</v>
      </c>
      <c r="Q7556">
        <v>0</v>
      </c>
      <c r="R7556" t="s">
        <v>38814</v>
      </c>
      <c r="S7556">
        <v>51</v>
      </c>
    </row>
    <row r="7557" spans="1:19" x14ac:dyDescent="0.25">
      <c r="A7557">
        <v>24283401</v>
      </c>
      <c r="B7557" t="s">
        <v>38815</v>
      </c>
      <c r="C7557" s="1" t="s">
        <v>38816</v>
      </c>
      <c r="E7557">
        <v>1</v>
      </c>
      <c r="F7557">
        <v>2</v>
      </c>
      <c r="H7557" t="s">
        <v>38817</v>
      </c>
      <c r="I7557">
        <v>0</v>
      </c>
      <c r="J7557" t="s">
        <v>38818</v>
      </c>
      <c r="O7557">
        <v>1239122</v>
      </c>
      <c r="P7557">
        <v>1</v>
      </c>
      <c r="Q7557">
        <v>0</v>
      </c>
      <c r="R7557" t="s">
        <v>38819</v>
      </c>
      <c r="S7557">
        <v>79</v>
      </c>
    </row>
    <row r="7558" spans="1:19" x14ac:dyDescent="0.25">
      <c r="A7558">
        <v>49555269</v>
      </c>
      <c r="B7558" t="s">
        <v>38820</v>
      </c>
      <c r="C7558" s="1" t="s">
        <v>38821</v>
      </c>
      <c r="D7558">
        <v>49555389</v>
      </c>
      <c r="E7558">
        <v>1</v>
      </c>
      <c r="F7558">
        <v>0</v>
      </c>
      <c r="H7558" t="s">
        <v>38822</v>
      </c>
      <c r="J7558" t="s">
        <v>38823</v>
      </c>
      <c r="K7558" t="s">
        <v>38823</v>
      </c>
      <c r="M7558">
        <v>7932273</v>
      </c>
      <c r="O7558">
        <v>9569410</v>
      </c>
      <c r="P7558">
        <v>1</v>
      </c>
      <c r="Q7558">
        <v>1</v>
      </c>
      <c r="R7558" t="s">
        <v>38824</v>
      </c>
      <c r="S7558">
        <v>2080</v>
      </c>
    </row>
    <row r="7559" spans="1:19" x14ac:dyDescent="0.25">
      <c r="A7559">
        <v>17440706</v>
      </c>
      <c r="B7559" t="s">
        <v>38825</v>
      </c>
      <c r="C7559" s="1" t="s">
        <v>38826</v>
      </c>
      <c r="D7559">
        <v>17441020</v>
      </c>
      <c r="E7559">
        <v>1</v>
      </c>
      <c r="F7559">
        <v>10</v>
      </c>
      <c r="H7559" t="s">
        <v>38827</v>
      </c>
      <c r="J7559" t="s">
        <v>38828</v>
      </c>
      <c r="O7559">
        <v>2545187</v>
      </c>
      <c r="P7559">
        <v>1</v>
      </c>
      <c r="Q7559">
        <v>-1</v>
      </c>
      <c r="R7559" t="s">
        <v>38829</v>
      </c>
      <c r="S7559">
        <v>390</v>
      </c>
    </row>
    <row r="7560" spans="1:19" x14ac:dyDescent="0.25">
      <c r="A7560">
        <v>47437811</v>
      </c>
      <c r="B7560" t="s">
        <v>38830</v>
      </c>
      <c r="C7560" s="1" t="s">
        <v>38831</v>
      </c>
      <c r="E7560">
        <v>0</v>
      </c>
      <c r="F7560">
        <v>0</v>
      </c>
      <c r="H7560" t="s">
        <v>38832</v>
      </c>
      <c r="J7560" t="s">
        <v>38833</v>
      </c>
      <c r="K7560" t="s">
        <v>38833</v>
      </c>
      <c r="M7560">
        <v>7575724</v>
      </c>
      <c r="O7560">
        <v>7575724</v>
      </c>
      <c r="P7560">
        <v>1</v>
      </c>
      <c r="Q7560">
        <v>0</v>
      </c>
      <c r="R7560" t="s">
        <v>12692</v>
      </c>
      <c r="S7560">
        <v>37</v>
      </c>
    </row>
    <row r="7561" spans="1:19" x14ac:dyDescent="0.25">
      <c r="A7561">
        <v>53563935</v>
      </c>
      <c r="B7561" t="s">
        <v>38834</v>
      </c>
      <c r="C7561" s="1" t="s">
        <v>38835</v>
      </c>
      <c r="E7561">
        <v>1</v>
      </c>
      <c r="F7561">
        <v>2</v>
      </c>
      <c r="H7561" t="s">
        <v>38836</v>
      </c>
      <c r="J7561" t="s">
        <v>38837</v>
      </c>
      <c r="O7561">
        <v>3669981</v>
      </c>
      <c r="P7561">
        <v>1</v>
      </c>
      <c r="Q7561">
        <v>2</v>
      </c>
      <c r="R7561" t="s">
        <v>24742</v>
      </c>
      <c r="S7561">
        <v>30</v>
      </c>
    </row>
    <row r="7562" spans="1:19" x14ac:dyDescent="0.25">
      <c r="A7562">
        <v>20974438</v>
      </c>
      <c r="B7562" t="s">
        <v>38838</v>
      </c>
      <c r="C7562" s="1" t="s">
        <v>38839</v>
      </c>
      <c r="D7562">
        <v>26862998</v>
      </c>
      <c r="E7562">
        <v>7</v>
      </c>
      <c r="F7562">
        <v>1</v>
      </c>
      <c r="H7562" t="s">
        <v>38840</v>
      </c>
      <c r="I7562">
        <v>5</v>
      </c>
      <c r="J7562" t="s">
        <v>38841</v>
      </c>
      <c r="K7562" t="s">
        <v>38842</v>
      </c>
      <c r="M7562">
        <v>6862601</v>
      </c>
      <c r="O7562">
        <v>3169543</v>
      </c>
      <c r="P7562">
        <v>1</v>
      </c>
      <c r="Q7562">
        <v>37</v>
      </c>
      <c r="R7562" t="s">
        <v>38843</v>
      </c>
      <c r="S7562">
        <v>34245</v>
      </c>
    </row>
    <row r="7563" spans="1:19" x14ac:dyDescent="0.25">
      <c r="A7563">
        <v>39236367</v>
      </c>
      <c r="B7563" t="s">
        <v>38844</v>
      </c>
      <c r="C7563" s="1" t="s">
        <v>38845</v>
      </c>
      <c r="E7563">
        <v>0</v>
      </c>
      <c r="F7563">
        <v>3</v>
      </c>
      <c r="H7563" t="s">
        <v>38846</v>
      </c>
      <c r="J7563" t="s">
        <v>38846</v>
      </c>
      <c r="O7563">
        <v>6588101</v>
      </c>
      <c r="P7563">
        <v>1</v>
      </c>
      <c r="Q7563">
        <v>0</v>
      </c>
      <c r="R7563" t="s">
        <v>38847</v>
      </c>
      <c r="S7563">
        <v>187</v>
      </c>
    </row>
    <row r="7564" spans="1:19" x14ac:dyDescent="0.25">
      <c r="A7564">
        <v>6509904</v>
      </c>
      <c r="B7564" t="s">
        <v>38848</v>
      </c>
      <c r="C7564" s="1" t="s">
        <v>38849</v>
      </c>
      <c r="D7564">
        <v>6513071</v>
      </c>
      <c r="E7564">
        <v>1</v>
      </c>
      <c r="F7564">
        <v>1</v>
      </c>
      <c r="H7564" t="s">
        <v>38850</v>
      </c>
      <c r="J7564" t="s">
        <v>38851</v>
      </c>
      <c r="K7564" t="s">
        <v>38852</v>
      </c>
      <c r="M7564">
        <v>234188</v>
      </c>
      <c r="O7564">
        <v>234188</v>
      </c>
      <c r="P7564">
        <v>1</v>
      </c>
      <c r="Q7564">
        <v>1</v>
      </c>
      <c r="R7564" t="s">
        <v>38853</v>
      </c>
      <c r="S7564">
        <v>885</v>
      </c>
    </row>
    <row r="7565" spans="1:19" x14ac:dyDescent="0.25">
      <c r="A7565">
        <v>9859908</v>
      </c>
      <c r="B7565" t="s">
        <v>38854</v>
      </c>
      <c r="C7565" s="1" t="s">
        <v>38855</v>
      </c>
      <c r="E7565">
        <v>2</v>
      </c>
      <c r="F7565">
        <v>0</v>
      </c>
      <c r="H7565" t="s">
        <v>38856</v>
      </c>
      <c r="J7565" t="s">
        <v>38857</v>
      </c>
      <c r="O7565">
        <v>846086</v>
      </c>
      <c r="P7565">
        <v>1</v>
      </c>
      <c r="Q7565">
        <v>2</v>
      </c>
      <c r="R7565" t="s">
        <v>38858</v>
      </c>
      <c r="S7565">
        <v>334</v>
      </c>
    </row>
    <row r="7566" spans="1:19" x14ac:dyDescent="0.25">
      <c r="A7566">
        <v>21033936</v>
      </c>
      <c r="B7566" t="s">
        <v>38859</v>
      </c>
      <c r="C7566" s="1" t="s">
        <v>38860</v>
      </c>
      <c r="E7566">
        <v>2</v>
      </c>
      <c r="F7566">
        <v>0</v>
      </c>
      <c r="H7566" t="s">
        <v>38861</v>
      </c>
      <c r="J7566" t="s">
        <v>38862</v>
      </c>
      <c r="K7566" t="s">
        <v>38863</v>
      </c>
      <c r="M7566">
        <v>1193085</v>
      </c>
      <c r="O7566">
        <v>1193085</v>
      </c>
      <c r="P7566">
        <v>1</v>
      </c>
      <c r="Q7566">
        <v>6</v>
      </c>
      <c r="R7566" t="s">
        <v>5021</v>
      </c>
      <c r="S7566">
        <v>10063</v>
      </c>
    </row>
    <row r="7567" spans="1:19" x14ac:dyDescent="0.25">
      <c r="A7567">
        <v>19136410</v>
      </c>
      <c r="B7567" t="s">
        <v>38864</v>
      </c>
      <c r="C7567" s="1" t="s">
        <v>38865</v>
      </c>
      <c r="D7567">
        <v>19217610</v>
      </c>
      <c r="E7567">
        <v>2</v>
      </c>
      <c r="F7567">
        <v>0</v>
      </c>
      <c r="H7567" t="s">
        <v>38866</v>
      </c>
      <c r="J7567" t="s">
        <v>38867</v>
      </c>
      <c r="O7567">
        <v>2149406</v>
      </c>
      <c r="P7567">
        <v>1</v>
      </c>
      <c r="Q7567">
        <v>0</v>
      </c>
      <c r="R7567" t="s">
        <v>38868</v>
      </c>
      <c r="S7567">
        <v>4418</v>
      </c>
    </row>
    <row r="7568" spans="1:19" x14ac:dyDescent="0.25">
      <c r="A7568">
        <v>25866843</v>
      </c>
      <c r="B7568" t="s">
        <v>38869</v>
      </c>
      <c r="C7568" s="1" t="s">
        <v>38870</v>
      </c>
      <c r="E7568">
        <v>2</v>
      </c>
      <c r="F7568">
        <v>0</v>
      </c>
      <c r="H7568" t="s">
        <v>38871</v>
      </c>
      <c r="J7568" t="s">
        <v>38872</v>
      </c>
      <c r="O7568">
        <v>1717897</v>
      </c>
      <c r="P7568">
        <v>1</v>
      </c>
      <c r="Q7568">
        <v>0</v>
      </c>
      <c r="R7568" t="s">
        <v>38873</v>
      </c>
      <c r="S7568">
        <v>530</v>
      </c>
    </row>
    <row r="7569" spans="1:19" x14ac:dyDescent="0.25">
      <c r="A7569">
        <v>19811893</v>
      </c>
      <c r="B7569" t="s">
        <v>38874</v>
      </c>
      <c r="C7569" s="1" t="s">
        <v>38875</v>
      </c>
      <c r="E7569">
        <v>2</v>
      </c>
      <c r="F7569">
        <v>3</v>
      </c>
      <c r="H7569" t="s">
        <v>38876</v>
      </c>
      <c r="I7569">
        <v>0</v>
      </c>
      <c r="J7569" t="s">
        <v>38877</v>
      </c>
      <c r="K7569" t="s">
        <v>38878</v>
      </c>
      <c r="M7569">
        <v>2811116</v>
      </c>
      <c r="O7569">
        <v>2811116</v>
      </c>
      <c r="P7569">
        <v>1</v>
      </c>
      <c r="Q7569">
        <v>2</v>
      </c>
      <c r="R7569" t="s">
        <v>38879</v>
      </c>
      <c r="S7569">
        <v>353</v>
      </c>
    </row>
    <row r="7570" spans="1:19" x14ac:dyDescent="0.25">
      <c r="A7570">
        <v>30425764</v>
      </c>
      <c r="B7570" t="s">
        <v>38880</v>
      </c>
      <c r="C7570" s="1" t="s">
        <v>38881</v>
      </c>
      <c r="E7570">
        <v>2</v>
      </c>
      <c r="F7570">
        <v>0</v>
      </c>
      <c r="H7570" t="s">
        <v>38882</v>
      </c>
      <c r="J7570" t="s">
        <v>38883</v>
      </c>
      <c r="K7570" t="s">
        <v>38884</v>
      </c>
      <c r="M7570">
        <v>1806780</v>
      </c>
      <c r="O7570">
        <v>4934446</v>
      </c>
      <c r="P7570">
        <v>1</v>
      </c>
      <c r="Q7570">
        <v>0</v>
      </c>
      <c r="R7570" t="s">
        <v>38885</v>
      </c>
      <c r="S7570">
        <v>116</v>
      </c>
    </row>
    <row r="7571" spans="1:19" x14ac:dyDescent="0.25">
      <c r="A7571">
        <v>34373462</v>
      </c>
      <c r="B7571" t="s">
        <v>38886</v>
      </c>
      <c r="C7571" s="1" t="s">
        <v>38887</v>
      </c>
      <c r="D7571">
        <v>44318447</v>
      </c>
      <c r="E7571">
        <v>5</v>
      </c>
      <c r="F7571">
        <v>3</v>
      </c>
      <c r="H7571" t="s">
        <v>38888</v>
      </c>
      <c r="I7571">
        <v>12</v>
      </c>
      <c r="J7571" t="s">
        <v>38889</v>
      </c>
      <c r="O7571">
        <v>192729</v>
      </c>
      <c r="P7571">
        <v>1</v>
      </c>
      <c r="Q7571">
        <v>47</v>
      </c>
      <c r="R7571" t="s">
        <v>7902</v>
      </c>
      <c r="S7571">
        <v>28832</v>
      </c>
    </row>
    <row r="7572" spans="1:19" x14ac:dyDescent="0.25">
      <c r="A7572">
        <v>42649873</v>
      </c>
      <c r="B7572" t="s">
        <v>38890</v>
      </c>
      <c r="C7572" s="1" t="s">
        <v>38891</v>
      </c>
      <c r="E7572">
        <v>2</v>
      </c>
      <c r="F7572">
        <v>4</v>
      </c>
      <c r="H7572" t="s">
        <v>38892</v>
      </c>
      <c r="J7572" t="s">
        <v>38893</v>
      </c>
      <c r="K7572" t="s">
        <v>38894</v>
      </c>
      <c r="M7572">
        <v>5471920</v>
      </c>
      <c r="O7572">
        <v>6648300</v>
      </c>
      <c r="P7572">
        <v>1</v>
      </c>
      <c r="Q7572">
        <v>-1</v>
      </c>
      <c r="R7572" t="s">
        <v>38895</v>
      </c>
      <c r="S7572">
        <v>84</v>
      </c>
    </row>
    <row r="7573" spans="1:19" x14ac:dyDescent="0.25">
      <c r="A7573">
        <v>17002335</v>
      </c>
      <c r="B7573" t="s">
        <v>38896</v>
      </c>
      <c r="C7573" t="s">
        <v>38897</v>
      </c>
      <c r="E7573">
        <v>1</v>
      </c>
      <c r="F7573">
        <v>0</v>
      </c>
      <c r="H7573" t="s">
        <v>38898</v>
      </c>
      <c r="J7573" t="s">
        <v>38899</v>
      </c>
      <c r="O7573">
        <v>1166411</v>
      </c>
      <c r="P7573">
        <v>1</v>
      </c>
      <c r="Q7573">
        <v>0</v>
      </c>
      <c r="R7573" t="s">
        <v>38900</v>
      </c>
      <c r="S7573">
        <v>260</v>
      </c>
    </row>
    <row r="7574" spans="1:19" x14ac:dyDescent="0.25">
      <c r="A7574">
        <v>29615818</v>
      </c>
      <c r="B7574" t="s">
        <v>38901</v>
      </c>
      <c r="C7574" s="1" t="s">
        <v>38902</v>
      </c>
      <c r="E7574">
        <v>0</v>
      </c>
      <c r="F7574">
        <v>2</v>
      </c>
      <c r="H7574" t="s">
        <v>38903</v>
      </c>
      <c r="J7574" t="s">
        <v>38903</v>
      </c>
      <c r="O7574">
        <v>158008</v>
      </c>
      <c r="P7574">
        <v>1</v>
      </c>
      <c r="Q7574">
        <v>0</v>
      </c>
      <c r="R7574" t="s">
        <v>38904</v>
      </c>
      <c r="S7574">
        <v>369</v>
      </c>
    </row>
    <row r="7575" spans="1:19" x14ac:dyDescent="0.25">
      <c r="A7575">
        <v>52880067</v>
      </c>
      <c r="B7575" t="s">
        <v>38905</v>
      </c>
      <c r="C7575" s="1" t="s">
        <v>38906</v>
      </c>
      <c r="E7575">
        <v>0</v>
      </c>
      <c r="F7575">
        <v>5</v>
      </c>
      <c r="H7575" t="s">
        <v>38907</v>
      </c>
      <c r="J7575" t="s">
        <v>38908</v>
      </c>
      <c r="K7575" t="s">
        <v>38908</v>
      </c>
      <c r="M7575">
        <v>5096591</v>
      </c>
      <c r="O7575">
        <v>5096591</v>
      </c>
      <c r="P7575">
        <v>1</v>
      </c>
      <c r="Q7575">
        <v>0</v>
      </c>
      <c r="R7575" t="s">
        <v>2096</v>
      </c>
      <c r="S7575">
        <v>30</v>
      </c>
    </row>
    <row r="7576" spans="1:19" x14ac:dyDescent="0.25">
      <c r="A7576">
        <v>27185072</v>
      </c>
      <c r="B7576" t="s">
        <v>38909</v>
      </c>
      <c r="C7576" s="1" t="s">
        <v>38910</v>
      </c>
      <c r="D7576">
        <v>27185121</v>
      </c>
      <c r="E7576">
        <v>1</v>
      </c>
      <c r="F7576">
        <v>1</v>
      </c>
      <c r="H7576" t="s">
        <v>38911</v>
      </c>
      <c r="I7576">
        <v>0</v>
      </c>
      <c r="J7576" t="s">
        <v>38912</v>
      </c>
      <c r="K7576" t="s">
        <v>38913</v>
      </c>
      <c r="M7576">
        <v>989121</v>
      </c>
      <c r="O7576">
        <v>716568</v>
      </c>
      <c r="P7576">
        <v>1</v>
      </c>
      <c r="Q7576">
        <v>0</v>
      </c>
      <c r="R7576" t="s">
        <v>38914</v>
      </c>
      <c r="S7576">
        <v>62</v>
      </c>
    </row>
    <row r="7577" spans="1:19" x14ac:dyDescent="0.25">
      <c r="A7577">
        <v>38711654</v>
      </c>
      <c r="B7577" t="s">
        <v>38915</v>
      </c>
      <c r="C7577" s="1" t="s">
        <v>38916</v>
      </c>
      <c r="D7577">
        <v>38716038</v>
      </c>
      <c r="E7577">
        <v>1</v>
      </c>
      <c r="F7577">
        <v>0</v>
      </c>
      <c r="H7577" t="s">
        <v>38917</v>
      </c>
      <c r="J7577" t="s">
        <v>38918</v>
      </c>
      <c r="K7577" t="s">
        <v>38919</v>
      </c>
      <c r="M7577">
        <v>5537840</v>
      </c>
      <c r="O7577">
        <v>5537840</v>
      </c>
      <c r="P7577">
        <v>1</v>
      </c>
      <c r="Q7577">
        <v>1</v>
      </c>
      <c r="R7577" t="s">
        <v>38920</v>
      </c>
      <c r="S7577">
        <v>23</v>
      </c>
    </row>
    <row r="7578" spans="1:19" x14ac:dyDescent="0.25">
      <c r="A7578">
        <v>23835931</v>
      </c>
      <c r="B7578" t="s">
        <v>38921</v>
      </c>
      <c r="C7578" s="1" t="s">
        <v>38922</v>
      </c>
      <c r="E7578">
        <v>1</v>
      </c>
      <c r="F7578">
        <v>0</v>
      </c>
      <c r="H7578" t="s">
        <v>38923</v>
      </c>
      <c r="J7578" t="s">
        <v>38924</v>
      </c>
      <c r="O7578">
        <v>1861521</v>
      </c>
      <c r="P7578">
        <v>1</v>
      </c>
      <c r="Q7578">
        <v>0</v>
      </c>
      <c r="R7578" t="s">
        <v>38925</v>
      </c>
      <c r="S7578">
        <v>222</v>
      </c>
    </row>
    <row r="7579" spans="1:19" x14ac:dyDescent="0.25">
      <c r="A7579">
        <v>23040745</v>
      </c>
      <c r="B7579" t="s">
        <v>38926</v>
      </c>
      <c r="C7579" s="1" t="s">
        <v>38927</v>
      </c>
      <c r="E7579">
        <v>1</v>
      </c>
      <c r="F7579">
        <v>3</v>
      </c>
      <c r="H7579" t="s">
        <v>38928</v>
      </c>
      <c r="J7579" t="s">
        <v>38929</v>
      </c>
      <c r="K7579" t="s">
        <v>38929</v>
      </c>
      <c r="M7579">
        <v>3528565</v>
      </c>
      <c r="O7579">
        <v>3528565</v>
      </c>
      <c r="P7579">
        <v>1</v>
      </c>
      <c r="Q7579">
        <v>0</v>
      </c>
      <c r="R7579" t="s">
        <v>5941</v>
      </c>
      <c r="S7579">
        <v>204</v>
      </c>
    </row>
    <row r="7580" spans="1:19" x14ac:dyDescent="0.25">
      <c r="A7580">
        <v>50446687</v>
      </c>
      <c r="B7580" t="s">
        <v>38930</v>
      </c>
      <c r="C7580" s="1" t="s">
        <v>38931</v>
      </c>
      <c r="E7580">
        <v>1</v>
      </c>
      <c r="F7580">
        <v>0</v>
      </c>
      <c r="H7580" t="s">
        <v>38932</v>
      </c>
      <c r="J7580" t="s">
        <v>38933</v>
      </c>
      <c r="K7580" t="s">
        <v>38933</v>
      </c>
      <c r="M7580">
        <v>13302</v>
      </c>
      <c r="O7580">
        <v>160059</v>
      </c>
      <c r="P7580">
        <v>1</v>
      </c>
      <c r="Q7580">
        <v>0</v>
      </c>
      <c r="R7580" t="s">
        <v>38934</v>
      </c>
      <c r="S7580">
        <v>250</v>
      </c>
    </row>
    <row r="7581" spans="1:19" x14ac:dyDescent="0.25">
      <c r="A7581">
        <v>1338647</v>
      </c>
      <c r="B7581" t="s">
        <v>38935</v>
      </c>
      <c r="C7581" s="1" t="s">
        <v>38936</v>
      </c>
      <c r="D7581">
        <v>1338702</v>
      </c>
      <c r="E7581">
        <v>2</v>
      </c>
      <c r="F7581">
        <v>0</v>
      </c>
      <c r="H7581" t="s">
        <v>38937</v>
      </c>
      <c r="J7581" t="s">
        <v>38938</v>
      </c>
      <c r="K7581" t="s">
        <v>38939</v>
      </c>
      <c r="M7581">
        <v>163926</v>
      </c>
      <c r="O7581">
        <v>163926</v>
      </c>
      <c r="P7581">
        <v>1</v>
      </c>
      <c r="Q7581">
        <v>1</v>
      </c>
      <c r="R7581" t="s">
        <v>38940</v>
      </c>
      <c r="S7581">
        <v>1680</v>
      </c>
    </row>
    <row r="7582" spans="1:19" x14ac:dyDescent="0.25">
      <c r="A7582">
        <v>37053186</v>
      </c>
      <c r="B7582" t="s">
        <v>38941</v>
      </c>
      <c r="C7582" s="1" t="s">
        <v>38942</v>
      </c>
      <c r="D7582">
        <v>37054033</v>
      </c>
      <c r="E7582">
        <v>1</v>
      </c>
      <c r="F7582">
        <v>1</v>
      </c>
      <c r="H7582" t="s">
        <v>38943</v>
      </c>
      <c r="J7582" t="s">
        <v>38944</v>
      </c>
      <c r="K7582" t="s">
        <v>38945</v>
      </c>
      <c r="M7582">
        <v>4045275</v>
      </c>
      <c r="O7582">
        <v>4045275</v>
      </c>
      <c r="P7582">
        <v>1</v>
      </c>
      <c r="Q7582">
        <v>1</v>
      </c>
      <c r="R7582" t="s">
        <v>38946</v>
      </c>
      <c r="S7582">
        <v>237</v>
      </c>
    </row>
    <row r="7583" spans="1:19" x14ac:dyDescent="0.25">
      <c r="A7583">
        <v>48680891</v>
      </c>
      <c r="B7583" t="s">
        <v>38947</v>
      </c>
      <c r="C7583" s="1" t="s">
        <v>38948</v>
      </c>
      <c r="E7583">
        <v>1</v>
      </c>
      <c r="F7583">
        <v>2</v>
      </c>
      <c r="H7583" t="s">
        <v>38949</v>
      </c>
      <c r="J7583" t="s">
        <v>38950</v>
      </c>
      <c r="K7583" t="s">
        <v>38951</v>
      </c>
      <c r="M7583">
        <v>7640269</v>
      </c>
      <c r="O7583">
        <v>9331909</v>
      </c>
      <c r="P7583">
        <v>1</v>
      </c>
      <c r="Q7583">
        <v>0</v>
      </c>
      <c r="R7583" t="s">
        <v>300</v>
      </c>
      <c r="S7583">
        <v>101</v>
      </c>
    </row>
    <row r="7584" spans="1:19" x14ac:dyDescent="0.25">
      <c r="A7584">
        <v>1292879</v>
      </c>
      <c r="B7584" t="s">
        <v>38952</v>
      </c>
      <c r="C7584" s="1" t="s">
        <v>38953</v>
      </c>
      <c r="E7584">
        <v>2</v>
      </c>
      <c r="F7584">
        <v>0</v>
      </c>
      <c r="H7584" t="s">
        <v>38954</v>
      </c>
      <c r="J7584" t="s">
        <v>38955</v>
      </c>
      <c r="O7584">
        <v>76701</v>
      </c>
      <c r="P7584">
        <v>1</v>
      </c>
      <c r="Q7584">
        <v>1</v>
      </c>
      <c r="R7584" t="s">
        <v>38956</v>
      </c>
      <c r="S7584">
        <v>4000</v>
      </c>
    </row>
    <row r="7585" spans="1:19" x14ac:dyDescent="0.25">
      <c r="A7585">
        <v>33812162</v>
      </c>
      <c r="B7585" t="s">
        <v>38957</v>
      </c>
      <c r="C7585" s="1" t="s">
        <v>38958</v>
      </c>
      <c r="E7585">
        <v>1</v>
      </c>
      <c r="F7585">
        <v>1</v>
      </c>
      <c r="H7585" t="s">
        <v>38959</v>
      </c>
      <c r="J7585" t="s">
        <v>38960</v>
      </c>
      <c r="O7585">
        <v>5306332</v>
      </c>
      <c r="P7585">
        <v>1</v>
      </c>
      <c r="Q7585">
        <v>0</v>
      </c>
      <c r="R7585" t="s">
        <v>38961</v>
      </c>
      <c r="S7585">
        <v>1009</v>
      </c>
    </row>
    <row r="7586" spans="1:19" x14ac:dyDescent="0.25">
      <c r="A7586">
        <v>8491505</v>
      </c>
      <c r="B7586" t="s">
        <v>38962</v>
      </c>
      <c r="C7586" t="s">
        <v>38963</v>
      </c>
      <c r="D7586">
        <v>8493232</v>
      </c>
      <c r="E7586">
        <v>1</v>
      </c>
      <c r="F7586">
        <v>2</v>
      </c>
      <c r="H7586" t="s">
        <v>38964</v>
      </c>
      <c r="J7586" t="s">
        <v>38965</v>
      </c>
      <c r="O7586">
        <v>1010048</v>
      </c>
      <c r="P7586">
        <v>1</v>
      </c>
      <c r="Q7586">
        <v>0</v>
      </c>
      <c r="R7586" t="s">
        <v>38966</v>
      </c>
      <c r="S7586">
        <v>537</v>
      </c>
    </row>
    <row r="7587" spans="1:19" x14ac:dyDescent="0.25">
      <c r="A7587">
        <v>30036557</v>
      </c>
      <c r="B7587" t="s">
        <v>38967</v>
      </c>
      <c r="C7587" t="s">
        <v>38968</v>
      </c>
      <c r="E7587">
        <v>0</v>
      </c>
      <c r="F7587">
        <v>6</v>
      </c>
      <c r="H7587" t="s">
        <v>38969</v>
      </c>
      <c r="J7587" t="s">
        <v>38970</v>
      </c>
      <c r="K7587" t="s">
        <v>38970</v>
      </c>
      <c r="M7587">
        <v>3878002</v>
      </c>
      <c r="O7587">
        <v>4659985</v>
      </c>
      <c r="P7587">
        <v>1</v>
      </c>
      <c r="Q7587">
        <v>0</v>
      </c>
      <c r="R7587" t="s">
        <v>1374</v>
      </c>
      <c r="S7587">
        <v>457</v>
      </c>
    </row>
    <row r="7588" spans="1:19" x14ac:dyDescent="0.25">
      <c r="A7588">
        <v>38662546</v>
      </c>
      <c r="B7588" t="s">
        <v>38971</v>
      </c>
      <c r="C7588" s="1" t="s">
        <v>38972</v>
      </c>
      <c r="D7588">
        <v>38663028</v>
      </c>
      <c r="E7588">
        <v>3</v>
      </c>
      <c r="F7588">
        <v>0</v>
      </c>
      <c r="H7588" t="s">
        <v>38973</v>
      </c>
      <c r="I7588">
        <v>1</v>
      </c>
      <c r="J7588" t="s">
        <v>38974</v>
      </c>
      <c r="K7588" t="s">
        <v>38975</v>
      </c>
      <c r="M7588">
        <v>2157907</v>
      </c>
      <c r="O7588">
        <v>2494593</v>
      </c>
      <c r="P7588">
        <v>1</v>
      </c>
      <c r="Q7588">
        <v>0</v>
      </c>
      <c r="R7588" t="s">
        <v>38976</v>
      </c>
      <c r="S7588">
        <v>2706</v>
      </c>
    </row>
    <row r="7589" spans="1:19" x14ac:dyDescent="0.25">
      <c r="A7589">
        <v>49535440</v>
      </c>
      <c r="B7589" t="s">
        <v>38977</v>
      </c>
      <c r="C7589" s="1" t="s">
        <v>38978</v>
      </c>
      <c r="E7589">
        <v>0</v>
      </c>
      <c r="F7589">
        <v>6</v>
      </c>
      <c r="H7589" t="s">
        <v>38979</v>
      </c>
      <c r="J7589" t="s">
        <v>38980</v>
      </c>
      <c r="K7589" t="s">
        <v>38980</v>
      </c>
      <c r="M7589">
        <v>2513475</v>
      </c>
      <c r="O7589">
        <v>2513475</v>
      </c>
      <c r="P7589">
        <v>1</v>
      </c>
      <c r="Q7589">
        <v>0</v>
      </c>
      <c r="R7589" t="s">
        <v>38981</v>
      </c>
      <c r="S7589">
        <v>39</v>
      </c>
    </row>
    <row r="7590" spans="1:19" x14ac:dyDescent="0.25">
      <c r="A7590">
        <v>37872545</v>
      </c>
      <c r="B7590" t="s">
        <v>38982</v>
      </c>
      <c r="C7590" s="1" t="s">
        <v>38983</v>
      </c>
      <c r="D7590">
        <v>37872950</v>
      </c>
      <c r="E7590">
        <v>1</v>
      </c>
      <c r="F7590">
        <v>0</v>
      </c>
      <c r="H7590" t="s">
        <v>38984</v>
      </c>
      <c r="I7590">
        <v>1</v>
      </c>
      <c r="J7590" t="s">
        <v>38985</v>
      </c>
      <c r="K7590" t="s">
        <v>38986</v>
      </c>
      <c r="M7590">
        <v>4816518</v>
      </c>
      <c r="O7590">
        <v>5819504</v>
      </c>
      <c r="P7590">
        <v>1</v>
      </c>
      <c r="Q7590">
        <v>1</v>
      </c>
      <c r="R7590" t="s">
        <v>20505</v>
      </c>
      <c r="S7590">
        <v>58</v>
      </c>
    </row>
    <row r="7591" spans="1:19" x14ac:dyDescent="0.25">
      <c r="A7591">
        <v>1425022</v>
      </c>
      <c r="B7591" t="s">
        <v>38987</v>
      </c>
      <c r="C7591" t="s">
        <v>38988</v>
      </c>
      <c r="E7591">
        <v>2</v>
      </c>
      <c r="F7591">
        <v>4</v>
      </c>
      <c r="H7591" t="s">
        <v>38989</v>
      </c>
      <c r="J7591" t="s">
        <v>38990</v>
      </c>
      <c r="K7591" t="s">
        <v>38991</v>
      </c>
      <c r="M7591">
        <v>88096</v>
      </c>
      <c r="N7591" t="s">
        <v>38992</v>
      </c>
      <c r="P7591">
        <v>1</v>
      </c>
      <c r="Q7591">
        <v>1</v>
      </c>
      <c r="R7591" t="s">
        <v>38993</v>
      </c>
      <c r="S7591">
        <v>1437</v>
      </c>
    </row>
    <row r="7592" spans="1:19" x14ac:dyDescent="0.25">
      <c r="A7592">
        <v>4983301</v>
      </c>
      <c r="B7592" t="s">
        <v>38994</v>
      </c>
      <c r="C7592" s="1" t="s">
        <v>38995</v>
      </c>
      <c r="D7592">
        <v>5017071</v>
      </c>
      <c r="E7592">
        <v>3</v>
      </c>
      <c r="F7592">
        <v>3</v>
      </c>
      <c r="H7592" t="s">
        <v>38996</v>
      </c>
      <c r="I7592">
        <v>4</v>
      </c>
      <c r="J7592" t="s">
        <v>38997</v>
      </c>
      <c r="K7592" t="s">
        <v>38997</v>
      </c>
      <c r="M7592">
        <v>198315</v>
      </c>
      <c r="O7592">
        <v>590388</v>
      </c>
      <c r="P7592">
        <v>1</v>
      </c>
      <c r="Q7592">
        <v>6</v>
      </c>
      <c r="R7592" t="s">
        <v>38998</v>
      </c>
      <c r="S7592">
        <v>712</v>
      </c>
    </row>
    <row r="7593" spans="1:19" x14ac:dyDescent="0.25">
      <c r="A7593">
        <v>50891163</v>
      </c>
      <c r="B7593" t="s">
        <v>38999</v>
      </c>
      <c r="C7593" s="1" t="s">
        <v>39000</v>
      </c>
      <c r="D7593">
        <v>50891448</v>
      </c>
      <c r="E7593">
        <v>1</v>
      </c>
      <c r="F7593">
        <v>1</v>
      </c>
      <c r="H7593" t="s">
        <v>39001</v>
      </c>
      <c r="J7593" t="s">
        <v>39002</v>
      </c>
      <c r="K7593" t="s">
        <v>39003</v>
      </c>
      <c r="M7593">
        <v>5753159</v>
      </c>
      <c r="O7593">
        <v>5753159</v>
      </c>
      <c r="P7593">
        <v>1</v>
      </c>
      <c r="Q7593">
        <v>0</v>
      </c>
      <c r="R7593" t="s">
        <v>861</v>
      </c>
      <c r="S7593">
        <v>28</v>
      </c>
    </row>
    <row r="7594" spans="1:19" x14ac:dyDescent="0.25">
      <c r="A7594">
        <v>27503105</v>
      </c>
      <c r="B7594" t="s">
        <v>39004</v>
      </c>
      <c r="C7594" s="1" t="s">
        <v>39005</v>
      </c>
      <c r="E7594">
        <v>2</v>
      </c>
      <c r="F7594">
        <v>0</v>
      </c>
      <c r="H7594" t="s">
        <v>39006</v>
      </c>
      <c r="J7594" t="s">
        <v>39007</v>
      </c>
      <c r="O7594">
        <v>2991497</v>
      </c>
      <c r="P7594">
        <v>1</v>
      </c>
      <c r="Q7594">
        <v>0</v>
      </c>
      <c r="R7594" t="s">
        <v>39008</v>
      </c>
      <c r="S7594">
        <v>1257</v>
      </c>
    </row>
    <row r="7595" spans="1:19" x14ac:dyDescent="0.25">
      <c r="A7595">
        <v>16183526</v>
      </c>
      <c r="B7595" t="s">
        <v>39009</v>
      </c>
      <c r="C7595" s="1" t="s">
        <v>39010</v>
      </c>
      <c r="D7595">
        <v>16185888</v>
      </c>
      <c r="E7595">
        <v>2</v>
      </c>
      <c r="F7595">
        <v>0</v>
      </c>
      <c r="H7595" t="s">
        <v>39011</v>
      </c>
      <c r="J7595" t="s">
        <v>39012</v>
      </c>
      <c r="O7595">
        <v>689416</v>
      </c>
      <c r="P7595">
        <v>1</v>
      </c>
      <c r="Q7595">
        <v>1</v>
      </c>
      <c r="R7595" t="s">
        <v>26604</v>
      </c>
      <c r="S7595">
        <v>701</v>
      </c>
    </row>
    <row r="7596" spans="1:19" x14ac:dyDescent="0.25">
      <c r="A7596">
        <v>7657419</v>
      </c>
      <c r="B7596" t="s">
        <v>39013</v>
      </c>
      <c r="C7596" s="1" t="s">
        <v>39014</v>
      </c>
      <c r="D7596">
        <v>7657550</v>
      </c>
      <c r="E7596">
        <v>4</v>
      </c>
      <c r="F7596">
        <v>4</v>
      </c>
      <c r="H7596" t="s">
        <v>39015</v>
      </c>
      <c r="J7596" t="s">
        <v>39016</v>
      </c>
      <c r="O7596">
        <v>976001</v>
      </c>
      <c r="P7596">
        <v>1</v>
      </c>
      <c r="Q7596">
        <v>0</v>
      </c>
      <c r="R7596" t="s">
        <v>39017</v>
      </c>
      <c r="S7596">
        <v>170</v>
      </c>
    </row>
    <row r="7597" spans="1:19" x14ac:dyDescent="0.25">
      <c r="A7597">
        <v>51367875</v>
      </c>
      <c r="B7597" t="s">
        <v>39018</v>
      </c>
      <c r="C7597" s="1" t="s">
        <v>39019</v>
      </c>
      <c r="D7597">
        <v>51386014</v>
      </c>
      <c r="E7597">
        <v>2</v>
      </c>
      <c r="F7597">
        <v>2</v>
      </c>
      <c r="H7597" t="s">
        <v>39020</v>
      </c>
      <c r="J7597" t="s">
        <v>39021</v>
      </c>
      <c r="O7597">
        <v>9903456</v>
      </c>
      <c r="P7597">
        <v>1</v>
      </c>
      <c r="Q7597">
        <v>1</v>
      </c>
      <c r="R7597" t="s">
        <v>39022</v>
      </c>
      <c r="S7597">
        <v>50</v>
      </c>
    </row>
    <row r="7598" spans="1:19" x14ac:dyDescent="0.25">
      <c r="A7598">
        <v>41121691</v>
      </c>
      <c r="B7598" t="s">
        <v>39023</v>
      </c>
      <c r="C7598" s="1" t="s">
        <v>39024</v>
      </c>
      <c r="E7598">
        <v>1</v>
      </c>
      <c r="F7598">
        <v>0</v>
      </c>
      <c r="H7598" t="s">
        <v>39025</v>
      </c>
      <c r="J7598" t="s">
        <v>39026</v>
      </c>
      <c r="K7598" t="s">
        <v>39026</v>
      </c>
      <c r="M7598">
        <v>987986</v>
      </c>
      <c r="O7598">
        <v>987986</v>
      </c>
      <c r="P7598">
        <v>1</v>
      </c>
      <c r="Q7598">
        <v>-1</v>
      </c>
      <c r="R7598" t="s">
        <v>39027</v>
      </c>
      <c r="S7598">
        <v>138</v>
      </c>
    </row>
    <row r="7599" spans="1:19" x14ac:dyDescent="0.25">
      <c r="A7599">
        <v>43828297</v>
      </c>
      <c r="B7599" t="s">
        <v>39028</v>
      </c>
      <c r="C7599" s="1" t="s">
        <v>39029</v>
      </c>
      <c r="E7599">
        <v>1</v>
      </c>
      <c r="F7599">
        <v>1</v>
      </c>
      <c r="H7599" t="s">
        <v>39030</v>
      </c>
      <c r="I7599">
        <v>0</v>
      </c>
      <c r="J7599" t="s">
        <v>39031</v>
      </c>
      <c r="O7599">
        <v>1723583</v>
      </c>
      <c r="P7599">
        <v>1</v>
      </c>
      <c r="Q7599">
        <v>2</v>
      </c>
      <c r="R7599" t="s">
        <v>39032</v>
      </c>
      <c r="S7599">
        <v>1294</v>
      </c>
    </row>
    <row r="7600" spans="1:19" x14ac:dyDescent="0.25">
      <c r="A7600">
        <v>43243486</v>
      </c>
      <c r="B7600" t="s">
        <v>39033</v>
      </c>
      <c r="C7600" s="1" t="s">
        <v>39034</v>
      </c>
      <c r="D7600">
        <v>43245361</v>
      </c>
      <c r="E7600">
        <v>1</v>
      </c>
      <c r="F7600">
        <v>0</v>
      </c>
      <c r="H7600" t="s">
        <v>39035</v>
      </c>
      <c r="J7600" t="s">
        <v>39036</v>
      </c>
      <c r="O7600">
        <v>1689262</v>
      </c>
      <c r="P7600">
        <v>1</v>
      </c>
      <c r="Q7600">
        <v>1</v>
      </c>
      <c r="R7600" t="s">
        <v>39037</v>
      </c>
      <c r="S7600">
        <v>784</v>
      </c>
    </row>
    <row r="7601" spans="1:19" x14ac:dyDescent="0.25">
      <c r="A7601">
        <v>24134071</v>
      </c>
      <c r="B7601" t="s">
        <v>39038</v>
      </c>
      <c r="C7601" s="1" t="s">
        <v>39039</v>
      </c>
      <c r="E7601">
        <v>0</v>
      </c>
      <c r="F7601">
        <v>7</v>
      </c>
      <c r="H7601" t="s">
        <v>39040</v>
      </c>
      <c r="J7601" t="s">
        <v>39041</v>
      </c>
      <c r="K7601" t="s">
        <v>39041</v>
      </c>
      <c r="M7601">
        <v>691409</v>
      </c>
      <c r="O7601">
        <v>3492249</v>
      </c>
      <c r="P7601">
        <v>1</v>
      </c>
      <c r="Q7601">
        <v>1</v>
      </c>
      <c r="R7601" t="s">
        <v>39042</v>
      </c>
      <c r="S7601">
        <v>109</v>
      </c>
    </row>
    <row r="7602" spans="1:19" x14ac:dyDescent="0.25">
      <c r="A7602">
        <v>21648599</v>
      </c>
      <c r="B7602" t="s">
        <v>39043</v>
      </c>
      <c r="C7602" s="1" t="s">
        <v>39044</v>
      </c>
      <c r="E7602">
        <v>0</v>
      </c>
      <c r="F7602">
        <v>2</v>
      </c>
      <c r="H7602" t="s">
        <v>39045</v>
      </c>
      <c r="J7602" t="s">
        <v>39045</v>
      </c>
      <c r="O7602">
        <v>957479</v>
      </c>
      <c r="P7602">
        <v>1</v>
      </c>
      <c r="Q7602">
        <v>0</v>
      </c>
      <c r="R7602" t="s">
        <v>39046</v>
      </c>
      <c r="S7602">
        <v>309</v>
      </c>
    </row>
    <row r="7603" spans="1:19" x14ac:dyDescent="0.25">
      <c r="A7603">
        <v>38251835</v>
      </c>
      <c r="B7603" t="s">
        <v>39047</v>
      </c>
      <c r="C7603" s="1" t="s">
        <v>39048</v>
      </c>
      <c r="E7603">
        <v>4</v>
      </c>
      <c r="F7603">
        <v>6</v>
      </c>
      <c r="H7603" t="s">
        <v>39049</v>
      </c>
      <c r="J7603" t="s">
        <v>39050</v>
      </c>
      <c r="K7603" t="s">
        <v>39050</v>
      </c>
      <c r="M7603">
        <v>5174469</v>
      </c>
      <c r="O7603">
        <v>6561925</v>
      </c>
      <c r="P7603">
        <v>1</v>
      </c>
      <c r="Q7603">
        <v>0</v>
      </c>
      <c r="R7603" t="s">
        <v>27201</v>
      </c>
      <c r="S7603">
        <v>113</v>
      </c>
    </row>
    <row r="7604" spans="1:19" x14ac:dyDescent="0.25">
      <c r="A7604">
        <v>23165329</v>
      </c>
      <c r="B7604" t="s">
        <v>39051</v>
      </c>
      <c r="C7604" s="1" t="s">
        <v>39052</v>
      </c>
      <c r="D7604">
        <v>23165355</v>
      </c>
      <c r="E7604">
        <v>1</v>
      </c>
      <c r="F7604">
        <v>0</v>
      </c>
      <c r="H7604" t="s">
        <v>39053</v>
      </c>
      <c r="J7604" t="s">
        <v>39054</v>
      </c>
      <c r="O7604">
        <v>3347937</v>
      </c>
      <c r="P7604">
        <v>1</v>
      </c>
      <c r="Q7604">
        <v>3</v>
      </c>
      <c r="R7604" t="s">
        <v>39055</v>
      </c>
      <c r="S7604">
        <v>519</v>
      </c>
    </row>
    <row r="7605" spans="1:19" x14ac:dyDescent="0.25">
      <c r="A7605">
        <v>38325785</v>
      </c>
      <c r="B7605" t="s">
        <v>39056</v>
      </c>
      <c r="C7605" s="1" t="s">
        <v>39057</v>
      </c>
      <c r="E7605">
        <v>1</v>
      </c>
      <c r="F7605">
        <v>0</v>
      </c>
      <c r="H7605" t="s">
        <v>39058</v>
      </c>
      <c r="J7605" t="s">
        <v>39059</v>
      </c>
      <c r="O7605">
        <v>6578384</v>
      </c>
      <c r="P7605">
        <v>1</v>
      </c>
      <c r="Q7605">
        <v>0</v>
      </c>
      <c r="R7605" t="s">
        <v>39060</v>
      </c>
      <c r="S7605">
        <v>147</v>
      </c>
    </row>
    <row r="7606" spans="1:19" x14ac:dyDescent="0.25">
      <c r="A7606">
        <v>33417994</v>
      </c>
      <c r="B7606" t="s">
        <v>39061</v>
      </c>
      <c r="C7606" t="s">
        <v>39062</v>
      </c>
      <c r="E7606">
        <v>1</v>
      </c>
      <c r="F7606">
        <v>2</v>
      </c>
      <c r="H7606" t="s">
        <v>39063</v>
      </c>
      <c r="J7606" t="s">
        <v>39064</v>
      </c>
      <c r="O7606">
        <v>5498267</v>
      </c>
      <c r="P7606">
        <v>1</v>
      </c>
      <c r="Q7606">
        <v>1</v>
      </c>
      <c r="R7606" t="s">
        <v>39065</v>
      </c>
      <c r="S7606">
        <v>90</v>
      </c>
    </row>
    <row r="7607" spans="1:19" x14ac:dyDescent="0.25">
      <c r="A7607">
        <v>47184479</v>
      </c>
      <c r="B7607" t="s">
        <v>39066</v>
      </c>
      <c r="C7607" s="1" t="s">
        <v>39067</v>
      </c>
      <c r="E7607">
        <v>2</v>
      </c>
      <c r="F7607">
        <v>2</v>
      </c>
      <c r="H7607" t="s">
        <v>39068</v>
      </c>
      <c r="J7607" t="s">
        <v>39069</v>
      </c>
      <c r="K7607" t="s">
        <v>39070</v>
      </c>
      <c r="M7607">
        <v>7311767</v>
      </c>
      <c r="O7607">
        <v>8907990</v>
      </c>
      <c r="P7607">
        <v>1</v>
      </c>
      <c r="Q7607">
        <v>0</v>
      </c>
      <c r="R7607" t="s">
        <v>39071</v>
      </c>
      <c r="S7607">
        <v>302</v>
      </c>
    </row>
    <row r="7608" spans="1:19" x14ac:dyDescent="0.25">
      <c r="A7608">
        <v>13269342</v>
      </c>
      <c r="B7608" t="s">
        <v>39072</v>
      </c>
      <c r="C7608" s="1" t="s">
        <v>39073</v>
      </c>
      <c r="D7608">
        <v>13269720</v>
      </c>
      <c r="E7608">
        <v>1</v>
      </c>
      <c r="F7608">
        <v>0</v>
      </c>
      <c r="H7608" t="s">
        <v>39074</v>
      </c>
      <c r="I7608">
        <v>1</v>
      </c>
      <c r="J7608" t="s">
        <v>39075</v>
      </c>
      <c r="O7608">
        <v>1758547</v>
      </c>
      <c r="P7608">
        <v>1</v>
      </c>
      <c r="Q7608">
        <v>2</v>
      </c>
      <c r="R7608" t="s">
        <v>34008</v>
      </c>
      <c r="S7608">
        <v>2172</v>
      </c>
    </row>
    <row r="7609" spans="1:19" x14ac:dyDescent="0.25">
      <c r="A7609">
        <v>14893300</v>
      </c>
      <c r="B7609" t="s">
        <v>39076</v>
      </c>
      <c r="C7609" s="1" t="s">
        <v>39077</v>
      </c>
      <c r="E7609">
        <v>1</v>
      </c>
      <c r="F7609">
        <v>0</v>
      </c>
      <c r="H7609" t="s">
        <v>39078</v>
      </c>
      <c r="J7609" t="s">
        <v>39079</v>
      </c>
      <c r="K7609" t="s">
        <v>39080</v>
      </c>
      <c r="M7609">
        <v>1886641</v>
      </c>
      <c r="O7609">
        <v>1886641</v>
      </c>
      <c r="P7609">
        <v>1</v>
      </c>
      <c r="Q7609">
        <v>1</v>
      </c>
      <c r="R7609" t="s">
        <v>39081</v>
      </c>
      <c r="S7609">
        <v>1043</v>
      </c>
    </row>
    <row r="7610" spans="1:19" x14ac:dyDescent="0.25">
      <c r="A7610">
        <v>8991798</v>
      </c>
      <c r="B7610" t="s">
        <v>39082</v>
      </c>
      <c r="C7610" s="1" t="s">
        <v>39083</v>
      </c>
      <c r="E7610">
        <v>1</v>
      </c>
      <c r="F7610">
        <v>2</v>
      </c>
      <c r="H7610" t="s">
        <v>39084</v>
      </c>
      <c r="J7610" t="s">
        <v>39085</v>
      </c>
      <c r="K7610" t="s">
        <v>39085</v>
      </c>
      <c r="M7610">
        <v>402884</v>
      </c>
      <c r="O7610">
        <v>1167597</v>
      </c>
      <c r="P7610">
        <v>1</v>
      </c>
      <c r="Q7610">
        <v>0</v>
      </c>
      <c r="R7610" t="s">
        <v>39086</v>
      </c>
      <c r="S7610">
        <v>1063</v>
      </c>
    </row>
    <row r="7611" spans="1:19" x14ac:dyDescent="0.25">
      <c r="A7611">
        <v>11568373</v>
      </c>
      <c r="B7611" t="s">
        <v>39087</v>
      </c>
      <c r="C7611" s="1" t="s">
        <v>39088</v>
      </c>
      <c r="E7611">
        <v>1</v>
      </c>
      <c r="F7611">
        <v>7</v>
      </c>
      <c r="H7611" t="s">
        <v>39089</v>
      </c>
      <c r="I7611">
        <v>2</v>
      </c>
      <c r="J7611" t="s">
        <v>39090</v>
      </c>
      <c r="O7611">
        <v>1028650</v>
      </c>
      <c r="P7611">
        <v>1</v>
      </c>
      <c r="Q7611">
        <v>0</v>
      </c>
      <c r="R7611" t="s">
        <v>39091</v>
      </c>
      <c r="S7611">
        <v>3313</v>
      </c>
    </row>
    <row r="7612" spans="1:19" x14ac:dyDescent="0.25">
      <c r="A7612">
        <v>33859346</v>
      </c>
      <c r="B7612" t="s">
        <v>39092</v>
      </c>
      <c r="C7612" s="1" t="s">
        <v>39093</v>
      </c>
      <c r="D7612">
        <v>33874656</v>
      </c>
      <c r="E7612">
        <v>1</v>
      </c>
      <c r="F7612">
        <v>4</v>
      </c>
      <c r="H7612" t="s">
        <v>39094</v>
      </c>
      <c r="I7612">
        <v>1</v>
      </c>
      <c r="J7612" t="s">
        <v>39095</v>
      </c>
      <c r="K7612" t="s">
        <v>39095</v>
      </c>
      <c r="M7612">
        <v>756941</v>
      </c>
      <c r="O7612">
        <v>4475605</v>
      </c>
      <c r="P7612">
        <v>1</v>
      </c>
      <c r="Q7612">
        <v>3</v>
      </c>
      <c r="R7612" t="s">
        <v>39096</v>
      </c>
      <c r="S7612">
        <v>2639</v>
      </c>
    </row>
    <row r="7613" spans="1:19" x14ac:dyDescent="0.25">
      <c r="A7613">
        <v>27210175</v>
      </c>
      <c r="B7613" t="s">
        <v>39097</v>
      </c>
      <c r="C7613" s="1" t="s">
        <v>39098</v>
      </c>
      <c r="D7613">
        <v>27211723</v>
      </c>
      <c r="E7613">
        <v>2</v>
      </c>
      <c r="F7613">
        <v>3</v>
      </c>
      <c r="H7613" t="s">
        <v>39099</v>
      </c>
      <c r="J7613" t="s">
        <v>39100</v>
      </c>
      <c r="K7613" t="s">
        <v>39101</v>
      </c>
      <c r="M7613">
        <v>2476755</v>
      </c>
      <c r="O7613">
        <v>4307954</v>
      </c>
      <c r="P7613">
        <v>1</v>
      </c>
      <c r="Q7613">
        <v>0</v>
      </c>
      <c r="R7613" t="s">
        <v>2122</v>
      </c>
      <c r="S7613">
        <v>44</v>
      </c>
    </row>
    <row r="7614" spans="1:19" x14ac:dyDescent="0.25">
      <c r="A7614">
        <v>2890061</v>
      </c>
      <c r="B7614" t="s">
        <v>39102</v>
      </c>
      <c r="C7614" s="1" t="s">
        <v>39103</v>
      </c>
      <c r="D7614">
        <v>2890098</v>
      </c>
      <c r="E7614">
        <v>3</v>
      </c>
      <c r="F7614">
        <v>0</v>
      </c>
      <c r="H7614" t="s">
        <v>39104</v>
      </c>
      <c r="I7614">
        <v>10</v>
      </c>
      <c r="J7614" t="s">
        <v>39105</v>
      </c>
      <c r="K7614" t="s">
        <v>39105</v>
      </c>
      <c r="M7614">
        <v>3924118</v>
      </c>
      <c r="O7614">
        <v>145077</v>
      </c>
      <c r="P7614">
        <v>1</v>
      </c>
      <c r="Q7614">
        <v>44</v>
      </c>
      <c r="R7614" t="s">
        <v>39106</v>
      </c>
      <c r="S7614">
        <v>20145</v>
      </c>
    </row>
    <row r="7615" spans="1:19" x14ac:dyDescent="0.25">
      <c r="A7615">
        <v>4831501</v>
      </c>
      <c r="B7615" t="s">
        <v>39107</v>
      </c>
      <c r="C7615" t="s">
        <v>39108</v>
      </c>
      <c r="D7615">
        <v>4832389</v>
      </c>
      <c r="E7615">
        <v>1</v>
      </c>
      <c r="F7615">
        <v>2</v>
      </c>
      <c r="H7615" t="s">
        <v>39109</v>
      </c>
      <c r="I7615">
        <v>1</v>
      </c>
      <c r="J7615" t="s">
        <v>39110</v>
      </c>
      <c r="O7615">
        <v>548852</v>
      </c>
      <c r="P7615">
        <v>1</v>
      </c>
      <c r="Q7615">
        <v>1</v>
      </c>
      <c r="R7615" t="s">
        <v>2771</v>
      </c>
      <c r="S7615">
        <v>698</v>
      </c>
    </row>
    <row r="7616" spans="1:19" x14ac:dyDescent="0.25">
      <c r="A7616">
        <v>5622925</v>
      </c>
      <c r="B7616" t="s">
        <v>39111</v>
      </c>
      <c r="C7616" s="1" t="s">
        <v>39112</v>
      </c>
      <c r="E7616">
        <v>3</v>
      </c>
      <c r="F7616">
        <v>11</v>
      </c>
      <c r="H7616" t="s">
        <v>39113</v>
      </c>
      <c r="J7616" t="s">
        <v>39114</v>
      </c>
      <c r="O7616">
        <v>702341</v>
      </c>
      <c r="P7616">
        <v>1</v>
      </c>
      <c r="Q7616">
        <v>0</v>
      </c>
      <c r="R7616" t="s">
        <v>39115</v>
      </c>
      <c r="S7616">
        <v>881</v>
      </c>
    </row>
    <row r="7617" spans="1:19" x14ac:dyDescent="0.25">
      <c r="A7617">
        <v>21210510</v>
      </c>
      <c r="B7617" t="s">
        <v>39116</v>
      </c>
      <c r="C7617" s="1" t="s">
        <v>39117</v>
      </c>
      <c r="D7617">
        <v>21210532</v>
      </c>
      <c r="E7617">
        <v>1</v>
      </c>
      <c r="F7617">
        <v>0</v>
      </c>
      <c r="H7617" t="s">
        <v>39118</v>
      </c>
      <c r="J7617" t="s">
        <v>39119</v>
      </c>
      <c r="K7617" t="s">
        <v>39119</v>
      </c>
      <c r="M7617">
        <v>157247</v>
      </c>
      <c r="O7617">
        <v>3210906</v>
      </c>
      <c r="P7617">
        <v>1</v>
      </c>
      <c r="Q7617">
        <v>0</v>
      </c>
      <c r="R7617" t="s">
        <v>39120</v>
      </c>
      <c r="S7617">
        <v>54</v>
      </c>
    </row>
    <row r="7618" spans="1:19" x14ac:dyDescent="0.25">
      <c r="A7618">
        <v>16102048</v>
      </c>
      <c r="B7618" t="s">
        <v>39121</v>
      </c>
      <c r="C7618" s="1" t="s">
        <v>39122</v>
      </c>
      <c r="D7618">
        <v>16102613</v>
      </c>
      <c r="E7618">
        <v>2</v>
      </c>
      <c r="F7618">
        <v>0</v>
      </c>
      <c r="H7618" t="s">
        <v>39123</v>
      </c>
      <c r="I7618">
        <v>2</v>
      </c>
      <c r="J7618" t="s">
        <v>39124</v>
      </c>
      <c r="K7618" t="s">
        <v>39125</v>
      </c>
      <c r="M7618">
        <v>1531136</v>
      </c>
      <c r="O7618">
        <v>2295095</v>
      </c>
      <c r="P7618">
        <v>1</v>
      </c>
      <c r="Q7618">
        <v>1</v>
      </c>
      <c r="R7618" t="s">
        <v>39126</v>
      </c>
      <c r="S7618">
        <v>4443</v>
      </c>
    </row>
    <row r="7619" spans="1:19" x14ac:dyDescent="0.25">
      <c r="A7619">
        <v>21147947</v>
      </c>
      <c r="B7619" t="s">
        <v>39127</v>
      </c>
      <c r="C7619" s="1" t="s">
        <v>39128</v>
      </c>
      <c r="E7619">
        <v>2</v>
      </c>
      <c r="F7619">
        <v>1</v>
      </c>
      <c r="H7619" t="s">
        <v>39129</v>
      </c>
      <c r="J7619" t="s">
        <v>39130</v>
      </c>
      <c r="K7619" t="s">
        <v>39131</v>
      </c>
      <c r="M7619">
        <v>1725022</v>
      </c>
      <c r="O7619">
        <v>1725022</v>
      </c>
      <c r="P7619">
        <v>1</v>
      </c>
      <c r="Q7619">
        <v>0</v>
      </c>
      <c r="R7619" t="s">
        <v>39132</v>
      </c>
      <c r="S7619">
        <v>196</v>
      </c>
    </row>
    <row r="7620" spans="1:19" x14ac:dyDescent="0.25">
      <c r="A7620">
        <v>32641407</v>
      </c>
      <c r="B7620" t="s">
        <v>39133</v>
      </c>
      <c r="C7620" s="1" t="s">
        <v>39134</v>
      </c>
      <c r="E7620">
        <v>0</v>
      </c>
      <c r="F7620">
        <v>9</v>
      </c>
      <c r="H7620" t="s">
        <v>39135</v>
      </c>
      <c r="I7620">
        <v>1</v>
      </c>
      <c r="J7620" t="s">
        <v>39136</v>
      </c>
      <c r="K7620" t="s">
        <v>39136</v>
      </c>
      <c r="M7620">
        <v>190894</v>
      </c>
      <c r="O7620">
        <v>190894</v>
      </c>
      <c r="P7620">
        <v>1</v>
      </c>
      <c r="Q7620">
        <v>0</v>
      </c>
      <c r="R7620" t="s">
        <v>39137</v>
      </c>
      <c r="S7620">
        <v>1143</v>
      </c>
    </row>
    <row r="7621" spans="1:19" x14ac:dyDescent="0.25">
      <c r="A7621">
        <v>18320874</v>
      </c>
      <c r="B7621" t="s">
        <v>39138</v>
      </c>
      <c r="C7621" s="1" t="s">
        <v>39139</v>
      </c>
      <c r="E7621">
        <v>1</v>
      </c>
      <c r="F7621">
        <v>1</v>
      </c>
      <c r="H7621" t="s">
        <v>39140</v>
      </c>
      <c r="J7621" t="s">
        <v>39141</v>
      </c>
      <c r="O7621">
        <v>1550344</v>
      </c>
      <c r="P7621">
        <v>1</v>
      </c>
      <c r="Q7621">
        <v>-2</v>
      </c>
      <c r="R7621" t="s">
        <v>39142</v>
      </c>
      <c r="S7621">
        <v>159</v>
      </c>
    </row>
    <row r="7622" spans="1:19" x14ac:dyDescent="0.25">
      <c r="A7622">
        <v>25547419</v>
      </c>
      <c r="B7622" t="s">
        <v>39143</v>
      </c>
      <c r="C7622" s="1" t="s">
        <v>39144</v>
      </c>
      <c r="E7622">
        <v>1</v>
      </c>
      <c r="F7622">
        <v>0</v>
      </c>
      <c r="H7622" t="s">
        <v>39145</v>
      </c>
      <c r="J7622" t="s">
        <v>39146</v>
      </c>
      <c r="O7622">
        <v>1281652</v>
      </c>
      <c r="P7622">
        <v>1</v>
      </c>
      <c r="Q7622">
        <v>1</v>
      </c>
      <c r="R7622" t="s">
        <v>39147</v>
      </c>
      <c r="S7622">
        <v>256</v>
      </c>
    </row>
    <row r="7623" spans="1:19" x14ac:dyDescent="0.25">
      <c r="A7623">
        <v>53451584</v>
      </c>
      <c r="B7623" t="s">
        <v>39148</v>
      </c>
      <c r="C7623" s="1" t="s">
        <v>39149</v>
      </c>
      <c r="D7623">
        <v>53455474</v>
      </c>
      <c r="E7623">
        <v>3</v>
      </c>
      <c r="F7623">
        <v>0</v>
      </c>
      <c r="H7623" t="s">
        <v>39150</v>
      </c>
      <c r="J7623" t="s">
        <v>39151</v>
      </c>
      <c r="K7623" t="s">
        <v>39151</v>
      </c>
      <c r="M7623">
        <v>1751946</v>
      </c>
      <c r="O7623">
        <v>4397077</v>
      </c>
      <c r="P7623">
        <v>1</v>
      </c>
      <c r="Q7623">
        <v>2</v>
      </c>
      <c r="R7623" t="s">
        <v>39152</v>
      </c>
      <c r="S7623">
        <v>62</v>
      </c>
    </row>
    <row r="7624" spans="1:19" x14ac:dyDescent="0.25">
      <c r="A7624">
        <v>36948295</v>
      </c>
      <c r="B7624" t="s">
        <v>39153</v>
      </c>
      <c r="C7624" s="1" t="s">
        <v>39154</v>
      </c>
      <c r="E7624">
        <v>1</v>
      </c>
      <c r="F7624">
        <v>0</v>
      </c>
      <c r="H7624" t="s">
        <v>39155</v>
      </c>
      <c r="J7624" t="s">
        <v>39156</v>
      </c>
      <c r="O7624">
        <v>6268685</v>
      </c>
      <c r="P7624">
        <v>1</v>
      </c>
      <c r="Q7624">
        <v>0</v>
      </c>
      <c r="R7624" t="s">
        <v>39157</v>
      </c>
      <c r="S7624">
        <v>28</v>
      </c>
    </row>
    <row r="7625" spans="1:19" x14ac:dyDescent="0.25">
      <c r="A7625">
        <v>14251110</v>
      </c>
      <c r="B7625" t="s">
        <v>39158</v>
      </c>
      <c r="C7625" s="1" t="s">
        <v>39159</v>
      </c>
      <c r="D7625">
        <v>14251153</v>
      </c>
      <c r="E7625">
        <v>1</v>
      </c>
      <c r="F7625">
        <v>5</v>
      </c>
      <c r="H7625" t="s">
        <v>39160</v>
      </c>
      <c r="J7625" t="s">
        <v>39161</v>
      </c>
      <c r="K7625" t="s">
        <v>39162</v>
      </c>
      <c r="M7625">
        <v>-1</v>
      </c>
      <c r="O7625">
        <v>922954</v>
      </c>
      <c r="P7625">
        <v>1</v>
      </c>
      <c r="Q7625">
        <v>0</v>
      </c>
      <c r="R7625" t="s">
        <v>819</v>
      </c>
      <c r="S7625">
        <v>481</v>
      </c>
    </row>
    <row r="7626" spans="1:19" x14ac:dyDescent="0.25">
      <c r="A7626">
        <v>47395799</v>
      </c>
      <c r="B7626" t="s">
        <v>39163</v>
      </c>
      <c r="C7626" s="1" t="s">
        <v>39164</v>
      </c>
      <c r="D7626">
        <v>47414742</v>
      </c>
      <c r="E7626">
        <v>1</v>
      </c>
      <c r="F7626">
        <v>3</v>
      </c>
      <c r="H7626" t="s">
        <v>39165</v>
      </c>
      <c r="J7626" t="s">
        <v>39166</v>
      </c>
      <c r="O7626">
        <v>7667372</v>
      </c>
      <c r="P7626">
        <v>1</v>
      </c>
      <c r="Q7626">
        <v>0</v>
      </c>
      <c r="R7626" t="s">
        <v>16801</v>
      </c>
      <c r="S7626">
        <v>70</v>
      </c>
    </row>
    <row r="7627" spans="1:19" x14ac:dyDescent="0.25">
      <c r="A7627">
        <v>17994723</v>
      </c>
      <c r="B7627" t="s">
        <v>39167</v>
      </c>
      <c r="C7627" s="1" t="s">
        <v>39168</v>
      </c>
      <c r="D7627">
        <v>17994764</v>
      </c>
      <c r="E7627">
        <v>1</v>
      </c>
      <c r="F7627">
        <v>2</v>
      </c>
      <c r="H7627" t="s">
        <v>39169</v>
      </c>
      <c r="J7627" t="s">
        <v>39170</v>
      </c>
      <c r="O7627">
        <v>1293668</v>
      </c>
      <c r="P7627">
        <v>1</v>
      </c>
      <c r="Q7627">
        <v>2</v>
      </c>
      <c r="R7627" t="s">
        <v>39171</v>
      </c>
      <c r="S7627">
        <v>138</v>
      </c>
    </row>
    <row r="7628" spans="1:19" x14ac:dyDescent="0.25">
      <c r="A7628">
        <v>41406580</v>
      </c>
      <c r="B7628" t="s">
        <v>39172</v>
      </c>
      <c r="C7628" s="1" t="s">
        <v>39173</v>
      </c>
      <c r="E7628">
        <v>1</v>
      </c>
      <c r="F7628">
        <v>10</v>
      </c>
      <c r="H7628" t="s">
        <v>39174</v>
      </c>
      <c r="J7628" t="s">
        <v>39175</v>
      </c>
      <c r="K7628" t="s">
        <v>39175</v>
      </c>
      <c r="M7628">
        <v>5369031</v>
      </c>
      <c r="O7628">
        <v>5369031</v>
      </c>
      <c r="P7628">
        <v>1</v>
      </c>
      <c r="Q7628">
        <v>0</v>
      </c>
      <c r="R7628" t="s">
        <v>39176</v>
      </c>
      <c r="S7628">
        <v>329</v>
      </c>
    </row>
    <row r="7629" spans="1:19" x14ac:dyDescent="0.25">
      <c r="A7629">
        <v>7319544</v>
      </c>
      <c r="B7629" t="s">
        <v>39177</v>
      </c>
      <c r="C7629" s="1" t="s">
        <v>39178</v>
      </c>
      <c r="D7629">
        <v>7323806</v>
      </c>
      <c r="E7629">
        <v>1</v>
      </c>
      <c r="F7629">
        <v>2</v>
      </c>
      <c r="H7629" t="s">
        <v>39179</v>
      </c>
      <c r="J7629" t="s">
        <v>39180</v>
      </c>
      <c r="K7629" t="s">
        <v>39181</v>
      </c>
      <c r="M7629">
        <v>-1</v>
      </c>
      <c r="O7629">
        <v>930590</v>
      </c>
      <c r="P7629">
        <v>1</v>
      </c>
      <c r="Q7629">
        <v>1</v>
      </c>
      <c r="R7629" t="s">
        <v>39182</v>
      </c>
      <c r="S7629">
        <v>4116</v>
      </c>
    </row>
    <row r="7630" spans="1:19" x14ac:dyDescent="0.25">
      <c r="A7630">
        <v>48935988</v>
      </c>
      <c r="B7630" t="s">
        <v>39183</v>
      </c>
      <c r="C7630" s="1" t="s">
        <v>39184</v>
      </c>
      <c r="D7630">
        <v>48956462</v>
      </c>
      <c r="E7630">
        <v>1</v>
      </c>
      <c r="F7630">
        <v>0</v>
      </c>
      <c r="H7630" t="s">
        <v>39185</v>
      </c>
      <c r="J7630" t="s">
        <v>39186</v>
      </c>
      <c r="O7630">
        <v>8516987</v>
      </c>
      <c r="P7630">
        <v>1</v>
      </c>
      <c r="Q7630">
        <v>0</v>
      </c>
      <c r="R7630" t="s">
        <v>39187</v>
      </c>
      <c r="S7630">
        <v>10</v>
      </c>
    </row>
    <row r="7631" spans="1:19" x14ac:dyDescent="0.25">
      <c r="A7631">
        <v>49666960</v>
      </c>
      <c r="B7631" t="s">
        <v>39188</v>
      </c>
      <c r="C7631" s="1" t="s">
        <v>39189</v>
      </c>
      <c r="D7631">
        <v>49690268</v>
      </c>
      <c r="E7631">
        <v>1</v>
      </c>
      <c r="F7631">
        <v>1</v>
      </c>
      <c r="H7631" t="s">
        <v>39190</v>
      </c>
      <c r="J7631" t="s">
        <v>39191</v>
      </c>
      <c r="K7631" t="s">
        <v>39192</v>
      </c>
      <c r="M7631">
        <v>4621127</v>
      </c>
      <c r="O7631">
        <v>4621127</v>
      </c>
      <c r="P7631">
        <v>1</v>
      </c>
      <c r="Q7631">
        <v>0</v>
      </c>
      <c r="R7631" t="s">
        <v>39193</v>
      </c>
      <c r="S7631">
        <v>35</v>
      </c>
    </row>
    <row r="7632" spans="1:19" x14ac:dyDescent="0.25">
      <c r="A7632">
        <v>48235397</v>
      </c>
      <c r="B7632" t="s">
        <v>39194</v>
      </c>
      <c r="C7632" s="1" t="s">
        <v>39195</v>
      </c>
      <c r="D7632">
        <v>48235492</v>
      </c>
      <c r="E7632">
        <v>1</v>
      </c>
      <c r="F7632">
        <v>7</v>
      </c>
      <c r="H7632" t="s">
        <v>39196</v>
      </c>
      <c r="J7632" t="s">
        <v>39197</v>
      </c>
      <c r="O7632">
        <v>7486972</v>
      </c>
      <c r="P7632">
        <v>1</v>
      </c>
      <c r="Q7632">
        <v>-6</v>
      </c>
      <c r="R7632" t="s">
        <v>39198</v>
      </c>
      <c r="S7632">
        <v>56</v>
      </c>
    </row>
    <row r="7633" spans="1:19" x14ac:dyDescent="0.25">
      <c r="A7633">
        <v>11672730</v>
      </c>
      <c r="B7633" t="s">
        <v>39199</v>
      </c>
      <c r="C7633" s="1" t="s">
        <v>39200</v>
      </c>
      <c r="E7633">
        <v>2</v>
      </c>
      <c r="F7633">
        <v>2</v>
      </c>
      <c r="H7633" t="s">
        <v>39201</v>
      </c>
      <c r="J7633" t="s">
        <v>39202</v>
      </c>
      <c r="O7633">
        <v>1440751</v>
      </c>
      <c r="P7633">
        <v>1</v>
      </c>
      <c r="Q7633">
        <v>0</v>
      </c>
      <c r="R7633" t="s">
        <v>39203</v>
      </c>
      <c r="S7633">
        <v>4256</v>
      </c>
    </row>
    <row r="7634" spans="1:19" x14ac:dyDescent="0.25">
      <c r="A7634">
        <v>26000375</v>
      </c>
      <c r="B7634" t="s">
        <v>39204</v>
      </c>
      <c r="C7634" s="1" t="s">
        <v>39205</v>
      </c>
      <c r="E7634">
        <v>0</v>
      </c>
      <c r="F7634">
        <v>14</v>
      </c>
      <c r="H7634" t="s">
        <v>39206</v>
      </c>
      <c r="I7634">
        <v>1</v>
      </c>
      <c r="J7634" t="s">
        <v>39207</v>
      </c>
      <c r="K7634" t="s">
        <v>39208</v>
      </c>
      <c r="M7634">
        <v>-1</v>
      </c>
      <c r="O7634">
        <v>3250554</v>
      </c>
      <c r="P7634">
        <v>1</v>
      </c>
      <c r="Q7634">
        <v>1</v>
      </c>
      <c r="R7634" t="s">
        <v>39209</v>
      </c>
      <c r="S7634">
        <v>551</v>
      </c>
    </row>
    <row r="7635" spans="1:19" x14ac:dyDescent="0.25">
      <c r="A7635">
        <v>51272820</v>
      </c>
      <c r="B7635" t="s">
        <v>39210</v>
      </c>
      <c r="C7635" s="1" t="s">
        <v>39211</v>
      </c>
      <c r="D7635">
        <v>51272976</v>
      </c>
      <c r="E7635">
        <v>1</v>
      </c>
      <c r="F7635">
        <v>0</v>
      </c>
      <c r="H7635" t="s">
        <v>39212</v>
      </c>
      <c r="J7635" t="s">
        <v>39213</v>
      </c>
      <c r="O7635">
        <v>1937839</v>
      </c>
      <c r="P7635">
        <v>1</v>
      </c>
      <c r="Q7635">
        <v>0</v>
      </c>
      <c r="R7635" t="s">
        <v>39214</v>
      </c>
      <c r="S7635">
        <v>42</v>
      </c>
    </row>
    <row r="7636" spans="1:19" x14ac:dyDescent="0.25">
      <c r="A7636">
        <v>11072461</v>
      </c>
      <c r="B7636" t="s">
        <v>39215</v>
      </c>
      <c r="C7636" s="1" t="s">
        <v>39216</v>
      </c>
      <c r="D7636">
        <v>11072828</v>
      </c>
      <c r="E7636">
        <v>1</v>
      </c>
      <c r="F7636">
        <v>4</v>
      </c>
      <c r="H7636" t="s">
        <v>39217</v>
      </c>
      <c r="J7636" t="s">
        <v>39218</v>
      </c>
      <c r="K7636" t="s">
        <v>39219</v>
      </c>
      <c r="M7636">
        <v>1125496</v>
      </c>
      <c r="O7636">
        <v>1125496</v>
      </c>
      <c r="P7636">
        <v>1</v>
      </c>
      <c r="Q7636">
        <v>0</v>
      </c>
      <c r="R7636" t="s">
        <v>39220</v>
      </c>
      <c r="S7636">
        <v>1034</v>
      </c>
    </row>
    <row r="7637" spans="1:19" x14ac:dyDescent="0.25">
      <c r="A7637">
        <v>13196426</v>
      </c>
      <c r="B7637" t="s">
        <v>39221</v>
      </c>
      <c r="C7637" s="1" t="s">
        <v>39222</v>
      </c>
      <c r="E7637">
        <v>1</v>
      </c>
      <c r="F7637">
        <v>3</v>
      </c>
      <c r="H7637" t="s">
        <v>39223</v>
      </c>
      <c r="J7637" t="s">
        <v>39224</v>
      </c>
      <c r="K7637" t="s">
        <v>39225</v>
      </c>
      <c r="M7637">
        <v>820561</v>
      </c>
      <c r="O7637">
        <v>820561</v>
      </c>
      <c r="P7637">
        <v>1</v>
      </c>
      <c r="Q7637">
        <v>0</v>
      </c>
      <c r="R7637" t="s">
        <v>39226</v>
      </c>
      <c r="S7637">
        <v>345</v>
      </c>
    </row>
    <row r="7638" spans="1:19" x14ac:dyDescent="0.25">
      <c r="A7638">
        <v>52906597</v>
      </c>
      <c r="B7638" t="s">
        <v>39227</v>
      </c>
      <c r="C7638" s="1" t="s">
        <v>39228</v>
      </c>
      <c r="E7638">
        <v>2</v>
      </c>
      <c r="F7638">
        <v>0</v>
      </c>
      <c r="H7638" t="s">
        <v>39229</v>
      </c>
      <c r="J7638" t="s">
        <v>39230</v>
      </c>
      <c r="K7638" t="s">
        <v>39230</v>
      </c>
      <c r="M7638">
        <v>4552529</v>
      </c>
      <c r="O7638">
        <v>8043103</v>
      </c>
      <c r="P7638">
        <v>1</v>
      </c>
      <c r="Q7638">
        <v>0</v>
      </c>
      <c r="R7638" t="s">
        <v>39231</v>
      </c>
      <c r="S7638">
        <v>35</v>
      </c>
    </row>
    <row r="7639" spans="1:19" x14ac:dyDescent="0.25">
      <c r="A7639">
        <v>46571995</v>
      </c>
      <c r="B7639" t="s">
        <v>39232</v>
      </c>
      <c r="C7639" s="1" t="s">
        <v>39233</v>
      </c>
      <c r="E7639">
        <v>2</v>
      </c>
      <c r="F7639">
        <v>2</v>
      </c>
      <c r="H7639" t="s">
        <v>39234</v>
      </c>
      <c r="J7639" t="s">
        <v>39235</v>
      </c>
      <c r="O7639">
        <v>4088765</v>
      </c>
      <c r="P7639">
        <v>1</v>
      </c>
      <c r="Q7639">
        <v>0</v>
      </c>
      <c r="R7639" t="s">
        <v>39236</v>
      </c>
      <c r="S7639">
        <v>371</v>
      </c>
    </row>
    <row r="7640" spans="1:19" x14ac:dyDescent="0.25">
      <c r="A7640">
        <v>18405830</v>
      </c>
      <c r="B7640" t="s">
        <v>39237</v>
      </c>
      <c r="C7640" s="1" t="s">
        <v>39238</v>
      </c>
      <c r="E7640">
        <v>0</v>
      </c>
      <c r="F7640">
        <v>4</v>
      </c>
      <c r="H7640" t="s">
        <v>39239</v>
      </c>
      <c r="I7640">
        <v>1</v>
      </c>
      <c r="J7640" t="s">
        <v>39239</v>
      </c>
      <c r="O7640">
        <v>2301075</v>
      </c>
      <c r="P7640">
        <v>1</v>
      </c>
      <c r="Q7640">
        <v>0</v>
      </c>
      <c r="R7640" t="s">
        <v>39240</v>
      </c>
      <c r="S7640">
        <v>5107</v>
      </c>
    </row>
    <row r="7641" spans="1:19" x14ac:dyDescent="0.25">
      <c r="A7641">
        <v>32205789</v>
      </c>
      <c r="B7641" t="s">
        <v>39241</v>
      </c>
      <c r="C7641" s="1" t="s">
        <v>39242</v>
      </c>
      <c r="D7641">
        <v>32206584</v>
      </c>
      <c r="E7641">
        <v>1</v>
      </c>
      <c r="F7641">
        <v>0</v>
      </c>
      <c r="H7641" t="s">
        <v>39243</v>
      </c>
      <c r="J7641" t="s">
        <v>39244</v>
      </c>
      <c r="O7641">
        <v>661382</v>
      </c>
      <c r="P7641">
        <v>1</v>
      </c>
      <c r="Q7641">
        <v>1</v>
      </c>
      <c r="R7641" t="s">
        <v>39245</v>
      </c>
      <c r="S7641">
        <v>95</v>
      </c>
    </row>
    <row r="7642" spans="1:19" x14ac:dyDescent="0.25">
      <c r="A7642">
        <v>44844241</v>
      </c>
      <c r="B7642" t="s">
        <v>39246</v>
      </c>
      <c r="C7642" s="1" t="s">
        <v>39247</v>
      </c>
      <c r="E7642">
        <v>1</v>
      </c>
      <c r="F7642">
        <v>0</v>
      </c>
      <c r="H7642" t="s">
        <v>39248</v>
      </c>
      <c r="J7642" t="s">
        <v>39249</v>
      </c>
      <c r="K7642" t="s">
        <v>39250</v>
      </c>
      <c r="M7642">
        <v>5996134</v>
      </c>
      <c r="O7642">
        <v>3045354</v>
      </c>
      <c r="P7642">
        <v>1</v>
      </c>
      <c r="Q7642">
        <v>1</v>
      </c>
      <c r="R7642" t="s">
        <v>39251</v>
      </c>
      <c r="S7642">
        <v>329</v>
      </c>
    </row>
    <row r="7643" spans="1:19" x14ac:dyDescent="0.25">
      <c r="A7643">
        <v>33669295</v>
      </c>
      <c r="B7643" t="s">
        <v>39252</v>
      </c>
      <c r="C7643" s="1" t="s">
        <v>39253</v>
      </c>
      <c r="D7643">
        <v>33669456</v>
      </c>
      <c r="E7643">
        <v>1</v>
      </c>
      <c r="F7643">
        <v>0</v>
      </c>
      <c r="H7643" t="s">
        <v>39254</v>
      </c>
      <c r="J7643" t="s">
        <v>39255</v>
      </c>
      <c r="O7643">
        <v>2295193</v>
      </c>
      <c r="P7643">
        <v>1</v>
      </c>
      <c r="Q7643">
        <v>2</v>
      </c>
      <c r="R7643" t="s">
        <v>11699</v>
      </c>
      <c r="S7643">
        <v>29</v>
      </c>
    </row>
    <row r="7644" spans="1:19" x14ac:dyDescent="0.25">
      <c r="A7644">
        <v>30539426</v>
      </c>
      <c r="B7644" t="s">
        <v>39256</v>
      </c>
      <c r="C7644" s="1" t="s">
        <v>39257</v>
      </c>
      <c r="D7644">
        <v>30546178</v>
      </c>
      <c r="E7644">
        <v>2</v>
      </c>
      <c r="F7644">
        <v>2</v>
      </c>
      <c r="H7644" t="s">
        <v>39258</v>
      </c>
      <c r="J7644" t="s">
        <v>39259</v>
      </c>
      <c r="K7644" t="s">
        <v>39259</v>
      </c>
      <c r="M7644">
        <v>4519059</v>
      </c>
      <c r="O7644">
        <v>4954765</v>
      </c>
      <c r="P7644">
        <v>1</v>
      </c>
      <c r="Q7644">
        <v>2</v>
      </c>
      <c r="R7644" t="s">
        <v>549</v>
      </c>
      <c r="S7644">
        <v>33</v>
      </c>
    </row>
    <row r="7645" spans="1:19" x14ac:dyDescent="0.25">
      <c r="A7645">
        <v>36063857</v>
      </c>
      <c r="B7645" t="s">
        <v>39260</v>
      </c>
      <c r="C7645" s="1" t="s">
        <v>39261</v>
      </c>
      <c r="E7645">
        <v>0</v>
      </c>
      <c r="F7645">
        <v>2</v>
      </c>
      <c r="H7645" t="s">
        <v>39262</v>
      </c>
      <c r="J7645" t="s">
        <v>39262</v>
      </c>
      <c r="O7645">
        <v>2784721</v>
      </c>
      <c r="P7645">
        <v>1</v>
      </c>
      <c r="Q7645">
        <v>0</v>
      </c>
      <c r="R7645" t="s">
        <v>26807</v>
      </c>
      <c r="S7645">
        <v>185</v>
      </c>
    </row>
    <row r="7646" spans="1:19" x14ac:dyDescent="0.25">
      <c r="A7646">
        <v>27136606</v>
      </c>
      <c r="B7646" t="s">
        <v>39263</v>
      </c>
      <c r="C7646" s="1" t="s">
        <v>39264</v>
      </c>
      <c r="E7646">
        <v>0</v>
      </c>
      <c r="F7646">
        <v>4</v>
      </c>
      <c r="H7646" t="s">
        <v>39265</v>
      </c>
      <c r="I7646">
        <v>1</v>
      </c>
      <c r="J7646" t="s">
        <v>39265</v>
      </c>
      <c r="O7646">
        <v>3919906</v>
      </c>
      <c r="P7646">
        <v>1</v>
      </c>
      <c r="Q7646">
        <v>0</v>
      </c>
      <c r="R7646" t="s">
        <v>39266</v>
      </c>
      <c r="S7646">
        <v>101</v>
      </c>
    </row>
    <row r="7647" spans="1:19" x14ac:dyDescent="0.25">
      <c r="A7647">
        <v>49653525</v>
      </c>
      <c r="B7647" t="s">
        <v>39267</v>
      </c>
      <c r="C7647" s="1" t="s">
        <v>39268</v>
      </c>
      <c r="E7647">
        <v>1</v>
      </c>
      <c r="F7647">
        <v>1</v>
      </c>
      <c r="H7647" t="s">
        <v>39269</v>
      </c>
      <c r="J7647" t="s">
        <v>39270</v>
      </c>
      <c r="O7647">
        <v>3402095</v>
      </c>
      <c r="P7647">
        <v>1</v>
      </c>
      <c r="Q7647">
        <v>1</v>
      </c>
      <c r="R7647" t="s">
        <v>39271</v>
      </c>
      <c r="S7647">
        <v>268</v>
      </c>
    </row>
    <row r="7648" spans="1:19" x14ac:dyDescent="0.25">
      <c r="A7648">
        <v>37074125</v>
      </c>
      <c r="B7648" t="s">
        <v>39272</v>
      </c>
      <c r="C7648" s="1" t="s">
        <v>39273</v>
      </c>
      <c r="E7648">
        <v>2</v>
      </c>
      <c r="F7648">
        <v>6</v>
      </c>
      <c r="H7648" t="s">
        <v>39274</v>
      </c>
      <c r="J7648" t="s">
        <v>39275</v>
      </c>
      <c r="O7648">
        <v>6300563</v>
      </c>
      <c r="P7648">
        <v>1</v>
      </c>
      <c r="Q7648">
        <v>-1</v>
      </c>
      <c r="R7648" t="s">
        <v>39276</v>
      </c>
      <c r="S7648">
        <v>131</v>
      </c>
    </row>
    <row r="7649" spans="1:19" x14ac:dyDescent="0.25">
      <c r="A7649">
        <v>41567408</v>
      </c>
      <c r="B7649" t="s">
        <v>39277</v>
      </c>
      <c r="C7649" s="1" t="s">
        <v>39278</v>
      </c>
      <c r="E7649">
        <v>0</v>
      </c>
      <c r="F7649">
        <v>3</v>
      </c>
      <c r="H7649" t="s">
        <v>39279</v>
      </c>
      <c r="I7649">
        <v>1</v>
      </c>
      <c r="J7649" t="s">
        <v>39279</v>
      </c>
      <c r="N7649" t="s">
        <v>39280</v>
      </c>
      <c r="P7649">
        <v>1</v>
      </c>
      <c r="Q7649">
        <v>1</v>
      </c>
      <c r="R7649" t="s">
        <v>39281</v>
      </c>
      <c r="S7649">
        <v>363</v>
      </c>
    </row>
    <row r="7650" spans="1:19" x14ac:dyDescent="0.25">
      <c r="A7650">
        <v>43432871</v>
      </c>
      <c r="B7650" t="s">
        <v>39282</v>
      </c>
      <c r="C7650" s="1" t="s">
        <v>39283</v>
      </c>
      <c r="D7650">
        <v>43433423</v>
      </c>
      <c r="E7650">
        <v>1</v>
      </c>
      <c r="F7650">
        <v>2</v>
      </c>
      <c r="H7650" t="s">
        <v>39284</v>
      </c>
      <c r="J7650" t="s">
        <v>39285</v>
      </c>
      <c r="O7650">
        <v>5011074</v>
      </c>
      <c r="P7650">
        <v>1</v>
      </c>
      <c r="Q7650">
        <v>-1</v>
      </c>
      <c r="R7650" t="s">
        <v>1655</v>
      </c>
      <c r="S7650">
        <v>40</v>
      </c>
    </row>
    <row r="7651" spans="1:19" x14ac:dyDescent="0.25">
      <c r="A7651">
        <v>50782847</v>
      </c>
      <c r="B7651" t="s">
        <v>39286</v>
      </c>
      <c r="C7651" s="1" t="s">
        <v>39287</v>
      </c>
      <c r="D7651">
        <v>50783207</v>
      </c>
      <c r="E7651">
        <v>2</v>
      </c>
      <c r="F7651">
        <v>6</v>
      </c>
      <c r="H7651" t="s">
        <v>39288</v>
      </c>
      <c r="J7651" t="s">
        <v>39289</v>
      </c>
      <c r="K7651" t="s">
        <v>39290</v>
      </c>
      <c r="M7651">
        <v>3950370</v>
      </c>
      <c r="O7651">
        <v>9920830</v>
      </c>
      <c r="P7651">
        <v>1</v>
      </c>
      <c r="Q7651">
        <v>0</v>
      </c>
      <c r="R7651" t="s">
        <v>4844</v>
      </c>
      <c r="S7651">
        <v>62</v>
      </c>
    </row>
    <row r="7652" spans="1:19" x14ac:dyDescent="0.25">
      <c r="A7652">
        <v>7718928</v>
      </c>
      <c r="B7652" t="s">
        <v>39291</v>
      </c>
      <c r="C7652" s="1" t="s">
        <v>39292</v>
      </c>
      <c r="D7652">
        <v>7719469</v>
      </c>
      <c r="E7652">
        <v>1</v>
      </c>
      <c r="F7652">
        <v>0</v>
      </c>
      <c r="H7652" t="s">
        <v>39293</v>
      </c>
      <c r="I7652">
        <v>1</v>
      </c>
      <c r="J7652" t="s">
        <v>39294</v>
      </c>
      <c r="O7652">
        <v>773885</v>
      </c>
      <c r="P7652">
        <v>1</v>
      </c>
      <c r="Q7652">
        <v>20</v>
      </c>
      <c r="R7652" t="s">
        <v>39295</v>
      </c>
      <c r="S7652">
        <v>5067</v>
      </c>
    </row>
    <row r="7653" spans="1:19" x14ac:dyDescent="0.25">
      <c r="A7653">
        <v>47686563</v>
      </c>
      <c r="B7653" t="s">
        <v>39296</v>
      </c>
      <c r="C7653" s="1" t="s">
        <v>39297</v>
      </c>
      <c r="D7653">
        <v>47688002</v>
      </c>
      <c r="E7653">
        <v>1</v>
      </c>
      <c r="F7653">
        <v>3</v>
      </c>
      <c r="H7653" t="s">
        <v>39298</v>
      </c>
      <c r="J7653" t="s">
        <v>39299</v>
      </c>
      <c r="K7653" t="s">
        <v>39300</v>
      </c>
      <c r="M7653">
        <v>487892</v>
      </c>
      <c r="O7653">
        <v>6284422</v>
      </c>
      <c r="P7653">
        <v>1</v>
      </c>
      <c r="Q7653">
        <v>-2</v>
      </c>
      <c r="R7653" t="s">
        <v>39301</v>
      </c>
      <c r="S7653">
        <v>98</v>
      </c>
    </row>
    <row r="7654" spans="1:19" x14ac:dyDescent="0.25">
      <c r="A7654">
        <v>38472327</v>
      </c>
      <c r="B7654" t="s">
        <v>39302</v>
      </c>
      <c r="C7654" s="1" t="s">
        <v>39303</v>
      </c>
      <c r="E7654">
        <v>0</v>
      </c>
      <c r="F7654">
        <v>4</v>
      </c>
      <c r="H7654" t="s">
        <v>39304</v>
      </c>
      <c r="I7654">
        <v>1</v>
      </c>
      <c r="J7654" t="s">
        <v>39305</v>
      </c>
      <c r="K7654" t="s">
        <v>39306</v>
      </c>
      <c r="M7654">
        <v>477068</v>
      </c>
      <c r="O7654">
        <v>477068</v>
      </c>
      <c r="P7654">
        <v>1</v>
      </c>
      <c r="Q7654">
        <v>1</v>
      </c>
      <c r="R7654" t="s">
        <v>39307</v>
      </c>
      <c r="S7654">
        <v>68</v>
      </c>
    </row>
    <row r="7655" spans="1:19" x14ac:dyDescent="0.25">
      <c r="A7655">
        <v>34284759</v>
      </c>
      <c r="B7655" t="s">
        <v>39308</v>
      </c>
      <c r="C7655" s="1" t="s">
        <v>39309</v>
      </c>
      <c r="D7655">
        <v>34286153</v>
      </c>
      <c r="E7655">
        <v>2</v>
      </c>
      <c r="F7655">
        <v>1</v>
      </c>
      <c r="H7655" t="s">
        <v>39310</v>
      </c>
      <c r="J7655" t="s">
        <v>39311</v>
      </c>
      <c r="O7655">
        <v>5626576</v>
      </c>
      <c r="P7655">
        <v>1</v>
      </c>
      <c r="Q7655">
        <v>1</v>
      </c>
      <c r="R7655" t="s">
        <v>39312</v>
      </c>
      <c r="S7655">
        <v>303</v>
      </c>
    </row>
    <row r="7656" spans="1:19" x14ac:dyDescent="0.25">
      <c r="A7656">
        <v>41052479</v>
      </c>
      <c r="B7656" t="s">
        <v>39313</v>
      </c>
      <c r="C7656" s="1" t="s">
        <v>39314</v>
      </c>
      <c r="E7656">
        <v>1</v>
      </c>
      <c r="F7656">
        <v>0</v>
      </c>
      <c r="H7656" t="s">
        <v>39315</v>
      </c>
      <c r="J7656" t="s">
        <v>39316</v>
      </c>
      <c r="O7656">
        <v>6344954</v>
      </c>
      <c r="P7656">
        <v>1</v>
      </c>
      <c r="Q7656">
        <v>0</v>
      </c>
      <c r="R7656" t="s">
        <v>39317</v>
      </c>
      <c r="S7656">
        <v>44</v>
      </c>
    </row>
    <row r="7657" spans="1:19" x14ac:dyDescent="0.25">
      <c r="A7657">
        <v>50595355</v>
      </c>
      <c r="B7657" t="s">
        <v>39318</v>
      </c>
      <c r="C7657" s="1" t="s">
        <v>39319</v>
      </c>
      <c r="D7657">
        <v>50595374</v>
      </c>
      <c r="E7657">
        <v>2</v>
      </c>
      <c r="F7657">
        <v>1</v>
      </c>
      <c r="H7657" t="s">
        <v>39320</v>
      </c>
      <c r="J7657" t="s">
        <v>39321</v>
      </c>
      <c r="K7657" t="s">
        <v>39321</v>
      </c>
      <c r="M7657">
        <v>2036221</v>
      </c>
      <c r="O7657">
        <v>2036221</v>
      </c>
      <c r="P7657">
        <v>1</v>
      </c>
      <c r="Q7657">
        <v>0</v>
      </c>
      <c r="R7657" t="s">
        <v>39322</v>
      </c>
      <c r="S7657">
        <v>50</v>
      </c>
    </row>
    <row r="7658" spans="1:19" x14ac:dyDescent="0.25">
      <c r="A7658">
        <v>26805935</v>
      </c>
      <c r="B7658" t="s">
        <v>39323</v>
      </c>
      <c r="C7658" s="1" t="s">
        <v>39324</v>
      </c>
      <c r="D7658">
        <v>26806106</v>
      </c>
      <c r="E7658">
        <v>2</v>
      </c>
      <c r="F7658">
        <v>3</v>
      </c>
      <c r="H7658" t="s">
        <v>39325</v>
      </c>
      <c r="J7658" t="s">
        <v>39326</v>
      </c>
      <c r="K7658" t="s">
        <v>39326</v>
      </c>
      <c r="M7658">
        <v>4854110</v>
      </c>
      <c r="O7658">
        <v>3911985</v>
      </c>
      <c r="P7658">
        <v>1</v>
      </c>
      <c r="Q7658">
        <v>1</v>
      </c>
      <c r="R7658" t="s">
        <v>39327</v>
      </c>
      <c r="S7658">
        <v>912</v>
      </c>
    </row>
    <row r="7659" spans="1:19" x14ac:dyDescent="0.25">
      <c r="A7659">
        <v>30643775</v>
      </c>
      <c r="B7659" t="s">
        <v>39328</v>
      </c>
      <c r="C7659" s="1" t="s">
        <v>39329</v>
      </c>
      <c r="D7659">
        <v>30795273</v>
      </c>
      <c r="E7659">
        <v>1</v>
      </c>
      <c r="F7659">
        <v>3</v>
      </c>
      <c r="H7659" t="s">
        <v>39330</v>
      </c>
      <c r="J7659" t="s">
        <v>39331</v>
      </c>
      <c r="K7659" t="s">
        <v>39332</v>
      </c>
      <c r="M7659">
        <v>2257623</v>
      </c>
      <c r="O7659">
        <v>2257623</v>
      </c>
      <c r="P7659">
        <v>1</v>
      </c>
      <c r="Q7659">
        <v>1</v>
      </c>
      <c r="R7659" t="s">
        <v>39333</v>
      </c>
      <c r="S7659">
        <v>891</v>
      </c>
    </row>
    <row r="7660" spans="1:19" x14ac:dyDescent="0.25">
      <c r="A7660">
        <v>17123402</v>
      </c>
      <c r="B7660" t="s">
        <v>39334</v>
      </c>
      <c r="C7660" s="1" t="s">
        <v>39335</v>
      </c>
      <c r="E7660">
        <v>1</v>
      </c>
      <c r="F7660">
        <v>0</v>
      </c>
      <c r="H7660" t="s">
        <v>39336</v>
      </c>
      <c r="J7660" t="s">
        <v>39337</v>
      </c>
      <c r="O7660">
        <v>2488773</v>
      </c>
      <c r="P7660">
        <v>1</v>
      </c>
      <c r="Q7660">
        <v>0</v>
      </c>
      <c r="R7660" t="s">
        <v>39071</v>
      </c>
      <c r="S7660">
        <v>232</v>
      </c>
    </row>
    <row r="7661" spans="1:19" x14ac:dyDescent="0.25">
      <c r="A7661">
        <v>39222893</v>
      </c>
      <c r="B7661" t="s">
        <v>39338</v>
      </c>
      <c r="C7661" s="1" t="s">
        <v>39339</v>
      </c>
      <c r="D7661">
        <v>39223279</v>
      </c>
      <c r="E7661">
        <v>2</v>
      </c>
      <c r="F7661">
        <v>0</v>
      </c>
      <c r="H7661" t="s">
        <v>39340</v>
      </c>
      <c r="J7661" t="s">
        <v>39341</v>
      </c>
      <c r="K7661" t="s">
        <v>39341</v>
      </c>
      <c r="M7661">
        <v>2052085</v>
      </c>
      <c r="O7661">
        <v>6726314</v>
      </c>
      <c r="P7661">
        <v>1</v>
      </c>
      <c r="Q7661">
        <v>1</v>
      </c>
      <c r="R7661" t="s">
        <v>14886</v>
      </c>
      <c r="S7661">
        <v>35</v>
      </c>
    </row>
    <row r="7662" spans="1:19" x14ac:dyDescent="0.25">
      <c r="A7662">
        <v>45722110</v>
      </c>
      <c r="B7662" t="s">
        <v>39342</v>
      </c>
      <c r="C7662" s="1" t="s">
        <v>39343</v>
      </c>
      <c r="D7662">
        <v>45722319</v>
      </c>
      <c r="E7662">
        <v>1</v>
      </c>
      <c r="F7662">
        <v>0</v>
      </c>
      <c r="H7662" t="s">
        <v>39344</v>
      </c>
      <c r="J7662" t="s">
        <v>39345</v>
      </c>
      <c r="K7662" t="s">
        <v>39345</v>
      </c>
      <c r="M7662">
        <v>13302</v>
      </c>
      <c r="O7662">
        <v>6525068</v>
      </c>
      <c r="P7662">
        <v>1</v>
      </c>
      <c r="Q7662">
        <v>-1</v>
      </c>
      <c r="R7662" t="s">
        <v>39346</v>
      </c>
      <c r="S7662">
        <v>219</v>
      </c>
    </row>
    <row r="7663" spans="1:19" x14ac:dyDescent="0.25">
      <c r="A7663">
        <v>47798552</v>
      </c>
      <c r="B7663" t="s">
        <v>39347</v>
      </c>
      <c r="C7663" s="1" t="s">
        <v>39348</v>
      </c>
      <c r="D7663">
        <v>47798876</v>
      </c>
      <c r="E7663">
        <v>4</v>
      </c>
      <c r="F7663">
        <v>2</v>
      </c>
      <c r="H7663" t="s">
        <v>39349</v>
      </c>
      <c r="I7663">
        <v>0</v>
      </c>
      <c r="J7663" t="s">
        <v>39350</v>
      </c>
      <c r="K7663" t="s">
        <v>39351</v>
      </c>
      <c r="M7663">
        <v>5798798</v>
      </c>
      <c r="O7663">
        <v>5798798</v>
      </c>
      <c r="P7663">
        <v>1</v>
      </c>
      <c r="Q7663">
        <v>0</v>
      </c>
      <c r="R7663" t="s">
        <v>93</v>
      </c>
      <c r="S7663">
        <v>63</v>
      </c>
    </row>
    <row r="7664" spans="1:19" x14ac:dyDescent="0.25">
      <c r="A7664">
        <v>28554879</v>
      </c>
      <c r="B7664" t="s">
        <v>39352</v>
      </c>
      <c r="C7664" s="1" t="s">
        <v>39353</v>
      </c>
      <c r="E7664">
        <v>1</v>
      </c>
      <c r="F7664">
        <v>0</v>
      </c>
      <c r="H7664" t="s">
        <v>39354</v>
      </c>
      <c r="I7664">
        <v>1</v>
      </c>
      <c r="J7664" t="s">
        <v>39355</v>
      </c>
      <c r="O7664">
        <v>2696717</v>
      </c>
      <c r="P7664">
        <v>1</v>
      </c>
      <c r="Q7664">
        <v>1</v>
      </c>
      <c r="R7664" t="s">
        <v>39356</v>
      </c>
      <c r="S7664">
        <v>145</v>
      </c>
    </row>
    <row r="7665" spans="1:19" x14ac:dyDescent="0.25">
      <c r="A7665">
        <v>30497723</v>
      </c>
      <c r="B7665" t="s">
        <v>39357</v>
      </c>
      <c r="C7665" s="1" t="s">
        <v>39358</v>
      </c>
      <c r="E7665">
        <v>3</v>
      </c>
      <c r="F7665">
        <v>0</v>
      </c>
      <c r="H7665" t="s">
        <v>39359</v>
      </c>
      <c r="J7665" t="s">
        <v>39360</v>
      </c>
      <c r="O7665">
        <v>4947472</v>
      </c>
      <c r="P7665">
        <v>1</v>
      </c>
      <c r="Q7665">
        <v>-1</v>
      </c>
      <c r="R7665" t="s">
        <v>39361</v>
      </c>
      <c r="S7665">
        <v>561</v>
      </c>
    </row>
    <row r="7666" spans="1:19" x14ac:dyDescent="0.25">
      <c r="A7666">
        <v>3335154</v>
      </c>
      <c r="B7666" t="s">
        <v>39362</v>
      </c>
      <c r="C7666" s="1" t="s">
        <v>39363</v>
      </c>
      <c r="D7666">
        <v>3335272</v>
      </c>
      <c r="E7666">
        <v>1</v>
      </c>
      <c r="F7666">
        <v>0</v>
      </c>
      <c r="H7666" t="s">
        <v>39364</v>
      </c>
      <c r="J7666" t="s">
        <v>39365</v>
      </c>
      <c r="O7666">
        <v>400437</v>
      </c>
      <c r="P7666">
        <v>1</v>
      </c>
      <c r="Q7666">
        <v>2</v>
      </c>
      <c r="R7666" t="s">
        <v>10000</v>
      </c>
      <c r="S7666">
        <v>104</v>
      </c>
    </row>
    <row r="7667" spans="1:19" x14ac:dyDescent="0.25">
      <c r="A7667">
        <v>19073868</v>
      </c>
      <c r="B7667" t="s">
        <v>39366</v>
      </c>
      <c r="C7667" s="1" t="s">
        <v>39367</v>
      </c>
      <c r="D7667">
        <v>19074765</v>
      </c>
      <c r="E7667">
        <v>1</v>
      </c>
      <c r="F7667">
        <v>0</v>
      </c>
      <c r="H7667" t="s">
        <v>39368</v>
      </c>
      <c r="I7667">
        <v>1</v>
      </c>
      <c r="J7667" t="s">
        <v>39369</v>
      </c>
      <c r="O7667">
        <v>1620040</v>
      </c>
      <c r="P7667">
        <v>1</v>
      </c>
      <c r="Q7667">
        <v>0</v>
      </c>
      <c r="R7667" t="s">
        <v>39370</v>
      </c>
      <c r="S7667">
        <v>2944</v>
      </c>
    </row>
    <row r="7668" spans="1:19" x14ac:dyDescent="0.25">
      <c r="A7668">
        <v>38492494</v>
      </c>
      <c r="B7668" t="s">
        <v>39371</v>
      </c>
      <c r="C7668" s="1" t="s">
        <v>39372</v>
      </c>
      <c r="D7668">
        <v>38494081</v>
      </c>
      <c r="E7668">
        <v>1</v>
      </c>
      <c r="F7668">
        <v>4</v>
      </c>
      <c r="H7668" t="s">
        <v>39373</v>
      </c>
      <c r="J7668" t="s">
        <v>39374</v>
      </c>
      <c r="O7668">
        <v>6480089</v>
      </c>
      <c r="P7668">
        <v>1</v>
      </c>
      <c r="Q7668">
        <v>0</v>
      </c>
      <c r="R7668" t="s">
        <v>39375</v>
      </c>
      <c r="S7668">
        <v>52</v>
      </c>
    </row>
    <row r="7669" spans="1:19" x14ac:dyDescent="0.25">
      <c r="A7669">
        <v>18102761</v>
      </c>
      <c r="B7669" t="s">
        <v>39376</v>
      </c>
      <c r="C7669" s="1" t="s">
        <v>39377</v>
      </c>
      <c r="E7669">
        <v>3</v>
      </c>
      <c r="F7669">
        <v>2</v>
      </c>
      <c r="H7669" t="s">
        <v>39378</v>
      </c>
      <c r="J7669" t="s">
        <v>39379</v>
      </c>
      <c r="K7669" t="s">
        <v>39380</v>
      </c>
      <c r="M7669">
        <v>2473201</v>
      </c>
      <c r="O7669">
        <v>2660574</v>
      </c>
      <c r="P7669">
        <v>1</v>
      </c>
      <c r="Q7669">
        <v>-4</v>
      </c>
      <c r="R7669" t="s">
        <v>39381</v>
      </c>
      <c r="S7669">
        <v>78</v>
      </c>
    </row>
    <row r="7670" spans="1:19" x14ac:dyDescent="0.25">
      <c r="A7670">
        <v>16648081</v>
      </c>
      <c r="B7670" t="s">
        <v>39382</v>
      </c>
      <c r="C7670" s="1" t="s">
        <v>39383</v>
      </c>
      <c r="E7670">
        <v>0</v>
      </c>
      <c r="F7670">
        <v>9</v>
      </c>
      <c r="H7670" t="s">
        <v>39384</v>
      </c>
      <c r="J7670" t="s">
        <v>39384</v>
      </c>
      <c r="O7670">
        <v>1611444</v>
      </c>
      <c r="P7670">
        <v>1</v>
      </c>
      <c r="Q7670">
        <v>0</v>
      </c>
      <c r="R7670" t="s">
        <v>39385</v>
      </c>
      <c r="S7670">
        <v>195</v>
      </c>
    </row>
    <row r="7671" spans="1:19" x14ac:dyDescent="0.25">
      <c r="A7671">
        <v>4505688</v>
      </c>
      <c r="B7671" t="s">
        <v>39386</v>
      </c>
      <c r="C7671" t="s">
        <v>39387</v>
      </c>
      <c r="D7671">
        <v>4505703</v>
      </c>
      <c r="E7671">
        <v>3</v>
      </c>
      <c r="F7671">
        <v>0</v>
      </c>
      <c r="H7671" t="s">
        <v>39388</v>
      </c>
      <c r="J7671" t="s">
        <v>39389</v>
      </c>
      <c r="K7671" t="s">
        <v>39390</v>
      </c>
      <c r="M7671">
        <v>110368</v>
      </c>
      <c r="O7671">
        <v>110368</v>
      </c>
      <c r="P7671">
        <v>1</v>
      </c>
      <c r="Q7671">
        <v>1</v>
      </c>
      <c r="R7671" t="s">
        <v>39391</v>
      </c>
      <c r="S7671">
        <v>1383</v>
      </c>
    </row>
    <row r="7672" spans="1:19" x14ac:dyDescent="0.25">
      <c r="A7672">
        <v>20678348</v>
      </c>
      <c r="B7672" t="s">
        <v>39392</v>
      </c>
      <c r="C7672" s="1" t="s">
        <v>39393</v>
      </c>
      <c r="E7672">
        <v>4</v>
      </c>
      <c r="F7672">
        <v>2</v>
      </c>
      <c r="H7672" t="s">
        <v>39394</v>
      </c>
      <c r="J7672" t="s">
        <v>39395</v>
      </c>
      <c r="K7672" t="s">
        <v>39396</v>
      </c>
      <c r="M7672">
        <v>2956412</v>
      </c>
      <c r="O7672">
        <v>2956412</v>
      </c>
      <c r="P7672">
        <v>1</v>
      </c>
      <c r="Q7672">
        <v>1</v>
      </c>
      <c r="R7672" t="s">
        <v>39397</v>
      </c>
      <c r="S7672">
        <v>1472</v>
      </c>
    </row>
    <row r="7673" spans="1:19" x14ac:dyDescent="0.25">
      <c r="A7673">
        <v>42107444</v>
      </c>
      <c r="B7673" t="s">
        <v>39398</v>
      </c>
      <c r="C7673" s="1" t="s">
        <v>39399</v>
      </c>
      <c r="E7673">
        <v>0</v>
      </c>
      <c r="F7673">
        <v>2</v>
      </c>
      <c r="H7673" t="s">
        <v>39400</v>
      </c>
      <c r="J7673" t="s">
        <v>39400</v>
      </c>
      <c r="O7673">
        <v>6833914</v>
      </c>
      <c r="P7673">
        <v>1</v>
      </c>
      <c r="Q7673">
        <v>0</v>
      </c>
      <c r="R7673" t="s">
        <v>39401</v>
      </c>
      <c r="S7673">
        <v>481</v>
      </c>
    </row>
    <row r="7674" spans="1:19" x14ac:dyDescent="0.25">
      <c r="A7674">
        <v>45824747</v>
      </c>
      <c r="B7674" t="s">
        <v>39402</v>
      </c>
      <c r="C7674" s="1" t="s">
        <v>39403</v>
      </c>
      <c r="D7674">
        <v>45837965</v>
      </c>
      <c r="E7674">
        <v>2</v>
      </c>
      <c r="F7674">
        <v>3</v>
      </c>
      <c r="H7674" t="s">
        <v>39404</v>
      </c>
      <c r="J7674" t="s">
        <v>39405</v>
      </c>
      <c r="O7674">
        <v>8502002</v>
      </c>
      <c r="P7674">
        <v>1</v>
      </c>
      <c r="Q7674">
        <v>-1</v>
      </c>
      <c r="R7674" t="s">
        <v>5807</v>
      </c>
      <c r="S7674">
        <v>45</v>
      </c>
    </row>
    <row r="7675" spans="1:19" x14ac:dyDescent="0.25">
      <c r="A7675">
        <v>14925763</v>
      </c>
      <c r="B7675" t="s">
        <v>39406</v>
      </c>
      <c r="C7675" s="1" t="s">
        <v>39407</v>
      </c>
      <c r="E7675">
        <v>3</v>
      </c>
      <c r="F7675">
        <v>0</v>
      </c>
      <c r="H7675" t="s">
        <v>39408</v>
      </c>
      <c r="I7675">
        <v>2</v>
      </c>
      <c r="J7675" t="s">
        <v>39409</v>
      </c>
      <c r="K7675" t="s">
        <v>39410</v>
      </c>
      <c r="M7675">
        <v>414329</v>
      </c>
      <c r="O7675">
        <v>414329</v>
      </c>
      <c r="P7675">
        <v>1</v>
      </c>
      <c r="Q7675">
        <v>8</v>
      </c>
      <c r="R7675" t="s">
        <v>39411</v>
      </c>
      <c r="S7675">
        <v>2607</v>
      </c>
    </row>
    <row r="7676" spans="1:19" x14ac:dyDescent="0.25">
      <c r="A7676">
        <v>5619042</v>
      </c>
      <c r="B7676" t="s">
        <v>39412</v>
      </c>
      <c r="C7676" s="1" t="s">
        <v>39413</v>
      </c>
      <c r="D7676">
        <v>5619134</v>
      </c>
      <c r="E7676">
        <v>2</v>
      </c>
      <c r="F7676">
        <v>0</v>
      </c>
      <c r="H7676" t="s">
        <v>39414</v>
      </c>
      <c r="J7676" t="s">
        <v>39415</v>
      </c>
      <c r="O7676">
        <v>353674</v>
      </c>
      <c r="P7676">
        <v>1</v>
      </c>
      <c r="Q7676">
        <v>1</v>
      </c>
      <c r="R7676" t="s">
        <v>39416</v>
      </c>
      <c r="S7676">
        <v>307</v>
      </c>
    </row>
    <row r="7677" spans="1:19" x14ac:dyDescent="0.25">
      <c r="A7677">
        <v>43199435</v>
      </c>
      <c r="B7677" t="s">
        <v>39417</v>
      </c>
      <c r="C7677" t="s">
        <v>39418</v>
      </c>
      <c r="E7677">
        <v>2</v>
      </c>
      <c r="F7677">
        <v>1</v>
      </c>
      <c r="H7677" t="s">
        <v>39419</v>
      </c>
      <c r="J7677" t="s">
        <v>39420</v>
      </c>
      <c r="K7677" t="s">
        <v>39420</v>
      </c>
      <c r="M7677">
        <v>3857809</v>
      </c>
      <c r="O7677">
        <v>5001967</v>
      </c>
      <c r="P7677">
        <v>1</v>
      </c>
      <c r="Q7677">
        <v>1</v>
      </c>
      <c r="R7677" t="s">
        <v>8946</v>
      </c>
      <c r="S7677">
        <v>536</v>
      </c>
    </row>
    <row r="7678" spans="1:19" x14ac:dyDescent="0.25">
      <c r="A7678">
        <v>25458086</v>
      </c>
      <c r="B7678" t="s">
        <v>39421</v>
      </c>
      <c r="C7678" s="1" t="s">
        <v>39422</v>
      </c>
      <c r="D7678">
        <v>25554607</v>
      </c>
      <c r="E7678">
        <v>1</v>
      </c>
      <c r="F7678">
        <v>0</v>
      </c>
      <c r="H7678" t="s">
        <v>39423</v>
      </c>
      <c r="J7678" t="s">
        <v>39424</v>
      </c>
      <c r="K7678" t="s">
        <v>39425</v>
      </c>
      <c r="M7678">
        <v>1172002</v>
      </c>
      <c r="O7678">
        <v>3969904</v>
      </c>
      <c r="P7678">
        <v>1</v>
      </c>
      <c r="Q7678">
        <v>0</v>
      </c>
      <c r="R7678" t="s">
        <v>39426</v>
      </c>
      <c r="S7678">
        <v>116</v>
      </c>
    </row>
    <row r="7679" spans="1:19" x14ac:dyDescent="0.25">
      <c r="A7679">
        <v>2128069</v>
      </c>
      <c r="B7679" t="s">
        <v>39427</v>
      </c>
      <c r="C7679" s="1" t="s">
        <v>39428</v>
      </c>
      <c r="D7679">
        <v>2128077</v>
      </c>
      <c r="E7679">
        <v>4</v>
      </c>
      <c r="F7679">
        <v>2</v>
      </c>
      <c r="H7679" t="s">
        <v>39429</v>
      </c>
      <c r="J7679" t="s">
        <v>39430</v>
      </c>
      <c r="K7679" t="s">
        <v>39431</v>
      </c>
      <c r="M7679">
        <v>41761</v>
      </c>
      <c r="O7679">
        <v>257906</v>
      </c>
      <c r="P7679">
        <v>1</v>
      </c>
      <c r="Q7679">
        <v>0</v>
      </c>
      <c r="R7679" t="s">
        <v>39432</v>
      </c>
      <c r="S7679">
        <v>1715</v>
      </c>
    </row>
    <row r="7680" spans="1:19" x14ac:dyDescent="0.25">
      <c r="A7680">
        <v>27592271</v>
      </c>
      <c r="B7680" t="s">
        <v>39433</v>
      </c>
      <c r="C7680" s="1" t="s">
        <v>39434</v>
      </c>
      <c r="E7680">
        <v>1</v>
      </c>
      <c r="F7680">
        <v>1</v>
      </c>
      <c r="H7680" t="s">
        <v>39435</v>
      </c>
      <c r="J7680" t="s">
        <v>39436</v>
      </c>
      <c r="O7680">
        <v>3750369</v>
      </c>
      <c r="P7680">
        <v>1</v>
      </c>
      <c r="Q7680">
        <v>0</v>
      </c>
      <c r="R7680" t="s">
        <v>39437</v>
      </c>
      <c r="S7680">
        <v>51</v>
      </c>
    </row>
    <row r="7681" spans="1:19" x14ac:dyDescent="0.25">
      <c r="A7681">
        <v>11306924</v>
      </c>
      <c r="B7681" t="s">
        <v>39438</v>
      </c>
      <c r="C7681" s="1" t="s">
        <v>39439</v>
      </c>
      <c r="D7681">
        <v>11307279</v>
      </c>
      <c r="E7681">
        <v>1</v>
      </c>
      <c r="F7681">
        <v>0</v>
      </c>
      <c r="H7681" t="s">
        <v>39440</v>
      </c>
      <c r="J7681" t="s">
        <v>39441</v>
      </c>
      <c r="K7681" t="s">
        <v>39442</v>
      </c>
      <c r="M7681">
        <v>785241</v>
      </c>
      <c r="O7681">
        <v>1497941</v>
      </c>
      <c r="P7681">
        <v>1</v>
      </c>
      <c r="Q7681">
        <v>0</v>
      </c>
      <c r="R7681" t="s">
        <v>2722</v>
      </c>
      <c r="S7681">
        <v>234</v>
      </c>
    </row>
    <row r="7682" spans="1:19" x14ac:dyDescent="0.25">
      <c r="A7682">
        <v>40964496</v>
      </c>
      <c r="B7682" t="s">
        <v>39443</v>
      </c>
      <c r="C7682" s="1" t="s">
        <v>39444</v>
      </c>
      <c r="D7682">
        <v>40964582</v>
      </c>
      <c r="E7682">
        <v>1</v>
      </c>
      <c r="F7682">
        <v>4</v>
      </c>
      <c r="H7682" t="s">
        <v>39445</v>
      </c>
      <c r="J7682" t="s">
        <v>39446</v>
      </c>
      <c r="O7682">
        <v>3786813</v>
      </c>
      <c r="P7682">
        <v>1</v>
      </c>
      <c r="Q7682">
        <v>-1</v>
      </c>
      <c r="R7682" t="s">
        <v>39447</v>
      </c>
      <c r="S7682">
        <v>131</v>
      </c>
    </row>
    <row r="7683" spans="1:19" x14ac:dyDescent="0.25">
      <c r="A7683">
        <v>46161429</v>
      </c>
      <c r="B7683" t="s">
        <v>39448</v>
      </c>
      <c r="C7683" s="1" t="s">
        <v>39449</v>
      </c>
      <c r="D7683">
        <v>46166899</v>
      </c>
      <c r="E7683">
        <v>1</v>
      </c>
      <c r="F7683">
        <v>0</v>
      </c>
      <c r="H7683" t="s">
        <v>39450</v>
      </c>
      <c r="J7683" t="s">
        <v>39451</v>
      </c>
      <c r="O7683">
        <v>6411143</v>
      </c>
      <c r="P7683">
        <v>1</v>
      </c>
      <c r="Q7683">
        <v>0</v>
      </c>
      <c r="R7683" t="s">
        <v>39452</v>
      </c>
      <c r="S7683">
        <v>40</v>
      </c>
    </row>
    <row r="7684" spans="1:19" x14ac:dyDescent="0.25">
      <c r="A7684">
        <v>48804025</v>
      </c>
      <c r="B7684" t="s">
        <v>39453</v>
      </c>
      <c r="C7684" t="s">
        <v>39454</v>
      </c>
      <c r="E7684">
        <v>0</v>
      </c>
      <c r="F7684">
        <v>0</v>
      </c>
      <c r="H7684" t="s">
        <v>39455</v>
      </c>
      <c r="J7684" t="s">
        <v>39455</v>
      </c>
      <c r="O7684">
        <v>5320395</v>
      </c>
      <c r="P7684">
        <v>1</v>
      </c>
      <c r="Q7684">
        <v>0</v>
      </c>
      <c r="R7684" t="s">
        <v>39456</v>
      </c>
      <c r="S7684">
        <v>62</v>
      </c>
    </row>
    <row r="7685" spans="1:19" x14ac:dyDescent="0.25">
      <c r="A7685">
        <v>47758086</v>
      </c>
      <c r="B7685" t="s">
        <v>39457</v>
      </c>
      <c r="C7685" s="1" t="s">
        <v>39458</v>
      </c>
      <c r="D7685">
        <v>47760670</v>
      </c>
      <c r="E7685">
        <v>2</v>
      </c>
      <c r="F7685">
        <v>0</v>
      </c>
      <c r="H7685" t="s">
        <v>39459</v>
      </c>
      <c r="J7685" t="s">
        <v>39460</v>
      </c>
      <c r="K7685" t="s">
        <v>39461</v>
      </c>
      <c r="M7685">
        <v>4034437</v>
      </c>
      <c r="O7685">
        <v>4034437</v>
      </c>
      <c r="P7685">
        <v>1</v>
      </c>
      <c r="Q7685">
        <v>0</v>
      </c>
      <c r="R7685" t="s">
        <v>39462</v>
      </c>
      <c r="S7685">
        <v>349</v>
      </c>
    </row>
    <row r="7686" spans="1:19" x14ac:dyDescent="0.25">
      <c r="A7686">
        <v>39470519</v>
      </c>
      <c r="B7686" t="s">
        <v>39463</v>
      </c>
      <c r="C7686" s="1" t="s">
        <v>39464</v>
      </c>
      <c r="E7686">
        <v>6</v>
      </c>
      <c r="F7686">
        <v>0</v>
      </c>
      <c r="H7686" t="s">
        <v>39465</v>
      </c>
      <c r="J7686" t="s">
        <v>39466</v>
      </c>
      <c r="K7686" t="s">
        <v>39467</v>
      </c>
      <c r="M7686">
        <v>4952806</v>
      </c>
      <c r="O7686">
        <v>6826584</v>
      </c>
      <c r="P7686">
        <v>1</v>
      </c>
      <c r="Q7686">
        <v>0</v>
      </c>
      <c r="R7686" t="s">
        <v>39468</v>
      </c>
      <c r="S7686">
        <v>136</v>
      </c>
    </row>
    <row r="7687" spans="1:19" x14ac:dyDescent="0.25">
      <c r="A7687">
        <v>211718</v>
      </c>
      <c r="B7687" t="s">
        <v>39469</v>
      </c>
      <c r="C7687" s="1" t="s">
        <v>39470</v>
      </c>
      <c r="E7687">
        <v>5</v>
      </c>
      <c r="F7687">
        <v>0</v>
      </c>
      <c r="H7687" t="s">
        <v>39471</v>
      </c>
      <c r="J7687" t="s">
        <v>39472</v>
      </c>
      <c r="K7687" t="s">
        <v>39473</v>
      </c>
      <c r="L7687" t="s">
        <v>39474</v>
      </c>
      <c r="M7687">
        <v>1450</v>
      </c>
      <c r="N7687" t="s">
        <v>39475</v>
      </c>
      <c r="P7687">
        <v>1</v>
      </c>
      <c r="Q7687">
        <v>1</v>
      </c>
      <c r="R7687" t="s">
        <v>39476</v>
      </c>
      <c r="S7687">
        <v>3285</v>
      </c>
    </row>
    <row r="7688" spans="1:19" x14ac:dyDescent="0.25">
      <c r="A7688">
        <v>53296560</v>
      </c>
      <c r="B7688" t="s">
        <v>39477</v>
      </c>
      <c r="C7688" s="1" t="s">
        <v>39478</v>
      </c>
      <c r="D7688">
        <v>53296614</v>
      </c>
      <c r="E7688">
        <v>1</v>
      </c>
      <c r="F7688">
        <v>0</v>
      </c>
      <c r="H7688" t="s">
        <v>39479</v>
      </c>
      <c r="J7688" t="s">
        <v>39480</v>
      </c>
      <c r="O7688">
        <v>9661872</v>
      </c>
      <c r="P7688">
        <v>1</v>
      </c>
      <c r="Q7688">
        <v>1</v>
      </c>
      <c r="R7688" t="s">
        <v>39481</v>
      </c>
      <c r="S7688">
        <v>31</v>
      </c>
    </row>
    <row r="7689" spans="1:19" x14ac:dyDescent="0.25">
      <c r="A7689">
        <v>52080292</v>
      </c>
      <c r="B7689" t="s">
        <v>39482</v>
      </c>
      <c r="C7689" s="1" t="s">
        <v>39483</v>
      </c>
      <c r="E7689">
        <v>0</v>
      </c>
      <c r="F7689">
        <v>7</v>
      </c>
      <c r="H7689" t="s">
        <v>39484</v>
      </c>
      <c r="J7689" t="s">
        <v>39485</v>
      </c>
      <c r="K7689" t="s">
        <v>39485</v>
      </c>
      <c r="M7689">
        <v>1208142</v>
      </c>
      <c r="O7689">
        <v>1208142</v>
      </c>
      <c r="P7689">
        <v>1</v>
      </c>
      <c r="Q7689">
        <v>0</v>
      </c>
      <c r="R7689" t="s">
        <v>39486</v>
      </c>
      <c r="S7689">
        <v>17</v>
      </c>
    </row>
    <row r="7690" spans="1:19" x14ac:dyDescent="0.25">
      <c r="A7690">
        <v>27135863</v>
      </c>
      <c r="B7690" t="s">
        <v>39487</v>
      </c>
      <c r="C7690" s="1" t="s">
        <v>39488</v>
      </c>
      <c r="D7690">
        <v>27140048</v>
      </c>
      <c r="E7690">
        <v>3</v>
      </c>
      <c r="F7690">
        <v>1</v>
      </c>
      <c r="H7690" t="s">
        <v>39489</v>
      </c>
      <c r="J7690" t="s">
        <v>39490</v>
      </c>
      <c r="O7690">
        <v>2751600</v>
      </c>
      <c r="P7690">
        <v>1</v>
      </c>
      <c r="Q7690">
        <v>1</v>
      </c>
      <c r="R7690" t="s">
        <v>39491</v>
      </c>
      <c r="S7690">
        <v>1465</v>
      </c>
    </row>
    <row r="7691" spans="1:19" x14ac:dyDescent="0.25">
      <c r="A7691">
        <v>47769297</v>
      </c>
      <c r="B7691" t="s">
        <v>39492</v>
      </c>
      <c r="C7691" s="1" t="s">
        <v>39493</v>
      </c>
      <c r="D7691">
        <v>47797504</v>
      </c>
      <c r="E7691">
        <v>4</v>
      </c>
      <c r="F7691">
        <v>0</v>
      </c>
      <c r="H7691" t="s">
        <v>39494</v>
      </c>
      <c r="I7691">
        <v>1</v>
      </c>
      <c r="J7691" t="s">
        <v>39495</v>
      </c>
      <c r="O7691">
        <v>443390</v>
      </c>
      <c r="P7691">
        <v>1</v>
      </c>
      <c r="Q7691">
        <v>1</v>
      </c>
      <c r="R7691" t="s">
        <v>39496</v>
      </c>
      <c r="S7691">
        <v>1502</v>
      </c>
    </row>
    <row r="7692" spans="1:19" x14ac:dyDescent="0.25">
      <c r="A7692">
        <v>20238280</v>
      </c>
      <c r="B7692" t="s">
        <v>39497</v>
      </c>
      <c r="C7692" s="1" t="s">
        <v>39498</v>
      </c>
      <c r="D7692">
        <v>20238366</v>
      </c>
      <c r="E7692">
        <v>4</v>
      </c>
      <c r="F7692">
        <v>4</v>
      </c>
      <c r="H7692" t="s">
        <v>39499</v>
      </c>
      <c r="I7692">
        <v>2</v>
      </c>
      <c r="J7692" t="s">
        <v>39500</v>
      </c>
      <c r="K7692" t="s">
        <v>39501</v>
      </c>
      <c r="M7692">
        <v>1651042</v>
      </c>
      <c r="O7692">
        <v>1651042</v>
      </c>
      <c r="P7692">
        <v>1</v>
      </c>
      <c r="Q7692">
        <v>12</v>
      </c>
      <c r="R7692" t="s">
        <v>39502</v>
      </c>
      <c r="S7692">
        <v>71677</v>
      </c>
    </row>
    <row r="7693" spans="1:19" x14ac:dyDescent="0.25">
      <c r="A7693">
        <v>42805720</v>
      </c>
      <c r="B7693" t="s">
        <v>39503</v>
      </c>
      <c r="C7693" s="1" t="s">
        <v>39504</v>
      </c>
      <c r="D7693">
        <v>42806636</v>
      </c>
      <c r="E7693">
        <v>2</v>
      </c>
      <c r="F7693">
        <v>10</v>
      </c>
      <c r="H7693" t="s">
        <v>39505</v>
      </c>
      <c r="J7693" t="s">
        <v>39506</v>
      </c>
      <c r="K7693" t="s">
        <v>39507</v>
      </c>
      <c r="M7693">
        <v>7713833</v>
      </c>
      <c r="O7693">
        <v>7713833</v>
      </c>
      <c r="P7693">
        <v>1</v>
      </c>
      <c r="Q7693">
        <v>-3</v>
      </c>
      <c r="R7693" t="s">
        <v>39508</v>
      </c>
      <c r="S7693">
        <v>44</v>
      </c>
    </row>
    <row r="7694" spans="1:19" x14ac:dyDescent="0.25">
      <c r="A7694">
        <v>21869304</v>
      </c>
      <c r="B7694" t="s">
        <v>39509</v>
      </c>
      <c r="C7694" s="1" t="s">
        <v>39510</v>
      </c>
      <c r="E7694">
        <v>2</v>
      </c>
      <c r="F7694">
        <v>5</v>
      </c>
      <c r="H7694" t="s">
        <v>39511</v>
      </c>
      <c r="I7694">
        <v>4</v>
      </c>
      <c r="J7694" t="s">
        <v>39512</v>
      </c>
      <c r="K7694" t="s">
        <v>39513</v>
      </c>
      <c r="M7694">
        <v>578411</v>
      </c>
      <c r="O7694">
        <v>3325963</v>
      </c>
      <c r="P7694">
        <v>1</v>
      </c>
      <c r="Q7694">
        <v>6</v>
      </c>
      <c r="R7694" t="s">
        <v>39514</v>
      </c>
      <c r="S7694">
        <v>3308</v>
      </c>
    </row>
    <row r="7695" spans="1:19" x14ac:dyDescent="0.25">
      <c r="A7695">
        <v>19138234</v>
      </c>
      <c r="B7695" t="s">
        <v>39515</v>
      </c>
      <c r="C7695" s="1" t="s">
        <v>39516</v>
      </c>
      <c r="E7695">
        <v>1</v>
      </c>
      <c r="F7695">
        <v>0</v>
      </c>
      <c r="H7695" t="s">
        <v>39517</v>
      </c>
      <c r="J7695" t="s">
        <v>39518</v>
      </c>
      <c r="O7695">
        <v>1420491</v>
      </c>
      <c r="P7695">
        <v>1</v>
      </c>
      <c r="Q7695">
        <v>0</v>
      </c>
      <c r="R7695" t="s">
        <v>39519</v>
      </c>
      <c r="S7695">
        <v>428</v>
      </c>
    </row>
    <row r="7696" spans="1:19" x14ac:dyDescent="0.25">
      <c r="A7696">
        <v>10174605</v>
      </c>
      <c r="B7696" t="s">
        <v>39520</v>
      </c>
      <c r="C7696" s="1" t="s">
        <v>39521</v>
      </c>
      <c r="E7696">
        <v>2</v>
      </c>
      <c r="F7696">
        <v>0</v>
      </c>
      <c r="H7696" t="s">
        <v>39522</v>
      </c>
      <c r="I7696">
        <v>1</v>
      </c>
      <c r="J7696" t="s">
        <v>39523</v>
      </c>
      <c r="O7696">
        <v>1323251</v>
      </c>
      <c r="P7696">
        <v>1</v>
      </c>
      <c r="Q7696">
        <v>1</v>
      </c>
      <c r="R7696" t="s">
        <v>39524</v>
      </c>
      <c r="S7696">
        <v>73</v>
      </c>
    </row>
    <row r="7697" spans="1:19" x14ac:dyDescent="0.25">
      <c r="A7697">
        <v>42867503</v>
      </c>
      <c r="B7697" t="s">
        <v>39525</v>
      </c>
      <c r="C7697" s="1" t="s">
        <v>39526</v>
      </c>
      <c r="D7697">
        <v>42867753</v>
      </c>
      <c r="E7697">
        <v>2</v>
      </c>
      <c r="F7697">
        <v>1</v>
      </c>
      <c r="H7697" t="s">
        <v>39527</v>
      </c>
      <c r="I7697">
        <v>0</v>
      </c>
      <c r="J7697" t="s">
        <v>39528</v>
      </c>
      <c r="O7697">
        <v>605748</v>
      </c>
      <c r="P7697">
        <v>1</v>
      </c>
      <c r="Q7697">
        <v>1</v>
      </c>
      <c r="R7697" t="s">
        <v>10089</v>
      </c>
      <c r="S7697">
        <v>270</v>
      </c>
    </row>
    <row r="7698" spans="1:19" x14ac:dyDescent="0.25">
      <c r="A7698">
        <v>8004974</v>
      </c>
      <c r="B7698" t="s">
        <v>39529</v>
      </c>
      <c r="C7698" s="1" t="s">
        <v>39530</v>
      </c>
      <c r="D7698">
        <v>8005046</v>
      </c>
      <c r="E7698">
        <v>1</v>
      </c>
      <c r="F7698">
        <v>0</v>
      </c>
      <c r="H7698" t="s">
        <v>39531</v>
      </c>
      <c r="I7698">
        <v>1</v>
      </c>
      <c r="J7698" t="s">
        <v>39532</v>
      </c>
      <c r="K7698" t="s">
        <v>39532</v>
      </c>
      <c r="M7698">
        <v>68805</v>
      </c>
      <c r="O7698">
        <v>1022254</v>
      </c>
      <c r="P7698">
        <v>1</v>
      </c>
      <c r="Q7698">
        <v>0</v>
      </c>
      <c r="R7698" t="s">
        <v>39533</v>
      </c>
      <c r="S7698">
        <v>380</v>
      </c>
    </row>
    <row r="7699" spans="1:19" x14ac:dyDescent="0.25">
      <c r="A7699">
        <v>30318036</v>
      </c>
      <c r="B7699" t="s">
        <v>39534</v>
      </c>
      <c r="C7699" s="1" t="s">
        <v>39535</v>
      </c>
      <c r="E7699">
        <v>1</v>
      </c>
      <c r="F7699">
        <v>0</v>
      </c>
      <c r="H7699" t="s">
        <v>39536</v>
      </c>
      <c r="J7699" t="s">
        <v>39537</v>
      </c>
      <c r="K7699" t="s">
        <v>39537</v>
      </c>
      <c r="M7699">
        <v>4370109</v>
      </c>
      <c r="O7699">
        <v>2303797</v>
      </c>
      <c r="P7699">
        <v>1</v>
      </c>
      <c r="Q7699">
        <v>0</v>
      </c>
      <c r="R7699" t="s">
        <v>39538</v>
      </c>
      <c r="S7699">
        <v>93</v>
      </c>
    </row>
    <row r="7700" spans="1:19" x14ac:dyDescent="0.25">
      <c r="A7700">
        <v>50006260</v>
      </c>
      <c r="B7700" t="s">
        <v>39539</v>
      </c>
      <c r="C7700" s="1" t="s">
        <v>39540</v>
      </c>
      <c r="E7700">
        <v>3</v>
      </c>
      <c r="F7700">
        <v>1</v>
      </c>
      <c r="H7700" t="s">
        <v>39541</v>
      </c>
      <c r="J7700" t="s">
        <v>39542</v>
      </c>
      <c r="K7700" t="s">
        <v>39542</v>
      </c>
      <c r="M7700">
        <v>1305344</v>
      </c>
      <c r="O7700">
        <v>4588188</v>
      </c>
      <c r="P7700">
        <v>1</v>
      </c>
      <c r="Q7700">
        <v>1</v>
      </c>
      <c r="R7700" t="s">
        <v>39543</v>
      </c>
      <c r="S7700">
        <v>125</v>
      </c>
    </row>
    <row r="7701" spans="1:19" x14ac:dyDescent="0.25">
      <c r="A7701">
        <v>8052750</v>
      </c>
      <c r="B7701" t="s">
        <v>39544</v>
      </c>
      <c r="C7701" s="1" t="s">
        <v>39545</v>
      </c>
      <c r="D7701">
        <v>8052837</v>
      </c>
      <c r="E7701">
        <v>1</v>
      </c>
      <c r="F7701">
        <v>2</v>
      </c>
      <c r="H7701" t="s">
        <v>39546</v>
      </c>
      <c r="J7701" t="s">
        <v>39547</v>
      </c>
      <c r="K7701" t="s">
        <v>39547</v>
      </c>
      <c r="M7701">
        <v>438992</v>
      </c>
      <c r="O7701">
        <v>1035876</v>
      </c>
      <c r="P7701">
        <v>1</v>
      </c>
      <c r="Q7701">
        <v>0</v>
      </c>
      <c r="R7701" t="s">
        <v>39548</v>
      </c>
      <c r="S7701">
        <v>254</v>
      </c>
    </row>
    <row r="7702" spans="1:19" x14ac:dyDescent="0.25">
      <c r="A7702">
        <v>18177415</v>
      </c>
      <c r="B7702" t="s">
        <v>39549</v>
      </c>
      <c r="C7702" s="1" t="s">
        <v>39550</v>
      </c>
      <c r="D7702">
        <v>18191808</v>
      </c>
      <c r="E7702">
        <v>2</v>
      </c>
      <c r="F7702">
        <v>1</v>
      </c>
      <c r="H7702" t="s">
        <v>39551</v>
      </c>
      <c r="J7702" t="s">
        <v>39552</v>
      </c>
      <c r="K7702" t="s">
        <v>39553</v>
      </c>
      <c r="M7702">
        <v>1062575</v>
      </c>
      <c r="O7702">
        <v>1062575</v>
      </c>
      <c r="P7702">
        <v>1</v>
      </c>
      <c r="Q7702">
        <v>2</v>
      </c>
      <c r="R7702" t="s">
        <v>39554</v>
      </c>
      <c r="S7702">
        <v>1919</v>
      </c>
    </row>
    <row r="7703" spans="1:19" x14ac:dyDescent="0.25">
      <c r="A7703">
        <v>44259180</v>
      </c>
      <c r="B7703" t="s">
        <v>39555</v>
      </c>
      <c r="C7703" s="1" t="s">
        <v>39556</v>
      </c>
      <c r="E7703">
        <v>1</v>
      </c>
      <c r="F7703">
        <v>4</v>
      </c>
      <c r="H7703" t="s">
        <v>39557</v>
      </c>
      <c r="J7703" t="s">
        <v>39558</v>
      </c>
      <c r="O7703">
        <v>4049658</v>
      </c>
      <c r="P7703">
        <v>1</v>
      </c>
      <c r="Q7703">
        <v>0</v>
      </c>
      <c r="R7703" t="s">
        <v>39559</v>
      </c>
      <c r="S7703">
        <v>91</v>
      </c>
    </row>
    <row r="7704" spans="1:19" x14ac:dyDescent="0.25">
      <c r="A7704">
        <v>29494748</v>
      </c>
      <c r="B7704" t="s">
        <v>39560</v>
      </c>
      <c r="C7704" s="1" t="s">
        <v>39561</v>
      </c>
      <c r="E7704">
        <v>0</v>
      </c>
      <c r="F7704">
        <v>5</v>
      </c>
      <c r="H7704" t="s">
        <v>39562</v>
      </c>
      <c r="J7704" t="s">
        <v>39563</v>
      </c>
      <c r="O7704">
        <v>4759383</v>
      </c>
      <c r="P7704">
        <v>1</v>
      </c>
      <c r="Q7704">
        <v>4</v>
      </c>
      <c r="R7704" t="s">
        <v>39564</v>
      </c>
      <c r="S7704">
        <v>756</v>
      </c>
    </row>
    <row r="7705" spans="1:19" x14ac:dyDescent="0.25">
      <c r="A7705">
        <v>19697442</v>
      </c>
      <c r="B7705" t="s">
        <v>39565</v>
      </c>
      <c r="C7705" s="1" t="s">
        <v>39566</v>
      </c>
      <c r="D7705">
        <v>19697868</v>
      </c>
      <c r="E7705">
        <v>1</v>
      </c>
      <c r="F7705">
        <v>2</v>
      </c>
      <c r="H7705" t="s">
        <v>39567</v>
      </c>
      <c r="I7705">
        <v>1</v>
      </c>
      <c r="J7705" t="s">
        <v>39568</v>
      </c>
      <c r="O7705">
        <v>1719363</v>
      </c>
      <c r="P7705">
        <v>1</v>
      </c>
      <c r="Q7705">
        <v>0</v>
      </c>
      <c r="R7705" t="s">
        <v>759</v>
      </c>
      <c r="S7705">
        <v>58</v>
      </c>
    </row>
    <row r="7706" spans="1:19" x14ac:dyDescent="0.25">
      <c r="A7706">
        <v>20977936</v>
      </c>
      <c r="B7706" t="s">
        <v>39569</v>
      </c>
      <c r="C7706" s="1" t="s">
        <v>39570</v>
      </c>
      <c r="E7706">
        <v>2</v>
      </c>
      <c r="F7706">
        <v>0</v>
      </c>
      <c r="H7706" t="s">
        <v>39571</v>
      </c>
      <c r="J7706" t="s">
        <v>39572</v>
      </c>
      <c r="K7706" t="s">
        <v>39572</v>
      </c>
      <c r="M7706">
        <v>754604</v>
      </c>
      <c r="O7706">
        <v>3010148</v>
      </c>
      <c r="P7706">
        <v>1</v>
      </c>
      <c r="Q7706">
        <v>0</v>
      </c>
      <c r="R7706" t="s">
        <v>39573</v>
      </c>
      <c r="S7706">
        <v>4300</v>
      </c>
    </row>
    <row r="7707" spans="1:19" x14ac:dyDescent="0.25">
      <c r="A7707">
        <v>36592824</v>
      </c>
      <c r="B7707" t="s">
        <v>39574</v>
      </c>
      <c r="C7707" s="1" t="s">
        <v>39575</v>
      </c>
      <c r="E7707">
        <v>3</v>
      </c>
      <c r="F7707">
        <v>0</v>
      </c>
      <c r="H7707" t="s">
        <v>39576</v>
      </c>
      <c r="J7707" t="s">
        <v>39577</v>
      </c>
      <c r="K7707" t="s">
        <v>39577</v>
      </c>
      <c r="M7707">
        <v>881229</v>
      </c>
      <c r="O7707">
        <v>5237479</v>
      </c>
      <c r="P7707">
        <v>1</v>
      </c>
      <c r="Q7707">
        <v>1</v>
      </c>
      <c r="R7707" t="s">
        <v>2771</v>
      </c>
      <c r="S7707">
        <v>89</v>
      </c>
    </row>
    <row r="7708" spans="1:19" x14ac:dyDescent="0.25">
      <c r="A7708">
        <v>23045705</v>
      </c>
      <c r="B7708" t="s">
        <v>39578</v>
      </c>
      <c r="C7708" s="1" t="s">
        <v>39579</v>
      </c>
      <c r="D7708">
        <v>28787496</v>
      </c>
      <c r="E7708">
        <v>1</v>
      </c>
      <c r="F7708">
        <v>3</v>
      </c>
      <c r="H7708" t="s">
        <v>39580</v>
      </c>
      <c r="I7708">
        <v>8</v>
      </c>
      <c r="J7708" t="s">
        <v>39581</v>
      </c>
      <c r="K7708" t="s">
        <v>39582</v>
      </c>
      <c r="M7708">
        <v>719147</v>
      </c>
      <c r="O7708">
        <v>449187</v>
      </c>
      <c r="P7708">
        <v>1</v>
      </c>
      <c r="Q7708">
        <v>19</v>
      </c>
      <c r="R7708" t="s">
        <v>39583</v>
      </c>
      <c r="S7708">
        <v>6066</v>
      </c>
    </row>
    <row r="7709" spans="1:19" x14ac:dyDescent="0.25">
      <c r="A7709">
        <v>19107308</v>
      </c>
      <c r="B7709" t="s">
        <v>39584</v>
      </c>
      <c r="C7709" s="1" t="s">
        <v>39585</v>
      </c>
      <c r="D7709">
        <v>19107510</v>
      </c>
      <c r="E7709">
        <v>2</v>
      </c>
      <c r="F7709">
        <v>4</v>
      </c>
      <c r="H7709" t="s">
        <v>39586</v>
      </c>
      <c r="J7709" t="s">
        <v>39587</v>
      </c>
      <c r="O7709">
        <v>1544566</v>
      </c>
      <c r="P7709">
        <v>1</v>
      </c>
      <c r="Q7709">
        <v>1</v>
      </c>
      <c r="R7709" t="s">
        <v>34162</v>
      </c>
      <c r="S7709">
        <v>265</v>
      </c>
    </row>
    <row r="7710" spans="1:19" x14ac:dyDescent="0.25">
      <c r="A7710">
        <v>3267076</v>
      </c>
      <c r="B7710" t="s">
        <v>39588</v>
      </c>
      <c r="C7710" s="1" t="s">
        <v>39589</v>
      </c>
      <c r="D7710">
        <v>3267124</v>
      </c>
      <c r="E7710">
        <v>3</v>
      </c>
      <c r="F7710">
        <v>6</v>
      </c>
      <c r="H7710" t="s">
        <v>39590</v>
      </c>
      <c r="I7710">
        <v>1</v>
      </c>
      <c r="J7710" t="s">
        <v>39591</v>
      </c>
      <c r="K7710" t="s">
        <v>39592</v>
      </c>
      <c r="M7710">
        <v>2598</v>
      </c>
      <c r="O7710">
        <v>393272</v>
      </c>
      <c r="P7710">
        <v>1</v>
      </c>
      <c r="Q7710">
        <v>1</v>
      </c>
      <c r="R7710" t="s">
        <v>39593</v>
      </c>
      <c r="S7710">
        <v>179</v>
      </c>
    </row>
    <row r="7711" spans="1:19" x14ac:dyDescent="0.25">
      <c r="A7711">
        <v>5178255</v>
      </c>
      <c r="B7711" t="s">
        <v>39594</v>
      </c>
      <c r="C7711" s="1" t="s">
        <v>39595</v>
      </c>
      <c r="D7711">
        <v>5180737</v>
      </c>
      <c r="E7711">
        <v>2</v>
      </c>
      <c r="F7711">
        <v>0</v>
      </c>
      <c r="H7711" t="s">
        <v>39596</v>
      </c>
      <c r="I7711">
        <v>1</v>
      </c>
      <c r="J7711" t="s">
        <v>39597</v>
      </c>
      <c r="K7711" t="s">
        <v>39597</v>
      </c>
      <c r="M7711">
        <v>635608</v>
      </c>
      <c r="O7711">
        <v>642605</v>
      </c>
      <c r="P7711">
        <v>1</v>
      </c>
      <c r="Q7711">
        <v>6</v>
      </c>
      <c r="R7711" t="s">
        <v>39598</v>
      </c>
      <c r="S7711">
        <v>2315</v>
      </c>
    </row>
    <row r="7712" spans="1:19" x14ac:dyDescent="0.25">
      <c r="A7712">
        <v>7278072</v>
      </c>
      <c r="B7712" t="s">
        <v>39599</v>
      </c>
      <c r="C7712" s="1" t="s">
        <v>39600</v>
      </c>
      <c r="D7712">
        <v>7278082</v>
      </c>
      <c r="E7712">
        <v>2</v>
      </c>
      <c r="F7712">
        <v>0</v>
      </c>
      <c r="H7712" t="s">
        <v>39601</v>
      </c>
      <c r="J7712" t="s">
        <v>39602</v>
      </c>
      <c r="O7712">
        <v>654480</v>
      </c>
      <c r="P7712">
        <v>1</v>
      </c>
      <c r="Q7712">
        <v>0</v>
      </c>
      <c r="R7712" t="s">
        <v>989</v>
      </c>
      <c r="S7712">
        <v>45</v>
      </c>
    </row>
    <row r="7713" spans="1:19" x14ac:dyDescent="0.25">
      <c r="A7713">
        <v>5203964</v>
      </c>
      <c r="B7713" t="s">
        <v>39603</v>
      </c>
      <c r="C7713" s="1" t="s">
        <v>39604</v>
      </c>
      <c r="D7713">
        <v>5204541</v>
      </c>
      <c r="E7713">
        <v>1</v>
      </c>
      <c r="F7713">
        <v>0</v>
      </c>
      <c r="H7713" t="s">
        <v>39605</v>
      </c>
      <c r="J7713" t="s">
        <v>39606</v>
      </c>
      <c r="O7713">
        <v>4172</v>
      </c>
      <c r="P7713">
        <v>1</v>
      </c>
      <c r="Q7713">
        <v>0</v>
      </c>
      <c r="R7713" t="s">
        <v>39607</v>
      </c>
      <c r="S7713">
        <v>453</v>
      </c>
    </row>
    <row r="7714" spans="1:19" x14ac:dyDescent="0.25">
      <c r="A7714">
        <v>11257795</v>
      </c>
      <c r="B7714" t="s">
        <v>39608</v>
      </c>
      <c r="C7714" s="1" t="s">
        <v>39609</v>
      </c>
      <c r="E7714">
        <v>0</v>
      </c>
      <c r="F7714">
        <v>5</v>
      </c>
      <c r="H7714" t="s">
        <v>39610</v>
      </c>
      <c r="J7714" t="s">
        <v>39610</v>
      </c>
      <c r="O7714">
        <v>1490465</v>
      </c>
      <c r="P7714">
        <v>1</v>
      </c>
      <c r="Q7714">
        <v>0</v>
      </c>
      <c r="R7714" t="s">
        <v>39611</v>
      </c>
      <c r="S7714">
        <v>784</v>
      </c>
    </row>
    <row r="7715" spans="1:19" x14ac:dyDescent="0.25">
      <c r="A7715">
        <v>39473678</v>
      </c>
      <c r="B7715" t="s">
        <v>39612</v>
      </c>
      <c r="C7715" s="1" t="s">
        <v>39613</v>
      </c>
      <c r="E7715">
        <v>1</v>
      </c>
      <c r="F7715">
        <v>3</v>
      </c>
      <c r="H7715" t="s">
        <v>39614</v>
      </c>
      <c r="J7715" t="s">
        <v>39615</v>
      </c>
      <c r="K7715" t="s">
        <v>39615</v>
      </c>
      <c r="M7715">
        <v>4558029</v>
      </c>
      <c r="O7715">
        <v>6746956</v>
      </c>
      <c r="P7715">
        <v>1</v>
      </c>
      <c r="Q7715">
        <v>0</v>
      </c>
      <c r="R7715" t="s">
        <v>39616</v>
      </c>
      <c r="S7715">
        <v>124</v>
      </c>
    </row>
    <row r="7716" spans="1:19" x14ac:dyDescent="0.25">
      <c r="A7716">
        <v>50643408</v>
      </c>
      <c r="B7716" t="s">
        <v>39617</v>
      </c>
      <c r="C7716" s="1" t="s">
        <v>39618</v>
      </c>
      <c r="D7716">
        <v>50643506</v>
      </c>
      <c r="E7716">
        <v>5</v>
      </c>
      <c r="F7716">
        <v>2</v>
      </c>
      <c r="H7716" t="s">
        <v>39619</v>
      </c>
      <c r="J7716" t="s">
        <v>39620</v>
      </c>
      <c r="K7716" t="s">
        <v>39621</v>
      </c>
      <c r="M7716">
        <v>1144035</v>
      </c>
      <c r="O7716">
        <v>9202555</v>
      </c>
      <c r="P7716">
        <v>1</v>
      </c>
      <c r="Q7716">
        <v>-2</v>
      </c>
      <c r="R7716" t="s">
        <v>32578</v>
      </c>
      <c r="S7716">
        <v>70</v>
      </c>
    </row>
    <row r="7717" spans="1:19" x14ac:dyDescent="0.25">
      <c r="A7717">
        <v>6445153</v>
      </c>
      <c r="B7717" t="s">
        <v>39622</v>
      </c>
      <c r="C7717" s="1" t="s">
        <v>39623</v>
      </c>
      <c r="D7717">
        <v>6445198</v>
      </c>
      <c r="E7717">
        <v>3</v>
      </c>
      <c r="F7717">
        <v>1</v>
      </c>
      <c r="H7717" t="s">
        <v>39624</v>
      </c>
      <c r="I7717">
        <v>1</v>
      </c>
      <c r="J7717" t="s">
        <v>39625</v>
      </c>
      <c r="O7717">
        <v>459987</v>
      </c>
      <c r="P7717">
        <v>1</v>
      </c>
      <c r="Q7717">
        <v>8</v>
      </c>
      <c r="R7717" t="s">
        <v>2754</v>
      </c>
      <c r="S7717">
        <v>4773</v>
      </c>
    </row>
    <row r="7718" spans="1:19" x14ac:dyDescent="0.25">
      <c r="A7718">
        <v>30867808</v>
      </c>
      <c r="B7718" t="s">
        <v>39626</v>
      </c>
      <c r="C7718" s="1" t="s">
        <v>39627</v>
      </c>
      <c r="E7718">
        <v>0</v>
      </c>
      <c r="F7718">
        <v>0</v>
      </c>
      <c r="H7718" t="s">
        <v>39628</v>
      </c>
      <c r="I7718">
        <v>0</v>
      </c>
      <c r="J7718" t="s">
        <v>39628</v>
      </c>
      <c r="O7718">
        <v>4358684</v>
      </c>
      <c r="P7718">
        <v>1</v>
      </c>
      <c r="Q7718">
        <v>1</v>
      </c>
      <c r="R7718" t="s">
        <v>11519</v>
      </c>
      <c r="S7718">
        <v>42</v>
      </c>
    </row>
    <row r="7719" spans="1:19" x14ac:dyDescent="0.25">
      <c r="A7719">
        <v>38171222</v>
      </c>
      <c r="B7719" t="s">
        <v>39629</v>
      </c>
      <c r="C7719" s="1" t="s">
        <v>39630</v>
      </c>
      <c r="E7719">
        <v>0</v>
      </c>
      <c r="F7719">
        <v>6</v>
      </c>
      <c r="H7719" t="s">
        <v>39631</v>
      </c>
      <c r="J7719" t="s">
        <v>39631</v>
      </c>
      <c r="O7719">
        <v>6367569</v>
      </c>
      <c r="P7719">
        <v>1</v>
      </c>
      <c r="Q7719">
        <v>0</v>
      </c>
      <c r="R7719" t="s">
        <v>39632</v>
      </c>
      <c r="S7719">
        <v>409</v>
      </c>
    </row>
    <row r="7720" spans="1:19" x14ac:dyDescent="0.25">
      <c r="A7720">
        <v>21329519</v>
      </c>
      <c r="B7720" t="s">
        <v>39633</v>
      </c>
      <c r="C7720" s="1" t="s">
        <v>39634</v>
      </c>
      <c r="E7720">
        <v>3</v>
      </c>
      <c r="F7720">
        <v>0</v>
      </c>
      <c r="H7720" t="s">
        <v>39635</v>
      </c>
      <c r="J7720" t="s">
        <v>39636</v>
      </c>
      <c r="K7720" t="s">
        <v>39636</v>
      </c>
      <c r="M7720">
        <v>1725378</v>
      </c>
      <c r="O7720">
        <v>2353403</v>
      </c>
      <c r="P7720">
        <v>1</v>
      </c>
      <c r="Q7720">
        <v>2</v>
      </c>
      <c r="R7720" t="s">
        <v>34466</v>
      </c>
      <c r="S7720">
        <v>1344</v>
      </c>
    </row>
    <row r="7721" spans="1:19" x14ac:dyDescent="0.25">
      <c r="A7721">
        <v>34081154</v>
      </c>
      <c r="B7721" t="s">
        <v>39637</v>
      </c>
      <c r="C7721" s="1" t="s">
        <v>39638</v>
      </c>
      <c r="D7721">
        <v>34152351</v>
      </c>
      <c r="E7721">
        <v>2</v>
      </c>
      <c r="F7721">
        <v>0</v>
      </c>
      <c r="H7721" t="s">
        <v>39639</v>
      </c>
      <c r="J7721" t="s">
        <v>39640</v>
      </c>
      <c r="K7721" t="s">
        <v>39641</v>
      </c>
      <c r="M7721">
        <v>5566856</v>
      </c>
      <c r="O7721">
        <v>5566856</v>
      </c>
      <c r="P7721">
        <v>1</v>
      </c>
      <c r="Q7721">
        <v>0</v>
      </c>
      <c r="R7721" t="s">
        <v>39642</v>
      </c>
      <c r="S7721">
        <v>2060</v>
      </c>
    </row>
    <row r="7722" spans="1:19" x14ac:dyDescent="0.25">
      <c r="A7722">
        <v>14929156</v>
      </c>
      <c r="B7722" t="s">
        <v>39643</v>
      </c>
      <c r="C7722" s="1" t="s">
        <v>39644</v>
      </c>
      <c r="E7722">
        <v>1</v>
      </c>
      <c r="F7722">
        <v>2</v>
      </c>
      <c r="H7722" t="s">
        <v>39645</v>
      </c>
      <c r="J7722" t="s">
        <v>39646</v>
      </c>
      <c r="K7722" t="s">
        <v>39646</v>
      </c>
      <c r="M7722">
        <v>487328</v>
      </c>
      <c r="O7722">
        <v>487328</v>
      </c>
      <c r="P7722">
        <v>1</v>
      </c>
      <c r="Q7722">
        <v>-1</v>
      </c>
      <c r="R7722" t="s">
        <v>39647</v>
      </c>
      <c r="S7722">
        <v>91</v>
      </c>
    </row>
    <row r="7723" spans="1:19" x14ac:dyDescent="0.25">
      <c r="A7723">
        <v>35423845</v>
      </c>
      <c r="B7723" t="s">
        <v>39648</v>
      </c>
      <c r="C7723" t="s">
        <v>39649</v>
      </c>
      <c r="D7723">
        <v>35427401</v>
      </c>
      <c r="E7723">
        <v>1</v>
      </c>
      <c r="F7723">
        <v>0</v>
      </c>
      <c r="H7723" t="s">
        <v>39650</v>
      </c>
      <c r="J7723" t="s">
        <v>39651</v>
      </c>
      <c r="O7723">
        <v>857346</v>
      </c>
      <c r="P7723">
        <v>1</v>
      </c>
      <c r="Q7723">
        <v>3</v>
      </c>
      <c r="R7723" t="s">
        <v>39652</v>
      </c>
      <c r="S7723">
        <v>344</v>
      </c>
    </row>
    <row r="7724" spans="1:19" x14ac:dyDescent="0.25">
      <c r="A7724">
        <v>45675681</v>
      </c>
      <c r="B7724" t="s">
        <v>39653</v>
      </c>
      <c r="C7724" s="1" t="s">
        <v>39654</v>
      </c>
      <c r="D7724">
        <v>45675908</v>
      </c>
      <c r="E7724">
        <v>1</v>
      </c>
      <c r="F7724">
        <v>1</v>
      </c>
      <c r="H7724" t="s">
        <v>39655</v>
      </c>
      <c r="I7724">
        <v>1</v>
      </c>
      <c r="J7724" t="s">
        <v>39656</v>
      </c>
      <c r="O7724">
        <v>6107217</v>
      </c>
      <c r="P7724">
        <v>1</v>
      </c>
      <c r="Q7724">
        <v>-3</v>
      </c>
      <c r="R7724" t="s">
        <v>39657</v>
      </c>
      <c r="S7724">
        <v>133</v>
      </c>
    </row>
    <row r="7725" spans="1:19" x14ac:dyDescent="0.25">
      <c r="A7725">
        <v>19612709</v>
      </c>
      <c r="B7725" t="s">
        <v>39658</v>
      </c>
      <c r="C7725" s="1" t="s">
        <v>39659</v>
      </c>
      <c r="E7725">
        <v>1</v>
      </c>
      <c r="F7725">
        <v>0</v>
      </c>
      <c r="H7725" t="s">
        <v>39660</v>
      </c>
      <c r="J7725" t="s">
        <v>39661</v>
      </c>
      <c r="K7725" t="s">
        <v>39662</v>
      </c>
      <c r="M7725">
        <v>1495220</v>
      </c>
      <c r="O7725">
        <v>1495220</v>
      </c>
      <c r="P7725">
        <v>1</v>
      </c>
      <c r="Q7725">
        <v>0</v>
      </c>
      <c r="R7725" t="s">
        <v>1239</v>
      </c>
      <c r="S7725">
        <v>153</v>
      </c>
    </row>
    <row r="7726" spans="1:19" x14ac:dyDescent="0.25">
      <c r="A7726">
        <v>30309503</v>
      </c>
      <c r="B7726" t="s">
        <v>39663</v>
      </c>
      <c r="C7726" s="1" t="s">
        <v>39664</v>
      </c>
      <c r="E7726">
        <v>1</v>
      </c>
      <c r="F7726">
        <v>1</v>
      </c>
      <c r="H7726" t="s">
        <v>39665</v>
      </c>
      <c r="J7726" t="s">
        <v>39666</v>
      </c>
      <c r="K7726" t="s">
        <v>39667</v>
      </c>
      <c r="M7726">
        <v>3758647</v>
      </c>
      <c r="O7726">
        <v>3758647</v>
      </c>
      <c r="P7726">
        <v>1</v>
      </c>
      <c r="Q7726">
        <v>0</v>
      </c>
      <c r="R7726" t="s">
        <v>39668</v>
      </c>
      <c r="S7726">
        <v>41</v>
      </c>
    </row>
    <row r="7727" spans="1:19" x14ac:dyDescent="0.25">
      <c r="A7727">
        <v>50163934</v>
      </c>
      <c r="B7727" t="s">
        <v>39669</v>
      </c>
      <c r="C7727" s="1" t="s">
        <v>39670</v>
      </c>
      <c r="D7727">
        <v>50163977</v>
      </c>
      <c r="E7727">
        <v>1</v>
      </c>
      <c r="F7727">
        <v>5</v>
      </c>
      <c r="H7727" t="s">
        <v>39671</v>
      </c>
      <c r="J7727" t="s">
        <v>39672</v>
      </c>
      <c r="K7727" t="s">
        <v>39672</v>
      </c>
      <c r="M7727">
        <v>107625</v>
      </c>
      <c r="O7727">
        <v>9737915</v>
      </c>
      <c r="P7727">
        <v>1</v>
      </c>
      <c r="Q7727">
        <v>0</v>
      </c>
      <c r="R7727" t="s">
        <v>8946</v>
      </c>
      <c r="S7727">
        <v>84</v>
      </c>
    </row>
    <row r="7728" spans="1:19" x14ac:dyDescent="0.25">
      <c r="A7728">
        <v>37323493</v>
      </c>
      <c r="B7728" t="s">
        <v>39673</v>
      </c>
      <c r="C7728" s="1" t="s">
        <v>39674</v>
      </c>
      <c r="D7728">
        <v>37393336</v>
      </c>
      <c r="E7728">
        <v>1</v>
      </c>
      <c r="F7728">
        <v>12</v>
      </c>
      <c r="H7728" t="s">
        <v>39675</v>
      </c>
      <c r="J7728" t="s">
        <v>39676</v>
      </c>
      <c r="O7728">
        <v>5213451</v>
      </c>
      <c r="P7728">
        <v>1</v>
      </c>
      <c r="Q7728">
        <v>1</v>
      </c>
      <c r="R7728" t="s">
        <v>39677</v>
      </c>
      <c r="S7728">
        <v>60</v>
      </c>
    </row>
    <row r="7729" spans="1:19" x14ac:dyDescent="0.25">
      <c r="A7729">
        <v>32336668</v>
      </c>
      <c r="B7729" t="s">
        <v>39678</v>
      </c>
      <c r="C7729" s="1" t="s">
        <v>39679</v>
      </c>
      <c r="D7729">
        <v>32337794</v>
      </c>
      <c r="E7729">
        <v>1</v>
      </c>
      <c r="F7729">
        <v>0</v>
      </c>
      <c r="H7729" t="s">
        <v>39680</v>
      </c>
      <c r="I7729">
        <v>1</v>
      </c>
      <c r="J7729" t="s">
        <v>39681</v>
      </c>
      <c r="O7729">
        <v>3946040</v>
      </c>
      <c r="P7729">
        <v>1</v>
      </c>
      <c r="Q7729">
        <v>0</v>
      </c>
      <c r="R7729" t="s">
        <v>39682</v>
      </c>
      <c r="S7729">
        <v>88</v>
      </c>
    </row>
    <row r="7730" spans="1:19" x14ac:dyDescent="0.25">
      <c r="A7730">
        <v>4631166</v>
      </c>
      <c r="B7730" t="s">
        <v>39683</v>
      </c>
      <c r="C7730" s="1" t="s">
        <v>39684</v>
      </c>
      <c r="D7730">
        <v>4631247</v>
      </c>
      <c r="E7730">
        <v>2</v>
      </c>
      <c r="F7730">
        <v>0</v>
      </c>
      <c r="H7730" t="s">
        <v>39685</v>
      </c>
      <c r="J7730" t="s">
        <v>39686</v>
      </c>
      <c r="K7730" t="s">
        <v>39686</v>
      </c>
      <c r="M7730">
        <v>21234</v>
      </c>
      <c r="O7730">
        <v>4766</v>
      </c>
      <c r="P7730">
        <v>1</v>
      </c>
      <c r="Q7730">
        <v>2</v>
      </c>
      <c r="R7730" t="s">
        <v>39687</v>
      </c>
      <c r="S7730">
        <v>2306</v>
      </c>
    </row>
    <row r="7731" spans="1:19" x14ac:dyDescent="0.25">
      <c r="A7731">
        <v>44582135</v>
      </c>
      <c r="B7731" t="s">
        <v>39688</v>
      </c>
      <c r="C7731" s="1" t="s">
        <v>39689</v>
      </c>
      <c r="D7731">
        <v>44588936</v>
      </c>
      <c r="E7731">
        <v>1</v>
      </c>
      <c r="F7731">
        <v>4</v>
      </c>
      <c r="H7731" t="s">
        <v>39690</v>
      </c>
      <c r="J7731" t="s">
        <v>39691</v>
      </c>
      <c r="O7731">
        <v>6375151</v>
      </c>
      <c r="P7731">
        <v>1</v>
      </c>
      <c r="Q7731">
        <v>-1</v>
      </c>
      <c r="R7731" t="s">
        <v>2520</v>
      </c>
      <c r="S7731">
        <v>55</v>
      </c>
    </row>
    <row r="7732" spans="1:19" x14ac:dyDescent="0.25">
      <c r="A7732">
        <v>28917446</v>
      </c>
      <c r="B7732" t="s">
        <v>39692</v>
      </c>
      <c r="C7732" s="1" t="s">
        <v>39693</v>
      </c>
      <c r="E7732">
        <v>1</v>
      </c>
      <c r="F7732">
        <v>0</v>
      </c>
      <c r="H7732" t="s">
        <v>39694</v>
      </c>
      <c r="I7732">
        <v>1</v>
      </c>
      <c r="J7732" t="s">
        <v>39695</v>
      </c>
      <c r="O7732">
        <v>4643306</v>
      </c>
      <c r="P7732">
        <v>1</v>
      </c>
      <c r="Q7732">
        <v>2</v>
      </c>
      <c r="R7732" t="s">
        <v>39696</v>
      </c>
      <c r="S7732">
        <v>90</v>
      </c>
    </row>
    <row r="7733" spans="1:19" x14ac:dyDescent="0.25">
      <c r="A7733">
        <v>31825203</v>
      </c>
      <c r="B7733" t="s">
        <v>39697</v>
      </c>
      <c r="C7733" s="1" t="s">
        <v>39698</v>
      </c>
      <c r="E7733">
        <v>3</v>
      </c>
      <c r="F7733">
        <v>0</v>
      </c>
      <c r="H7733" t="s">
        <v>39699</v>
      </c>
      <c r="J7733" t="s">
        <v>39700</v>
      </c>
      <c r="K7733" t="s">
        <v>39700</v>
      </c>
      <c r="M7733">
        <v>5065866</v>
      </c>
      <c r="O7733">
        <v>5065866</v>
      </c>
      <c r="P7733">
        <v>1</v>
      </c>
      <c r="Q7733">
        <v>0</v>
      </c>
      <c r="R7733" t="s">
        <v>39701</v>
      </c>
      <c r="S7733">
        <v>78</v>
      </c>
    </row>
    <row r="7734" spans="1:19" x14ac:dyDescent="0.25">
      <c r="A7734">
        <v>15731169</v>
      </c>
      <c r="B7734" t="s">
        <v>39702</v>
      </c>
      <c r="C7734" s="1" t="s">
        <v>39703</v>
      </c>
      <c r="D7734">
        <v>15766593</v>
      </c>
      <c r="E7734">
        <v>1</v>
      </c>
      <c r="F7734">
        <v>2</v>
      </c>
      <c r="H7734" t="s">
        <v>39704</v>
      </c>
      <c r="J7734" t="s">
        <v>39705</v>
      </c>
      <c r="K7734" t="s">
        <v>39705</v>
      </c>
      <c r="M7734">
        <v>974781</v>
      </c>
      <c r="O7734">
        <v>974781</v>
      </c>
      <c r="P7734">
        <v>1</v>
      </c>
      <c r="Q7734">
        <v>1</v>
      </c>
      <c r="R7734" t="s">
        <v>39706</v>
      </c>
      <c r="S7734">
        <v>64</v>
      </c>
    </row>
    <row r="7735" spans="1:19" x14ac:dyDescent="0.25">
      <c r="A7735">
        <v>47535790</v>
      </c>
      <c r="B7735" t="s">
        <v>39707</v>
      </c>
      <c r="C7735" s="1" t="s">
        <v>39708</v>
      </c>
      <c r="D7735">
        <v>47535969</v>
      </c>
      <c r="E7735">
        <v>1</v>
      </c>
      <c r="F7735">
        <v>2</v>
      </c>
      <c r="H7735" t="s">
        <v>39709</v>
      </c>
      <c r="J7735" t="s">
        <v>39710</v>
      </c>
      <c r="O7735">
        <v>8825235</v>
      </c>
      <c r="P7735">
        <v>1</v>
      </c>
      <c r="Q7735">
        <v>0</v>
      </c>
      <c r="R7735" t="s">
        <v>6516</v>
      </c>
      <c r="S7735">
        <v>65</v>
      </c>
    </row>
    <row r="7736" spans="1:19" x14ac:dyDescent="0.25">
      <c r="A7736">
        <v>20671828</v>
      </c>
      <c r="B7736" t="s">
        <v>39711</v>
      </c>
      <c r="C7736" s="1" t="s">
        <v>39712</v>
      </c>
      <c r="D7736">
        <v>20676255</v>
      </c>
      <c r="E7736">
        <v>4</v>
      </c>
      <c r="F7736">
        <v>0</v>
      </c>
      <c r="H7736" t="s">
        <v>39713</v>
      </c>
      <c r="J7736" t="s">
        <v>39714</v>
      </c>
      <c r="K7736" t="s">
        <v>39715</v>
      </c>
      <c r="M7736">
        <v>1988876</v>
      </c>
      <c r="O7736">
        <v>1988876</v>
      </c>
      <c r="P7736">
        <v>1</v>
      </c>
      <c r="Q7736">
        <v>0</v>
      </c>
      <c r="R7736" t="s">
        <v>39716</v>
      </c>
      <c r="S7736">
        <v>143</v>
      </c>
    </row>
    <row r="7737" spans="1:19" x14ac:dyDescent="0.25">
      <c r="A7737">
        <v>4127886</v>
      </c>
      <c r="B7737" t="s">
        <v>39717</v>
      </c>
      <c r="C7737" s="1" t="s">
        <v>39718</v>
      </c>
      <c r="E7737">
        <v>1</v>
      </c>
      <c r="F7737">
        <v>0</v>
      </c>
      <c r="H7737" t="s">
        <v>39719</v>
      </c>
      <c r="J7737" t="s">
        <v>39720</v>
      </c>
      <c r="K7737" t="s">
        <v>39721</v>
      </c>
      <c r="M7737">
        <v>72126</v>
      </c>
      <c r="O7737">
        <v>219777</v>
      </c>
      <c r="P7737">
        <v>1</v>
      </c>
      <c r="Q7737">
        <v>1</v>
      </c>
      <c r="R7737" t="s">
        <v>39722</v>
      </c>
      <c r="S7737">
        <v>1006</v>
      </c>
    </row>
    <row r="7738" spans="1:19" x14ac:dyDescent="0.25">
      <c r="A7738">
        <v>20105147</v>
      </c>
      <c r="B7738" t="s">
        <v>39723</v>
      </c>
      <c r="C7738" s="1" t="s">
        <v>39724</v>
      </c>
      <c r="D7738">
        <v>20105453</v>
      </c>
      <c r="E7738">
        <v>2</v>
      </c>
      <c r="F7738">
        <v>1</v>
      </c>
      <c r="H7738" t="s">
        <v>39725</v>
      </c>
      <c r="J7738" t="s">
        <v>39726</v>
      </c>
      <c r="O7738">
        <v>284681</v>
      </c>
      <c r="P7738">
        <v>1</v>
      </c>
      <c r="Q7738">
        <v>11</v>
      </c>
      <c r="R7738" t="s">
        <v>39727</v>
      </c>
      <c r="S7738">
        <v>1553</v>
      </c>
    </row>
    <row r="7739" spans="1:19" x14ac:dyDescent="0.25">
      <c r="A7739">
        <v>41856442</v>
      </c>
      <c r="B7739" t="s">
        <v>39728</v>
      </c>
      <c r="C7739" s="1" t="s">
        <v>39729</v>
      </c>
      <c r="D7739">
        <v>41856922</v>
      </c>
      <c r="E7739">
        <v>2</v>
      </c>
      <c r="F7739">
        <v>4</v>
      </c>
      <c r="H7739" t="s">
        <v>39730</v>
      </c>
      <c r="I7739">
        <v>1</v>
      </c>
      <c r="J7739" t="s">
        <v>39731</v>
      </c>
      <c r="O7739">
        <v>3365033</v>
      </c>
      <c r="P7739">
        <v>1</v>
      </c>
      <c r="Q7739">
        <v>7</v>
      </c>
      <c r="R7739" t="s">
        <v>39732</v>
      </c>
      <c r="S7739">
        <v>3797</v>
      </c>
    </row>
    <row r="7740" spans="1:19" x14ac:dyDescent="0.25">
      <c r="A7740">
        <v>39585640</v>
      </c>
      <c r="B7740" t="s">
        <v>39733</v>
      </c>
      <c r="C7740" s="1" t="s">
        <v>39734</v>
      </c>
      <c r="E7740">
        <v>1</v>
      </c>
      <c r="F7740">
        <v>2</v>
      </c>
      <c r="H7740" t="s">
        <v>39735</v>
      </c>
      <c r="J7740" t="s">
        <v>39736</v>
      </c>
      <c r="K7740" t="s">
        <v>39737</v>
      </c>
      <c r="M7740">
        <v>3558676</v>
      </c>
      <c r="O7740">
        <v>3558676</v>
      </c>
      <c r="P7740">
        <v>1</v>
      </c>
      <c r="Q7740">
        <v>1</v>
      </c>
      <c r="R7740" t="s">
        <v>39738</v>
      </c>
      <c r="S7740">
        <v>57</v>
      </c>
    </row>
    <row r="7741" spans="1:19" x14ac:dyDescent="0.25">
      <c r="A7741">
        <v>49707994</v>
      </c>
      <c r="B7741" t="s">
        <v>39739</v>
      </c>
      <c r="C7741" s="1" t="s">
        <v>39740</v>
      </c>
      <c r="D7741">
        <v>49708030</v>
      </c>
      <c r="E7741">
        <v>1</v>
      </c>
      <c r="F7741">
        <v>2</v>
      </c>
      <c r="H7741" t="s">
        <v>39741</v>
      </c>
      <c r="J7741" t="s">
        <v>39742</v>
      </c>
      <c r="K7741" t="s">
        <v>39743</v>
      </c>
      <c r="M7741">
        <v>2251468</v>
      </c>
      <c r="O7741">
        <v>2251468</v>
      </c>
      <c r="P7741">
        <v>1</v>
      </c>
      <c r="Q7741">
        <v>1</v>
      </c>
      <c r="R7741" t="s">
        <v>4168</v>
      </c>
      <c r="S7741">
        <v>23</v>
      </c>
    </row>
    <row r="7742" spans="1:19" x14ac:dyDescent="0.25">
      <c r="A7742">
        <v>15722218</v>
      </c>
      <c r="B7742" t="s">
        <v>39744</v>
      </c>
      <c r="C7742" s="1" t="s">
        <v>39745</v>
      </c>
      <c r="E7742">
        <v>1</v>
      </c>
      <c r="F7742">
        <v>0</v>
      </c>
      <c r="H7742" t="s">
        <v>39746</v>
      </c>
      <c r="J7742" t="s">
        <v>39747</v>
      </c>
      <c r="O7742">
        <v>538022</v>
      </c>
      <c r="P7742">
        <v>1</v>
      </c>
      <c r="Q7742">
        <v>2</v>
      </c>
      <c r="R7742" t="s">
        <v>39748</v>
      </c>
      <c r="S7742">
        <v>491</v>
      </c>
    </row>
    <row r="7743" spans="1:19" x14ac:dyDescent="0.25">
      <c r="A7743">
        <v>28810388</v>
      </c>
      <c r="B7743" t="s">
        <v>39749</v>
      </c>
      <c r="C7743" s="1" t="s">
        <v>39750</v>
      </c>
      <c r="E7743">
        <v>2</v>
      </c>
      <c r="F7743">
        <v>0</v>
      </c>
      <c r="H7743" t="s">
        <v>39751</v>
      </c>
      <c r="J7743" t="s">
        <v>39752</v>
      </c>
      <c r="K7743" t="s">
        <v>39753</v>
      </c>
      <c r="M7743">
        <v>4323648</v>
      </c>
      <c r="O7743">
        <v>3760481</v>
      </c>
      <c r="P7743">
        <v>1</v>
      </c>
      <c r="Q7743">
        <v>1</v>
      </c>
      <c r="R7743" t="s">
        <v>39754</v>
      </c>
      <c r="S7743">
        <v>41</v>
      </c>
    </row>
    <row r="7744" spans="1:19" x14ac:dyDescent="0.25">
      <c r="A7744">
        <v>13444677</v>
      </c>
      <c r="B7744" t="s">
        <v>39755</v>
      </c>
      <c r="C7744" s="1" t="s">
        <v>39756</v>
      </c>
      <c r="D7744">
        <v>13444830</v>
      </c>
      <c r="E7744">
        <v>1</v>
      </c>
      <c r="F7744">
        <v>3</v>
      </c>
      <c r="H7744" t="s">
        <v>39757</v>
      </c>
      <c r="J7744" t="s">
        <v>39758</v>
      </c>
      <c r="K7744" t="s">
        <v>39759</v>
      </c>
      <c r="M7744">
        <v>-1</v>
      </c>
      <c r="O7744">
        <v>1244126</v>
      </c>
      <c r="P7744">
        <v>1</v>
      </c>
      <c r="Q7744">
        <v>0</v>
      </c>
      <c r="R7744" t="s">
        <v>39760</v>
      </c>
      <c r="S7744">
        <v>5565</v>
      </c>
    </row>
    <row r="7745" spans="1:19" x14ac:dyDescent="0.25">
      <c r="A7745">
        <v>40460996</v>
      </c>
      <c r="B7745" t="s">
        <v>39761</v>
      </c>
      <c r="C7745" s="1" t="s">
        <v>39762</v>
      </c>
      <c r="D7745">
        <v>40461513</v>
      </c>
      <c r="E7745">
        <v>1</v>
      </c>
      <c r="F7745">
        <v>2</v>
      </c>
      <c r="H7745" t="s">
        <v>39763</v>
      </c>
      <c r="I7745">
        <v>1</v>
      </c>
      <c r="J7745" t="s">
        <v>39764</v>
      </c>
      <c r="K7745" t="s">
        <v>39765</v>
      </c>
      <c r="M7745">
        <v>1666110</v>
      </c>
      <c r="O7745">
        <v>1666110</v>
      </c>
      <c r="P7745">
        <v>1</v>
      </c>
      <c r="Q7745">
        <v>1</v>
      </c>
      <c r="R7745" t="s">
        <v>39766</v>
      </c>
      <c r="S7745">
        <v>225</v>
      </c>
    </row>
    <row r="7746" spans="1:19" x14ac:dyDescent="0.25">
      <c r="A7746">
        <v>6741517</v>
      </c>
      <c r="B7746" t="s">
        <v>39767</v>
      </c>
      <c r="C7746" s="1" t="s">
        <v>39768</v>
      </c>
      <c r="E7746">
        <v>1</v>
      </c>
      <c r="F7746">
        <v>9</v>
      </c>
      <c r="H7746" t="s">
        <v>39769</v>
      </c>
      <c r="J7746" t="s">
        <v>39770</v>
      </c>
      <c r="K7746" t="s">
        <v>39770</v>
      </c>
      <c r="M7746">
        <v>437261</v>
      </c>
      <c r="O7746">
        <v>437261</v>
      </c>
      <c r="P7746">
        <v>1</v>
      </c>
      <c r="Q7746">
        <v>0</v>
      </c>
      <c r="R7746" t="s">
        <v>39771</v>
      </c>
      <c r="S7746">
        <v>800</v>
      </c>
    </row>
    <row r="7747" spans="1:19" x14ac:dyDescent="0.25">
      <c r="A7747">
        <v>38623439</v>
      </c>
      <c r="B7747" t="s">
        <v>39772</v>
      </c>
      <c r="C7747" s="1" t="s">
        <v>39773</v>
      </c>
      <c r="D7747">
        <v>38623713</v>
      </c>
      <c r="E7747">
        <v>1</v>
      </c>
      <c r="F7747">
        <v>6</v>
      </c>
      <c r="H7747" t="s">
        <v>39774</v>
      </c>
      <c r="J7747" t="s">
        <v>39775</v>
      </c>
      <c r="K7747" t="s">
        <v>39776</v>
      </c>
      <c r="M7747">
        <v>3788176</v>
      </c>
      <c r="O7747">
        <v>6310620</v>
      </c>
      <c r="P7747">
        <v>1</v>
      </c>
      <c r="Q7747">
        <v>2</v>
      </c>
      <c r="R7747" t="s">
        <v>39777</v>
      </c>
      <c r="S7747">
        <v>2620</v>
      </c>
    </row>
    <row r="7748" spans="1:19" x14ac:dyDescent="0.25">
      <c r="A7748">
        <v>25964702</v>
      </c>
      <c r="B7748" t="s">
        <v>39778</v>
      </c>
      <c r="C7748" s="1" t="s">
        <v>39779</v>
      </c>
      <c r="D7748">
        <v>25968098</v>
      </c>
      <c r="E7748">
        <v>2</v>
      </c>
      <c r="F7748">
        <v>7</v>
      </c>
      <c r="H7748" t="s">
        <v>39780</v>
      </c>
      <c r="I7748">
        <v>1</v>
      </c>
      <c r="J7748" t="s">
        <v>39781</v>
      </c>
      <c r="O7748">
        <v>897326</v>
      </c>
      <c r="P7748">
        <v>1</v>
      </c>
      <c r="Q7748">
        <v>1</v>
      </c>
      <c r="R7748" t="s">
        <v>39782</v>
      </c>
      <c r="S7748">
        <v>641</v>
      </c>
    </row>
    <row r="7749" spans="1:19" x14ac:dyDescent="0.25">
      <c r="A7749">
        <v>13248020</v>
      </c>
      <c r="B7749" t="s">
        <v>39783</v>
      </c>
      <c r="C7749" s="1" t="s">
        <v>39784</v>
      </c>
      <c r="D7749">
        <v>13248062</v>
      </c>
      <c r="E7749">
        <v>3</v>
      </c>
      <c r="F7749">
        <v>1</v>
      </c>
      <c r="H7749" t="s">
        <v>39785</v>
      </c>
      <c r="I7749">
        <v>7</v>
      </c>
      <c r="J7749" t="s">
        <v>39786</v>
      </c>
      <c r="K7749" t="s">
        <v>39787</v>
      </c>
      <c r="M7749">
        <v>-1</v>
      </c>
      <c r="O7749">
        <v>1276501</v>
      </c>
      <c r="P7749">
        <v>1</v>
      </c>
      <c r="Q7749">
        <v>23</v>
      </c>
      <c r="R7749" t="s">
        <v>213</v>
      </c>
      <c r="S7749">
        <v>52637</v>
      </c>
    </row>
    <row r="7750" spans="1:19" x14ac:dyDescent="0.25">
      <c r="A7750">
        <v>14160716</v>
      </c>
      <c r="B7750" t="s">
        <v>39788</v>
      </c>
      <c r="C7750" s="1" t="s">
        <v>39789</v>
      </c>
      <c r="D7750">
        <v>14161153</v>
      </c>
      <c r="E7750">
        <v>1</v>
      </c>
      <c r="F7750">
        <v>0</v>
      </c>
      <c r="H7750" t="s">
        <v>39790</v>
      </c>
      <c r="J7750" t="s">
        <v>39791</v>
      </c>
      <c r="O7750">
        <v>1914362</v>
      </c>
      <c r="P7750">
        <v>1</v>
      </c>
      <c r="Q7750">
        <v>3</v>
      </c>
      <c r="R7750" t="s">
        <v>39792</v>
      </c>
      <c r="S7750">
        <v>405</v>
      </c>
    </row>
    <row r="7751" spans="1:19" x14ac:dyDescent="0.25">
      <c r="A7751">
        <v>5946997</v>
      </c>
      <c r="B7751" t="s">
        <v>39793</v>
      </c>
      <c r="C7751" s="1" t="s">
        <v>39794</v>
      </c>
      <c r="D7751">
        <v>8941704</v>
      </c>
      <c r="E7751">
        <v>3</v>
      </c>
      <c r="F7751">
        <v>0</v>
      </c>
      <c r="H7751" t="s">
        <v>39795</v>
      </c>
      <c r="J7751" t="s">
        <v>39796</v>
      </c>
      <c r="K7751" t="s">
        <v>39797</v>
      </c>
      <c r="M7751">
        <v>398221</v>
      </c>
      <c r="O7751">
        <v>746408</v>
      </c>
      <c r="P7751">
        <v>1</v>
      </c>
      <c r="Q7751">
        <v>1</v>
      </c>
      <c r="R7751" t="s">
        <v>39798</v>
      </c>
      <c r="S7751">
        <v>2736</v>
      </c>
    </row>
    <row r="7752" spans="1:19" x14ac:dyDescent="0.25">
      <c r="A7752">
        <v>41725441</v>
      </c>
      <c r="B7752" t="s">
        <v>39799</v>
      </c>
      <c r="C7752" s="1" t="s">
        <v>39800</v>
      </c>
      <c r="E7752">
        <v>4</v>
      </c>
      <c r="F7752">
        <v>1</v>
      </c>
      <c r="H7752" t="s">
        <v>39801</v>
      </c>
      <c r="I7752">
        <v>1</v>
      </c>
      <c r="J7752" t="s">
        <v>39802</v>
      </c>
      <c r="O7752">
        <v>4938505</v>
      </c>
      <c r="P7752">
        <v>1</v>
      </c>
      <c r="Q7752">
        <v>1</v>
      </c>
      <c r="R7752" t="s">
        <v>39803</v>
      </c>
      <c r="S7752">
        <v>467</v>
      </c>
    </row>
    <row r="7753" spans="1:19" x14ac:dyDescent="0.25">
      <c r="A7753">
        <v>24951419</v>
      </c>
      <c r="B7753" t="s">
        <v>39804</v>
      </c>
      <c r="C7753" s="1" t="s">
        <v>39805</v>
      </c>
      <c r="E7753">
        <v>1</v>
      </c>
      <c r="F7753">
        <v>0</v>
      </c>
      <c r="H7753" t="s">
        <v>39806</v>
      </c>
      <c r="J7753" t="s">
        <v>39807</v>
      </c>
      <c r="O7753">
        <v>3544579</v>
      </c>
      <c r="P7753">
        <v>1</v>
      </c>
      <c r="Q7753">
        <v>0</v>
      </c>
      <c r="R7753" t="s">
        <v>39808</v>
      </c>
      <c r="S7753">
        <v>249</v>
      </c>
    </row>
    <row r="7754" spans="1:19" x14ac:dyDescent="0.25">
      <c r="A7754">
        <v>42559232</v>
      </c>
      <c r="B7754" t="s">
        <v>39809</v>
      </c>
      <c r="C7754" s="1" t="s">
        <v>39810</v>
      </c>
      <c r="E7754">
        <v>0</v>
      </c>
      <c r="F7754">
        <v>0</v>
      </c>
      <c r="H7754" t="s">
        <v>39811</v>
      </c>
      <c r="J7754" t="s">
        <v>39811</v>
      </c>
      <c r="O7754">
        <v>4801396</v>
      </c>
      <c r="P7754">
        <v>1</v>
      </c>
      <c r="Q7754">
        <v>1</v>
      </c>
      <c r="R7754" t="s">
        <v>39812</v>
      </c>
      <c r="S7754">
        <v>239</v>
      </c>
    </row>
    <row r="7755" spans="1:19" x14ac:dyDescent="0.25">
      <c r="A7755">
        <v>22662039</v>
      </c>
      <c r="B7755" t="s">
        <v>39813</v>
      </c>
      <c r="C7755" s="1" t="s">
        <v>39814</v>
      </c>
      <c r="D7755">
        <v>22663913</v>
      </c>
      <c r="E7755">
        <v>2</v>
      </c>
      <c r="F7755">
        <v>1</v>
      </c>
      <c r="H7755" t="s">
        <v>39815</v>
      </c>
      <c r="J7755" t="s">
        <v>39816</v>
      </c>
      <c r="O7755">
        <v>1266648</v>
      </c>
      <c r="P7755">
        <v>1</v>
      </c>
      <c r="Q7755">
        <v>0</v>
      </c>
      <c r="R7755" t="s">
        <v>39817</v>
      </c>
      <c r="S7755">
        <v>33</v>
      </c>
    </row>
    <row r="7756" spans="1:19" x14ac:dyDescent="0.25">
      <c r="A7756">
        <v>35786959</v>
      </c>
      <c r="B7756" t="s">
        <v>39818</v>
      </c>
      <c r="C7756" s="1" t="s">
        <v>39819</v>
      </c>
      <c r="E7756">
        <v>1</v>
      </c>
      <c r="F7756">
        <v>0</v>
      </c>
      <c r="H7756" t="s">
        <v>39820</v>
      </c>
      <c r="J7756" t="s">
        <v>39821</v>
      </c>
      <c r="K7756" t="s">
        <v>39822</v>
      </c>
      <c r="M7756">
        <v>5362552</v>
      </c>
      <c r="O7756">
        <v>5362552</v>
      </c>
      <c r="P7756">
        <v>1</v>
      </c>
      <c r="Q7756">
        <v>0</v>
      </c>
      <c r="R7756" t="s">
        <v>39823</v>
      </c>
      <c r="S7756">
        <v>167</v>
      </c>
    </row>
    <row r="7757" spans="1:19" x14ac:dyDescent="0.25">
      <c r="A7757">
        <v>42191837</v>
      </c>
      <c r="B7757" t="s">
        <v>39824</v>
      </c>
      <c r="C7757" s="1" t="s">
        <v>39825</v>
      </c>
      <c r="E7757">
        <v>1</v>
      </c>
      <c r="F7757">
        <v>0</v>
      </c>
      <c r="H7757" t="s">
        <v>39826</v>
      </c>
      <c r="J7757" t="s">
        <v>39827</v>
      </c>
      <c r="K7757" t="s">
        <v>39827</v>
      </c>
      <c r="M7757">
        <v>652669</v>
      </c>
      <c r="O7757">
        <v>1821000</v>
      </c>
      <c r="P7757">
        <v>1</v>
      </c>
      <c r="Q7757">
        <v>1</v>
      </c>
      <c r="R7757" t="s">
        <v>39828</v>
      </c>
      <c r="S7757">
        <v>398</v>
      </c>
    </row>
    <row r="7758" spans="1:19" x14ac:dyDescent="0.25">
      <c r="A7758">
        <v>50206614</v>
      </c>
      <c r="B7758" t="s">
        <v>39829</v>
      </c>
      <c r="C7758" s="1" t="s">
        <v>39830</v>
      </c>
      <c r="E7758">
        <v>0</v>
      </c>
      <c r="F7758">
        <v>2</v>
      </c>
      <c r="H7758" t="s">
        <v>39831</v>
      </c>
      <c r="J7758" t="s">
        <v>39832</v>
      </c>
      <c r="K7758" t="s">
        <v>39832</v>
      </c>
      <c r="M7758">
        <v>13302</v>
      </c>
      <c r="O7758">
        <v>9562181</v>
      </c>
      <c r="P7758">
        <v>1</v>
      </c>
      <c r="Q7758">
        <v>2</v>
      </c>
      <c r="R7758" t="s">
        <v>30767</v>
      </c>
      <c r="S7758">
        <v>295</v>
      </c>
    </row>
    <row r="7759" spans="1:19" x14ac:dyDescent="0.25">
      <c r="A7759">
        <v>39319432</v>
      </c>
      <c r="B7759" t="s">
        <v>39833</v>
      </c>
      <c r="C7759" s="1" t="s">
        <v>39834</v>
      </c>
      <c r="E7759">
        <v>3</v>
      </c>
      <c r="F7759">
        <v>1</v>
      </c>
      <c r="H7759" t="s">
        <v>39835</v>
      </c>
      <c r="J7759" t="s">
        <v>39836</v>
      </c>
      <c r="O7759">
        <v>4180479</v>
      </c>
      <c r="P7759">
        <v>1</v>
      </c>
      <c r="Q7759">
        <v>1</v>
      </c>
      <c r="R7759" t="s">
        <v>20333</v>
      </c>
      <c r="S7759">
        <v>1751</v>
      </c>
    </row>
    <row r="7760" spans="1:19" x14ac:dyDescent="0.25">
      <c r="A7760">
        <v>4186204</v>
      </c>
      <c r="B7760" t="s">
        <v>39837</v>
      </c>
      <c r="C7760" s="1" t="s">
        <v>39838</v>
      </c>
      <c r="E7760">
        <v>1</v>
      </c>
      <c r="F7760">
        <v>0</v>
      </c>
      <c r="H7760" t="s">
        <v>39839</v>
      </c>
      <c r="J7760" t="s">
        <v>39840</v>
      </c>
      <c r="O7760">
        <v>164779</v>
      </c>
      <c r="P7760">
        <v>1</v>
      </c>
      <c r="Q7760">
        <v>2</v>
      </c>
      <c r="R7760" t="s">
        <v>2771</v>
      </c>
      <c r="S7760">
        <v>868</v>
      </c>
    </row>
    <row r="7761" spans="1:19" x14ac:dyDescent="0.25">
      <c r="A7761">
        <v>31818683</v>
      </c>
      <c r="B7761" t="s">
        <v>39841</v>
      </c>
      <c r="C7761" s="1" t="s">
        <v>39842</v>
      </c>
      <c r="E7761">
        <v>0</v>
      </c>
      <c r="F7761">
        <v>4</v>
      </c>
      <c r="H7761" t="s">
        <v>39843</v>
      </c>
      <c r="J7761" t="s">
        <v>39843</v>
      </c>
      <c r="O7761">
        <v>5191244</v>
      </c>
      <c r="P7761">
        <v>1</v>
      </c>
      <c r="Q7761">
        <v>0</v>
      </c>
      <c r="R7761" t="s">
        <v>3526</v>
      </c>
      <c r="S7761">
        <v>35</v>
      </c>
    </row>
    <row r="7762" spans="1:19" x14ac:dyDescent="0.25">
      <c r="A7762">
        <v>39121275</v>
      </c>
      <c r="B7762" t="s">
        <v>39844</v>
      </c>
      <c r="C7762" s="1" t="s">
        <v>39845</v>
      </c>
      <c r="E7762">
        <v>3</v>
      </c>
      <c r="F7762">
        <v>1</v>
      </c>
      <c r="H7762" t="s">
        <v>39846</v>
      </c>
      <c r="J7762" t="s">
        <v>39847</v>
      </c>
      <c r="O7762">
        <v>5928947</v>
      </c>
      <c r="P7762">
        <v>1</v>
      </c>
      <c r="Q7762">
        <v>0</v>
      </c>
      <c r="R7762" t="s">
        <v>39848</v>
      </c>
      <c r="S7762">
        <v>21</v>
      </c>
    </row>
    <row r="7763" spans="1:19" x14ac:dyDescent="0.25">
      <c r="A7763">
        <v>37767298</v>
      </c>
      <c r="B7763" t="s">
        <v>39849</v>
      </c>
      <c r="C7763" t="s">
        <v>39850</v>
      </c>
      <c r="D7763">
        <v>37768375</v>
      </c>
      <c r="E7763">
        <v>1</v>
      </c>
      <c r="F7763">
        <v>2</v>
      </c>
      <c r="H7763" t="s">
        <v>39851</v>
      </c>
      <c r="I7763">
        <v>1</v>
      </c>
      <c r="J7763" t="s">
        <v>39852</v>
      </c>
      <c r="O7763">
        <v>6448741</v>
      </c>
      <c r="P7763">
        <v>1</v>
      </c>
      <c r="Q7763">
        <v>1</v>
      </c>
      <c r="R7763" t="s">
        <v>39853</v>
      </c>
      <c r="S7763">
        <v>443</v>
      </c>
    </row>
    <row r="7764" spans="1:19" x14ac:dyDescent="0.25">
      <c r="A7764">
        <v>25088493</v>
      </c>
      <c r="B7764" t="s">
        <v>39854</v>
      </c>
      <c r="C7764" s="1" t="s">
        <v>39855</v>
      </c>
      <c r="E7764">
        <v>1</v>
      </c>
      <c r="F7764">
        <v>4</v>
      </c>
      <c r="H7764" t="s">
        <v>39856</v>
      </c>
      <c r="J7764" t="s">
        <v>39857</v>
      </c>
      <c r="O7764">
        <v>3731966</v>
      </c>
      <c r="P7764">
        <v>1</v>
      </c>
      <c r="Q7764">
        <v>1</v>
      </c>
      <c r="R7764" t="s">
        <v>39858</v>
      </c>
      <c r="S7764">
        <v>1383</v>
      </c>
    </row>
    <row r="7765" spans="1:19" x14ac:dyDescent="0.25">
      <c r="A7765">
        <v>37996153</v>
      </c>
      <c r="B7765" t="s">
        <v>39859</v>
      </c>
      <c r="C7765" s="1" t="s">
        <v>39860</v>
      </c>
      <c r="E7765">
        <v>1</v>
      </c>
      <c r="F7765">
        <v>0</v>
      </c>
      <c r="H7765" t="s">
        <v>39861</v>
      </c>
      <c r="J7765" t="s">
        <v>39862</v>
      </c>
      <c r="O7765">
        <v>1326996</v>
      </c>
      <c r="P7765">
        <v>1</v>
      </c>
      <c r="Q7765">
        <v>3</v>
      </c>
      <c r="R7765" t="s">
        <v>39863</v>
      </c>
      <c r="S7765">
        <v>795</v>
      </c>
    </row>
    <row r="7766" spans="1:19" x14ac:dyDescent="0.25">
      <c r="A7766">
        <v>39989699</v>
      </c>
      <c r="B7766" t="s">
        <v>39864</v>
      </c>
      <c r="C7766" s="1" t="s">
        <v>39865</v>
      </c>
      <c r="E7766">
        <v>1</v>
      </c>
      <c r="F7766">
        <v>0</v>
      </c>
      <c r="H7766" t="s">
        <v>39866</v>
      </c>
      <c r="J7766" t="s">
        <v>39867</v>
      </c>
      <c r="K7766" t="s">
        <v>39868</v>
      </c>
      <c r="M7766">
        <v>4398985</v>
      </c>
      <c r="O7766">
        <v>4398985</v>
      </c>
      <c r="P7766">
        <v>1</v>
      </c>
      <c r="Q7766">
        <v>0</v>
      </c>
      <c r="R7766" t="s">
        <v>39869</v>
      </c>
      <c r="S7766">
        <v>520</v>
      </c>
    </row>
    <row r="7767" spans="1:19" x14ac:dyDescent="0.25">
      <c r="A7767">
        <v>27152400</v>
      </c>
      <c r="B7767" t="s">
        <v>39870</v>
      </c>
      <c r="C7767" s="1" t="s">
        <v>39871</v>
      </c>
      <c r="E7767">
        <v>1</v>
      </c>
      <c r="F7767">
        <v>4</v>
      </c>
      <c r="H7767" t="s">
        <v>39872</v>
      </c>
      <c r="J7767" t="s">
        <v>39873</v>
      </c>
      <c r="K7767" t="s">
        <v>39874</v>
      </c>
      <c r="M7767">
        <v>1126127</v>
      </c>
      <c r="O7767">
        <v>461844</v>
      </c>
      <c r="P7767">
        <v>1</v>
      </c>
      <c r="Q7767">
        <v>0</v>
      </c>
      <c r="R7767" t="s">
        <v>39875</v>
      </c>
      <c r="S7767">
        <v>27</v>
      </c>
    </row>
    <row r="7768" spans="1:19" x14ac:dyDescent="0.25">
      <c r="A7768">
        <v>29318376</v>
      </c>
      <c r="B7768" t="s">
        <v>39876</v>
      </c>
      <c r="C7768" s="1" t="s">
        <v>39877</v>
      </c>
      <c r="E7768">
        <v>1</v>
      </c>
      <c r="F7768">
        <v>2</v>
      </c>
      <c r="H7768" t="s">
        <v>39878</v>
      </c>
      <c r="J7768" t="s">
        <v>39879</v>
      </c>
      <c r="K7768" t="s">
        <v>39880</v>
      </c>
      <c r="M7768">
        <v>-1</v>
      </c>
      <c r="O7768">
        <v>4505939</v>
      </c>
      <c r="P7768">
        <v>1</v>
      </c>
      <c r="Q7768">
        <v>1</v>
      </c>
      <c r="R7768" t="s">
        <v>39881</v>
      </c>
      <c r="S7768">
        <v>3481</v>
      </c>
    </row>
    <row r="7769" spans="1:19" x14ac:dyDescent="0.25">
      <c r="A7769">
        <v>13253510</v>
      </c>
      <c r="B7769" t="s">
        <v>39882</v>
      </c>
      <c r="C7769" s="1" t="s">
        <v>39883</v>
      </c>
      <c r="D7769">
        <v>13253789</v>
      </c>
      <c r="E7769">
        <v>5</v>
      </c>
      <c r="F7769">
        <v>2</v>
      </c>
      <c r="H7769" t="s">
        <v>39884</v>
      </c>
      <c r="J7769" t="s">
        <v>39885</v>
      </c>
      <c r="O7769">
        <v>1408484</v>
      </c>
      <c r="P7769">
        <v>1</v>
      </c>
      <c r="Q7769">
        <v>1</v>
      </c>
      <c r="R7769" t="s">
        <v>39886</v>
      </c>
      <c r="S7769">
        <v>3074</v>
      </c>
    </row>
    <row r="7770" spans="1:19" x14ac:dyDescent="0.25">
      <c r="A7770">
        <v>36698463</v>
      </c>
      <c r="B7770" t="s">
        <v>39887</v>
      </c>
      <c r="C7770" s="1" t="s">
        <v>39888</v>
      </c>
      <c r="D7770">
        <v>36698750</v>
      </c>
      <c r="E7770">
        <v>1</v>
      </c>
      <c r="F7770">
        <v>1</v>
      </c>
      <c r="H7770" t="s">
        <v>39889</v>
      </c>
      <c r="I7770">
        <v>1</v>
      </c>
      <c r="J7770" t="s">
        <v>39890</v>
      </c>
      <c r="O7770">
        <v>2796614</v>
      </c>
      <c r="P7770">
        <v>1</v>
      </c>
      <c r="Q7770">
        <v>0</v>
      </c>
      <c r="R7770" t="s">
        <v>24742</v>
      </c>
      <c r="S7770">
        <v>114</v>
      </c>
    </row>
    <row r="7771" spans="1:19" x14ac:dyDescent="0.25">
      <c r="A7771">
        <v>36243982</v>
      </c>
      <c r="B7771" t="s">
        <v>39891</v>
      </c>
      <c r="C7771" s="1" t="s">
        <v>39892</v>
      </c>
      <c r="D7771">
        <v>36243996</v>
      </c>
      <c r="E7771">
        <v>1</v>
      </c>
      <c r="F7771">
        <v>0</v>
      </c>
      <c r="H7771" t="s">
        <v>39893</v>
      </c>
      <c r="J7771" t="s">
        <v>39894</v>
      </c>
      <c r="K7771" t="s">
        <v>39894</v>
      </c>
      <c r="M7771">
        <v>13302</v>
      </c>
      <c r="O7771">
        <v>6118447</v>
      </c>
      <c r="P7771">
        <v>1</v>
      </c>
      <c r="Q7771">
        <v>0</v>
      </c>
      <c r="R7771" t="s">
        <v>39895</v>
      </c>
      <c r="S7771">
        <v>39</v>
      </c>
    </row>
    <row r="7772" spans="1:19" x14ac:dyDescent="0.25">
      <c r="A7772">
        <v>5729363</v>
      </c>
      <c r="B7772" t="s">
        <v>39896</v>
      </c>
      <c r="C7772" s="1" t="s">
        <v>39897</v>
      </c>
      <c r="D7772">
        <v>5729448</v>
      </c>
      <c r="E7772">
        <v>1</v>
      </c>
      <c r="F7772">
        <v>1</v>
      </c>
      <c r="H7772" t="s">
        <v>39898</v>
      </c>
      <c r="I7772">
        <v>1</v>
      </c>
      <c r="J7772" t="s">
        <v>39899</v>
      </c>
      <c r="K7772" t="s">
        <v>39900</v>
      </c>
      <c r="M7772">
        <v>526546</v>
      </c>
      <c r="O7772">
        <v>526546</v>
      </c>
      <c r="P7772">
        <v>1</v>
      </c>
      <c r="Q7772">
        <v>1</v>
      </c>
      <c r="R7772" t="s">
        <v>39901</v>
      </c>
      <c r="S7772">
        <v>1289</v>
      </c>
    </row>
    <row r="7773" spans="1:19" x14ac:dyDescent="0.25">
      <c r="A7773">
        <v>39081172</v>
      </c>
      <c r="B7773" t="s">
        <v>39902</v>
      </c>
      <c r="C7773" s="1" t="s">
        <v>39903</v>
      </c>
      <c r="E7773">
        <v>2</v>
      </c>
      <c r="F7773">
        <v>7</v>
      </c>
      <c r="H7773" t="s">
        <v>39904</v>
      </c>
      <c r="I7773">
        <v>0</v>
      </c>
      <c r="J7773" t="s">
        <v>39905</v>
      </c>
      <c r="O7773">
        <v>2021019</v>
      </c>
      <c r="P7773">
        <v>1</v>
      </c>
      <c r="Q7773">
        <v>1</v>
      </c>
      <c r="R7773" t="s">
        <v>39906</v>
      </c>
      <c r="S7773">
        <v>601</v>
      </c>
    </row>
    <row r="7774" spans="1:19" x14ac:dyDescent="0.25">
      <c r="A7774">
        <v>26822561</v>
      </c>
      <c r="B7774" t="s">
        <v>39907</v>
      </c>
      <c r="C7774" s="1" t="s">
        <v>39908</v>
      </c>
      <c r="E7774">
        <v>1</v>
      </c>
      <c r="F7774">
        <v>7</v>
      </c>
      <c r="H7774" t="s">
        <v>39909</v>
      </c>
      <c r="J7774" t="s">
        <v>39910</v>
      </c>
      <c r="K7774" t="s">
        <v>39910</v>
      </c>
      <c r="M7774">
        <v>2587435</v>
      </c>
      <c r="O7774">
        <v>379235</v>
      </c>
      <c r="P7774">
        <v>1</v>
      </c>
      <c r="Q7774">
        <v>1</v>
      </c>
      <c r="R7774" t="s">
        <v>39911</v>
      </c>
      <c r="S7774">
        <v>766</v>
      </c>
    </row>
    <row r="7775" spans="1:19" x14ac:dyDescent="0.25">
      <c r="A7775">
        <v>36457407</v>
      </c>
      <c r="B7775" t="s">
        <v>39912</v>
      </c>
      <c r="C7775" s="1" t="s">
        <v>39913</v>
      </c>
      <c r="D7775">
        <v>36457922</v>
      </c>
      <c r="E7775">
        <v>3</v>
      </c>
      <c r="F7775">
        <v>1</v>
      </c>
      <c r="H7775" t="s">
        <v>39914</v>
      </c>
      <c r="J7775" t="s">
        <v>39915</v>
      </c>
      <c r="O7775">
        <v>5885571</v>
      </c>
      <c r="P7775">
        <v>1</v>
      </c>
      <c r="Q7775">
        <v>1</v>
      </c>
      <c r="R7775" t="s">
        <v>39916</v>
      </c>
      <c r="S7775">
        <v>146</v>
      </c>
    </row>
    <row r="7776" spans="1:19" x14ac:dyDescent="0.25">
      <c r="A7776">
        <v>42905008</v>
      </c>
      <c r="B7776" t="s">
        <v>39917</v>
      </c>
      <c r="C7776" s="1" t="s">
        <v>39918</v>
      </c>
      <c r="D7776">
        <v>48817071</v>
      </c>
      <c r="E7776">
        <v>3</v>
      </c>
      <c r="F7776">
        <v>2</v>
      </c>
      <c r="H7776" t="s">
        <v>39919</v>
      </c>
      <c r="J7776" t="s">
        <v>39920</v>
      </c>
      <c r="O7776">
        <v>685551</v>
      </c>
      <c r="P7776">
        <v>1</v>
      </c>
      <c r="Q7776">
        <v>5</v>
      </c>
      <c r="R7776" t="s">
        <v>16508</v>
      </c>
      <c r="S7776">
        <v>1131</v>
      </c>
    </row>
    <row r="7777" spans="1:19" x14ac:dyDescent="0.25">
      <c r="A7777">
        <v>38849082</v>
      </c>
      <c r="B7777" t="s">
        <v>39921</v>
      </c>
      <c r="C7777" s="1" t="s">
        <v>39922</v>
      </c>
      <c r="E7777">
        <v>1</v>
      </c>
      <c r="F7777">
        <v>0</v>
      </c>
      <c r="H7777" t="s">
        <v>39923</v>
      </c>
      <c r="J7777" t="s">
        <v>39924</v>
      </c>
      <c r="K7777" t="s">
        <v>39925</v>
      </c>
      <c r="M7777">
        <v>2451726</v>
      </c>
      <c r="O7777">
        <v>4489408</v>
      </c>
      <c r="P7777">
        <v>1</v>
      </c>
      <c r="Q7777">
        <v>0</v>
      </c>
      <c r="R7777" t="s">
        <v>1359</v>
      </c>
      <c r="S7777">
        <v>16</v>
      </c>
    </row>
    <row r="7778" spans="1:19" x14ac:dyDescent="0.25">
      <c r="A7778">
        <v>39707393</v>
      </c>
      <c r="B7778" t="s">
        <v>39926</v>
      </c>
      <c r="C7778" s="1" t="s">
        <v>39927</v>
      </c>
      <c r="E7778">
        <v>0</v>
      </c>
      <c r="F7778">
        <v>8</v>
      </c>
      <c r="H7778" t="s">
        <v>39928</v>
      </c>
      <c r="J7778" t="s">
        <v>39929</v>
      </c>
      <c r="K7778" t="s">
        <v>39929</v>
      </c>
      <c r="M7778">
        <v>1226963</v>
      </c>
      <c r="O7778">
        <v>6883301</v>
      </c>
      <c r="P7778">
        <v>1</v>
      </c>
      <c r="Q7778">
        <v>0</v>
      </c>
      <c r="R7778" t="s">
        <v>6587</v>
      </c>
      <c r="S7778">
        <v>23</v>
      </c>
    </row>
    <row r="7779" spans="1:19" x14ac:dyDescent="0.25">
      <c r="A7779">
        <v>42876883</v>
      </c>
      <c r="B7779" t="s">
        <v>39930</v>
      </c>
      <c r="C7779" s="1" t="s">
        <v>39931</v>
      </c>
      <c r="D7779">
        <v>42898726</v>
      </c>
      <c r="E7779">
        <v>1</v>
      </c>
      <c r="F7779">
        <v>0</v>
      </c>
      <c r="H7779" t="s">
        <v>39932</v>
      </c>
      <c r="J7779" t="s">
        <v>39933</v>
      </c>
      <c r="O7779">
        <v>7588373</v>
      </c>
      <c r="P7779">
        <v>1</v>
      </c>
      <c r="Q7779">
        <v>0</v>
      </c>
      <c r="R7779" t="s">
        <v>39934</v>
      </c>
      <c r="S7779">
        <v>33</v>
      </c>
    </row>
    <row r="7780" spans="1:19" x14ac:dyDescent="0.25">
      <c r="A7780">
        <v>7318709</v>
      </c>
      <c r="B7780" t="s">
        <v>39935</v>
      </c>
      <c r="C7780" s="1" t="s">
        <v>39936</v>
      </c>
      <c r="E7780">
        <v>1</v>
      </c>
      <c r="F7780">
        <v>2</v>
      </c>
      <c r="H7780" t="s">
        <v>39937</v>
      </c>
      <c r="I7780">
        <v>1</v>
      </c>
      <c r="J7780" t="s">
        <v>39938</v>
      </c>
      <c r="O7780">
        <v>930450</v>
      </c>
      <c r="P7780">
        <v>1</v>
      </c>
      <c r="Q7780">
        <v>1</v>
      </c>
      <c r="R7780" t="s">
        <v>39939</v>
      </c>
      <c r="S7780">
        <v>2233</v>
      </c>
    </row>
    <row r="7781" spans="1:19" x14ac:dyDescent="0.25">
      <c r="A7781">
        <v>13975453</v>
      </c>
      <c r="B7781" t="s">
        <v>39940</v>
      </c>
      <c r="C7781" s="1" t="s">
        <v>39941</v>
      </c>
      <c r="E7781">
        <v>0</v>
      </c>
      <c r="F7781">
        <v>9</v>
      </c>
      <c r="H7781" t="s">
        <v>39942</v>
      </c>
      <c r="J7781" t="s">
        <v>39943</v>
      </c>
      <c r="K7781" t="s">
        <v>39943</v>
      </c>
      <c r="M7781">
        <v>1238753</v>
      </c>
      <c r="O7781">
        <v>1238753</v>
      </c>
      <c r="P7781">
        <v>1</v>
      </c>
      <c r="Q7781">
        <v>2</v>
      </c>
      <c r="R7781" t="s">
        <v>39944</v>
      </c>
      <c r="S7781">
        <v>435</v>
      </c>
    </row>
    <row r="7782" spans="1:19" x14ac:dyDescent="0.25">
      <c r="A7782">
        <v>3604324</v>
      </c>
      <c r="B7782" t="s">
        <v>39945</v>
      </c>
      <c r="C7782" s="1" t="s">
        <v>39946</v>
      </c>
      <c r="D7782">
        <v>3604810</v>
      </c>
      <c r="E7782">
        <v>1</v>
      </c>
      <c r="F7782">
        <v>0</v>
      </c>
      <c r="H7782" t="s">
        <v>39947</v>
      </c>
      <c r="I7782">
        <v>1</v>
      </c>
      <c r="J7782" t="s">
        <v>39948</v>
      </c>
      <c r="K7782" t="s">
        <v>39948</v>
      </c>
      <c r="M7782">
        <v>110800</v>
      </c>
      <c r="O7782">
        <v>110800</v>
      </c>
      <c r="P7782">
        <v>1</v>
      </c>
      <c r="Q7782">
        <v>2</v>
      </c>
      <c r="R7782" t="s">
        <v>39949</v>
      </c>
      <c r="S7782">
        <v>2519</v>
      </c>
    </row>
    <row r="7783" spans="1:19" x14ac:dyDescent="0.25">
      <c r="A7783">
        <v>1082735</v>
      </c>
      <c r="B7783" t="s">
        <v>39950</v>
      </c>
      <c r="C7783" t="s">
        <v>39951</v>
      </c>
      <c r="E7783">
        <v>8</v>
      </c>
      <c r="F7783">
        <v>4</v>
      </c>
      <c r="H7783" t="s">
        <v>39952</v>
      </c>
      <c r="I7783">
        <v>3</v>
      </c>
      <c r="J7783" t="s">
        <v>39953</v>
      </c>
      <c r="K7783" t="s">
        <v>39954</v>
      </c>
      <c r="M7783">
        <v>3827</v>
      </c>
      <c r="N7783" t="s">
        <v>39955</v>
      </c>
      <c r="P7783">
        <v>1</v>
      </c>
      <c r="Q7783">
        <v>9</v>
      </c>
      <c r="R7783" t="s">
        <v>39956</v>
      </c>
      <c r="S7783">
        <v>19086</v>
      </c>
    </row>
    <row r="7784" spans="1:19" x14ac:dyDescent="0.25">
      <c r="A7784">
        <v>6357783</v>
      </c>
      <c r="B7784" t="s">
        <v>39957</v>
      </c>
      <c r="C7784" s="1" t="s">
        <v>39958</v>
      </c>
      <c r="D7784">
        <v>8804436</v>
      </c>
      <c r="E7784">
        <v>6</v>
      </c>
      <c r="F7784">
        <v>7</v>
      </c>
      <c r="H7784" t="s">
        <v>39959</v>
      </c>
      <c r="J7784" t="s">
        <v>39960</v>
      </c>
      <c r="O7784">
        <v>680837</v>
      </c>
      <c r="P7784">
        <v>1</v>
      </c>
      <c r="Q7784">
        <v>7</v>
      </c>
      <c r="R7784" t="s">
        <v>39961</v>
      </c>
      <c r="S7784">
        <v>2638</v>
      </c>
    </row>
    <row r="7785" spans="1:19" x14ac:dyDescent="0.25">
      <c r="A7785">
        <v>35618802</v>
      </c>
      <c r="B7785" t="s">
        <v>39962</v>
      </c>
      <c r="C7785" s="1" t="s">
        <v>39963</v>
      </c>
      <c r="D7785">
        <v>35741706</v>
      </c>
      <c r="E7785">
        <v>1</v>
      </c>
      <c r="F7785">
        <v>0</v>
      </c>
      <c r="H7785" t="s">
        <v>39964</v>
      </c>
      <c r="J7785" t="s">
        <v>39965</v>
      </c>
      <c r="O7785">
        <v>1270637</v>
      </c>
      <c r="P7785">
        <v>1</v>
      </c>
      <c r="Q7785">
        <v>1</v>
      </c>
      <c r="R7785" t="s">
        <v>39966</v>
      </c>
      <c r="S7785">
        <v>206</v>
      </c>
    </row>
    <row r="7786" spans="1:19" x14ac:dyDescent="0.25">
      <c r="A7786">
        <v>5184540</v>
      </c>
      <c r="B7786" t="s">
        <v>39967</v>
      </c>
      <c r="C7786" s="1" t="s">
        <v>39968</v>
      </c>
      <c r="D7786">
        <v>5185639</v>
      </c>
      <c r="E7786">
        <v>1</v>
      </c>
      <c r="F7786">
        <v>0</v>
      </c>
      <c r="H7786" t="s">
        <v>39969</v>
      </c>
      <c r="J7786" t="s">
        <v>39970</v>
      </c>
      <c r="K7786" t="s">
        <v>39970</v>
      </c>
      <c r="M7786">
        <v>367456</v>
      </c>
      <c r="O7786">
        <v>71830</v>
      </c>
      <c r="P7786">
        <v>1</v>
      </c>
      <c r="Q7786">
        <v>0</v>
      </c>
      <c r="R7786" t="s">
        <v>39971</v>
      </c>
      <c r="S7786">
        <v>346</v>
      </c>
    </row>
    <row r="7787" spans="1:19" x14ac:dyDescent="0.25">
      <c r="A7787">
        <v>50833825</v>
      </c>
      <c r="B7787" t="s">
        <v>39972</v>
      </c>
      <c r="C7787" s="1" t="s">
        <v>39973</v>
      </c>
      <c r="D7787">
        <v>50833990</v>
      </c>
      <c r="E7787">
        <v>1</v>
      </c>
      <c r="F7787">
        <v>0</v>
      </c>
      <c r="H7787" t="s">
        <v>39974</v>
      </c>
      <c r="I7787">
        <v>1</v>
      </c>
      <c r="J7787" t="s">
        <v>39975</v>
      </c>
      <c r="O7787">
        <v>514235</v>
      </c>
      <c r="P7787">
        <v>1</v>
      </c>
      <c r="Q7787">
        <v>2</v>
      </c>
      <c r="R7787" t="s">
        <v>39976</v>
      </c>
      <c r="S7787">
        <v>414</v>
      </c>
    </row>
    <row r="7788" spans="1:19" x14ac:dyDescent="0.25">
      <c r="A7788">
        <v>24195343</v>
      </c>
      <c r="B7788" t="s">
        <v>39977</v>
      </c>
      <c r="C7788" s="1" t="s">
        <v>39978</v>
      </c>
      <c r="E7788">
        <v>1</v>
      </c>
      <c r="F7788">
        <v>0</v>
      </c>
      <c r="H7788" t="s">
        <v>39979</v>
      </c>
      <c r="J7788" t="s">
        <v>39980</v>
      </c>
      <c r="O7788">
        <v>1401265</v>
      </c>
      <c r="P7788">
        <v>1</v>
      </c>
      <c r="Q7788">
        <v>0</v>
      </c>
      <c r="R7788" t="s">
        <v>39981</v>
      </c>
      <c r="S7788">
        <v>187</v>
      </c>
    </row>
    <row r="7789" spans="1:19" x14ac:dyDescent="0.25">
      <c r="A7789">
        <v>2824225</v>
      </c>
      <c r="B7789" t="s">
        <v>39982</v>
      </c>
      <c r="C7789" s="1" t="s">
        <v>39983</v>
      </c>
      <c r="D7789">
        <v>2824338</v>
      </c>
      <c r="E7789">
        <v>8</v>
      </c>
      <c r="F7789">
        <v>3</v>
      </c>
      <c r="H7789" t="s">
        <v>39984</v>
      </c>
      <c r="I7789">
        <v>16</v>
      </c>
      <c r="J7789" t="s">
        <v>39985</v>
      </c>
      <c r="K7789" t="s">
        <v>39986</v>
      </c>
      <c r="M7789">
        <v>179850</v>
      </c>
      <c r="O7789">
        <v>250304</v>
      </c>
      <c r="P7789">
        <v>1</v>
      </c>
      <c r="Q7789">
        <v>34</v>
      </c>
      <c r="R7789" t="s">
        <v>39987</v>
      </c>
      <c r="S7789">
        <v>21949</v>
      </c>
    </row>
    <row r="7790" spans="1:19" x14ac:dyDescent="0.25">
      <c r="A7790">
        <v>1644360</v>
      </c>
      <c r="B7790" t="s">
        <v>39988</v>
      </c>
      <c r="C7790" s="1" t="s">
        <v>39989</v>
      </c>
      <c r="D7790">
        <v>1644426</v>
      </c>
      <c r="E7790">
        <v>3</v>
      </c>
      <c r="F7790">
        <v>0</v>
      </c>
      <c r="H7790" t="s">
        <v>39990</v>
      </c>
      <c r="J7790" t="s">
        <v>39991</v>
      </c>
      <c r="K7790" t="s">
        <v>39992</v>
      </c>
      <c r="M7790">
        <v>168225</v>
      </c>
      <c r="O7790">
        <v>198982</v>
      </c>
      <c r="P7790">
        <v>1</v>
      </c>
      <c r="Q7790">
        <v>2</v>
      </c>
      <c r="R7790" t="s">
        <v>39993</v>
      </c>
      <c r="S7790">
        <v>416</v>
      </c>
    </row>
    <row r="7791" spans="1:19" x14ac:dyDescent="0.25">
      <c r="A7791">
        <v>33365304</v>
      </c>
      <c r="B7791" t="s">
        <v>39994</v>
      </c>
      <c r="C7791" s="1" t="s">
        <v>39995</v>
      </c>
      <c r="D7791">
        <v>33366010</v>
      </c>
      <c r="E7791">
        <v>1</v>
      </c>
      <c r="F7791">
        <v>3</v>
      </c>
      <c r="H7791" t="s">
        <v>39996</v>
      </c>
      <c r="J7791" t="s">
        <v>39997</v>
      </c>
      <c r="O7791">
        <v>4268241</v>
      </c>
      <c r="P7791">
        <v>1</v>
      </c>
      <c r="Q7791">
        <v>0</v>
      </c>
      <c r="R7791" t="s">
        <v>39998</v>
      </c>
      <c r="S7791">
        <v>752</v>
      </c>
    </row>
    <row r="7792" spans="1:19" x14ac:dyDescent="0.25">
      <c r="A7792">
        <v>14809462</v>
      </c>
      <c r="B7792" t="s">
        <v>39999</v>
      </c>
      <c r="C7792" t="s">
        <v>40000</v>
      </c>
      <c r="D7792">
        <v>14809529</v>
      </c>
      <c r="E7792">
        <v>3</v>
      </c>
      <c r="F7792">
        <v>1</v>
      </c>
      <c r="H7792" t="s">
        <v>40001</v>
      </c>
      <c r="J7792" t="s">
        <v>40002</v>
      </c>
      <c r="O7792">
        <v>508343</v>
      </c>
      <c r="P7792">
        <v>1</v>
      </c>
      <c r="Q7792">
        <v>4</v>
      </c>
      <c r="R7792" t="s">
        <v>40003</v>
      </c>
      <c r="S7792">
        <v>4123</v>
      </c>
    </row>
    <row r="7793" spans="1:19" x14ac:dyDescent="0.25">
      <c r="A7793">
        <v>13005010</v>
      </c>
      <c r="B7793" t="s">
        <v>40004</v>
      </c>
      <c r="C7793" s="1" t="s">
        <v>40005</v>
      </c>
      <c r="E7793">
        <v>1</v>
      </c>
      <c r="F7793">
        <v>4</v>
      </c>
      <c r="H7793" t="s">
        <v>40006</v>
      </c>
      <c r="I7793">
        <v>3</v>
      </c>
      <c r="J7793" t="s">
        <v>40007</v>
      </c>
      <c r="K7793" t="s">
        <v>40007</v>
      </c>
      <c r="M7793">
        <v>698179</v>
      </c>
      <c r="O7793">
        <v>1764215</v>
      </c>
      <c r="P7793">
        <v>1</v>
      </c>
      <c r="Q7793">
        <v>13</v>
      </c>
      <c r="R7793" t="s">
        <v>40008</v>
      </c>
      <c r="S7793">
        <v>5530</v>
      </c>
    </row>
    <row r="7794" spans="1:19" x14ac:dyDescent="0.25">
      <c r="A7794">
        <v>44425381</v>
      </c>
      <c r="B7794" t="s">
        <v>40009</v>
      </c>
      <c r="C7794" s="1" t="s">
        <v>40010</v>
      </c>
      <c r="D7794">
        <v>44425407</v>
      </c>
      <c r="E7794">
        <v>1</v>
      </c>
      <c r="F7794">
        <v>0</v>
      </c>
      <c r="H7794" t="s">
        <v>40011</v>
      </c>
      <c r="J7794" t="s">
        <v>40012</v>
      </c>
      <c r="K7794" t="s">
        <v>40012</v>
      </c>
      <c r="M7794">
        <v>7231409</v>
      </c>
      <c r="O7794">
        <v>7231409</v>
      </c>
      <c r="P7794">
        <v>1</v>
      </c>
      <c r="Q7794">
        <v>1</v>
      </c>
      <c r="R7794" t="s">
        <v>14164</v>
      </c>
      <c r="S7794">
        <v>32</v>
      </c>
    </row>
    <row r="7795" spans="1:19" x14ac:dyDescent="0.25">
      <c r="A7795">
        <v>49722520</v>
      </c>
      <c r="B7795" t="s">
        <v>40013</v>
      </c>
      <c r="C7795" s="1" t="s">
        <v>40014</v>
      </c>
      <c r="D7795">
        <v>49722563</v>
      </c>
      <c r="E7795">
        <v>1</v>
      </c>
      <c r="F7795">
        <v>1</v>
      </c>
      <c r="H7795" t="s">
        <v>40015</v>
      </c>
      <c r="J7795" t="s">
        <v>40016</v>
      </c>
      <c r="O7795">
        <v>3346095</v>
      </c>
      <c r="P7795">
        <v>1</v>
      </c>
      <c r="Q7795">
        <v>0</v>
      </c>
      <c r="R7795" t="s">
        <v>40017</v>
      </c>
      <c r="S7795">
        <v>35</v>
      </c>
    </row>
    <row r="7796" spans="1:19" x14ac:dyDescent="0.25">
      <c r="A7796">
        <v>31093175</v>
      </c>
      <c r="B7796" t="s">
        <v>40018</v>
      </c>
      <c r="C7796" s="1" t="s">
        <v>40019</v>
      </c>
      <c r="E7796">
        <v>1</v>
      </c>
      <c r="F7796">
        <v>4</v>
      </c>
      <c r="H7796" t="s">
        <v>40020</v>
      </c>
      <c r="J7796" t="s">
        <v>40021</v>
      </c>
      <c r="O7796">
        <v>4987896</v>
      </c>
      <c r="P7796">
        <v>1</v>
      </c>
      <c r="Q7796">
        <v>0</v>
      </c>
      <c r="R7796" t="s">
        <v>40022</v>
      </c>
      <c r="S7796">
        <v>28</v>
      </c>
    </row>
    <row r="7797" spans="1:19" x14ac:dyDescent="0.25">
      <c r="A7797">
        <v>53277321</v>
      </c>
      <c r="B7797" t="s">
        <v>40023</v>
      </c>
      <c r="C7797" s="1" t="s">
        <v>40024</v>
      </c>
      <c r="E7797">
        <v>0</v>
      </c>
      <c r="F7797">
        <v>8</v>
      </c>
      <c r="H7797" t="s">
        <v>40025</v>
      </c>
      <c r="J7797" t="s">
        <v>40026</v>
      </c>
      <c r="K7797" t="s">
        <v>40026</v>
      </c>
      <c r="M7797">
        <v>620382</v>
      </c>
      <c r="O7797">
        <v>10645030</v>
      </c>
      <c r="P7797">
        <v>1</v>
      </c>
      <c r="Q7797">
        <v>2</v>
      </c>
      <c r="R7797" t="s">
        <v>40027</v>
      </c>
      <c r="S7797">
        <v>27</v>
      </c>
    </row>
    <row r="7798" spans="1:19" x14ac:dyDescent="0.25">
      <c r="A7798">
        <v>30425280</v>
      </c>
      <c r="B7798" t="s">
        <v>40028</v>
      </c>
      <c r="C7798" s="1" t="s">
        <v>40029</v>
      </c>
      <c r="E7798">
        <v>3</v>
      </c>
      <c r="F7798">
        <v>5</v>
      </c>
      <c r="H7798" t="s">
        <v>40030</v>
      </c>
      <c r="J7798" t="s">
        <v>40031</v>
      </c>
      <c r="O7798">
        <v>4325354</v>
      </c>
      <c r="P7798">
        <v>1</v>
      </c>
      <c r="Q7798">
        <v>0</v>
      </c>
      <c r="R7798" t="s">
        <v>40032</v>
      </c>
      <c r="S7798">
        <v>1954</v>
      </c>
    </row>
    <row r="7799" spans="1:19" x14ac:dyDescent="0.25">
      <c r="A7799">
        <v>6588893</v>
      </c>
      <c r="B7799" t="s">
        <v>40033</v>
      </c>
      <c r="C7799" s="1" t="s">
        <v>40034</v>
      </c>
      <c r="D7799">
        <v>6588941</v>
      </c>
      <c r="E7799">
        <v>3</v>
      </c>
      <c r="F7799">
        <v>0</v>
      </c>
      <c r="H7799" t="s">
        <v>40035</v>
      </c>
      <c r="I7799">
        <v>4</v>
      </c>
      <c r="J7799" t="s">
        <v>40036</v>
      </c>
      <c r="O7799">
        <v>755934</v>
      </c>
      <c r="P7799">
        <v>1</v>
      </c>
      <c r="Q7799">
        <v>6</v>
      </c>
      <c r="R7799" t="s">
        <v>40037</v>
      </c>
      <c r="S7799">
        <v>4248</v>
      </c>
    </row>
    <row r="7800" spans="1:19" x14ac:dyDescent="0.25">
      <c r="A7800">
        <v>39350492</v>
      </c>
      <c r="B7800" t="s">
        <v>40038</v>
      </c>
      <c r="C7800" s="1" t="s">
        <v>40039</v>
      </c>
      <c r="E7800">
        <v>1</v>
      </c>
      <c r="F7800">
        <v>0</v>
      </c>
      <c r="H7800" t="s">
        <v>40040</v>
      </c>
      <c r="J7800" t="s">
        <v>40041</v>
      </c>
      <c r="O7800">
        <v>3028950</v>
      </c>
      <c r="P7800">
        <v>1</v>
      </c>
      <c r="Q7800">
        <v>1</v>
      </c>
      <c r="R7800" t="s">
        <v>40042</v>
      </c>
      <c r="S7800">
        <v>191</v>
      </c>
    </row>
    <row r="7801" spans="1:19" x14ac:dyDescent="0.25">
      <c r="A7801">
        <v>5636337</v>
      </c>
      <c r="B7801" t="s">
        <v>40043</v>
      </c>
      <c r="C7801" s="1" t="s">
        <v>40044</v>
      </c>
      <c r="D7801">
        <v>9415728</v>
      </c>
      <c r="E7801">
        <v>2</v>
      </c>
      <c r="F7801">
        <v>1</v>
      </c>
      <c r="H7801" t="s">
        <v>40045</v>
      </c>
      <c r="J7801" t="s">
        <v>40046</v>
      </c>
      <c r="O7801">
        <v>64084</v>
      </c>
      <c r="P7801">
        <v>1</v>
      </c>
      <c r="Q7801">
        <v>1</v>
      </c>
      <c r="R7801" t="s">
        <v>159</v>
      </c>
      <c r="S7801">
        <v>725</v>
      </c>
    </row>
    <row r="7802" spans="1:19" x14ac:dyDescent="0.25">
      <c r="A7802">
        <v>9092265</v>
      </c>
      <c r="B7802" t="s">
        <v>40047</v>
      </c>
      <c r="C7802" s="1" t="s">
        <v>40048</v>
      </c>
      <c r="D7802">
        <v>12007908</v>
      </c>
      <c r="E7802">
        <v>1</v>
      </c>
      <c r="F7802">
        <v>0</v>
      </c>
      <c r="H7802" t="s">
        <v>40049</v>
      </c>
      <c r="J7802" t="s">
        <v>40050</v>
      </c>
      <c r="O7802">
        <v>1182120</v>
      </c>
      <c r="P7802">
        <v>1</v>
      </c>
      <c r="Q7802">
        <v>5</v>
      </c>
      <c r="R7802" t="s">
        <v>40051</v>
      </c>
      <c r="S7802">
        <v>1948</v>
      </c>
    </row>
    <row r="7803" spans="1:19" x14ac:dyDescent="0.25">
      <c r="A7803">
        <v>45545769</v>
      </c>
      <c r="B7803" t="s">
        <v>40052</v>
      </c>
      <c r="C7803" s="1" t="s">
        <v>40053</v>
      </c>
      <c r="D7803">
        <v>45545886</v>
      </c>
      <c r="E7803">
        <v>2</v>
      </c>
      <c r="F7803">
        <v>5</v>
      </c>
      <c r="H7803" t="s">
        <v>40054</v>
      </c>
      <c r="J7803" t="s">
        <v>40055</v>
      </c>
      <c r="K7803" t="s">
        <v>40056</v>
      </c>
      <c r="L7803" t="s">
        <v>17748</v>
      </c>
      <c r="O7803">
        <v>8428401</v>
      </c>
      <c r="P7803">
        <v>1</v>
      </c>
      <c r="Q7803">
        <v>0</v>
      </c>
      <c r="R7803" t="s">
        <v>2176</v>
      </c>
      <c r="S7803">
        <v>48</v>
      </c>
    </row>
    <row r="7804" spans="1:19" x14ac:dyDescent="0.25">
      <c r="A7804">
        <v>37220367</v>
      </c>
      <c r="B7804" t="s">
        <v>40057</v>
      </c>
      <c r="C7804" s="1" t="s">
        <v>40058</v>
      </c>
      <c r="D7804">
        <v>37220376</v>
      </c>
      <c r="E7804">
        <v>2</v>
      </c>
      <c r="F7804">
        <v>2</v>
      </c>
      <c r="H7804" t="s">
        <v>40059</v>
      </c>
      <c r="J7804" t="s">
        <v>40060</v>
      </c>
      <c r="K7804" t="s">
        <v>40060</v>
      </c>
      <c r="M7804">
        <v>107625</v>
      </c>
      <c r="O7804">
        <v>5948444</v>
      </c>
      <c r="P7804">
        <v>1</v>
      </c>
      <c r="Q7804">
        <v>3</v>
      </c>
      <c r="R7804" t="s">
        <v>8946</v>
      </c>
      <c r="S7804">
        <v>136</v>
      </c>
    </row>
    <row r="7805" spans="1:19" x14ac:dyDescent="0.25">
      <c r="A7805">
        <v>18400369</v>
      </c>
      <c r="B7805" t="s">
        <v>40061</v>
      </c>
      <c r="C7805" s="1" t="s">
        <v>40062</v>
      </c>
      <c r="D7805">
        <v>18406777</v>
      </c>
      <c r="E7805">
        <v>1</v>
      </c>
      <c r="F7805">
        <v>0</v>
      </c>
      <c r="H7805" t="s">
        <v>40063</v>
      </c>
      <c r="I7805">
        <v>1</v>
      </c>
      <c r="J7805" t="s">
        <v>40064</v>
      </c>
      <c r="K7805" t="s">
        <v>40065</v>
      </c>
      <c r="M7805">
        <v>1295905</v>
      </c>
      <c r="O7805">
        <v>1295905</v>
      </c>
      <c r="P7805">
        <v>1</v>
      </c>
      <c r="Q7805">
        <v>0</v>
      </c>
      <c r="R7805" t="s">
        <v>40066</v>
      </c>
      <c r="S7805">
        <v>293</v>
      </c>
    </row>
    <row r="7806" spans="1:19" x14ac:dyDescent="0.25">
      <c r="A7806">
        <v>5054764</v>
      </c>
      <c r="B7806" t="s">
        <v>40067</v>
      </c>
      <c r="C7806" s="1" t="s">
        <v>40068</v>
      </c>
      <c r="D7806">
        <v>5055345</v>
      </c>
      <c r="E7806">
        <v>2</v>
      </c>
      <c r="F7806">
        <v>2</v>
      </c>
      <c r="H7806" t="s">
        <v>40069</v>
      </c>
      <c r="J7806" t="s">
        <v>40070</v>
      </c>
      <c r="K7806" t="s">
        <v>40070</v>
      </c>
      <c r="M7806">
        <v>775283</v>
      </c>
      <c r="O7806">
        <v>358089</v>
      </c>
      <c r="P7806">
        <v>1</v>
      </c>
      <c r="Q7806">
        <v>4</v>
      </c>
      <c r="R7806" t="s">
        <v>40071</v>
      </c>
      <c r="S7806">
        <v>3046</v>
      </c>
    </row>
    <row r="7807" spans="1:19" x14ac:dyDescent="0.25">
      <c r="A7807">
        <v>20781014</v>
      </c>
      <c r="B7807" t="s">
        <v>40072</v>
      </c>
      <c r="C7807" s="1" t="s">
        <v>40073</v>
      </c>
      <c r="D7807">
        <v>24665927</v>
      </c>
      <c r="E7807">
        <v>5</v>
      </c>
      <c r="F7807">
        <v>0</v>
      </c>
      <c r="H7807" t="s">
        <v>40074</v>
      </c>
      <c r="I7807">
        <v>24</v>
      </c>
      <c r="J7807" t="s">
        <v>40075</v>
      </c>
      <c r="K7807" t="s">
        <v>40076</v>
      </c>
      <c r="M7807">
        <v>13163</v>
      </c>
      <c r="O7807">
        <v>13163</v>
      </c>
      <c r="P7807">
        <v>1</v>
      </c>
      <c r="Q7807">
        <v>22</v>
      </c>
      <c r="R7807" t="s">
        <v>40077</v>
      </c>
      <c r="S7807">
        <v>19760</v>
      </c>
    </row>
    <row r="7808" spans="1:19" x14ac:dyDescent="0.25">
      <c r="A7808">
        <v>33067371</v>
      </c>
      <c r="B7808" t="s">
        <v>40078</v>
      </c>
      <c r="C7808" s="1" t="s">
        <v>40079</v>
      </c>
      <c r="D7808">
        <v>33067714</v>
      </c>
      <c r="E7808">
        <v>3</v>
      </c>
      <c r="F7808">
        <v>0</v>
      </c>
      <c r="H7808" t="s">
        <v>40080</v>
      </c>
      <c r="J7808" t="s">
        <v>40081</v>
      </c>
      <c r="K7808" t="s">
        <v>40081</v>
      </c>
      <c r="M7808">
        <v>4306798</v>
      </c>
      <c r="O7808">
        <v>3142625</v>
      </c>
      <c r="P7808">
        <v>1</v>
      </c>
      <c r="Q7808">
        <v>0</v>
      </c>
      <c r="R7808" t="s">
        <v>40082</v>
      </c>
      <c r="S7808">
        <v>196</v>
      </c>
    </row>
    <row r="7809" spans="1:19" x14ac:dyDescent="0.25">
      <c r="A7809">
        <v>26620796</v>
      </c>
      <c r="B7809" t="s">
        <v>40083</v>
      </c>
      <c r="C7809" s="1" t="s">
        <v>40084</v>
      </c>
      <c r="D7809">
        <v>26722780</v>
      </c>
      <c r="E7809">
        <v>1</v>
      </c>
      <c r="F7809">
        <v>0</v>
      </c>
      <c r="H7809" t="s">
        <v>40085</v>
      </c>
      <c r="J7809" t="s">
        <v>40086</v>
      </c>
      <c r="O7809">
        <v>3642965</v>
      </c>
      <c r="P7809">
        <v>1</v>
      </c>
      <c r="Q7809">
        <v>1</v>
      </c>
      <c r="R7809" t="s">
        <v>40087</v>
      </c>
      <c r="S7809">
        <v>535</v>
      </c>
    </row>
    <row r="7810" spans="1:19" x14ac:dyDescent="0.25">
      <c r="A7810">
        <v>43178920</v>
      </c>
      <c r="B7810" t="s">
        <v>40088</v>
      </c>
      <c r="C7810" s="1" t="s">
        <v>40089</v>
      </c>
      <c r="E7810">
        <v>2</v>
      </c>
      <c r="F7810">
        <v>0</v>
      </c>
      <c r="H7810" t="s">
        <v>40090</v>
      </c>
      <c r="I7810">
        <v>1</v>
      </c>
      <c r="J7810" t="s">
        <v>40091</v>
      </c>
      <c r="N7810" t="s">
        <v>40092</v>
      </c>
      <c r="P7810">
        <v>1</v>
      </c>
      <c r="Q7810">
        <v>0</v>
      </c>
      <c r="R7810" t="s">
        <v>40093</v>
      </c>
      <c r="S7810">
        <v>1185</v>
      </c>
    </row>
    <row r="7811" spans="1:19" x14ac:dyDescent="0.25">
      <c r="A7811">
        <v>4803341</v>
      </c>
      <c r="B7811" t="s">
        <v>40094</v>
      </c>
      <c r="C7811" s="1" t="s">
        <v>40095</v>
      </c>
      <c r="E7811">
        <v>2</v>
      </c>
      <c r="F7811">
        <v>0</v>
      </c>
      <c r="H7811" t="s">
        <v>40096</v>
      </c>
      <c r="J7811" t="s">
        <v>40097</v>
      </c>
      <c r="O7811">
        <v>492389</v>
      </c>
      <c r="P7811">
        <v>1</v>
      </c>
      <c r="Q7811">
        <v>1</v>
      </c>
      <c r="R7811" t="s">
        <v>40098</v>
      </c>
      <c r="S7811">
        <v>1008</v>
      </c>
    </row>
    <row r="7812" spans="1:19" x14ac:dyDescent="0.25">
      <c r="A7812">
        <v>21228538</v>
      </c>
      <c r="B7812" t="s">
        <v>40099</v>
      </c>
      <c r="C7812" s="1" t="s">
        <v>40100</v>
      </c>
      <c r="E7812">
        <v>2</v>
      </c>
      <c r="F7812">
        <v>15</v>
      </c>
      <c r="H7812" t="s">
        <v>40101</v>
      </c>
      <c r="J7812" t="s">
        <v>40102</v>
      </c>
      <c r="K7812" t="s">
        <v>40103</v>
      </c>
      <c r="M7812">
        <v>2964945</v>
      </c>
      <c r="O7812">
        <v>3162060</v>
      </c>
      <c r="P7812">
        <v>1</v>
      </c>
      <c r="Q7812">
        <v>0</v>
      </c>
      <c r="R7812" t="s">
        <v>2771</v>
      </c>
      <c r="S7812">
        <v>382</v>
      </c>
    </row>
    <row r="7813" spans="1:19" x14ac:dyDescent="0.25">
      <c r="A7813">
        <v>30967245</v>
      </c>
      <c r="B7813" t="s">
        <v>40104</v>
      </c>
      <c r="C7813" s="1" t="s">
        <v>40105</v>
      </c>
      <c r="E7813">
        <v>1</v>
      </c>
      <c r="F7813">
        <v>1</v>
      </c>
      <c r="H7813" t="s">
        <v>40106</v>
      </c>
      <c r="J7813" t="s">
        <v>40107</v>
      </c>
      <c r="K7813" t="s">
        <v>40108</v>
      </c>
      <c r="M7813">
        <v>442945</v>
      </c>
      <c r="O7813">
        <v>4921597</v>
      </c>
      <c r="P7813">
        <v>1</v>
      </c>
      <c r="Q7813">
        <v>1</v>
      </c>
      <c r="R7813" t="s">
        <v>40109</v>
      </c>
      <c r="S7813">
        <v>429</v>
      </c>
    </row>
    <row r="7814" spans="1:19" x14ac:dyDescent="0.25">
      <c r="A7814">
        <v>4411058</v>
      </c>
      <c r="B7814" t="s">
        <v>40110</v>
      </c>
      <c r="C7814" s="1" t="s">
        <v>40111</v>
      </c>
      <c r="D7814">
        <v>4411087</v>
      </c>
      <c r="E7814">
        <v>3</v>
      </c>
      <c r="F7814">
        <v>2</v>
      </c>
      <c r="H7814" t="s">
        <v>40112</v>
      </c>
      <c r="I7814">
        <v>2</v>
      </c>
      <c r="J7814" t="s">
        <v>40113</v>
      </c>
      <c r="O7814">
        <v>538091</v>
      </c>
      <c r="P7814">
        <v>1</v>
      </c>
      <c r="Q7814">
        <v>7</v>
      </c>
      <c r="R7814" t="s">
        <v>40114</v>
      </c>
      <c r="S7814">
        <v>1676</v>
      </c>
    </row>
    <row r="7815" spans="1:19" x14ac:dyDescent="0.25">
      <c r="A7815">
        <v>44514208</v>
      </c>
      <c r="B7815" t="s">
        <v>40115</v>
      </c>
      <c r="C7815" t="s">
        <v>40116</v>
      </c>
      <c r="E7815">
        <v>1</v>
      </c>
      <c r="F7815">
        <v>7</v>
      </c>
      <c r="H7815" t="s">
        <v>40117</v>
      </c>
      <c r="J7815" t="s">
        <v>40118</v>
      </c>
      <c r="K7815" t="s">
        <v>40119</v>
      </c>
      <c r="M7815">
        <v>2427065</v>
      </c>
      <c r="O7815">
        <v>8152769</v>
      </c>
      <c r="P7815">
        <v>1</v>
      </c>
      <c r="Q7815">
        <v>2</v>
      </c>
      <c r="R7815" t="s">
        <v>40120</v>
      </c>
      <c r="S7815">
        <v>408</v>
      </c>
    </row>
    <row r="7816" spans="1:19" x14ac:dyDescent="0.25">
      <c r="A7816">
        <v>46017451</v>
      </c>
      <c r="B7816" t="s">
        <v>40121</v>
      </c>
      <c r="C7816" s="1" t="s">
        <v>40122</v>
      </c>
      <c r="D7816">
        <v>46017460</v>
      </c>
      <c r="E7816">
        <v>1</v>
      </c>
      <c r="F7816">
        <v>1</v>
      </c>
      <c r="H7816" t="s">
        <v>40123</v>
      </c>
      <c r="J7816" t="s">
        <v>40124</v>
      </c>
      <c r="O7816">
        <v>8548979</v>
      </c>
      <c r="P7816">
        <v>1</v>
      </c>
      <c r="Q7816">
        <v>0</v>
      </c>
      <c r="R7816" t="s">
        <v>34234</v>
      </c>
      <c r="S7816">
        <v>20</v>
      </c>
    </row>
    <row r="7817" spans="1:19" x14ac:dyDescent="0.25">
      <c r="A7817">
        <v>33698600</v>
      </c>
      <c r="B7817" t="s">
        <v>40125</v>
      </c>
      <c r="C7817" s="1" t="s">
        <v>40126</v>
      </c>
      <c r="D7817">
        <v>33699130</v>
      </c>
      <c r="E7817">
        <v>1</v>
      </c>
      <c r="F7817">
        <v>2</v>
      </c>
      <c r="H7817" t="s">
        <v>40127</v>
      </c>
      <c r="J7817" t="s">
        <v>40128</v>
      </c>
      <c r="K7817" t="s">
        <v>40128</v>
      </c>
      <c r="M7817">
        <v>1451599</v>
      </c>
      <c r="O7817">
        <v>3209177</v>
      </c>
      <c r="P7817">
        <v>1</v>
      </c>
      <c r="Q7817">
        <v>1</v>
      </c>
      <c r="R7817" t="s">
        <v>40129</v>
      </c>
      <c r="S7817">
        <v>176</v>
      </c>
    </row>
    <row r="7818" spans="1:19" x14ac:dyDescent="0.25">
      <c r="A7818">
        <v>33301004</v>
      </c>
      <c r="B7818" t="s">
        <v>40130</v>
      </c>
      <c r="C7818" s="1" t="s">
        <v>40131</v>
      </c>
      <c r="E7818">
        <v>2</v>
      </c>
      <c r="F7818">
        <v>2</v>
      </c>
      <c r="H7818" t="s">
        <v>40132</v>
      </c>
      <c r="J7818" t="s">
        <v>40133</v>
      </c>
      <c r="O7818">
        <v>3567785</v>
      </c>
      <c r="P7818">
        <v>1</v>
      </c>
      <c r="Q7818">
        <v>0</v>
      </c>
      <c r="R7818" t="s">
        <v>40134</v>
      </c>
      <c r="S7818">
        <v>100</v>
      </c>
    </row>
    <row r="7819" spans="1:19" x14ac:dyDescent="0.25">
      <c r="A7819">
        <v>30982301</v>
      </c>
      <c r="B7819" t="s">
        <v>40135</v>
      </c>
      <c r="C7819" s="1" t="s">
        <v>40136</v>
      </c>
      <c r="E7819">
        <v>2</v>
      </c>
      <c r="F7819">
        <v>0</v>
      </c>
      <c r="H7819" t="s">
        <v>40137</v>
      </c>
      <c r="I7819">
        <v>1</v>
      </c>
      <c r="J7819" t="s">
        <v>40138</v>
      </c>
      <c r="O7819">
        <v>5006195</v>
      </c>
      <c r="P7819">
        <v>1</v>
      </c>
      <c r="Q7819">
        <v>2</v>
      </c>
      <c r="R7819" t="s">
        <v>39543</v>
      </c>
      <c r="S7819">
        <v>3307</v>
      </c>
    </row>
    <row r="7820" spans="1:19" x14ac:dyDescent="0.25">
      <c r="A7820">
        <v>31550435</v>
      </c>
      <c r="B7820" t="s">
        <v>40139</v>
      </c>
      <c r="C7820" s="1" t="s">
        <v>40140</v>
      </c>
      <c r="D7820">
        <v>31640082</v>
      </c>
      <c r="E7820">
        <v>1</v>
      </c>
      <c r="F7820">
        <v>0</v>
      </c>
      <c r="H7820" t="s">
        <v>40141</v>
      </c>
      <c r="I7820">
        <v>3</v>
      </c>
      <c r="J7820" t="s">
        <v>40142</v>
      </c>
      <c r="K7820" t="s">
        <v>40142</v>
      </c>
      <c r="M7820">
        <v>2055765</v>
      </c>
      <c r="O7820">
        <v>1187938</v>
      </c>
      <c r="P7820">
        <v>1</v>
      </c>
      <c r="Q7820">
        <v>10</v>
      </c>
      <c r="R7820" t="s">
        <v>40143</v>
      </c>
      <c r="S7820">
        <v>6381</v>
      </c>
    </row>
    <row r="7821" spans="1:19" x14ac:dyDescent="0.25">
      <c r="A7821">
        <v>43021869</v>
      </c>
      <c r="B7821" t="s">
        <v>40144</v>
      </c>
      <c r="C7821" s="1" t="s">
        <v>40145</v>
      </c>
      <c r="D7821">
        <v>43022865</v>
      </c>
      <c r="E7821">
        <v>1</v>
      </c>
      <c r="F7821">
        <v>0</v>
      </c>
      <c r="H7821" t="s">
        <v>40146</v>
      </c>
      <c r="J7821" t="s">
        <v>40147</v>
      </c>
      <c r="O7821">
        <v>163534</v>
      </c>
      <c r="P7821">
        <v>1</v>
      </c>
      <c r="Q7821">
        <v>1</v>
      </c>
      <c r="R7821" t="s">
        <v>40148</v>
      </c>
      <c r="S7821">
        <v>1816</v>
      </c>
    </row>
    <row r="7822" spans="1:19" x14ac:dyDescent="0.25">
      <c r="A7822">
        <v>11457154</v>
      </c>
      <c r="B7822" t="s">
        <v>40149</v>
      </c>
      <c r="C7822" t="s">
        <v>40150</v>
      </c>
      <c r="D7822">
        <v>11457322</v>
      </c>
      <c r="E7822">
        <v>1</v>
      </c>
      <c r="F7822">
        <v>0</v>
      </c>
      <c r="H7822" t="s">
        <v>40151</v>
      </c>
      <c r="I7822">
        <v>2</v>
      </c>
      <c r="J7822" t="s">
        <v>40152</v>
      </c>
      <c r="K7822" t="s">
        <v>40152</v>
      </c>
      <c r="M7822">
        <v>249916</v>
      </c>
      <c r="O7822">
        <v>664177</v>
      </c>
      <c r="P7822">
        <v>1</v>
      </c>
      <c r="Q7822">
        <v>0</v>
      </c>
      <c r="R7822" t="s">
        <v>40153</v>
      </c>
      <c r="S7822">
        <v>100</v>
      </c>
    </row>
    <row r="7823" spans="1:19" x14ac:dyDescent="0.25">
      <c r="A7823">
        <v>34165499</v>
      </c>
      <c r="B7823" t="s">
        <v>40154</v>
      </c>
      <c r="C7823" s="1" t="s">
        <v>40155</v>
      </c>
      <c r="D7823">
        <v>34167415</v>
      </c>
      <c r="E7823">
        <v>1</v>
      </c>
      <c r="F7823">
        <v>0</v>
      </c>
      <c r="H7823" t="s">
        <v>40156</v>
      </c>
      <c r="J7823" t="s">
        <v>40157</v>
      </c>
      <c r="O7823">
        <v>763509</v>
      </c>
      <c r="P7823">
        <v>1</v>
      </c>
      <c r="Q7823">
        <v>0</v>
      </c>
      <c r="R7823" t="s">
        <v>40158</v>
      </c>
      <c r="S7823">
        <v>419</v>
      </c>
    </row>
    <row r="7824" spans="1:19" x14ac:dyDescent="0.25">
      <c r="A7824">
        <v>35670230</v>
      </c>
      <c r="B7824" t="s">
        <v>40159</v>
      </c>
      <c r="C7824" s="1" t="s">
        <v>40160</v>
      </c>
      <c r="D7824">
        <v>35670934</v>
      </c>
      <c r="E7824">
        <v>1</v>
      </c>
      <c r="F7824">
        <v>1</v>
      </c>
      <c r="H7824" t="s">
        <v>40161</v>
      </c>
      <c r="I7824">
        <v>2</v>
      </c>
      <c r="J7824" t="s">
        <v>40162</v>
      </c>
      <c r="K7824" t="s">
        <v>40162</v>
      </c>
      <c r="M7824">
        <v>2854660</v>
      </c>
      <c r="O7824">
        <v>2854660</v>
      </c>
      <c r="P7824">
        <v>1</v>
      </c>
      <c r="Q7824">
        <v>17</v>
      </c>
      <c r="R7824" t="s">
        <v>40163</v>
      </c>
      <c r="S7824">
        <v>2737</v>
      </c>
    </row>
    <row r="7825" spans="1:19" x14ac:dyDescent="0.25">
      <c r="A7825">
        <v>15969861</v>
      </c>
      <c r="B7825" t="s">
        <v>40164</v>
      </c>
      <c r="C7825" s="1" t="s">
        <v>40165</v>
      </c>
      <c r="D7825">
        <v>15970326</v>
      </c>
      <c r="E7825">
        <v>3</v>
      </c>
      <c r="F7825">
        <v>1</v>
      </c>
      <c r="H7825" t="s">
        <v>40166</v>
      </c>
      <c r="I7825">
        <v>6</v>
      </c>
      <c r="J7825" t="s">
        <v>40167</v>
      </c>
      <c r="K7825" t="s">
        <v>40168</v>
      </c>
      <c r="M7825">
        <v>1066031</v>
      </c>
      <c r="O7825">
        <v>1412921</v>
      </c>
      <c r="P7825">
        <v>1</v>
      </c>
      <c r="Q7825">
        <v>27</v>
      </c>
      <c r="R7825" t="s">
        <v>40169</v>
      </c>
      <c r="S7825">
        <v>44997</v>
      </c>
    </row>
    <row r="7826" spans="1:19" x14ac:dyDescent="0.25">
      <c r="A7826">
        <v>30559397</v>
      </c>
      <c r="B7826" t="s">
        <v>40170</v>
      </c>
      <c r="C7826" s="1" t="s">
        <v>40171</v>
      </c>
      <c r="E7826">
        <v>2</v>
      </c>
      <c r="F7826">
        <v>7</v>
      </c>
      <c r="H7826" t="s">
        <v>40172</v>
      </c>
      <c r="J7826" t="s">
        <v>40173</v>
      </c>
      <c r="O7826">
        <v>2725182</v>
      </c>
      <c r="P7826">
        <v>1</v>
      </c>
      <c r="Q7826">
        <v>1</v>
      </c>
      <c r="R7826" t="s">
        <v>40174</v>
      </c>
      <c r="S7826">
        <v>440</v>
      </c>
    </row>
    <row r="7827" spans="1:19" x14ac:dyDescent="0.25">
      <c r="A7827">
        <v>899483</v>
      </c>
      <c r="B7827" t="s">
        <v>40175</v>
      </c>
      <c r="C7827" s="1" t="s">
        <v>40176</v>
      </c>
      <c r="E7827">
        <v>5</v>
      </c>
      <c r="F7827">
        <v>0</v>
      </c>
      <c r="H7827" t="s">
        <v>40177</v>
      </c>
      <c r="J7827" t="s">
        <v>40178</v>
      </c>
      <c r="K7827" t="s">
        <v>40178</v>
      </c>
      <c r="M7827">
        <v>110250</v>
      </c>
      <c r="O7827">
        <v>110250</v>
      </c>
      <c r="P7827">
        <v>1</v>
      </c>
      <c r="Q7827">
        <v>1</v>
      </c>
      <c r="R7827" t="s">
        <v>759</v>
      </c>
      <c r="S7827">
        <v>241</v>
      </c>
    </row>
    <row r="7828" spans="1:19" x14ac:dyDescent="0.25">
      <c r="A7828">
        <v>9455479</v>
      </c>
      <c r="B7828" t="s">
        <v>40179</v>
      </c>
      <c r="C7828" s="1" t="s">
        <v>40180</v>
      </c>
      <c r="D7828">
        <v>9455673</v>
      </c>
      <c r="E7828">
        <v>2</v>
      </c>
      <c r="F7828">
        <v>0</v>
      </c>
      <c r="H7828" t="s">
        <v>40181</v>
      </c>
      <c r="J7828" t="s">
        <v>40182</v>
      </c>
      <c r="O7828">
        <v>497425</v>
      </c>
      <c r="P7828">
        <v>1</v>
      </c>
      <c r="Q7828">
        <v>1</v>
      </c>
      <c r="R7828" t="s">
        <v>40183</v>
      </c>
      <c r="S7828">
        <v>150</v>
      </c>
    </row>
    <row r="7829" spans="1:19" x14ac:dyDescent="0.25">
      <c r="A7829">
        <v>25240700</v>
      </c>
      <c r="B7829" t="s">
        <v>40184</v>
      </c>
      <c r="C7829" s="1" t="s">
        <v>40185</v>
      </c>
      <c r="D7829">
        <v>25240739</v>
      </c>
      <c r="E7829">
        <v>2</v>
      </c>
      <c r="F7829">
        <v>0</v>
      </c>
      <c r="H7829" t="s">
        <v>40186</v>
      </c>
      <c r="I7829">
        <v>1</v>
      </c>
      <c r="J7829" t="s">
        <v>40187</v>
      </c>
      <c r="K7829" t="s">
        <v>40188</v>
      </c>
      <c r="M7829">
        <v>263525</v>
      </c>
      <c r="O7829">
        <v>2702970</v>
      </c>
      <c r="P7829">
        <v>1</v>
      </c>
      <c r="Q7829">
        <v>-1</v>
      </c>
      <c r="R7829" t="s">
        <v>9179</v>
      </c>
      <c r="S7829">
        <v>65</v>
      </c>
    </row>
    <row r="7830" spans="1:19" x14ac:dyDescent="0.25">
      <c r="A7830">
        <v>6980461</v>
      </c>
      <c r="B7830" t="s">
        <v>40189</v>
      </c>
      <c r="C7830" s="1" t="s">
        <v>40190</v>
      </c>
      <c r="D7830">
        <v>6980596</v>
      </c>
      <c r="E7830">
        <v>1</v>
      </c>
      <c r="F7830">
        <v>4</v>
      </c>
      <c r="H7830" t="s">
        <v>40191</v>
      </c>
      <c r="J7830" t="s">
        <v>40192</v>
      </c>
      <c r="O7830">
        <v>409460</v>
      </c>
      <c r="P7830">
        <v>1</v>
      </c>
      <c r="Q7830">
        <v>1</v>
      </c>
      <c r="R7830" t="s">
        <v>40193</v>
      </c>
      <c r="S7830">
        <v>68</v>
      </c>
    </row>
    <row r="7831" spans="1:19" x14ac:dyDescent="0.25">
      <c r="A7831">
        <v>41874849</v>
      </c>
      <c r="B7831" t="s">
        <v>40194</v>
      </c>
      <c r="C7831" s="1" t="s">
        <v>40195</v>
      </c>
      <c r="E7831">
        <v>1</v>
      </c>
      <c r="F7831">
        <v>3</v>
      </c>
      <c r="H7831" t="s">
        <v>40196</v>
      </c>
      <c r="J7831" t="s">
        <v>40197</v>
      </c>
      <c r="O7831">
        <v>5435514</v>
      </c>
      <c r="P7831">
        <v>1</v>
      </c>
      <c r="Q7831">
        <v>7</v>
      </c>
      <c r="R7831" t="s">
        <v>40198</v>
      </c>
      <c r="S7831">
        <v>3621</v>
      </c>
    </row>
    <row r="7832" spans="1:19" x14ac:dyDescent="0.25">
      <c r="A7832">
        <v>26413592</v>
      </c>
      <c r="B7832" t="s">
        <v>40199</v>
      </c>
      <c r="C7832" s="1" t="s">
        <v>40200</v>
      </c>
      <c r="D7832">
        <v>26413842</v>
      </c>
      <c r="E7832">
        <v>1</v>
      </c>
      <c r="F7832">
        <v>0</v>
      </c>
      <c r="H7832" t="s">
        <v>40201</v>
      </c>
      <c r="J7832" t="s">
        <v>40202</v>
      </c>
      <c r="O7832">
        <v>4013253</v>
      </c>
      <c r="P7832">
        <v>1</v>
      </c>
      <c r="Q7832">
        <v>1</v>
      </c>
      <c r="R7832" t="s">
        <v>40203</v>
      </c>
      <c r="S7832">
        <v>141</v>
      </c>
    </row>
    <row r="7833" spans="1:19" x14ac:dyDescent="0.25">
      <c r="A7833">
        <v>21587639</v>
      </c>
      <c r="B7833" t="s">
        <v>40204</v>
      </c>
      <c r="C7833" s="1" t="s">
        <v>40205</v>
      </c>
      <c r="E7833">
        <v>1</v>
      </c>
      <c r="F7833">
        <v>0</v>
      </c>
      <c r="H7833" t="s">
        <v>40206</v>
      </c>
      <c r="I7833">
        <v>1</v>
      </c>
      <c r="J7833" t="s">
        <v>40207</v>
      </c>
      <c r="O7833">
        <v>3276811</v>
      </c>
      <c r="P7833">
        <v>1</v>
      </c>
      <c r="Q7833">
        <v>4</v>
      </c>
      <c r="R7833" t="s">
        <v>40208</v>
      </c>
      <c r="S7833">
        <v>3650</v>
      </c>
    </row>
    <row r="7834" spans="1:19" x14ac:dyDescent="0.25">
      <c r="A7834">
        <v>37669977</v>
      </c>
      <c r="B7834" t="s">
        <v>40209</v>
      </c>
      <c r="C7834" s="1" t="s">
        <v>40210</v>
      </c>
      <c r="E7834">
        <v>1</v>
      </c>
      <c r="F7834">
        <v>1</v>
      </c>
      <c r="H7834" t="s">
        <v>40211</v>
      </c>
      <c r="J7834" t="s">
        <v>40212</v>
      </c>
      <c r="K7834" t="s">
        <v>40212</v>
      </c>
      <c r="M7834">
        <v>2077386</v>
      </c>
      <c r="O7834">
        <v>6433149</v>
      </c>
      <c r="P7834">
        <v>1</v>
      </c>
      <c r="Q7834">
        <v>0</v>
      </c>
      <c r="R7834" t="s">
        <v>40213</v>
      </c>
      <c r="S7834">
        <v>247</v>
      </c>
    </row>
    <row r="7835" spans="1:19" x14ac:dyDescent="0.25">
      <c r="A7835">
        <v>33105394</v>
      </c>
      <c r="B7835" t="s">
        <v>40214</v>
      </c>
      <c r="C7835" s="1" t="s">
        <v>40215</v>
      </c>
      <c r="D7835">
        <v>33106219</v>
      </c>
      <c r="E7835">
        <v>3</v>
      </c>
      <c r="F7835">
        <v>4</v>
      </c>
      <c r="H7835" t="s">
        <v>40216</v>
      </c>
      <c r="J7835" t="s">
        <v>40217</v>
      </c>
      <c r="K7835" t="s">
        <v>40218</v>
      </c>
      <c r="M7835">
        <v>5344548</v>
      </c>
      <c r="O7835">
        <v>5344548</v>
      </c>
      <c r="P7835">
        <v>1</v>
      </c>
      <c r="Q7835">
        <v>2</v>
      </c>
      <c r="R7835" t="s">
        <v>40219</v>
      </c>
      <c r="S7835">
        <v>1915</v>
      </c>
    </row>
    <row r="7836" spans="1:19" x14ac:dyDescent="0.25">
      <c r="A7836">
        <v>43265445</v>
      </c>
      <c r="B7836" t="s">
        <v>40220</v>
      </c>
      <c r="C7836" s="1" t="s">
        <v>40221</v>
      </c>
      <c r="D7836">
        <v>43288243</v>
      </c>
      <c r="E7836">
        <v>1</v>
      </c>
      <c r="F7836">
        <v>6</v>
      </c>
      <c r="H7836" t="s">
        <v>40222</v>
      </c>
      <c r="J7836" t="s">
        <v>40223</v>
      </c>
      <c r="K7836" t="s">
        <v>1083</v>
      </c>
      <c r="M7836">
        <v>-1</v>
      </c>
      <c r="O7836">
        <v>3123109</v>
      </c>
      <c r="P7836">
        <v>1</v>
      </c>
      <c r="Q7836">
        <v>2</v>
      </c>
      <c r="R7836" t="s">
        <v>18208</v>
      </c>
      <c r="S7836">
        <v>176</v>
      </c>
    </row>
    <row r="7837" spans="1:19" x14ac:dyDescent="0.25">
      <c r="A7837">
        <v>9876089</v>
      </c>
      <c r="B7837" t="s">
        <v>40224</v>
      </c>
      <c r="C7837" s="1" t="s">
        <v>40225</v>
      </c>
      <c r="E7837">
        <v>2</v>
      </c>
      <c r="F7837">
        <v>1</v>
      </c>
      <c r="H7837" t="s">
        <v>40226</v>
      </c>
      <c r="I7837">
        <v>2</v>
      </c>
      <c r="J7837" t="s">
        <v>40227</v>
      </c>
      <c r="K7837" t="s">
        <v>40228</v>
      </c>
      <c r="M7837">
        <v>3714</v>
      </c>
      <c r="O7837">
        <v>1115610</v>
      </c>
      <c r="P7837">
        <v>1</v>
      </c>
      <c r="Q7837">
        <v>5</v>
      </c>
      <c r="R7837" t="s">
        <v>40229</v>
      </c>
      <c r="S7837">
        <v>3643</v>
      </c>
    </row>
    <row r="7838" spans="1:19" x14ac:dyDescent="0.25">
      <c r="A7838">
        <v>43138050</v>
      </c>
      <c r="B7838" t="s">
        <v>40230</v>
      </c>
      <c r="C7838" s="1" t="s">
        <v>40231</v>
      </c>
      <c r="E7838">
        <v>1</v>
      </c>
      <c r="F7838">
        <v>0</v>
      </c>
      <c r="H7838" t="s">
        <v>40232</v>
      </c>
      <c r="J7838" t="s">
        <v>40233</v>
      </c>
      <c r="O7838">
        <v>7797053</v>
      </c>
      <c r="P7838">
        <v>1</v>
      </c>
      <c r="Q7838">
        <v>0</v>
      </c>
      <c r="R7838" t="s">
        <v>10252</v>
      </c>
      <c r="S7838">
        <v>800</v>
      </c>
    </row>
    <row r="7839" spans="1:19" x14ac:dyDescent="0.25">
      <c r="A7839">
        <v>18191476</v>
      </c>
      <c r="B7839" t="s">
        <v>40234</v>
      </c>
      <c r="C7839" s="1" t="s">
        <v>40235</v>
      </c>
      <c r="E7839">
        <v>1</v>
      </c>
      <c r="F7839">
        <v>0</v>
      </c>
      <c r="H7839" t="s">
        <v>40236</v>
      </c>
      <c r="J7839" t="s">
        <v>40237</v>
      </c>
      <c r="K7839" t="s">
        <v>40238</v>
      </c>
      <c r="M7839">
        <v>727208</v>
      </c>
      <c r="O7839">
        <v>1482559</v>
      </c>
      <c r="P7839">
        <v>1</v>
      </c>
      <c r="Q7839">
        <v>0</v>
      </c>
      <c r="R7839" t="s">
        <v>40239</v>
      </c>
      <c r="S7839">
        <v>475</v>
      </c>
    </row>
    <row r="7840" spans="1:19" x14ac:dyDescent="0.25">
      <c r="A7840">
        <v>33750443</v>
      </c>
      <c r="B7840" t="s">
        <v>40240</v>
      </c>
      <c r="C7840" s="1" t="s">
        <v>40241</v>
      </c>
      <c r="E7840">
        <v>1</v>
      </c>
      <c r="F7840">
        <v>2</v>
      </c>
      <c r="H7840" t="s">
        <v>40242</v>
      </c>
      <c r="J7840" t="s">
        <v>40243</v>
      </c>
      <c r="K7840" t="s">
        <v>40244</v>
      </c>
      <c r="M7840">
        <v>812149</v>
      </c>
      <c r="O7840">
        <v>3601872</v>
      </c>
      <c r="P7840">
        <v>1</v>
      </c>
      <c r="Q7840">
        <v>0</v>
      </c>
      <c r="R7840" t="s">
        <v>40245</v>
      </c>
      <c r="S7840">
        <v>3998</v>
      </c>
    </row>
    <row r="7841" spans="1:19" x14ac:dyDescent="0.25">
      <c r="A7841">
        <v>45416321</v>
      </c>
      <c r="B7841" t="s">
        <v>40246</v>
      </c>
      <c r="C7841" s="1" t="s">
        <v>40247</v>
      </c>
      <c r="D7841">
        <v>45416638</v>
      </c>
      <c r="E7841">
        <v>2</v>
      </c>
      <c r="F7841">
        <v>0</v>
      </c>
      <c r="H7841" t="s">
        <v>40248</v>
      </c>
      <c r="J7841" t="s">
        <v>40249</v>
      </c>
      <c r="O7841">
        <v>3197581</v>
      </c>
      <c r="P7841">
        <v>1</v>
      </c>
      <c r="Q7841">
        <v>0</v>
      </c>
      <c r="R7841" t="s">
        <v>40250</v>
      </c>
      <c r="S7841">
        <v>314</v>
      </c>
    </row>
    <row r="7842" spans="1:19" x14ac:dyDescent="0.25">
      <c r="A7842">
        <v>16211096</v>
      </c>
      <c r="B7842" t="s">
        <v>40251</v>
      </c>
      <c r="C7842" s="1" t="s">
        <v>40252</v>
      </c>
      <c r="E7842">
        <v>1</v>
      </c>
      <c r="F7842">
        <v>2</v>
      </c>
      <c r="H7842" t="s">
        <v>40253</v>
      </c>
      <c r="J7842" t="s">
        <v>40254</v>
      </c>
      <c r="O7842">
        <v>1582363</v>
      </c>
      <c r="P7842">
        <v>1</v>
      </c>
      <c r="Q7842">
        <v>0</v>
      </c>
      <c r="R7842" t="s">
        <v>40255</v>
      </c>
      <c r="S7842">
        <v>610</v>
      </c>
    </row>
    <row r="7843" spans="1:19" x14ac:dyDescent="0.25">
      <c r="A7843">
        <v>6576071</v>
      </c>
      <c r="B7843" t="s">
        <v>40256</v>
      </c>
      <c r="C7843" s="1" t="s">
        <v>40257</v>
      </c>
      <c r="D7843">
        <v>6576281</v>
      </c>
      <c r="E7843">
        <v>2</v>
      </c>
      <c r="F7843">
        <v>0</v>
      </c>
      <c r="H7843" t="s">
        <v>40258</v>
      </c>
      <c r="J7843" t="s">
        <v>40259</v>
      </c>
      <c r="O7843">
        <v>628993</v>
      </c>
      <c r="P7843">
        <v>1</v>
      </c>
      <c r="Q7843">
        <v>1</v>
      </c>
      <c r="R7843" t="s">
        <v>40260</v>
      </c>
      <c r="S7843">
        <v>760</v>
      </c>
    </row>
    <row r="7844" spans="1:19" x14ac:dyDescent="0.25">
      <c r="A7844">
        <v>33544526</v>
      </c>
      <c r="B7844" t="s">
        <v>40261</v>
      </c>
      <c r="C7844" s="1" t="s">
        <v>40262</v>
      </c>
      <c r="E7844">
        <v>1</v>
      </c>
      <c r="F7844">
        <v>3</v>
      </c>
      <c r="H7844" t="s">
        <v>40263</v>
      </c>
      <c r="J7844" t="s">
        <v>40264</v>
      </c>
      <c r="K7844" t="s">
        <v>40264</v>
      </c>
      <c r="M7844">
        <v>4278038</v>
      </c>
      <c r="O7844">
        <v>5529148</v>
      </c>
      <c r="P7844">
        <v>1</v>
      </c>
      <c r="Q7844">
        <v>0</v>
      </c>
      <c r="R7844" t="s">
        <v>40265</v>
      </c>
      <c r="S7844">
        <v>327</v>
      </c>
    </row>
    <row r="7845" spans="1:19" x14ac:dyDescent="0.25">
      <c r="A7845">
        <v>44539916</v>
      </c>
      <c r="B7845" t="s">
        <v>40266</v>
      </c>
      <c r="C7845" t="s">
        <v>40267</v>
      </c>
      <c r="D7845">
        <v>44541348</v>
      </c>
      <c r="E7845">
        <v>1</v>
      </c>
      <c r="F7845">
        <v>0</v>
      </c>
      <c r="H7845" t="s">
        <v>40268</v>
      </c>
      <c r="J7845" t="s">
        <v>40269</v>
      </c>
      <c r="O7845">
        <v>2219572</v>
      </c>
      <c r="P7845">
        <v>1</v>
      </c>
      <c r="Q7845">
        <v>1</v>
      </c>
      <c r="R7845" t="s">
        <v>40270</v>
      </c>
      <c r="S7845">
        <v>28</v>
      </c>
    </row>
    <row r="7846" spans="1:19" x14ac:dyDescent="0.25">
      <c r="A7846">
        <v>19709287</v>
      </c>
      <c r="B7846" t="s">
        <v>40271</v>
      </c>
      <c r="C7846" s="1" t="s">
        <v>40272</v>
      </c>
      <c r="D7846">
        <v>19709383</v>
      </c>
      <c r="E7846">
        <v>1</v>
      </c>
      <c r="F7846">
        <v>2</v>
      </c>
      <c r="H7846" t="s">
        <v>40273</v>
      </c>
      <c r="J7846" t="s">
        <v>40274</v>
      </c>
      <c r="O7846">
        <v>1525840</v>
      </c>
      <c r="P7846">
        <v>1</v>
      </c>
      <c r="Q7846">
        <v>0</v>
      </c>
      <c r="R7846" t="s">
        <v>32631</v>
      </c>
      <c r="S7846">
        <v>17</v>
      </c>
    </row>
    <row r="7847" spans="1:19" x14ac:dyDescent="0.25">
      <c r="A7847">
        <v>50353463</v>
      </c>
      <c r="B7847" t="s">
        <v>40275</v>
      </c>
      <c r="C7847" s="1" t="s">
        <v>40276</v>
      </c>
      <c r="E7847">
        <v>1</v>
      </c>
      <c r="F7847">
        <v>2</v>
      </c>
      <c r="H7847" t="s">
        <v>40277</v>
      </c>
      <c r="J7847" t="s">
        <v>40278</v>
      </c>
      <c r="O7847">
        <v>9793684</v>
      </c>
      <c r="P7847">
        <v>1</v>
      </c>
      <c r="Q7847">
        <v>0</v>
      </c>
      <c r="R7847" t="s">
        <v>40279</v>
      </c>
      <c r="S7847">
        <v>30</v>
      </c>
    </row>
    <row r="7848" spans="1:19" x14ac:dyDescent="0.25">
      <c r="A7848">
        <v>15567610</v>
      </c>
      <c r="B7848" t="s">
        <v>40280</v>
      </c>
      <c r="C7848" s="1" t="s">
        <v>40281</v>
      </c>
      <c r="E7848">
        <v>0</v>
      </c>
      <c r="F7848">
        <v>5</v>
      </c>
      <c r="H7848" t="s">
        <v>40282</v>
      </c>
      <c r="I7848">
        <v>0</v>
      </c>
      <c r="J7848" t="s">
        <v>40282</v>
      </c>
      <c r="O7848">
        <v>2079305</v>
      </c>
      <c r="P7848">
        <v>1</v>
      </c>
      <c r="Q7848">
        <v>0</v>
      </c>
      <c r="R7848" t="s">
        <v>40283</v>
      </c>
      <c r="S7848">
        <v>178</v>
      </c>
    </row>
    <row r="7849" spans="1:19" x14ac:dyDescent="0.25">
      <c r="A7849">
        <v>15010316</v>
      </c>
      <c r="B7849" t="s">
        <v>40284</v>
      </c>
      <c r="C7849" s="1" t="s">
        <v>40285</v>
      </c>
      <c r="E7849">
        <v>3</v>
      </c>
      <c r="F7849">
        <v>5</v>
      </c>
      <c r="H7849" t="s">
        <v>40286</v>
      </c>
      <c r="I7849">
        <v>1</v>
      </c>
      <c r="J7849" t="s">
        <v>40287</v>
      </c>
      <c r="K7849" t="s">
        <v>40288</v>
      </c>
      <c r="M7849">
        <v>237838</v>
      </c>
      <c r="O7849">
        <v>2096651</v>
      </c>
      <c r="P7849">
        <v>1</v>
      </c>
      <c r="Q7849">
        <v>2</v>
      </c>
      <c r="R7849" t="s">
        <v>40289</v>
      </c>
      <c r="S7849">
        <v>5868</v>
      </c>
    </row>
    <row r="7850" spans="1:19" x14ac:dyDescent="0.25">
      <c r="A7850">
        <v>28383761</v>
      </c>
      <c r="B7850" t="s">
        <v>40290</v>
      </c>
      <c r="C7850" s="1" t="s">
        <v>40291</v>
      </c>
      <c r="D7850">
        <v>28398117</v>
      </c>
      <c r="E7850">
        <v>1</v>
      </c>
      <c r="F7850">
        <v>5</v>
      </c>
      <c r="H7850" t="s">
        <v>40292</v>
      </c>
      <c r="I7850">
        <v>0</v>
      </c>
      <c r="J7850" t="s">
        <v>40293</v>
      </c>
      <c r="K7850" t="s">
        <v>40293</v>
      </c>
      <c r="M7850">
        <v>517783</v>
      </c>
      <c r="O7850">
        <v>3315892</v>
      </c>
      <c r="P7850">
        <v>1</v>
      </c>
      <c r="Q7850">
        <v>-1</v>
      </c>
      <c r="R7850" t="s">
        <v>40294</v>
      </c>
      <c r="S7850">
        <v>183</v>
      </c>
    </row>
    <row r="7851" spans="1:19" x14ac:dyDescent="0.25">
      <c r="A7851">
        <v>32080492</v>
      </c>
      <c r="B7851" t="s">
        <v>40295</v>
      </c>
      <c r="C7851" s="1" t="s">
        <v>40296</v>
      </c>
      <c r="E7851">
        <v>1</v>
      </c>
      <c r="F7851">
        <v>0</v>
      </c>
      <c r="H7851" t="s">
        <v>40297</v>
      </c>
      <c r="J7851" t="s">
        <v>40298</v>
      </c>
      <c r="O7851">
        <v>989722</v>
      </c>
      <c r="P7851">
        <v>1</v>
      </c>
      <c r="Q7851">
        <v>0</v>
      </c>
      <c r="R7851" t="s">
        <v>40299</v>
      </c>
      <c r="S7851">
        <v>10</v>
      </c>
    </row>
    <row r="7852" spans="1:19" x14ac:dyDescent="0.25">
      <c r="A7852">
        <v>23963624</v>
      </c>
      <c r="B7852" t="s">
        <v>40300</v>
      </c>
      <c r="C7852" s="1" t="s">
        <v>40301</v>
      </c>
      <c r="D7852">
        <v>23964344</v>
      </c>
      <c r="E7852">
        <v>1</v>
      </c>
      <c r="F7852">
        <v>2</v>
      </c>
      <c r="H7852" t="s">
        <v>40302</v>
      </c>
      <c r="J7852" t="s">
        <v>40303</v>
      </c>
      <c r="O7852">
        <v>1016740</v>
      </c>
      <c r="P7852">
        <v>1</v>
      </c>
      <c r="Q7852">
        <v>0</v>
      </c>
      <c r="R7852" t="s">
        <v>40304</v>
      </c>
      <c r="S7852">
        <v>369</v>
      </c>
    </row>
    <row r="7853" spans="1:19" x14ac:dyDescent="0.25">
      <c r="A7853">
        <v>40832831</v>
      </c>
      <c r="B7853" t="s">
        <v>40305</v>
      </c>
      <c r="C7853" s="1" t="s">
        <v>40306</v>
      </c>
      <c r="D7853">
        <v>40835070</v>
      </c>
      <c r="E7853">
        <v>1</v>
      </c>
      <c r="F7853">
        <v>0</v>
      </c>
      <c r="H7853" t="s">
        <v>40307</v>
      </c>
      <c r="I7853">
        <v>1</v>
      </c>
      <c r="J7853" t="s">
        <v>40308</v>
      </c>
      <c r="K7853" t="s">
        <v>40308</v>
      </c>
      <c r="M7853">
        <v>5505266</v>
      </c>
      <c r="O7853">
        <v>5505266</v>
      </c>
      <c r="P7853">
        <v>1</v>
      </c>
      <c r="Q7853">
        <v>1</v>
      </c>
      <c r="R7853" t="s">
        <v>40309</v>
      </c>
      <c r="S7853">
        <v>1062</v>
      </c>
    </row>
    <row r="7854" spans="1:19" x14ac:dyDescent="0.25">
      <c r="A7854">
        <v>28416683</v>
      </c>
      <c r="B7854" t="s">
        <v>40310</v>
      </c>
      <c r="C7854" s="1" t="s">
        <v>40311</v>
      </c>
      <c r="D7854">
        <v>28416964</v>
      </c>
      <c r="E7854">
        <v>2</v>
      </c>
      <c r="F7854">
        <v>1</v>
      </c>
      <c r="H7854" t="s">
        <v>40312</v>
      </c>
      <c r="J7854" t="s">
        <v>40313</v>
      </c>
      <c r="K7854" t="s">
        <v>40314</v>
      </c>
      <c r="L7854" t="s">
        <v>40315</v>
      </c>
      <c r="N7854" t="s">
        <v>40315</v>
      </c>
      <c r="P7854">
        <v>1</v>
      </c>
      <c r="Q7854">
        <v>0</v>
      </c>
      <c r="R7854" t="s">
        <v>40316</v>
      </c>
      <c r="S7854">
        <v>324</v>
      </c>
    </row>
    <row r="7855" spans="1:19" x14ac:dyDescent="0.25">
      <c r="A7855">
        <v>12265244</v>
      </c>
      <c r="B7855" t="s">
        <v>40317</v>
      </c>
      <c r="C7855" s="1" t="s">
        <v>40318</v>
      </c>
      <c r="D7855">
        <v>12270340</v>
      </c>
      <c r="E7855">
        <v>3</v>
      </c>
      <c r="F7855">
        <v>5</v>
      </c>
      <c r="H7855" t="s">
        <v>40319</v>
      </c>
      <c r="J7855" t="s">
        <v>40320</v>
      </c>
      <c r="K7855" t="s">
        <v>40321</v>
      </c>
      <c r="M7855">
        <v>1638234</v>
      </c>
      <c r="O7855">
        <v>1638234</v>
      </c>
      <c r="P7855">
        <v>1</v>
      </c>
      <c r="Q7855">
        <v>1</v>
      </c>
      <c r="R7855" t="s">
        <v>40322</v>
      </c>
      <c r="S7855">
        <v>460</v>
      </c>
    </row>
    <row r="7856" spans="1:19" x14ac:dyDescent="0.25">
      <c r="A7856">
        <v>10592804</v>
      </c>
      <c r="B7856" t="s">
        <v>40323</v>
      </c>
      <c r="C7856" s="1" t="s">
        <v>40324</v>
      </c>
      <c r="D7856">
        <v>10593367</v>
      </c>
      <c r="E7856">
        <v>1</v>
      </c>
      <c r="F7856">
        <v>2</v>
      </c>
      <c r="H7856" t="s">
        <v>40325</v>
      </c>
      <c r="J7856" t="s">
        <v>40326</v>
      </c>
      <c r="K7856" t="s">
        <v>40327</v>
      </c>
      <c r="M7856">
        <v>845704</v>
      </c>
      <c r="O7856">
        <v>1394925</v>
      </c>
      <c r="P7856">
        <v>1</v>
      </c>
      <c r="Q7856">
        <v>-2</v>
      </c>
      <c r="R7856" t="s">
        <v>2648</v>
      </c>
      <c r="S7856">
        <v>95</v>
      </c>
    </row>
    <row r="7857" spans="1:19" x14ac:dyDescent="0.25">
      <c r="A7857">
        <v>13514929</v>
      </c>
      <c r="B7857" t="s">
        <v>40328</v>
      </c>
      <c r="C7857" s="1" t="s">
        <v>40329</v>
      </c>
      <c r="E7857">
        <v>0</v>
      </c>
      <c r="F7857">
        <v>1</v>
      </c>
      <c r="H7857" t="s">
        <v>40330</v>
      </c>
      <c r="J7857" t="s">
        <v>40330</v>
      </c>
      <c r="O7857">
        <v>1845287</v>
      </c>
      <c r="P7857">
        <v>1</v>
      </c>
      <c r="Q7857">
        <v>1</v>
      </c>
      <c r="R7857" t="s">
        <v>40331</v>
      </c>
      <c r="S7857">
        <v>347</v>
      </c>
    </row>
    <row r="7858" spans="1:19" x14ac:dyDescent="0.25">
      <c r="A7858">
        <v>22981797</v>
      </c>
      <c r="B7858" t="s">
        <v>40332</v>
      </c>
      <c r="C7858" s="1" t="s">
        <v>40333</v>
      </c>
      <c r="D7858">
        <v>23001651</v>
      </c>
      <c r="E7858">
        <v>1</v>
      </c>
      <c r="F7858">
        <v>0</v>
      </c>
      <c r="H7858" t="s">
        <v>40334</v>
      </c>
      <c r="J7858" t="s">
        <v>40335</v>
      </c>
      <c r="K7858" t="s">
        <v>40336</v>
      </c>
      <c r="M7858">
        <v>294439</v>
      </c>
      <c r="O7858">
        <v>294439</v>
      </c>
      <c r="P7858">
        <v>1</v>
      </c>
      <c r="Q7858">
        <v>0</v>
      </c>
      <c r="R7858" t="s">
        <v>40337</v>
      </c>
      <c r="S7858">
        <v>169</v>
      </c>
    </row>
    <row r="7859" spans="1:19" x14ac:dyDescent="0.25">
      <c r="A7859">
        <v>29960861</v>
      </c>
      <c r="B7859" t="s">
        <v>40338</v>
      </c>
      <c r="C7859" s="1" t="s">
        <v>40339</v>
      </c>
      <c r="D7859">
        <v>29961170</v>
      </c>
      <c r="E7859">
        <v>1</v>
      </c>
      <c r="F7859">
        <v>1</v>
      </c>
      <c r="H7859" t="s">
        <v>40340</v>
      </c>
      <c r="J7859" t="s">
        <v>40341</v>
      </c>
      <c r="O7859">
        <v>4054718</v>
      </c>
      <c r="P7859">
        <v>1</v>
      </c>
      <c r="Q7859">
        <v>0</v>
      </c>
      <c r="R7859" t="s">
        <v>40342</v>
      </c>
      <c r="S7859">
        <v>114</v>
      </c>
    </row>
    <row r="7860" spans="1:19" x14ac:dyDescent="0.25">
      <c r="A7860">
        <v>30938887</v>
      </c>
      <c r="B7860" t="s">
        <v>40343</v>
      </c>
      <c r="C7860" s="1" t="s">
        <v>40344</v>
      </c>
      <c r="E7860">
        <v>1</v>
      </c>
      <c r="F7860">
        <v>21</v>
      </c>
      <c r="H7860" t="s">
        <v>40345</v>
      </c>
      <c r="J7860" t="s">
        <v>40346</v>
      </c>
      <c r="K7860" t="s">
        <v>40346</v>
      </c>
      <c r="M7860">
        <v>4552755</v>
      </c>
      <c r="O7860">
        <v>4552755</v>
      </c>
      <c r="P7860">
        <v>1</v>
      </c>
      <c r="Q7860">
        <v>-2</v>
      </c>
      <c r="R7860" t="s">
        <v>40347</v>
      </c>
      <c r="S7860">
        <v>96</v>
      </c>
    </row>
    <row r="7861" spans="1:19" x14ac:dyDescent="0.25">
      <c r="A7861">
        <v>50228095</v>
      </c>
      <c r="B7861" t="s">
        <v>40348</v>
      </c>
      <c r="C7861" s="1" t="s">
        <v>40349</v>
      </c>
      <c r="E7861">
        <v>1</v>
      </c>
      <c r="F7861">
        <v>0</v>
      </c>
      <c r="H7861" t="s">
        <v>40350</v>
      </c>
      <c r="J7861" t="s">
        <v>40351</v>
      </c>
      <c r="O7861">
        <v>5801369</v>
      </c>
      <c r="P7861">
        <v>1</v>
      </c>
      <c r="Q7861">
        <v>0</v>
      </c>
      <c r="R7861" t="s">
        <v>40352</v>
      </c>
      <c r="S7861">
        <v>434</v>
      </c>
    </row>
    <row r="7862" spans="1:19" x14ac:dyDescent="0.25">
      <c r="A7862">
        <v>5380221</v>
      </c>
      <c r="B7862" t="s">
        <v>40353</v>
      </c>
      <c r="C7862" s="1" t="s">
        <v>40354</v>
      </c>
      <c r="E7862">
        <v>1</v>
      </c>
      <c r="F7862">
        <v>0</v>
      </c>
      <c r="H7862" t="s">
        <v>40355</v>
      </c>
      <c r="J7862" t="s">
        <v>40356</v>
      </c>
      <c r="K7862" t="s">
        <v>40356</v>
      </c>
      <c r="M7862">
        <v>531232</v>
      </c>
      <c r="O7862">
        <v>531232</v>
      </c>
      <c r="P7862">
        <v>1</v>
      </c>
      <c r="Q7862">
        <v>4</v>
      </c>
      <c r="R7862" t="s">
        <v>40357</v>
      </c>
      <c r="S7862">
        <v>4787</v>
      </c>
    </row>
    <row r="7863" spans="1:19" x14ac:dyDescent="0.25">
      <c r="A7863">
        <v>50893459</v>
      </c>
      <c r="B7863" t="s">
        <v>40358</v>
      </c>
      <c r="C7863" s="1" t="s">
        <v>40359</v>
      </c>
      <c r="D7863">
        <v>50895250</v>
      </c>
      <c r="E7863">
        <v>2</v>
      </c>
      <c r="F7863">
        <v>1</v>
      </c>
      <c r="H7863" t="s">
        <v>40360</v>
      </c>
      <c r="J7863" t="s">
        <v>40361</v>
      </c>
      <c r="K7863" t="s">
        <v>40362</v>
      </c>
      <c r="M7863">
        <v>5859957</v>
      </c>
      <c r="O7863">
        <v>9951892</v>
      </c>
      <c r="P7863">
        <v>1</v>
      </c>
      <c r="Q7863">
        <v>1</v>
      </c>
      <c r="R7863" t="s">
        <v>819</v>
      </c>
      <c r="S7863">
        <v>27</v>
      </c>
    </row>
    <row r="7864" spans="1:19" x14ac:dyDescent="0.25">
      <c r="A7864">
        <v>36768191</v>
      </c>
      <c r="B7864" t="s">
        <v>40363</v>
      </c>
      <c r="C7864" s="1" t="s">
        <v>40364</v>
      </c>
      <c r="E7864">
        <v>2</v>
      </c>
      <c r="F7864">
        <v>0</v>
      </c>
      <c r="H7864" t="s">
        <v>40365</v>
      </c>
      <c r="I7864">
        <v>2</v>
      </c>
      <c r="J7864" t="s">
        <v>40366</v>
      </c>
      <c r="K7864" t="s">
        <v>40367</v>
      </c>
      <c r="M7864">
        <v>3266847</v>
      </c>
      <c r="O7864">
        <v>6235290</v>
      </c>
      <c r="P7864">
        <v>1</v>
      </c>
      <c r="Q7864">
        <v>1</v>
      </c>
      <c r="R7864" t="s">
        <v>20929</v>
      </c>
      <c r="S7864">
        <v>498</v>
      </c>
    </row>
    <row r="7865" spans="1:19" x14ac:dyDescent="0.25">
      <c r="A7865">
        <v>18170624</v>
      </c>
      <c r="B7865" t="s">
        <v>40368</v>
      </c>
      <c r="C7865" s="1" t="s">
        <v>40369</v>
      </c>
      <c r="D7865">
        <v>18175050</v>
      </c>
      <c r="E7865">
        <v>1</v>
      </c>
      <c r="F7865">
        <v>3</v>
      </c>
      <c r="H7865" t="s">
        <v>40370</v>
      </c>
      <c r="I7865">
        <v>1</v>
      </c>
      <c r="J7865" t="s">
        <v>40371</v>
      </c>
      <c r="O7865">
        <v>94962</v>
      </c>
      <c r="P7865">
        <v>1</v>
      </c>
      <c r="Q7865">
        <v>2</v>
      </c>
      <c r="R7865" t="s">
        <v>40372</v>
      </c>
      <c r="S7865">
        <v>1262</v>
      </c>
    </row>
    <row r="7866" spans="1:19" x14ac:dyDescent="0.25">
      <c r="A7866">
        <v>52425450</v>
      </c>
      <c r="B7866" t="s">
        <v>40373</v>
      </c>
      <c r="C7866" s="1" t="s">
        <v>40374</v>
      </c>
      <c r="E7866">
        <v>3</v>
      </c>
      <c r="F7866">
        <v>0</v>
      </c>
      <c r="H7866" t="s">
        <v>40375</v>
      </c>
      <c r="J7866" t="s">
        <v>40376</v>
      </c>
      <c r="O7866">
        <v>1588919</v>
      </c>
      <c r="P7866">
        <v>1</v>
      </c>
      <c r="Q7866">
        <v>0</v>
      </c>
      <c r="R7866" t="s">
        <v>819</v>
      </c>
      <c r="S7866">
        <v>50</v>
      </c>
    </row>
    <row r="7867" spans="1:19" x14ac:dyDescent="0.25">
      <c r="A7867">
        <v>1093101</v>
      </c>
      <c r="B7867" t="s">
        <v>40377</v>
      </c>
      <c r="C7867" s="1" t="s">
        <v>40378</v>
      </c>
      <c r="E7867">
        <v>5</v>
      </c>
      <c r="F7867">
        <v>0</v>
      </c>
      <c r="H7867" t="s">
        <v>40379</v>
      </c>
      <c r="J7867" t="s">
        <v>40380</v>
      </c>
      <c r="K7867" t="s">
        <v>40381</v>
      </c>
      <c r="M7867">
        <v>44562</v>
      </c>
      <c r="N7867" t="s">
        <v>40382</v>
      </c>
      <c r="P7867">
        <v>1</v>
      </c>
      <c r="Q7867">
        <v>8</v>
      </c>
      <c r="R7867" t="s">
        <v>14180</v>
      </c>
      <c r="S7867">
        <v>4967</v>
      </c>
    </row>
    <row r="7868" spans="1:19" x14ac:dyDescent="0.25">
      <c r="A7868">
        <v>7030766</v>
      </c>
      <c r="B7868" t="s">
        <v>40383</v>
      </c>
      <c r="C7868" s="1" t="s">
        <v>40384</v>
      </c>
      <c r="D7868">
        <v>7042659</v>
      </c>
      <c r="E7868">
        <v>4</v>
      </c>
      <c r="F7868">
        <v>4</v>
      </c>
      <c r="H7868" t="s">
        <v>40385</v>
      </c>
      <c r="J7868" t="s">
        <v>40386</v>
      </c>
      <c r="K7868" t="s">
        <v>40387</v>
      </c>
      <c r="M7868">
        <v>291117</v>
      </c>
      <c r="O7868">
        <v>291117</v>
      </c>
      <c r="P7868">
        <v>1</v>
      </c>
      <c r="Q7868">
        <v>4</v>
      </c>
      <c r="R7868" t="s">
        <v>1446</v>
      </c>
      <c r="S7868">
        <v>2573</v>
      </c>
    </row>
    <row r="7869" spans="1:19" x14ac:dyDescent="0.25">
      <c r="A7869">
        <v>16015367</v>
      </c>
      <c r="B7869" t="s">
        <v>40388</v>
      </c>
      <c r="C7869" s="1" t="s">
        <v>40389</v>
      </c>
      <c r="E7869">
        <v>1</v>
      </c>
      <c r="F7869">
        <v>0</v>
      </c>
      <c r="H7869" t="s">
        <v>40390</v>
      </c>
      <c r="J7869" t="s">
        <v>40391</v>
      </c>
      <c r="K7869" t="s">
        <v>40392</v>
      </c>
      <c r="M7869">
        <v>64976</v>
      </c>
      <c r="O7869">
        <v>2186744</v>
      </c>
      <c r="P7869">
        <v>1</v>
      </c>
      <c r="Q7869">
        <v>0</v>
      </c>
      <c r="R7869" t="s">
        <v>40393</v>
      </c>
      <c r="S7869">
        <v>400</v>
      </c>
    </row>
    <row r="7870" spans="1:19" x14ac:dyDescent="0.25">
      <c r="A7870">
        <v>47321998</v>
      </c>
      <c r="B7870" t="s">
        <v>40394</v>
      </c>
      <c r="C7870" s="1" t="s">
        <v>40395</v>
      </c>
      <c r="D7870">
        <v>47322023</v>
      </c>
      <c r="E7870">
        <v>1</v>
      </c>
      <c r="F7870">
        <v>0</v>
      </c>
      <c r="H7870" t="s">
        <v>40396</v>
      </c>
      <c r="J7870" t="s">
        <v>40397</v>
      </c>
      <c r="O7870">
        <v>7055815</v>
      </c>
      <c r="P7870">
        <v>1</v>
      </c>
      <c r="Q7870">
        <v>3</v>
      </c>
      <c r="R7870" t="s">
        <v>40398</v>
      </c>
      <c r="S7870">
        <v>168</v>
      </c>
    </row>
    <row r="7871" spans="1:19" x14ac:dyDescent="0.25">
      <c r="A7871">
        <v>33382937</v>
      </c>
      <c r="B7871" t="s">
        <v>40399</v>
      </c>
      <c r="C7871" s="1" t="s">
        <v>40400</v>
      </c>
      <c r="D7871">
        <v>33383014</v>
      </c>
      <c r="E7871">
        <v>5</v>
      </c>
      <c r="F7871">
        <v>3</v>
      </c>
      <c r="H7871" t="s">
        <v>40401</v>
      </c>
      <c r="I7871">
        <v>1</v>
      </c>
      <c r="J7871" t="s">
        <v>40402</v>
      </c>
      <c r="K7871" t="s">
        <v>40403</v>
      </c>
      <c r="M7871">
        <v>143030</v>
      </c>
      <c r="O7871">
        <v>143030</v>
      </c>
      <c r="P7871">
        <v>1</v>
      </c>
      <c r="Q7871">
        <v>1</v>
      </c>
      <c r="R7871" t="s">
        <v>819</v>
      </c>
      <c r="S7871">
        <v>47</v>
      </c>
    </row>
    <row r="7872" spans="1:19" x14ac:dyDescent="0.25">
      <c r="A7872">
        <v>31324960</v>
      </c>
      <c r="B7872" t="s">
        <v>40404</v>
      </c>
      <c r="C7872" s="1" t="s">
        <v>40405</v>
      </c>
      <c r="E7872">
        <v>1</v>
      </c>
      <c r="F7872">
        <v>1</v>
      </c>
      <c r="H7872" t="s">
        <v>40406</v>
      </c>
      <c r="J7872" t="s">
        <v>40407</v>
      </c>
      <c r="O7872">
        <v>295954</v>
      </c>
      <c r="P7872">
        <v>1</v>
      </c>
      <c r="Q7872">
        <v>3</v>
      </c>
      <c r="R7872" t="s">
        <v>40408</v>
      </c>
      <c r="S7872">
        <v>70</v>
      </c>
    </row>
    <row r="7873" spans="1:19" x14ac:dyDescent="0.25">
      <c r="A7873">
        <v>22900872</v>
      </c>
      <c r="B7873" t="s">
        <v>40409</v>
      </c>
      <c r="C7873" s="1" t="s">
        <v>40410</v>
      </c>
      <c r="D7873">
        <v>22901024</v>
      </c>
      <c r="E7873">
        <v>2</v>
      </c>
      <c r="F7873">
        <v>2</v>
      </c>
      <c r="H7873" t="s">
        <v>40411</v>
      </c>
      <c r="J7873" t="s">
        <v>40412</v>
      </c>
      <c r="N7873" t="s">
        <v>40413</v>
      </c>
      <c r="P7873">
        <v>1</v>
      </c>
      <c r="Q7873">
        <v>0</v>
      </c>
      <c r="R7873" t="s">
        <v>40414</v>
      </c>
      <c r="S7873">
        <v>4354</v>
      </c>
    </row>
    <row r="7874" spans="1:19" x14ac:dyDescent="0.25">
      <c r="A7874">
        <v>19345739</v>
      </c>
      <c r="B7874" t="s">
        <v>40415</v>
      </c>
      <c r="C7874" s="1" t="s">
        <v>40416</v>
      </c>
      <c r="D7874">
        <v>19346085</v>
      </c>
      <c r="E7874">
        <v>1</v>
      </c>
      <c r="F7874">
        <v>3</v>
      </c>
      <c r="H7874" t="s">
        <v>40417</v>
      </c>
      <c r="J7874" t="s">
        <v>40418</v>
      </c>
      <c r="O7874">
        <v>2853191</v>
      </c>
      <c r="P7874">
        <v>1</v>
      </c>
      <c r="Q7874">
        <v>0</v>
      </c>
      <c r="R7874" t="s">
        <v>40419</v>
      </c>
      <c r="S7874">
        <v>62</v>
      </c>
    </row>
    <row r="7875" spans="1:19" x14ac:dyDescent="0.25">
      <c r="A7875">
        <v>22488561</v>
      </c>
      <c r="B7875" t="s">
        <v>40420</v>
      </c>
      <c r="C7875" s="1" t="s">
        <v>40421</v>
      </c>
      <c r="D7875">
        <v>22489375</v>
      </c>
      <c r="E7875">
        <v>2</v>
      </c>
      <c r="F7875">
        <v>0</v>
      </c>
      <c r="H7875" t="s">
        <v>40422</v>
      </c>
      <c r="I7875">
        <v>1</v>
      </c>
      <c r="J7875" t="s">
        <v>40423</v>
      </c>
      <c r="K7875" t="s">
        <v>40424</v>
      </c>
      <c r="M7875">
        <v>891976</v>
      </c>
      <c r="O7875">
        <v>708678</v>
      </c>
      <c r="P7875">
        <v>1</v>
      </c>
      <c r="Q7875">
        <v>1</v>
      </c>
      <c r="R7875" t="s">
        <v>40425</v>
      </c>
      <c r="S7875">
        <v>942</v>
      </c>
    </row>
    <row r="7876" spans="1:19" x14ac:dyDescent="0.25">
      <c r="A7876">
        <v>8524052</v>
      </c>
      <c r="B7876" t="s">
        <v>40426</v>
      </c>
      <c r="C7876" s="1" t="s">
        <v>40427</v>
      </c>
      <c r="E7876">
        <v>1</v>
      </c>
      <c r="F7876">
        <v>4</v>
      </c>
      <c r="H7876" t="s">
        <v>40428</v>
      </c>
      <c r="I7876">
        <v>4</v>
      </c>
      <c r="J7876" t="s">
        <v>40429</v>
      </c>
      <c r="O7876">
        <v>1097996</v>
      </c>
      <c r="P7876">
        <v>1</v>
      </c>
      <c r="Q7876">
        <v>10</v>
      </c>
      <c r="R7876" t="s">
        <v>40430</v>
      </c>
      <c r="S7876">
        <v>16688</v>
      </c>
    </row>
    <row r="7877" spans="1:19" x14ac:dyDescent="0.25">
      <c r="A7877">
        <v>22782159</v>
      </c>
      <c r="B7877" t="s">
        <v>40431</v>
      </c>
      <c r="C7877" s="1" t="s">
        <v>40432</v>
      </c>
      <c r="E7877">
        <v>1</v>
      </c>
      <c r="F7877">
        <v>0</v>
      </c>
      <c r="H7877" t="s">
        <v>40433</v>
      </c>
      <c r="J7877" t="s">
        <v>40434</v>
      </c>
      <c r="O7877">
        <v>665864</v>
      </c>
      <c r="P7877">
        <v>1</v>
      </c>
      <c r="Q7877">
        <v>0</v>
      </c>
      <c r="R7877" t="s">
        <v>27586</v>
      </c>
      <c r="S7877">
        <v>73</v>
      </c>
    </row>
    <row r="7878" spans="1:19" x14ac:dyDescent="0.25">
      <c r="A7878">
        <v>30822769</v>
      </c>
      <c r="B7878" t="s">
        <v>40435</v>
      </c>
      <c r="C7878" s="1" t="s">
        <v>40436</v>
      </c>
      <c r="D7878">
        <v>30824025</v>
      </c>
      <c r="E7878">
        <v>1</v>
      </c>
      <c r="F7878">
        <v>0</v>
      </c>
      <c r="H7878" t="s">
        <v>40437</v>
      </c>
      <c r="J7878" t="s">
        <v>40438</v>
      </c>
      <c r="O7878">
        <v>3052312</v>
      </c>
      <c r="P7878">
        <v>1</v>
      </c>
      <c r="Q7878">
        <v>0</v>
      </c>
      <c r="R7878" t="s">
        <v>40439</v>
      </c>
      <c r="S7878">
        <v>149</v>
      </c>
    </row>
    <row r="7879" spans="1:19" x14ac:dyDescent="0.25">
      <c r="A7879">
        <v>17206922</v>
      </c>
      <c r="B7879" t="s">
        <v>40440</v>
      </c>
      <c r="C7879" s="1" t="s">
        <v>40441</v>
      </c>
      <c r="E7879">
        <v>2</v>
      </c>
      <c r="F7879">
        <v>1</v>
      </c>
      <c r="H7879" t="s">
        <v>40442</v>
      </c>
      <c r="J7879" t="s">
        <v>40443</v>
      </c>
      <c r="O7879">
        <v>1089665</v>
      </c>
      <c r="P7879">
        <v>1</v>
      </c>
      <c r="Q7879">
        <v>0</v>
      </c>
      <c r="R7879" t="s">
        <v>40444</v>
      </c>
      <c r="S7879">
        <v>54</v>
      </c>
    </row>
    <row r="7880" spans="1:19" x14ac:dyDescent="0.25">
      <c r="A7880">
        <v>52378576</v>
      </c>
      <c r="B7880" t="s">
        <v>40445</v>
      </c>
      <c r="C7880" s="1" t="s">
        <v>40446</v>
      </c>
      <c r="E7880">
        <v>2</v>
      </c>
      <c r="F7880">
        <v>3</v>
      </c>
      <c r="H7880" t="s">
        <v>40447</v>
      </c>
      <c r="J7880" t="s">
        <v>40448</v>
      </c>
      <c r="O7880">
        <v>10378065</v>
      </c>
      <c r="P7880">
        <v>1</v>
      </c>
      <c r="Q7880">
        <v>3</v>
      </c>
      <c r="R7880" t="s">
        <v>40449</v>
      </c>
      <c r="S7880">
        <v>42</v>
      </c>
    </row>
    <row r="7881" spans="1:19" x14ac:dyDescent="0.25">
      <c r="A7881">
        <v>44804178</v>
      </c>
      <c r="B7881" t="s">
        <v>40450</v>
      </c>
      <c r="C7881" s="1" t="s">
        <v>40451</v>
      </c>
      <c r="D7881">
        <v>44805963</v>
      </c>
      <c r="E7881">
        <v>3</v>
      </c>
      <c r="F7881">
        <v>4</v>
      </c>
      <c r="H7881" t="s">
        <v>40452</v>
      </c>
      <c r="J7881" t="s">
        <v>40453</v>
      </c>
      <c r="K7881" t="s">
        <v>40454</v>
      </c>
      <c r="M7881">
        <v>1193140</v>
      </c>
      <c r="O7881">
        <v>1193140</v>
      </c>
      <c r="P7881">
        <v>1</v>
      </c>
      <c r="Q7881">
        <v>0</v>
      </c>
      <c r="R7881" t="s">
        <v>40455</v>
      </c>
      <c r="S7881">
        <v>207</v>
      </c>
    </row>
    <row r="7882" spans="1:19" x14ac:dyDescent="0.25">
      <c r="A7882">
        <v>48786200</v>
      </c>
      <c r="B7882" t="s">
        <v>40456</v>
      </c>
      <c r="C7882" s="1" t="s">
        <v>40457</v>
      </c>
      <c r="D7882">
        <v>48786815</v>
      </c>
      <c r="E7882">
        <v>3</v>
      </c>
      <c r="F7882">
        <v>0</v>
      </c>
      <c r="H7882" t="s">
        <v>40458</v>
      </c>
      <c r="J7882" t="s">
        <v>40459</v>
      </c>
      <c r="K7882" t="s">
        <v>40460</v>
      </c>
      <c r="M7882">
        <v>7832176</v>
      </c>
      <c r="O7882">
        <v>8376627</v>
      </c>
      <c r="P7882">
        <v>1</v>
      </c>
      <c r="Q7882">
        <v>1</v>
      </c>
      <c r="R7882" t="s">
        <v>27982</v>
      </c>
      <c r="S7882">
        <v>437</v>
      </c>
    </row>
    <row r="7883" spans="1:19" x14ac:dyDescent="0.25">
      <c r="A7883">
        <v>49848064</v>
      </c>
      <c r="B7883" t="s">
        <v>40461</v>
      </c>
      <c r="C7883" t="s">
        <v>40462</v>
      </c>
      <c r="E7883">
        <v>0</v>
      </c>
      <c r="F7883">
        <v>0</v>
      </c>
      <c r="H7883" t="s">
        <v>40463</v>
      </c>
      <c r="J7883" t="s">
        <v>40463</v>
      </c>
      <c r="O7883">
        <v>5666063</v>
      </c>
      <c r="P7883">
        <v>1</v>
      </c>
      <c r="Q7883">
        <v>0</v>
      </c>
      <c r="R7883" t="s">
        <v>40464</v>
      </c>
      <c r="S7883">
        <v>24</v>
      </c>
    </row>
    <row r="7884" spans="1:19" x14ac:dyDescent="0.25">
      <c r="A7884">
        <v>36632756</v>
      </c>
      <c r="B7884" t="s">
        <v>40465</v>
      </c>
      <c r="C7884" s="1" t="s">
        <v>40466</v>
      </c>
      <c r="E7884">
        <v>1</v>
      </c>
      <c r="F7884">
        <v>4</v>
      </c>
      <c r="H7884" t="s">
        <v>40467</v>
      </c>
      <c r="J7884" t="s">
        <v>40468</v>
      </c>
      <c r="K7884" t="s">
        <v>40469</v>
      </c>
      <c r="M7884">
        <v>2359687</v>
      </c>
      <c r="O7884">
        <v>6205981</v>
      </c>
      <c r="P7884">
        <v>1</v>
      </c>
      <c r="Q7884">
        <v>1</v>
      </c>
      <c r="R7884" t="s">
        <v>40470</v>
      </c>
      <c r="S7884">
        <v>375</v>
      </c>
    </row>
    <row r="7885" spans="1:19" x14ac:dyDescent="0.25">
      <c r="A7885">
        <v>20114205</v>
      </c>
      <c r="B7885" t="s">
        <v>40471</v>
      </c>
      <c r="C7885" s="1" t="s">
        <v>40472</v>
      </c>
      <c r="D7885">
        <v>20114705</v>
      </c>
      <c r="E7885">
        <v>1</v>
      </c>
      <c r="F7885">
        <v>0</v>
      </c>
      <c r="H7885" t="s">
        <v>40473</v>
      </c>
      <c r="J7885" t="s">
        <v>40474</v>
      </c>
      <c r="K7885" t="s">
        <v>40474</v>
      </c>
      <c r="M7885">
        <v>1080354</v>
      </c>
      <c r="O7885">
        <v>3016297</v>
      </c>
      <c r="P7885">
        <v>1</v>
      </c>
      <c r="Q7885">
        <v>3</v>
      </c>
      <c r="R7885" t="s">
        <v>40475</v>
      </c>
      <c r="S7885">
        <v>197</v>
      </c>
    </row>
    <row r="7886" spans="1:19" x14ac:dyDescent="0.25">
      <c r="A7886">
        <v>48626787</v>
      </c>
      <c r="B7886" t="s">
        <v>40476</v>
      </c>
      <c r="C7886" s="1" t="s">
        <v>40477</v>
      </c>
      <c r="E7886">
        <v>0</v>
      </c>
      <c r="F7886">
        <v>5</v>
      </c>
      <c r="H7886" t="s">
        <v>40478</v>
      </c>
      <c r="J7886" t="s">
        <v>40478</v>
      </c>
      <c r="O7886">
        <v>2628458</v>
      </c>
      <c r="P7886">
        <v>1</v>
      </c>
      <c r="Q7886">
        <v>0</v>
      </c>
      <c r="R7886" t="s">
        <v>40479</v>
      </c>
      <c r="S7886">
        <v>127</v>
      </c>
    </row>
    <row r="7887" spans="1:19" x14ac:dyDescent="0.25">
      <c r="A7887">
        <v>25282768</v>
      </c>
      <c r="B7887" t="s">
        <v>40480</v>
      </c>
      <c r="C7887" s="1" t="s">
        <v>40481</v>
      </c>
      <c r="E7887">
        <v>1</v>
      </c>
      <c r="F7887">
        <v>4</v>
      </c>
      <c r="H7887" t="s">
        <v>40482</v>
      </c>
      <c r="J7887" t="s">
        <v>40483</v>
      </c>
      <c r="O7887">
        <v>2896255</v>
      </c>
      <c r="P7887">
        <v>1</v>
      </c>
      <c r="Q7887">
        <v>0</v>
      </c>
      <c r="R7887" t="s">
        <v>40484</v>
      </c>
      <c r="S7887">
        <v>1698</v>
      </c>
    </row>
    <row r="7888" spans="1:19" x14ac:dyDescent="0.25">
      <c r="A7888">
        <v>30467452</v>
      </c>
      <c r="B7888" t="s">
        <v>40485</v>
      </c>
      <c r="C7888" s="1" t="s">
        <v>40486</v>
      </c>
      <c r="D7888">
        <v>30469346</v>
      </c>
      <c r="E7888">
        <v>1</v>
      </c>
      <c r="F7888">
        <v>0</v>
      </c>
      <c r="H7888" t="s">
        <v>40487</v>
      </c>
      <c r="J7888" t="s">
        <v>40488</v>
      </c>
      <c r="K7888" t="s">
        <v>40489</v>
      </c>
      <c r="M7888">
        <v>4420967</v>
      </c>
      <c r="O7888">
        <v>1921578</v>
      </c>
      <c r="P7888">
        <v>1</v>
      </c>
      <c r="Q7888">
        <v>0</v>
      </c>
      <c r="R7888" t="s">
        <v>40490</v>
      </c>
      <c r="S7888">
        <v>79</v>
      </c>
    </row>
    <row r="7889" spans="1:19" x14ac:dyDescent="0.25">
      <c r="A7889">
        <v>38162337</v>
      </c>
      <c r="B7889" t="s">
        <v>40491</v>
      </c>
      <c r="C7889" s="1" t="s">
        <v>40492</v>
      </c>
      <c r="D7889">
        <v>38163346</v>
      </c>
      <c r="E7889">
        <v>2</v>
      </c>
      <c r="F7889">
        <v>0</v>
      </c>
      <c r="H7889" t="s">
        <v>40493</v>
      </c>
      <c r="J7889" t="s">
        <v>40494</v>
      </c>
      <c r="K7889" t="s">
        <v>40495</v>
      </c>
      <c r="M7889">
        <v>4546390</v>
      </c>
      <c r="O7889">
        <v>4546390</v>
      </c>
      <c r="P7889">
        <v>1</v>
      </c>
      <c r="Q7889">
        <v>2</v>
      </c>
      <c r="R7889" t="s">
        <v>40496</v>
      </c>
      <c r="S7889">
        <v>120</v>
      </c>
    </row>
    <row r="7890" spans="1:19" x14ac:dyDescent="0.25">
      <c r="A7890">
        <v>47402141</v>
      </c>
      <c r="B7890" t="s">
        <v>40497</v>
      </c>
      <c r="C7890" s="1" t="s">
        <v>40498</v>
      </c>
      <c r="E7890">
        <v>2</v>
      </c>
      <c r="F7890">
        <v>5</v>
      </c>
      <c r="H7890" t="s">
        <v>40499</v>
      </c>
      <c r="J7890" t="s">
        <v>40500</v>
      </c>
      <c r="K7890" t="s">
        <v>40501</v>
      </c>
      <c r="M7890">
        <v>7669809</v>
      </c>
      <c r="O7890">
        <v>8974334</v>
      </c>
      <c r="P7890">
        <v>1</v>
      </c>
      <c r="Q7890">
        <v>0</v>
      </c>
      <c r="R7890" t="s">
        <v>40502</v>
      </c>
      <c r="S7890">
        <v>51</v>
      </c>
    </row>
    <row r="7891" spans="1:19" x14ac:dyDescent="0.25">
      <c r="A7891">
        <v>17770747</v>
      </c>
      <c r="B7891" t="s">
        <v>40503</v>
      </c>
      <c r="C7891" s="1" t="s">
        <v>40504</v>
      </c>
      <c r="D7891">
        <v>17773794</v>
      </c>
      <c r="E7891">
        <v>1</v>
      </c>
      <c r="F7891">
        <v>1</v>
      </c>
      <c r="H7891" t="s">
        <v>40505</v>
      </c>
      <c r="I7891">
        <v>1</v>
      </c>
      <c r="J7891" t="s">
        <v>40506</v>
      </c>
      <c r="O7891">
        <v>161619</v>
      </c>
      <c r="P7891">
        <v>1</v>
      </c>
      <c r="Q7891">
        <v>5</v>
      </c>
      <c r="R7891" t="s">
        <v>40507</v>
      </c>
      <c r="S7891">
        <v>822</v>
      </c>
    </row>
    <row r="7892" spans="1:19" x14ac:dyDescent="0.25">
      <c r="A7892">
        <v>19801546</v>
      </c>
      <c r="B7892" t="s">
        <v>40508</v>
      </c>
      <c r="C7892" s="1" t="s">
        <v>40509</v>
      </c>
      <c r="D7892">
        <v>19801578</v>
      </c>
      <c r="E7892">
        <v>2</v>
      </c>
      <c r="F7892">
        <v>0</v>
      </c>
      <c r="H7892" t="s">
        <v>40510</v>
      </c>
      <c r="J7892" t="s">
        <v>40511</v>
      </c>
      <c r="K7892" t="s">
        <v>40511</v>
      </c>
      <c r="M7892">
        <v>1840641</v>
      </c>
      <c r="O7892">
        <v>1840641</v>
      </c>
      <c r="P7892">
        <v>1</v>
      </c>
      <c r="Q7892">
        <v>0</v>
      </c>
      <c r="R7892" t="s">
        <v>17698</v>
      </c>
      <c r="S7892">
        <v>128</v>
      </c>
    </row>
    <row r="7893" spans="1:19" x14ac:dyDescent="0.25">
      <c r="A7893">
        <v>27318767</v>
      </c>
      <c r="B7893" t="s">
        <v>40512</v>
      </c>
      <c r="C7893" s="1" t="s">
        <v>40513</v>
      </c>
      <c r="E7893">
        <v>0</v>
      </c>
      <c r="F7893">
        <v>3</v>
      </c>
      <c r="H7893" t="s">
        <v>40514</v>
      </c>
      <c r="J7893" t="s">
        <v>40514</v>
      </c>
      <c r="O7893">
        <v>1099013</v>
      </c>
      <c r="P7893">
        <v>1</v>
      </c>
      <c r="Q7893">
        <v>0</v>
      </c>
      <c r="R7893" t="s">
        <v>40515</v>
      </c>
      <c r="S7893">
        <v>414</v>
      </c>
    </row>
    <row r="7894" spans="1:19" x14ac:dyDescent="0.25">
      <c r="A7894">
        <v>51196184</v>
      </c>
      <c r="B7894" t="s">
        <v>40516</v>
      </c>
      <c r="C7894" s="1" t="s">
        <v>40517</v>
      </c>
      <c r="D7894">
        <v>51197366</v>
      </c>
      <c r="E7894">
        <v>1</v>
      </c>
      <c r="F7894">
        <v>0</v>
      </c>
      <c r="H7894" t="s">
        <v>40518</v>
      </c>
      <c r="J7894" t="s">
        <v>40519</v>
      </c>
      <c r="K7894" t="s">
        <v>40520</v>
      </c>
      <c r="M7894">
        <v>4370109</v>
      </c>
      <c r="O7894">
        <v>9920949</v>
      </c>
      <c r="P7894">
        <v>1</v>
      </c>
      <c r="Q7894">
        <v>0</v>
      </c>
      <c r="R7894" t="s">
        <v>40521</v>
      </c>
      <c r="S7894">
        <v>40</v>
      </c>
    </row>
    <row r="7895" spans="1:19" x14ac:dyDescent="0.25">
      <c r="A7895">
        <v>32090708</v>
      </c>
      <c r="B7895" t="s">
        <v>40522</v>
      </c>
      <c r="C7895" s="1" t="s">
        <v>40523</v>
      </c>
      <c r="D7895">
        <v>32090887</v>
      </c>
      <c r="E7895">
        <v>1</v>
      </c>
      <c r="F7895">
        <v>0</v>
      </c>
      <c r="H7895" t="s">
        <v>40524</v>
      </c>
      <c r="J7895" t="s">
        <v>40525</v>
      </c>
      <c r="O7895">
        <v>4639</v>
      </c>
      <c r="P7895">
        <v>1</v>
      </c>
      <c r="Q7895">
        <v>0</v>
      </c>
      <c r="R7895" t="s">
        <v>27586</v>
      </c>
      <c r="S7895">
        <v>197</v>
      </c>
    </row>
    <row r="7896" spans="1:19" x14ac:dyDescent="0.25">
      <c r="A7896">
        <v>23822754</v>
      </c>
      <c r="B7896" t="s">
        <v>40526</v>
      </c>
      <c r="C7896" s="1" t="s">
        <v>40527</v>
      </c>
      <c r="D7896">
        <v>23822972</v>
      </c>
      <c r="E7896">
        <v>5</v>
      </c>
      <c r="F7896">
        <v>9</v>
      </c>
      <c r="H7896" t="s">
        <v>40528</v>
      </c>
      <c r="I7896">
        <v>1</v>
      </c>
      <c r="J7896" t="s">
        <v>40529</v>
      </c>
      <c r="K7896" t="s">
        <v>40530</v>
      </c>
      <c r="M7896">
        <v>3526177</v>
      </c>
      <c r="O7896">
        <v>3526177</v>
      </c>
      <c r="P7896">
        <v>1</v>
      </c>
      <c r="Q7896">
        <v>0</v>
      </c>
      <c r="R7896" t="s">
        <v>36592</v>
      </c>
      <c r="S7896">
        <v>1511</v>
      </c>
    </row>
    <row r="7897" spans="1:19" x14ac:dyDescent="0.25">
      <c r="A7897">
        <v>9277948</v>
      </c>
      <c r="B7897" t="s">
        <v>40531</v>
      </c>
      <c r="C7897" s="1" t="s">
        <v>40532</v>
      </c>
      <c r="D7897">
        <v>9278056</v>
      </c>
      <c r="E7897">
        <v>4</v>
      </c>
      <c r="F7897">
        <v>2</v>
      </c>
      <c r="H7897" t="s">
        <v>40533</v>
      </c>
      <c r="I7897">
        <v>2</v>
      </c>
      <c r="J7897" t="s">
        <v>40534</v>
      </c>
      <c r="K7897" t="s">
        <v>40534</v>
      </c>
      <c r="M7897">
        <v>1903116</v>
      </c>
      <c r="O7897">
        <v>502816</v>
      </c>
      <c r="P7897">
        <v>1</v>
      </c>
      <c r="Q7897">
        <v>21</v>
      </c>
      <c r="R7897" t="s">
        <v>40535</v>
      </c>
      <c r="S7897">
        <v>19934</v>
      </c>
    </row>
    <row r="7898" spans="1:19" x14ac:dyDescent="0.25">
      <c r="A7898">
        <v>9979167</v>
      </c>
      <c r="B7898" t="s">
        <v>40536</v>
      </c>
      <c r="C7898" s="1" t="s">
        <v>40537</v>
      </c>
      <c r="D7898">
        <v>9979241</v>
      </c>
      <c r="E7898">
        <v>2</v>
      </c>
      <c r="F7898">
        <v>4</v>
      </c>
      <c r="H7898" t="s">
        <v>40538</v>
      </c>
      <c r="J7898" t="s">
        <v>40539</v>
      </c>
      <c r="O7898">
        <v>1068333</v>
      </c>
      <c r="P7898">
        <v>1</v>
      </c>
      <c r="Q7898">
        <v>1</v>
      </c>
      <c r="R7898" t="s">
        <v>40540</v>
      </c>
      <c r="S7898">
        <v>339</v>
      </c>
    </row>
    <row r="7899" spans="1:19" x14ac:dyDescent="0.25">
      <c r="A7899">
        <v>32598661</v>
      </c>
      <c r="B7899" t="s">
        <v>40541</v>
      </c>
      <c r="C7899" s="1" t="s">
        <v>40542</v>
      </c>
      <c r="D7899">
        <v>32598800</v>
      </c>
      <c r="E7899">
        <v>2</v>
      </c>
      <c r="F7899">
        <v>7</v>
      </c>
      <c r="H7899" t="s">
        <v>40543</v>
      </c>
      <c r="J7899" t="s">
        <v>40544</v>
      </c>
      <c r="K7899" t="s">
        <v>40545</v>
      </c>
      <c r="M7899">
        <v>4273446</v>
      </c>
      <c r="O7899">
        <v>5282902</v>
      </c>
      <c r="P7899">
        <v>1</v>
      </c>
      <c r="Q7899">
        <v>0</v>
      </c>
      <c r="R7899" t="s">
        <v>819</v>
      </c>
      <c r="S7899">
        <v>129</v>
      </c>
    </row>
    <row r="7900" spans="1:19" x14ac:dyDescent="0.25">
      <c r="A7900">
        <v>5577809</v>
      </c>
      <c r="B7900" t="s">
        <v>40546</v>
      </c>
      <c r="C7900" s="1" t="s">
        <v>40547</v>
      </c>
      <c r="E7900">
        <v>0</v>
      </c>
      <c r="F7900">
        <v>0</v>
      </c>
      <c r="H7900" t="s">
        <v>40548</v>
      </c>
      <c r="I7900">
        <v>1</v>
      </c>
      <c r="J7900" t="s">
        <v>40549</v>
      </c>
      <c r="O7900">
        <v>4495</v>
      </c>
      <c r="P7900">
        <v>1</v>
      </c>
      <c r="Q7900">
        <v>2</v>
      </c>
      <c r="R7900" t="s">
        <v>40550</v>
      </c>
      <c r="S7900">
        <v>39</v>
      </c>
    </row>
    <row r="7901" spans="1:19" x14ac:dyDescent="0.25">
      <c r="A7901">
        <v>18476033</v>
      </c>
      <c r="B7901" t="s">
        <v>40551</v>
      </c>
      <c r="C7901" s="1" t="s">
        <v>40552</v>
      </c>
      <c r="E7901">
        <v>2</v>
      </c>
      <c r="F7901">
        <v>2</v>
      </c>
      <c r="H7901" t="s">
        <v>40553</v>
      </c>
      <c r="J7901" t="s">
        <v>40554</v>
      </c>
      <c r="K7901" t="s">
        <v>40555</v>
      </c>
      <c r="M7901">
        <v>2171962</v>
      </c>
      <c r="O7901">
        <v>2171962</v>
      </c>
      <c r="P7901">
        <v>1</v>
      </c>
      <c r="Q7901">
        <v>2</v>
      </c>
      <c r="R7901" t="s">
        <v>780</v>
      </c>
      <c r="S7901">
        <v>832</v>
      </c>
    </row>
    <row r="7902" spans="1:19" x14ac:dyDescent="0.25">
      <c r="A7902">
        <v>13242196</v>
      </c>
      <c r="B7902" t="s">
        <v>40556</v>
      </c>
      <c r="C7902" t="s">
        <v>40557</v>
      </c>
      <c r="D7902">
        <v>13242290</v>
      </c>
      <c r="E7902">
        <v>5</v>
      </c>
      <c r="F7902">
        <v>2</v>
      </c>
      <c r="H7902" t="s">
        <v>40558</v>
      </c>
      <c r="I7902">
        <v>10</v>
      </c>
      <c r="J7902" t="s">
        <v>40559</v>
      </c>
      <c r="K7902" t="s">
        <v>40559</v>
      </c>
      <c r="M7902">
        <v>438154</v>
      </c>
      <c r="O7902">
        <v>438154</v>
      </c>
      <c r="P7902">
        <v>1</v>
      </c>
      <c r="Q7902">
        <v>64</v>
      </c>
      <c r="R7902" t="s">
        <v>40560</v>
      </c>
      <c r="S7902">
        <v>94580</v>
      </c>
    </row>
    <row r="7903" spans="1:19" x14ac:dyDescent="0.25">
      <c r="A7903">
        <v>47925187</v>
      </c>
      <c r="B7903" t="s">
        <v>40561</v>
      </c>
      <c r="C7903" s="1" t="s">
        <v>40562</v>
      </c>
      <c r="D7903">
        <v>47930060</v>
      </c>
      <c r="E7903">
        <v>1</v>
      </c>
      <c r="F7903">
        <v>0</v>
      </c>
      <c r="H7903" t="s">
        <v>40563</v>
      </c>
      <c r="J7903" t="s">
        <v>40564</v>
      </c>
      <c r="N7903" t="s">
        <v>40565</v>
      </c>
      <c r="P7903">
        <v>1</v>
      </c>
      <c r="Q7903">
        <v>0</v>
      </c>
      <c r="R7903" t="s">
        <v>40566</v>
      </c>
      <c r="S7903">
        <v>249</v>
      </c>
    </row>
    <row r="7904" spans="1:19" x14ac:dyDescent="0.25">
      <c r="A7904">
        <v>9320160</v>
      </c>
      <c r="B7904" t="s">
        <v>40567</v>
      </c>
      <c r="C7904" s="1" t="s">
        <v>40568</v>
      </c>
      <c r="E7904">
        <v>2</v>
      </c>
      <c r="F7904">
        <v>3</v>
      </c>
      <c r="H7904" t="s">
        <v>40569</v>
      </c>
      <c r="J7904" t="s">
        <v>40570</v>
      </c>
      <c r="K7904" t="s">
        <v>40571</v>
      </c>
      <c r="M7904">
        <v>-1</v>
      </c>
      <c r="O7904">
        <v>68588</v>
      </c>
      <c r="P7904">
        <v>1</v>
      </c>
      <c r="Q7904">
        <v>1</v>
      </c>
      <c r="R7904" t="s">
        <v>40572</v>
      </c>
      <c r="S7904">
        <v>185</v>
      </c>
    </row>
    <row r="7905" spans="1:19" x14ac:dyDescent="0.25">
      <c r="A7905">
        <v>2006631</v>
      </c>
      <c r="B7905" t="s">
        <v>40573</v>
      </c>
      <c r="C7905" s="1" t="s">
        <v>40574</v>
      </c>
      <c r="D7905">
        <v>2006676</v>
      </c>
      <c r="E7905">
        <v>4</v>
      </c>
      <c r="F7905">
        <v>0</v>
      </c>
      <c r="H7905" t="s">
        <v>40575</v>
      </c>
      <c r="I7905">
        <v>2</v>
      </c>
      <c r="J7905" t="s">
        <v>40576</v>
      </c>
      <c r="K7905" t="s">
        <v>40576</v>
      </c>
      <c r="M7905">
        <v>212889</v>
      </c>
      <c r="O7905">
        <v>212889</v>
      </c>
      <c r="P7905">
        <v>1</v>
      </c>
      <c r="Q7905">
        <v>2</v>
      </c>
      <c r="R7905" t="s">
        <v>40577</v>
      </c>
      <c r="S7905">
        <v>9360</v>
      </c>
    </row>
    <row r="7906" spans="1:19" x14ac:dyDescent="0.25">
      <c r="A7906">
        <v>20450832</v>
      </c>
      <c r="B7906" t="s">
        <v>40578</v>
      </c>
      <c r="C7906" s="1" t="s">
        <v>40579</v>
      </c>
      <c r="D7906">
        <v>20450966</v>
      </c>
      <c r="E7906">
        <v>4</v>
      </c>
      <c r="F7906">
        <v>0</v>
      </c>
      <c r="H7906" t="s">
        <v>40580</v>
      </c>
      <c r="J7906" t="s">
        <v>40581</v>
      </c>
      <c r="O7906">
        <v>3079294</v>
      </c>
      <c r="P7906">
        <v>1</v>
      </c>
      <c r="Q7906">
        <v>0</v>
      </c>
      <c r="R7906" t="s">
        <v>40582</v>
      </c>
      <c r="S7906">
        <v>867</v>
      </c>
    </row>
    <row r="7907" spans="1:19" x14ac:dyDescent="0.25">
      <c r="A7907">
        <v>25081700</v>
      </c>
      <c r="B7907" t="s">
        <v>40583</v>
      </c>
      <c r="C7907" s="1" t="s">
        <v>40584</v>
      </c>
      <c r="D7907">
        <v>25082331</v>
      </c>
      <c r="E7907">
        <v>1</v>
      </c>
      <c r="F7907">
        <v>1</v>
      </c>
      <c r="H7907" t="s">
        <v>40585</v>
      </c>
      <c r="J7907" t="s">
        <v>40586</v>
      </c>
      <c r="K7907" t="s">
        <v>40586</v>
      </c>
      <c r="M7907">
        <v>3861396</v>
      </c>
      <c r="O7907">
        <v>3861396</v>
      </c>
      <c r="P7907">
        <v>1</v>
      </c>
      <c r="Q7907">
        <v>0</v>
      </c>
      <c r="R7907" t="s">
        <v>40587</v>
      </c>
      <c r="S7907">
        <v>1601</v>
      </c>
    </row>
    <row r="7908" spans="1:19" x14ac:dyDescent="0.25">
      <c r="A7908">
        <v>43312311</v>
      </c>
      <c r="B7908" t="s">
        <v>40588</v>
      </c>
      <c r="C7908" s="1" t="s">
        <v>40589</v>
      </c>
      <c r="E7908">
        <v>1</v>
      </c>
      <c r="F7908">
        <v>0</v>
      </c>
      <c r="H7908" t="s">
        <v>40590</v>
      </c>
      <c r="J7908" t="s">
        <v>40591</v>
      </c>
      <c r="O7908">
        <v>6724947</v>
      </c>
      <c r="P7908">
        <v>1</v>
      </c>
      <c r="Q7908">
        <v>0</v>
      </c>
      <c r="R7908" t="s">
        <v>40592</v>
      </c>
      <c r="S7908">
        <v>40</v>
      </c>
    </row>
    <row r="7909" spans="1:19" x14ac:dyDescent="0.25">
      <c r="A7909">
        <v>8109297</v>
      </c>
      <c r="B7909" t="s">
        <v>40593</v>
      </c>
      <c r="C7909" s="1" t="s">
        <v>40594</v>
      </c>
      <c r="D7909">
        <v>8109315</v>
      </c>
      <c r="E7909">
        <v>4</v>
      </c>
      <c r="F7909">
        <v>8</v>
      </c>
      <c r="H7909" t="s">
        <v>40595</v>
      </c>
      <c r="J7909" t="s">
        <v>40596</v>
      </c>
      <c r="O7909">
        <v>974627</v>
      </c>
      <c r="P7909">
        <v>1</v>
      </c>
      <c r="Q7909">
        <v>0</v>
      </c>
      <c r="R7909" t="s">
        <v>40597</v>
      </c>
      <c r="S7909">
        <v>2362</v>
      </c>
    </row>
    <row r="7910" spans="1:19" x14ac:dyDescent="0.25">
      <c r="A7910">
        <v>2663122</v>
      </c>
      <c r="B7910" t="s">
        <v>40598</v>
      </c>
      <c r="C7910" s="1" t="s">
        <v>40599</v>
      </c>
      <c r="D7910">
        <v>2663150</v>
      </c>
      <c r="E7910">
        <v>2</v>
      </c>
      <c r="F7910">
        <v>0</v>
      </c>
      <c r="H7910" t="s">
        <v>40600</v>
      </c>
      <c r="J7910" t="s">
        <v>40601</v>
      </c>
      <c r="K7910" t="s">
        <v>40602</v>
      </c>
      <c r="M7910">
        <v>1583</v>
      </c>
      <c r="O7910">
        <v>302745</v>
      </c>
      <c r="P7910">
        <v>1</v>
      </c>
      <c r="Q7910">
        <v>1</v>
      </c>
      <c r="R7910" t="s">
        <v>40603</v>
      </c>
      <c r="S7910">
        <v>50</v>
      </c>
    </row>
    <row r="7911" spans="1:19" x14ac:dyDescent="0.25">
      <c r="A7911">
        <v>47986520</v>
      </c>
      <c r="B7911" t="s">
        <v>40604</v>
      </c>
      <c r="C7911" s="1" t="s">
        <v>40605</v>
      </c>
      <c r="D7911">
        <v>47987539</v>
      </c>
      <c r="E7911">
        <v>1</v>
      </c>
      <c r="F7911">
        <v>0</v>
      </c>
      <c r="H7911" t="s">
        <v>40606</v>
      </c>
      <c r="J7911" t="s">
        <v>40607</v>
      </c>
      <c r="K7911" t="s">
        <v>40608</v>
      </c>
      <c r="M7911">
        <v>5768908</v>
      </c>
      <c r="O7911">
        <v>8414827</v>
      </c>
      <c r="P7911">
        <v>1</v>
      </c>
      <c r="Q7911">
        <v>2</v>
      </c>
      <c r="R7911" t="s">
        <v>40609</v>
      </c>
      <c r="S7911">
        <v>356</v>
      </c>
    </row>
    <row r="7912" spans="1:19" x14ac:dyDescent="0.25">
      <c r="A7912">
        <v>40373692</v>
      </c>
      <c r="B7912" t="s">
        <v>40610</v>
      </c>
      <c r="C7912" s="1" t="s">
        <v>40611</v>
      </c>
      <c r="E7912">
        <v>2</v>
      </c>
      <c r="F7912">
        <v>4</v>
      </c>
      <c r="H7912" t="s">
        <v>40612</v>
      </c>
      <c r="J7912" t="s">
        <v>40613</v>
      </c>
      <c r="O7912">
        <v>1527544</v>
      </c>
      <c r="P7912">
        <v>1</v>
      </c>
      <c r="Q7912">
        <v>0</v>
      </c>
      <c r="R7912" t="s">
        <v>40614</v>
      </c>
      <c r="S7912">
        <v>470</v>
      </c>
    </row>
    <row r="7913" spans="1:19" x14ac:dyDescent="0.25">
      <c r="A7913">
        <v>7713015</v>
      </c>
      <c r="B7913" t="s">
        <v>40615</v>
      </c>
      <c r="C7913" s="1" t="s">
        <v>40616</v>
      </c>
      <c r="E7913">
        <v>1</v>
      </c>
      <c r="F7913">
        <v>0</v>
      </c>
      <c r="H7913" t="s">
        <v>40617</v>
      </c>
      <c r="J7913" t="s">
        <v>40618</v>
      </c>
      <c r="K7913" t="s">
        <v>40618</v>
      </c>
      <c r="M7913">
        <v>142822</v>
      </c>
      <c r="O7913">
        <v>833198</v>
      </c>
      <c r="P7913">
        <v>1</v>
      </c>
      <c r="Q7913">
        <v>0</v>
      </c>
      <c r="R7913" t="s">
        <v>5746</v>
      </c>
      <c r="S7913">
        <v>596</v>
      </c>
    </row>
    <row r="7914" spans="1:19" x14ac:dyDescent="0.25">
      <c r="A7914">
        <v>16603750</v>
      </c>
      <c r="B7914" t="s">
        <v>40619</v>
      </c>
      <c r="C7914" s="1" t="s">
        <v>40620</v>
      </c>
      <c r="D7914">
        <v>16604159</v>
      </c>
      <c r="E7914">
        <v>1</v>
      </c>
      <c r="F7914">
        <v>0</v>
      </c>
      <c r="H7914" t="s">
        <v>40621</v>
      </c>
      <c r="J7914" t="s">
        <v>40622</v>
      </c>
      <c r="O7914">
        <v>2392773</v>
      </c>
      <c r="P7914">
        <v>1</v>
      </c>
      <c r="Q7914">
        <v>5</v>
      </c>
      <c r="R7914" t="s">
        <v>40623</v>
      </c>
      <c r="S7914">
        <v>4712</v>
      </c>
    </row>
    <row r="7915" spans="1:19" x14ac:dyDescent="0.25">
      <c r="A7915">
        <v>6105273</v>
      </c>
      <c r="B7915" t="s">
        <v>40624</v>
      </c>
      <c r="C7915" s="1" t="s">
        <v>40625</v>
      </c>
      <c r="D7915">
        <v>6105299</v>
      </c>
      <c r="E7915">
        <v>6</v>
      </c>
      <c r="F7915">
        <v>4</v>
      </c>
      <c r="H7915" t="s">
        <v>40626</v>
      </c>
      <c r="J7915" t="s">
        <v>40627</v>
      </c>
      <c r="K7915" t="s">
        <v>40628</v>
      </c>
      <c r="M7915">
        <v>596200</v>
      </c>
      <c r="O7915">
        <v>596200</v>
      </c>
      <c r="P7915">
        <v>1</v>
      </c>
      <c r="Q7915">
        <v>3</v>
      </c>
      <c r="R7915" t="s">
        <v>40629</v>
      </c>
      <c r="S7915">
        <v>313</v>
      </c>
    </row>
    <row r="7916" spans="1:19" x14ac:dyDescent="0.25">
      <c r="A7916">
        <v>19397765</v>
      </c>
      <c r="B7916" t="s">
        <v>40630</v>
      </c>
      <c r="C7916" s="1" t="s">
        <v>40631</v>
      </c>
      <c r="E7916">
        <v>0</v>
      </c>
      <c r="F7916">
        <v>2</v>
      </c>
      <c r="H7916" t="s">
        <v>40632</v>
      </c>
      <c r="J7916" t="s">
        <v>40633</v>
      </c>
      <c r="K7916" t="s">
        <v>40633</v>
      </c>
      <c r="M7916">
        <v>15498</v>
      </c>
      <c r="O7916">
        <v>2131064</v>
      </c>
      <c r="P7916">
        <v>1</v>
      </c>
      <c r="Q7916">
        <v>0</v>
      </c>
      <c r="R7916" t="s">
        <v>40634</v>
      </c>
      <c r="S7916">
        <v>54</v>
      </c>
    </row>
    <row r="7917" spans="1:19" x14ac:dyDescent="0.25">
      <c r="A7917">
        <v>34598914</v>
      </c>
      <c r="B7917" t="s">
        <v>40635</v>
      </c>
      <c r="C7917" s="1" t="s">
        <v>40636</v>
      </c>
      <c r="E7917">
        <v>2</v>
      </c>
      <c r="F7917">
        <v>0</v>
      </c>
      <c r="H7917" t="s">
        <v>40637</v>
      </c>
      <c r="I7917">
        <v>1</v>
      </c>
      <c r="J7917" t="s">
        <v>40638</v>
      </c>
      <c r="K7917" t="s">
        <v>40638</v>
      </c>
      <c r="M7917">
        <v>4307646</v>
      </c>
      <c r="O7917">
        <v>4307646</v>
      </c>
      <c r="P7917">
        <v>1</v>
      </c>
      <c r="Q7917">
        <v>1</v>
      </c>
      <c r="R7917" t="s">
        <v>40639</v>
      </c>
      <c r="S7917">
        <v>771</v>
      </c>
    </row>
    <row r="7918" spans="1:19" x14ac:dyDescent="0.25">
      <c r="A7918">
        <v>21400611</v>
      </c>
      <c r="B7918" t="s">
        <v>40640</v>
      </c>
      <c r="C7918" s="1" t="s">
        <v>40641</v>
      </c>
      <c r="E7918">
        <v>3</v>
      </c>
      <c r="F7918">
        <v>0</v>
      </c>
      <c r="H7918" t="s">
        <v>40642</v>
      </c>
      <c r="J7918" t="s">
        <v>40643</v>
      </c>
      <c r="O7918">
        <v>1814131</v>
      </c>
      <c r="P7918">
        <v>1</v>
      </c>
      <c r="Q7918">
        <v>0</v>
      </c>
      <c r="R7918" t="s">
        <v>40644</v>
      </c>
      <c r="S7918">
        <v>214</v>
      </c>
    </row>
    <row r="7919" spans="1:19" x14ac:dyDescent="0.25">
      <c r="A7919">
        <v>39503913</v>
      </c>
      <c r="B7919" t="s">
        <v>40645</v>
      </c>
      <c r="C7919" s="1" t="s">
        <v>40646</v>
      </c>
      <c r="D7919">
        <v>39503964</v>
      </c>
      <c r="E7919">
        <v>2</v>
      </c>
      <c r="F7919">
        <v>0</v>
      </c>
      <c r="H7919" t="s">
        <v>40647</v>
      </c>
      <c r="J7919" t="s">
        <v>40648</v>
      </c>
      <c r="K7919" t="s">
        <v>40649</v>
      </c>
      <c r="M7919">
        <v>1906356</v>
      </c>
      <c r="O7919">
        <v>6607519</v>
      </c>
      <c r="P7919">
        <v>1</v>
      </c>
      <c r="Q7919">
        <v>1</v>
      </c>
      <c r="R7919" t="s">
        <v>6678</v>
      </c>
      <c r="S7919">
        <v>37</v>
      </c>
    </row>
    <row r="7920" spans="1:19" x14ac:dyDescent="0.25">
      <c r="A7920">
        <v>15382865</v>
      </c>
      <c r="B7920" t="s">
        <v>40650</v>
      </c>
      <c r="C7920" t="s">
        <v>40651</v>
      </c>
      <c r="E7920">
        <v>0</v>
      </c>
      <c r="F7920">
        <v>2</v>
      </c>
      <c r="H7920" t="s">
        <v>40652</v>
      </c>
      <c r="J7920" t="s">
        <v>40652</v>
      </c>
      <c r="O7920">
        <v>1976456</v>
      </c>
      <c r="P7920">
        <v>1</v>
      </c>
      <c r="Q7920">
        <v>0</v>
      </c>
      <c r="R7920" t="s">
        <v>40653</v>
      </c>
      <c r="S7920">
        <v>460</v>
      </c>
    </row>
    <row r="7921" spans="1:19" x14ac:dyDescent="0.25">
      <c r="A7921">
        <v>48843228</v>
      </c>
      <c r="B7921" t="s">
        <v>40654</v>
      </c>
      <c r="C7921" s="1" t="s">
        <v>40655</v>
      </c>
      <c r="D7921">
        <v>48859531</v>
      </c>
      <c r="E7921">
        <v>1</v>
      </c>
      <c r="F7921">
        <v>8</v>
      </c>
      <c r="H7921" t="s">
        <v>40656</v>
      </c>
      <c r="J7921" t="s">
        <v>40657</v>
      </c>
      <c r="K7921" t="s">
        <v>40658</v>
      </c>
      <c r="M7921">
        <v>8133719</v>
      </c>
      <c r="O7921">
        <v>8133719</v>
      </c>
      <c r="P7921">
        <v>1</v>
      </c>
      <c r="Q7921">
        <v>1</v>
      </c>
      <c r="R7921" t="s">
        <v>40659</v>
      </c>
      <c r="S7921">
        <v>65</v>
      </c>
    </row>
    <row r="7922" spans="1:19" x14ac:dyDescent="0.25">
      <c r="A7922">
        <v>10656860</v>
      </c>
      <c r="B7922" t="s">
        <v>40660</v>
      </c>
      <c r="C7922" s="1" t="s">
        <v>40661</v>
      </c>
      <c r="E7922">
        <v>3</v>
      </c>
      <c r="F7922">
        <v>0</v>
      </c>
      <c r="H7922" t="s">
        <v>40662</v>
      </c>
      <c r="I7922">
        <v>2</v>
      </c>
      <c r="J7922" t="s">
        <v>40663</v>
      </c>
      <c r="K7922" t="s">
        <v>40664</v>
      </c>
      <c r="M7922">
        <v>1028956</v>
      </c>
      <c r="O7922">
        <v>1028956</v>
      </c>
      <c r="P7922">
        <v>1</v>
      </c>
      <c r="Q7922">
        <v>0</v>
      </c>
      <c r="R7922" t="s">
        <v>40665</v>
      </c>
      <c r="S7922">
        <v>3439</v>
      </c>
    </row>
    <row r="7923" spans="1:19" x14ac:dyDescent="0.25">
      <c r="A7923">
        <v>11168382</v>
      </c>
      <c r="B7923" t="s">
        <v>40666</v>
      </c>
      <c r="C7923" s="1" t="s">
        <v>40667</v>
      </c>
      <c r="D7923">
        <v>11168951</v>
      </c>
      <c r="E7923">
        <v>1</v>
      </c>
      <c r="F7923">
        <v>1</v>
      </c>
      <c r="H7923" t="s">
        <v>40668</v>
      </c>
      <c r="I7923">
        <v>1</v>
      </c>
      <c r="J7923" t="s">
        <v>40669</v>
      </c>
      <c r="K7923" t="s">
        <v>40670</v>
      </c>
      <c r="M7923">
        <v>218196</v>
      </c>
      <c r="O7923">
        <v>1374162</v>
      </c>
      <c r="P7923">
        <v>1</v>
      </c>
      <c r="Q7923">
        <v>0</v>
      </c>
      <c r="R7923" t="s">
        <v>989</v>
      </c>
      <c r="S7923">
        <v>966</v>
      </c>
    </row>
    <row r="7924" spans="1:19" x14ac:dyDescent="0.25">
      <c r="A7924">
        <v>43424245</v>
      </c>
      <c r="B7924" t="s">
        <v>40671</v>
      </c>
      <c r="C7924" s="1" t="s">
        <v>40672</v>
      </c>
      <c r="D7924">
        <v>43424309</v>
      </c>
      <c r="E7924">
        <v>2</v>
      </c>
      <c r="F7924">
        <v>2</v>
      </c>
      <c r="H7924" t="s">
        <v>40673</v>
      </c>
      <c r="J7924" t="s">
        <v>40674</v>
      </c>
      <c r="O7924">
        <v>7390533</v>
      </c>
      <c r="P7924">
        <v>1</v>
      </c>
      <c r="Q7924">
        <v>-1</v>
      </c>
      <c r="R7924" t="s">
        <v>40675</v>
      </c>
      <c r="S7924">
        <v>29</v>
      </c>
    </row>
    <row r="7925" spans="1:19" x14ac:dyDescent="0.25">
      <c r="A7925">
        <v>12426321</v>
      </c>
      <c r="B7925" t="s">
        <v>40676</v>
      </c>
      <c r="C7925" s="1" t="s">
        <v>40677</v>
      </c>
      <c r="D7925">
        <v>12437950</v>
      </c>
      <c r="E7925">
        <v>1</v>
      </c>
      <c r="F7925">
        <v>7</v>
      </c>
      <c r="H7925" t="s">
        <v>40678</v>
      </c>
      <c r="J7925" t="s">
        <v>40679</v>
      </c>
      <c r="K7925" t="s">
        <v>40680</v>
      </c>
      <c r="M7925">
        <v>1671617</v>
      </c>
      <c r="O7925">
        <v>1671617</v>
      </c>
      <c r="P7925">
        <v>1</v>
      </c>
      <c r="Q7925">
        <v>3</v>
      </c>
      <c r="R7925" t="s">
        <v>40681</v>
      </c>
      <c r="S7925">
        <v>451</v>
      </c>
    </row>
    <row r="7926" spans="1:19" x14ac:dyDescent="0.25">
      <c r="A7926">
        <v>18610328</v>
      </c>
      <c r="B7926" t="s">
        <v>40682</v>
      </c>
      <c r="C7926" s="1" t="s">
        <v>40683</v>
      </c>
      <c r="E7926">
        <v>2</v>
      </c>
      <c r="F7926">
        <v>1</v>
      </c>
      <c r="H7926" t="s">
        <v>40684</v>
      </c>
      <c r="J7926" t="s">
        <v>40685</v>
      </c>
      <c r="O7926">
        <v>1833945</v>
      </c>
      <c r="P7926">
        <v>1</v>
      </c>
      <c r="Q7926">
        <v>0</v>
      </c>
      <c r="R7926" t="s">
        <v>40686</v>
      </c>
      <c r="S7926">
        <v>56</v>
      </c>
    </row>
    <row r="7927" spans="1:19" x14ac:dyDescent="0.25">
      <c r="A7927">
        <v>18706729</v>
      </c>
      <c r="B7927" t="s">
        <v>40687</v>
      </c>
      <c r="C7927" s="1" t="s">
        <v>40688</v>
      </c>
      <c r="E7927">
        <v>0</v>
      </c>
      <c r="F7927">
        <v>13</v>
      </c>
      <c r="H7927" t="s">
        <v>40689</v>
      </c>
      <c r="J7927" t="s">
        <v>40690</v>
      </c>
      <c r="K7927" t="s">
        <v>40691</v>
      </c>
      <c r="M7927">
        <v>503510</v>
      </c>
      <c r="O7927">
        <v>503510</v>
      </c>
      <c r="P7927">
        <v>1</v>
      </c>
      <c r="Q7927">
        <v>0</v>
      </c>
      <c r="R7927" t="s">
        <v>1446</v>
      </c>
      <c r="S7927">
        <v>125</v>
      </c>
    </row>
    <row r="7928" spans="1:19" x14ac:dyDescent="0.25">
      <c r="A7928">
        <v>36843301</v>
      </c>
      <c r="B7928" t="s">
        <v>40692</v>
      </c>
      <c r="C7928" s="1" t="s">
        <v>40693</v>
      </c>
      <c r="D7928">
        <v>36843407</v>
      </c>
      <c r="E7928">
        <v>5</v>
      </c>
      <c r="F7928">
        <v>0</v>
      </c>
      <c r="H7928" t="s">
        <v>40694</v>
      </c>
      <c r="J7928" t="s">
        <v>40695</v>
      </c>
      <c r="O7928">
        <v>2834630</v>
      </c>
      <c r="P7928">
        <v>1</v>
      </c>
      <c r="Q7928">
        <v>4</v>
      </c>
      <c r="R7928" t="s">
        <v>40696</v>
      </c>
      <c r="S7928">
        <v>2248</v>
      </c>
    </row>
    <row r="7929" spans="1:19" x14ac:dyDescent="0.25">
      <c r="A7929">
        <v>24097805</v>
      </c>
      <c r="B7929" t="s">
        <v>40697</v>
      </c>
      <c r="C7929" s="1" t="s">
        <v>40698</v>
      </c>
      <c r="D7929">
        <v>24097837</v>
      </c>
      <c r="E7929">
        <v>2</v>
      </c>
      <c r="F7929">
        <v>1</v>
      </c>
      <c r="H7929" t="s">
        <v>40699</v>
      </c>
      <c r="J7929" t="s">
        <v>40700</v>
      </c>
      <c r="O7929">
        <v>1160628</v>
      </c>
      <c r="P7929">
        <v>1</v>
      </c>
      <c r="Q7929">
        <v>0</v>
      </c>
      <c r="R7929" t="s">
        <v>9673</v>
      </c>
      <c r="S7929">
        <v>99</v>
      </c>
    </row>
    <row r="7930" spans="1:19" x14ac:dyDescent="0.25">
      <c r="A7930">
        <v>2845197</v>
      </c>
      <c r="B7930" t="s">
        <v>40701</v>
      </c>
      <c r="C7930" t="s">
        <v>40702</v>
      </c>
      <c r="E7930">
        <v>1</v>
      </c>
      <c r="F7930">
        <v>1</v>
      </c>
      <c r="H7930" t="s">
        <v>40703</v>
      </c>
      <c r="J7930" t="s">
        <v>40704</v>
      </c>
      <c r="O7930">
        <v>341879</v>
      </c>
      <c r="P7930">
        <v>1</v>
      </c>
      <c r="Q7930">
        <v>0</v>
      </c>
      <c r="R7930" t="s">
        <v>40705</v>
      </c>
      <c r="S7930">
        <v>34</v>
      </c>
    </row>
    <row r="7931" spans="1:19" x14ac:dyDescent="0.25">
      <c r="A7931">
        <v>22167594</v>
      </c>
      <c r="B7931" t="s">
        <v>40706</v>
      </c>
      <c r="C7931" s="1" t="s">
        <v>40707</v>
      </c>
      <c r="D7931">
        <v>22167859</v>
      </c>
      <c r="E7931">
        <v>4</v>
      </c>
      <c r="F7931">
        <v>0</v>
      </c>
      <c r="H7931" t="s">
        <v>40708</v>
      </c>
      <c r="I7931">
        <v>3</v>
      </c>
      <c r="J7931" t="s">
        <v>40709</v>
      </c>
      <c r="O7931">
        <v>909306</v>
      </c>
      <c r="P7931">
        <v>1</v>
      </c>
      <c r="Q7931">
        <v>14</v>
      </c>
      <c r="R7931" t="s">
        <v>40710</v>
      </c>
      <c r="S7931">
        <v>32895</v>
      </c>
    </row>
    <row r="7932" spans="1:19" x14ac:dyDescent="0.25">
      <c r="A7932">
        <v>33619426</v>
      </c>
      <c r="B7932" t="s">
        <v>40711</v>
      </c>
      <c r="C7932" s="1" t="s">
        <v>40712</v>
      </c>
      <c r="D7932">
        <v>33619961</v>
      </c>
      <c r="E7932">
        <v>1</v>
      </c>
      <c r="F7932">
        <v>1</v>
      </c>
      <c r="H7932" t="s">
        <v>40713</v>
      </c>
      <c r="J7932" t="s">
        <v>40714</v>
      </c>
      <c r="O7932">
        <v>5544340</v>
      </c>
      <c r="P7932">
        <v>1</v>
      </c>
      <c r="Q7932">
        <v>1</v>
      </c>
      <c r="R7932" t="s">
        <v>40715</v>
      </c>
      <c r="S7932">
        <v>159</v>
      </c>
    </row>
    <row r="7933" spans="1:19" x14ac:dyDescent="0.25">
      <c r="A7933">
        <v>49909192</v>
      </c>
      <c r="B7933" t="s">
        <v>40716</v>
      </c>
      <c r="C7933" s="1" t="s">
        <v>40717</v>
      </c>
      <c r="E7933">
        <v>0</v>
      </c>
      <c r="F7933">
        <v>6</v>
      </c>
      <c r="H7933" t="s">
        <v>40718</v>
      </c>
      <c r="J7933" t="s">
        <v>40718</v>
      </c>
      <c r="O7933">
        <v>1689745</v>
      </c>
      <c r="P7933">
        <v>1</v>
      </c>
      <c r="Q7933">
        <v>0</v>
      </c>
      <c r="R7933" t="s">
        <v>40719</v>
      </c>
      <c r="S7933">
        <v>99</v>
      </c>
    </row>
    <row r="7934" spans="1:19" x14ac:dyDescent="0.25">
      <c r="A7934">
        <v>17227320</v>
      </c>
      <c r="B7934" t="s">
        <v>40720</v>
      </c>
      <c r="C7934" s="1" t="s">
        <v>40721</v>
      </c>
      <c r="D7934">
        <v>17281489</v>
      </c>
      <c r="E7934">
        <v>1</v>
      </c>
      <c r="F7934">
        <v>0</v>
      </c>
      <c r="H7934" t="s">
        <v>40722</v>
      </c>
      <c r="I7934">
        <v>0</v>
      </c>
      <c r="J7934" t="s">
        <v>40723</v>
      </c>
      <c r="K7934" t="s">
        <v>40724</v>
      </c>
      <c r="M7934">
        <v>29493</v>
      </c>
      <c r="O7934">
        <v>29493</v>
      </c>
      <c r="P7934">
        <v>1</v>
      </c>
      <c r="Q7934">
        <v>1</v>
      </c>
      <c r="R7934" t="s">
        <v>40725</v>
      </c>
      <c r="S7934">
        <v>226</v>
      </c>
    </row>
    <row r="7935" spans="1:19" x14ac:dyDescent="0.25">
      <c r="A7935">
        <v>8675393</v>
      </c>
      <c r="B7935" t="s">
        <v>40726</v>
      </c>
      <c r="C7935" s="1" t="s">
        <v>40727</v>
      </c>
      <c r="E7935">
        <v>0</v>
      </c>
      <c r="F7935">
        <v>6</v>
      </c>
      <c r="H7935" t="s">
        <v>40728</v>
      </c>
      <c r="I7935">
        <v>0</v>
      </c>
      <c r="J7935" t="s">
        <v>40728</v>
      </c>
      <c r="O7935">
        <v>984621</v>
      </c>
      <c r="P7935">
        <v>1</v>
      </c>
      <c r="Q7935">
        <v>0</v>
      </c>
      <c r="R7935" t="s">
        <v>40729</v>
      </c>
      <c r="S7935">
        <v>266</v>
      </c>
    </row>
    <row r="7936" spans="1:19" x14ac:dyDescent="0.25">
      <c r="A7936">
        <v>20119137</v>
      </c>
      <c r="B7936" t="s">
        <v>40730</v>
      </c>
      <c r="C7936" s="1" t="s">
        <v>40731</v>
      </c>
      <c r="D7936">
        <v>20119242</v>
      </c>
      <c r="E7936">
        <v>4</v>
      </c>
      <c r="F7936">
        <v>2</v>
      </c>
      <c r="H7936" t="s">
        <v>40732</v>
      </c>
      <c r="I7936">
        <v>1</v>
      </c>
      <c r="J7936" t="s">
        <v>40733</v>
      </c>
      <c r="K7936" t="s">
        <v>40733</v>
      </c>
      <c r="M7936">
        <v>2974984</v>
      </c>
      <c r="O7936">
        <v>2974984</v>
      </c>
      <c r="P7936">
        <v>1</v>
      </c>
      <c r="Q7936">
        <v>1</v>
      </c>
      <c r="R7936" t="s">
        <v>40734</v>
      </c>
      <c r="S7936">
        <v>10144</v>
      </c>
    </row>
    <row r="7937" spans="1:19" x14ac:dyDescent="0.25">
      <c r="A7937">
        <v>9686949</v>
      </c>
      <c r="B7937" t="s">
        <v>40735</v>
      </c>
      <c r="C7937" s="1" t="s">
        <v>40736</v>
      </c>
      <c r="D7937">
        <v>9720854</v>
      </c>
      <c r="E7937">
        <v>2</v>
      </c>
      <c r="F7937">
        <v>2</v>
      </c>
      <c r="H7937" t="s">
        <v>40737</v>
      </c>
      <c r="J7937" t="s">
        <v>40738</v>
      </c>
      <c r="K7937" t="s">
        <v>40739</v>
      </c>
      <c r="M7937">
        <v>560648</v>
      </c>
      <c r="O7937">
        <v>1266828</v>
      </c>
      <c r="P7937">
        <v>1</v>
      </c>
      <c r="Q7937">
        <v>0</v>
      </c>
      <c r="R7937" t="s">
        <v>2122</v>
      </c>
      <c r="S7937">
        <v>143</v>
      </c>
    </row>
    <row r="7938" spans="1:19" x14ac:dyDescent="0.25">
      <c r="A7938">
        <v>38341025</v>
      </c>
      <c r="B7938" t="s">
        <v>40740</v>
      </c>
      <c r="C7938" s="1" t="s">
        <v>40741</v>
      </c>
      <c r="E7938">
        <v>1</v>
      </c>
      <c r="F7938">
        <v>2</v>
      </c>
      <c r="H7938" t="s">
        <v>40742</v>
      </c>
      <c r="I7938">
        <v>2</v>
      </c>
      <c r="J7938" t="s">
        <v>40743</v>
      </c>
      <c r="O7938">
        <v>1762116</v>
      </c>
      <c r="P7938">
        <v>1</v>
      </c>
      <c r="Q7938">
        <v>0</v>
      </c>
      <c r="R7938" t="s">
        <v>40744</v>
      </c>
      <c r="S7938">
        <v>51</v>
      </c>
    </row>
    <row r="7939" spans="1:19" x14ac:dyDescent="0.25">
      <c r="A7939">
        <v>50882152</v>
      </c>
      <c r="B7939" t="s">
        <v>40745</v>
      </c>
      <c r="C7939" s="1" t="s">
        <v>40746</v>
      </c>
      <c r="E7939">
        <v>1</v>
      </c>
      <c r="F7939">
        <v>0</v>
      </c>
      <c r="H7939" t="s">
        <v>40747</v>
      </c>
      <c r="J7939" t="s">
        <v>40748</v>
      </c>
      <c r="K7939" t="s">
        <v>40748</v>
      </c>
      <c r="M7939">
        <v>1171702</v>
      </c>
      <c r="O7939">
        <v>9815389</v>
      </c>
      <c r="P7939">
        <v>1</v>
      </c>
      <c r="Q7939">
        <v>0</v>
      </c>
      <c r="R7939" t="s">
        <v>40749</v>
      </c>
      <c r="S7939">
        <v>173</v>
      </c>
    </row>
    <row r="7940" spans="1:19" x14ac:dyDescent="0.25">
      <c r="A7940">
        <v>34388125</v>
      </c>
      <c r="B7940" t="s">
        <v>40750</v>
      </c>
      <c r="C7940" s="1" t="s">
        <v>40751</v>
      </c>
      <c r="E7940">
        <v>1</v>
      </c>
      <c r="F7940">
        <v>0</v>
      </c>
      <c r="H7940" t="s">
        <v>40752</v>
      </c>
      <c r="J7940" t="s">
        <v>40752</v>
      </c>
      <c r="O7940">
        <v>384013</v>
      </c>
      <c r="P7940">
        <v>1</v>
      </c>
      <c r="Q7940">
        <v>0</v>
      </c>
      <c r="R7940" t="s">
        <v>40753</v>
      </c>
      <c r="S7940">
        <v>263</v>
      </c>
    </row>
    <row r="7941" spans="1:19" x14ac:dyDescent="0.25">
      <c r="A7941">
        <v>32541787</v>
      </c>
      <c r="B7941" t="s">
        <v>40754</v>
      </c>
      <c r="C7941" s="1" t="s">
        <v>40755</v>
      </c>
      <c r="D7941">
        <v>32564000</v>
      </c>
      <c r="E7941">
        <v>1</v>
      </c>
      <c r="F7941">
        <v>1</v>
      </c>
      <c r="H7941" t="s">
        <v>40756</v>
      </c>
      <c r="J7941" t="s">
        <v>40757</v>
      </c>
      <c r="O7941">
        <v>572543</v>
      </c>
      <c r="P7941">
        <v>1</v>
      </c>
      <c r="Q7941">
        <v>0</v>
      </c>
      <c r="R7941" t="s">
        <v>40758</v>
      </c>
      <c r="S7941">
        <v>95</v>
      </c>
    </row>
    <row r="7942" spans="1:19" x14ac:dyDescent="0.25">
      <c r="A7942">
        <v>12331780</v>
      </c>
      <c r="B7942" t="s">
        <v>40759</v>
      </c>
      <c r="C7942" s="1" t="s">
        <v>40760</v>
      </c>
      <c r="D7942">
        <v>12335343</v>
      </c>
      <c r="E7942">
        <v>3</v>
      </c>
      <c r="F7942">
        <v>0</v>
      </c>
      <c r="H7942" t="s">
        <v>40761</v>
      </c>
      <c r="J7942" t="s">
        <v>40762</v>
      </c>
      <c r="O7942">
        <v>210867</v>
      </c>
      <c r="P7942">
        <v>1</v>
      </c>
      <c r="Q7942">
        <v>2</v>
      </c>
      <c r="R7942" t="s">
        <v>40763</v>
      </c>
      <c r="S7942">
        <v>8408</v>
      </c>
    </row>
    <row r="7943" spans="1:19" x14ac:dyDescent="0.25">
      <c r="A7943">
        <v>37086207</v>
      </c>
      <c r="B7943" t="s">
        <v>40764</v>
      </c>
      <c r="C7943" s="1" t="s">
        <v>40765</v>
      </c>
      <c r="D7943">
        <v>37087047</v>
      </c>
      <c r="E7943">
        <v>1</v>
      </c>
      <c r="F7943">
        <v>7</v>
      </c>
      <c r="H7943" t="s">
        <v>40766</v>
      </c>
      <c r="J7943" t="s">
        <v>40767</v>
      </c>
      <c r="K7943" t="s">
        <v>40767</v>
      </c>
      <c r="M7943">
        <v>3426328</v>
      </c>
      <c r="O7943">
        <v>5585985</v>
      </c>
      <c r="P7943">
        <v>1</v>
      </c>
      <c r="Q7943">
        <v>0</v>
      </c>
      <c r="R7943" t="s">
        <v>351</v>
      </c>
      <c r="S7943">
        <v>71</v>
      </c>
    </row>
    <row r="7944" spans="1:19" x14ac:dyDescent="0.25">
      <c r="A7944">
        <v>12982847</v>
      </c>
      <c r="B7944" t="s">
        <v>40768</v>
      </c>
      <c r="C7944" s="1" t="s">
        <v>40769</v>
      </c>
      <c r="D7944">
        <v>12983462</v>
      </c>
      <c r="E7944">
        <v>1</v>
      </c>
      <c r="F7944">
        <v>1</v>
      </c>
      <c r="H7944" t="s">
        <v>40770</v>
      </c>
      <c r="J7944" t="s">
        <v>40771</v>
      </c>
      <c r="K7944" t="s">
        <v>40771</v>
      </c>
      <c r="M7944">
        <v>379768</v>
      </c>
      <c r="O7944">
        <v>230814</v>
      </c>
      <c r="P7944">
        <v>1</v>
      </c>
      <c r="Q7944">
        <v>7</v>
      </c>
      <c r="R7944" t="s">
        <v>40772</v>
      </c>
      <c r="S7944">
        <v>465</v>
      </c>
    </row>
    <row r="7945" spans="1:19" x14ac:dyDescent="0.25">
      <c r="A7945">
        <v>9617071</v>
      </c>
      <c r="B7945" t="s">
        <v>40773</v>
      </c>
      <c r="C7945" s="1" t="s">
        <v>40774</v>
      </c>
      <c r="D7945">
        <v>9617113</v>
      </c>
      <c r="E7945">
        <v>2</v>
      </c>
      <c r="F7945">
        <v>0</v>
      </c>
      <c r="H7945" t="s">
        <v>40775</v>
      </c>
      <c r="J7945" t="s">
        <v>40776</v>
      </c>
      <c r="K7945" t="s">
        <v>40776</v>
      </c>
      <c r="M7945">
        <v>1108213</v>
      </c>
      <c r="O7945">
        <v>1256894</v>
      </c>
      <c r="P7945">
        <v>1</v>
      </c>
      <c r="Q7945">
        <v>0</v>
      </c>
      <c r="R7945" t="s">
        <v>2754</v>
      </c>
      <c r="S7945">
        <v>562</v>
      </c>
    </row>
    <row r="7946" spans="1:19" x14ac:dyDescent="0.25">
      <c r="A7946">
        <v>31374542</v>
      </c>
      <c r="B7946" t="s">
        <v>40777</v>
      </c>
      <c r="C7946" s="1" t="s">
        <v>40778</v>
      </c>
      <c r="E7946">
        <v>3</v>
      </c>
      <c r="F7946">
        <v>4</v>
      </c>
      <c r="H7946" t="s">
        <v>40779</v>
      </c>
      <c r="I7946">
        <v>1</v>
      </c>
      <c r="J7946" t="s">
        <v>40780</v>
      </c>
      <c r="O7946">
        <v>4430549</v>
      </c>
      <c r="P7946">
        <v>1</v>
      </c>
      <c r="Q7946">
        <v>6</v>
      </c>
      <c r="R7946" t="s">
        <v>6962</v>
      </c>
      <c r="S7946">
        <v>14039</v>
      </c>
    </row>
    <row r="7947" spans="1:19" x14ac:dyDescent="0.25">
      <c r="A7947">
        <v>53381436</v>
      </c>
      <c r="B7947" t="s">
        <v>40781</v>
      </c>
      <c r="C7947" s="1" t="s">
        <v>40782</v>
      </c>
      <c r="E7947">
        <v>0</v>
      </c>
      <c r="F7947">
        <v>3</v>
      </c>
      <c r="H7947" t="s">
        <v>40783</v>
      </c>
      <c r="J7947" t="s">
        <v>40783</v>
      </c>
      <c r="O7947">
        <v>7571828</v>
      </c>
      <c r="P7947">
        <v>1</v>
      </c>
      <c r="Q7947">
        <v>0</v>
      </c>
      <c r="R7947" t="s">
        <v>40784</v>
      </c>
      <c r="S7947">
        <v>33</v>
      </c>
    </row>
    <row r="7948" spans="1:19" x14ac:dyDescent="0.25">
      <c r="A7948">
        <v>2855163</v>
      </c>
      <c r="B7948" t="s">
        <v>40785</v>
      </c>
      <c r="C7948" t="s">
        <v>40786</v>
      </c>
      <c r="D7948">
        <v>2855643</v>
      </c>
      <c r="E7948">
        <v>1</v>
      </c>
      <c r="F7948">
        <v>0</v>
      </c>
      <c r="H7948" t="s">
        <v>40787</v>
      </c>
      <c r="I7948">
        <v>2</v>
      </c>
      <c r="J7948" t="s">
        <v>40788</v>
      </c>
      <c r="O7948">
        <v>228417</v>
      </c>
      <c r="P7948">
        <v>1</v>
      </c>
      <c r="Q7948">
        <v>0</v>
      </c>
      <c r="R7948" t="s">
        <v>40789</v>
      </c>
      <c r="S7948">
        <v>60</v>
      </c>
    </row>
    <row r="7949" spans="1:19" x14ac:dyDescent="0.25">
      <c r="A7949">
        <v>30782627</v>
      </c>
      <c r="B7949" t="s">
        <v>40790</v>
      </c>
      <c r="C7949" s="1" t="s">
        <v>40791</v>
      </c>
      <c r="D7949">
        <v>30783694</v>
      </c>
      <c r="E7949">
        <v>1</v>
      </c>
      <c r="F7949">
        <v>4</v>
      </c>
      <c r="H7949" t="s">
        <v>40792</v>
      </c>
      <c r="J7949" t="s">
        <v>40793</v>
      </c>
      <c r="K7949" t="s">
        <v>40794</v>
      </c>
      <c r="M7949">
        <v>77335</v>
      </c>
      <c r="O7949">
        <v>2802437</v>
      </c>
      <c r="P7949">
        <v>1</v>
      </c>
      <c r="Q7949">
        <v>2</v>
      </c>
      <c r="R7949" t="s">
        <v>40795</v>
      </c>
      <c r="S7949">
        <v>184</v>
      </c>
    </row>
    <row r="7950" spans="1:19" x14ac:dyDescent="0.25">
      <c r="A7950">
        <v>49655436</v>
      </c>
      <c r="B7950" t="s">
        <v>40796</v>
      </c>
      <c r="C7950" s="1" t="s">
        <v>40797</v>
      </c>
      <c r="E7950">
        <v>0</v>
      </c>
      <c r="F7950">
        <v>0</v>
      </c>
      <c r="H7950" t="s">
        <v>40798</v>
      </c>
      <c r="J7950" t="s">
        <v>40798</v>
      </c>
      <c r="O7950">
        <v>9597556</v>
      </c>
      <c r="P7950">
        <v>1</v>
      </c>
      <c r="Q7950">
        <v>0</v>
      </c>
      <c r="R7950" t="s">
        <v>40799</v>
      </c>
      <c r="S7950">
        <v>20</v>
      </c>
    </row>
    <row r="7951" spans="1:19" x14ac:dyDescent="0.25">
      <c r="A7951">
        <v>45607467</v>
      </c>
      <c r="B7951" t="s">
        <v>40800</v>
      </c>
      <c r="C7951" s="1" t="s">
        <v>40801</v>
      </c>
      <c r="E7951">
        <v>4</v>
      </c>
      <c r="F7951">
        <v>0</v>
      </c>
      <c r="H7951" t="s">
        <v>40802</v>
      </c>
      <c r="I7951">
        <v>0</v>
      </c>
      <c r="J7951" t="s">
        <v>40803</v>
      </c>
      <c r="K7951" t="s">
        <v>40804</v>
      </c>
      <c r="M7951">
        <v>5104748</v>
      </c>
      <c r="O7951">
        <v>6773614</v>
      </c>
      <c r="P7951">
        <v>1</v>
      </c>
      <c r="Q7951">
        <v>0</v>
      </c>
      <c r="R7951" t="s">
        <v>40805</v>
      </c>
      <c r="S7951">
        <v>78</v>
      </c>
    </row>
    <row r="7952" spans="1:19" x14ac:dyDescent="0.25">
      <c r="A7952">
        <v>47264091</v>
      </c>
      <c r="B7952" t="s">
        <v>40806</v>
      </c>
      <c r="C7952" s="1" t="s">
        <v>40807</v>
      </c>
      <c r="D7952">
        <v>47264259</v>
      </c>
      <c r="E7952">
        <v>1</v>
      </c>
      <c r="F7952">
        <v>4</v>
      </c>
      <c r="H7952" t="s">
        <v>40808</v>
      </c>
      <c r="J7952" t="s">
        <v>40809</v>
      </c>
      <c r="K7952" t="s">
        <v>40809</v>
      </c>
      <c r="M7952">
        <v>466862</v>
      </c>
      <c r="O7952">
        <v>4314952</v>
      </c>
      <c r="P7952">
        <v>1</v>
      </c>
      <c r="Q7952">
        <v>0</v>
      </c>
      <c r="R7952" t="s">
        <v>351</v>
      </c>
      <c r="S7952">
        <v>49</v>
      </c>
    </row>
    <row r="7953" spans="1:19" x14ac:dyDescent="0.25">
      <c r="A7953">
        <v>39646311</v>
      </c>
      <c r="B7953" t="s">
        <v>40810</v>
      </c>
      <c r="C7953" s="1" t="s">
        <v>40811</v>
      </c>
      <c r="D7953">
        <v>39646606</v>
      </c>
      <c r="E7953">
        <v>1</v>
      </c>
      <c r="F7953">
        <v>5</v>
      </c>
      <c r="H7953" t="s">
        <v>40812</v>
      </c>
      <c r="I7953">
        <v>1</v>
      </c>
      <c r="J7953" t="s">
        <v>40813</v>
      </c>
      <c r="K7953" t="s">
        <v>40814</v>
      </c>
      <c r="M7953">
        <v>6866306</v>
      </c>
      <c r="O7953">
        <v>6866306</v>
      </c>
      <c r="P7953">
        <v>1</v>
      </c>
      <c r="Q7953">
        <v>0</v>
      </c>
      <c r="R7953" t="s">
        <v>5654</v>
      </c>
      <c r="S7953">
        <v>45</v>
      </c>
    </row>
    <row r="7954" spans="1:19" x14ac:dyDescent="0.25">
      <c r="A7954">
        <v>6296720</v>
      </c>
      <c r="B7954" t="s">
        <v>40815</v>
      </c>
      <c r="C7954" s="1" t="s">
        <v>40816</v>
      </c>
      <c r="E7954">
        <v>3</v>
      </c>
      <c r="F7954">
        <v>10</v>
      </c>
      <c r="H7954" t="s">
        <v>40817</v>
      </c>
      <c r="I7954">
        <v>2</v>
      </c>
      <c r="J7954" t="s">
        <v>40818</v>
      </c>
      <c r="K7954" t="s">
        <v>40819</v>
      </c>
      <c r="M7954">
        <v>757603</v>
      </c>
      <c r="O7954">
        <v>757603</v>
      </c>
      <c r="P7954">
        <v>1</v>
      </c>
      <c r="Q7954">
        <v>4</v>
      </c>
      <c r="R7954" t="s">
        <v>40820</v>
      </c>
      <c r="S7954">
        <v>30412</v>
      </c>
    </row>
    <row r="7955" spans="1:19" x14ac:dyDescent="0.25">
      <c r="A7955">
        <v>39697720</v>
      </c>
      <c r="B7955" t="s">
        <v>40821</v>
      </c>
      <c r="C7955" t="s">
        <v>40822</v>
      </c>
      <c r="E7955">
        <v>1</v>
      </c>
      <c r="F7955">
        <v>2</v>
      </c>
      <c r="H7955" t="s">
        <v>40823</v>
      </c>
      <c r="J7955" t="s">
        <v>40824</v>
      </c>
      <c r="O7955">
        <v>6695011</v>
      </c>
      <c r="P7955">
        <v>1</v>
      </c>
      <c r="Q7955">
        <v>0</v>
      </c>
      <c r="R7955" t="s">
        <v>40825</v>
      </c>
      <c r="S7955">
        <v>53</v>
      </c>
    </row>
    <row r="7956" spans="1:19" x14ac:dyDescent="0.25">
      <c r="A7956">
        <v>1536617</v>
      </c>
      <c r="B7956" t="s">
        <v>40826</v>
      </c>
      <c r="C7956" s="1" t="s">
        <v>40827</v>
      </c>
      <c r="E7956">
        <v>1</v>
      </c>
      <c r="F7956">
        <v>2</v>
      </c>
      <c r="H7956" t="s">
        <v>40828</v>
      </c>
      <c r="J7956" t="s">
        <v>40829</v>
      </c>
      <c r="O7956">
        <v>107378</v>
      </c>
      <c r="P7956">
        <v>1</v>
      </c>
      <c r="Q7956">
        <v>0</v>
      </c>
      <c r="R7956" t="s">
        <v>40830</v>
      </c>
      <c r="S7956">
        <v>1188</v>
      </c>
    </row>
    <row r="7957" spans="1:19" x14ac:dyDescent="0.25">
      <c r="A7957">
        <v>38471738</v>
      </c>
      <c r="B7957" t="s">
        <v>40831</v>
      </c>
      <c r="C7957" s="1" t="s">
        <v>40832</v>
      </c>
      <c r="D7957">
        <v>38472269</v>
      </c>
      <c r="E7957">
        <v>1</v>
      </c>
      <c r="F7957">
        <v>13</v>
      </c>
      <c r="H7957" t="s">
        <v>40833</v>
      </c>
      <c r="J7957" t="s">
        <v>40834</v>
      </c>
      <c r="O7957">
        <v>2438423</v>
      </c>
      <c r="P7957">
        <v>1</v>
      </c>
      <c r="Q7957">
        <v>1</v>
      </c>
      <c r="R7957" t="s">
        <v>40835</v>
      </c>
      <c r="S7957">
        <v>123</v>
      </c>
    </row>
    <row r="7958" spans="1:19" x14ac:dyDescent="0.25">
      <c r="A7958">
        <v>46716853</v>
      </c>
      <c r="B7958" t="s">
        <v>40836</v>
      </c>
      <c r="C7958" s="1" t="s">
        <v>40837</v>
      </c>
      <c r="E7958">
        <v>1</v>
      </c>
      <c r="F7958">
        <v>3</v>
      </c>
      <c r="H7958" t="s">
        <v>40838</v>
      </c>
      <c r="J7958" t="s">
        <v>40839</v>
      </c>
      <c r="K7958" t="s">
        <v>40840</v>
      </c>
      <c r="M7958">
        <v>7943564</v>
      </c>
      <c r="O7958">
        <v>8217643</v>
      </c>
      <c r="P7958">
        <v>1</v>
      </c>
      <c r="Q7958">
        <v>-3</v>
      </c>
      <c r="R7958" t="s">
        <v>13424</v>
      </c>
      <c r="S7958">
        <v>46</v>
      </c>
    </row>
    <row r="7959" spans="1:19" x14ac:dyDescent="0.25">
      <c r="A7959">
        <v>52012028</v>
      </c>
      <c r="B7959" t="s">
        <v>40841</v>
      </c>
      <c r="C7959" s="1" t="s">
        <v>40842</v>
      </c>
      <c r="E7959">
        <v>0</v>
      </c>
      <c r="F7959">
        <v>2</v>
      </c>
      <c r="H7959" t="s">
        <v>40843</v>
      </c>
      <c r="J7959" t="s">
        <v>40843</v>
      </c>
      <c r="O7959">
        <v>8542506</v>
      </c>
      <c r="P7959">
        <v>1</v>
      </c>
      <c r="Q7959">
        <v>1</v>
      </c>
      <c r="R7959" t="s">
        <v>40844</v>
      </c>
      <c r="S7959">
        <v>29</v>
      </c>
    </row>
    <row r="7960" spans="1:19" x14ac:dyDescent="0.25">
      <c r="A7960">
        <v>47210572</v>
      </c>
      <c r="B7960" t="s">
        <v>40845</v>
      </c>
      <c r="C7960" s="1" t="s">
        <v>40846</v>
      </c>
      <c r="D7960">
        <v>47210757</v>
      </c>
      <c r="E7960">
        <v>1</v>
      </c>
      <c r="F7960">
        <v>0</v>
      </c>
      <c r="H7960" t="s">
        <v>40847</v>
      </c>
      <c r="J7960" t="s">
        <v>40848</v>
      </c>
      <c r="K7960" t="s">
        <v>40848</v>
      </c>
      <c r="M7960">
        <v>2649012</v>
      </c>
      <c r="O7960">
        <v>4827499</v>
      </c>
      <c r="P7960">
        <v>1</v>
      </c>
      <c r="Q7960">
        <v>0</v>
      </c>
      <c r="R7960" t="s">
        <v>2771</v>
      </c>
      <c r="S7960">
        <v>27</v>
      </c>
    </row>
    <row r="7961" spans="1:19" x14ac:dyDescent="0.25">
      <c r="A7961">
        <v>10425860</v>
      </c>
      <c r="B7961" t="s">
        <v>40849</v>
      </c>
      <c r="C7961" s="1" t="s">
        <v>40850</v>
      </c>
      <c r="E7961">
        <v>1</v>
      </c>
      <c r="F7961">
        <v>0</v>
      </c>
      <c r="H7961" t="s">
        <v>40851</v>
      </c>
      <c r="J7961" t="s">
        <v>40852</v>
      </c>
      <c r="K7961" t="s">
        <v>40853</v>
      </c>
      <c r="M7961">
        <v>839601</v>
      </c>
      <c r="O7961">
        <v>645937</v>
      </c>
      <c r="P7961">
        <v>1</v>
      </c>
      <c r="Q7961">
        <v>2</v>
      </c>
      <c r="R7961" t="s">
        <v>40854</v>
      </c>
      <c r="S7961">
        <v>480</v>
      </c>
    </row>
    <row r="7962" spans="1:19" x14ac:dyDescent="0.25">
      <c r="A7962">
        <v>45382303</v>
      </c>
      <c r="B7962" t="s">
        <v>40855</v>
      </c>
      <c r="C7962" s="1" t="s">
        <v>40856</v>
      </c>
      <c r="E7962">
        <v>1</v>
      </c>
      <c r="F7962">
        <v>1</v>
      </c>
      <c r="H7962" t="s">
        <v>40857</v>
      </c>
      <c r="J7962" t="s">
        <v>40858</v>
      </c>
      <c r="K7962" t="s">
        <v>40859</v>
      </c>
      <c r="M7962">
        <v>2610720</v>
      </c>
      <c r="O7962">
        <v>2589026</v>
      </c>
      <c r="P7962">
        <v>1</v>
      </c>
      <c r="Q7962">
        <v>0</v>
      </c>
      <c r="R7962" t="s">
        <v>40860</v>
      </c>
      <c r="S7962">
        <v>117</v>
      </c>
    </row>
    <row r="7963" spans="1:19" x14ac:dyDescent="0.25">
      <c r="A7963">
        <v>46297446</v>
      </c>
      <c r="B7963" t="s">
        <v>40861</v>
      </c>
      <c r="C7963" s="1" t="s">
        <v>40862</v>
      </c>
      <c r="D7963">
        <v>46298479</v>
      </c>
      <c r="E7963">
        <v>2</v>
      </c>
      <c r="F7963">
        <v>12</v>
      </c>
      <c r="H7963" t="s">
        <v>40863</v>
      </c>
      <c r="J7963" t="s">
        <v>40864</v>
      </c>
      <c r="K7963" t="s">
        <v>40864</v>
      </c>
      <c r="M7963">
        <v>5108735</v>
      </c>
      <c r="O7963">
        <v>7939485</v>
      </c>
      <c r="P7963">
        <v>1</v>
      </c>
      <c r="Q7963">
        <v>1</v>
      </c>
      <c r="R7963" t="s">
        <v>40865</v>
      </c>
      <c r="S7963">
        <v>1045</v>
      </c>
    </row>
    <row r="7964" spans="1:19" x14ac:dyDescent="0.25">
      <c r="A7964">
        <v>16717219</v>
      </c>
      <c r="B7964" t="s">
        <v>40866</v>
      </c>
      <c r="C7964" s="1" t="s">
        <v>40867</v>
      </c>
      <c r="D7964">
        <v>16717468</v>
      </c>
      <c r="E7964">
        <v>3</v>
      </c>
      <c r="F7964">
        <v>11</v>
      </c>
      <c r="H7964" t="s">
        <v>40868</v>
      </c>
      <c r="I7964">
        <v>1</v>
      </c>
      <c r="J7964" t="s">
        <v>40869</v>
      </c>
      <c r="K7964" t="s">
        <v>40870</v>
      </c>
      <c r="M7964">
        <v>2090453</v>
      </c>
      <c r="O7964">
        <v>1221310</v>
      </c>
      <c r="P7964">
        <v>1</v>
      </c>
      <c r="Q7964">
        <v>-1</v>
      </c>
      <c r="R7964" t="s">
        <v>40871</v>
      </c>
      <c r="S7964">
        <v>176</v>
      </c>
    </row>
    <row r="7965" spans="1:19" x14ac:dyDescent="0.25">
      <c r="A7965">
        <v>16348582</v>
      </c>
      <c r="B7965" t="s">
        <v>40872</v>
      </c>
      <c r="C7965" s="1" t="s">
        <v>40873</v>
      </c>
      <c r="E7965">
        <v>1</v>
      </c>
      <c r="F7965">
        <v>0</v>
      </c>
      <c r="H7965" t="s">
        <v>40874</v>
      </c>
      <c r="J7965" t="s">
        <v>40875</v>
      </c>
      <c r="K7965" t="s">
        <v>40876</v>
      </c>
      <c r="M7965">
        <v>6509</v>
      </c>
      <c r="O7965">
        <v>229810</v>
      </c>
      <c r="P7965">
        <v>1</v>
      </c>
      <c r="Q7965">
        <v>0</v>
      </c>
      <c r="R7965" t="s">
        <v>40877</v>
      </c>
      <c r="S7965">
        <v>905</v>
      </c>
    </row>
    <row r="7966" spans="1:19" x14ac:dyDescent="0.25">
      <c r="A7966">
        <v>29042525</v>
      </c>
      <c r="B7966" t="s">
        <v>40878</v>
      </c>
      <c r="C7966" s="1" t="s">
        <v>40879</v>
      </c>
      <c r="E7966">
        <v>0</v>
      </c>
      <c r="F7966">
        <v>4</v>
      </c>
      <c r="H7966" t="s">
        <v>40880</v>
      </c>
      <c r="J7966" t="s">
        <v>40880</v>
      </c>
      <c r="O7966">
        <v>4669080</v>
      </c>
      <c r="P7966">
        <v>1</v>
      </c>
      <c r="Q7966">
        <v>0</v>
      </c>
      <c r="R7966" t="s">
        <v>40881</v>
      </c>
      <c r="S7966">
        <v>186</v>
      </c>
    </row>
    <row r="7967" spans="1:19" x14ac:dyDescent="0.25">
      <c r="A7967">
        <v>40792321</v>
      </c>
      <c r="B7967" t="s">
        <v>40882</v>
      </c>
      <c r="C7967" s="1" t="s">
        <v>40883</v>
      </c>
      <c r="E7967">
        <v>1</v>
      </c>
      <c r="F7967">
        <v>1</v>
      </c>
      <c r="H7967" t="s">
        <v>40884</v>
      </c>
      <c r="J7967" t="s">
        <v>40885</v>
      </c>
      <c r="O7967">
        <v>3941778</v>
      </c>
      <c r="P7967">
        <v>1</v>
      </c>
      <c r="Q7967">
        <v>1</v>
      </c>
      <c r="R7967" t="s">
        <v>40886</v>
      </c>
      <c r="S7967">
        <v>23</v>
      </c>
    </row>
    <row r="7968" spans="1:19" x14ac:dyDescent="0.25">
      <c r="A7968">
        <v>44040450</v>
      </c>
      <c r="B7968" t="s">
        <v>40887</v>
      </c>
      <c r="C7968" s="1" t="s">
        <v>40888</v>
      </c>
      <c r="E7968">
        <v>0</v>
      </c>
      <c r="F7968">
        <v>5</v>
      </c>
      <c r="H7968" t="s">
        <v>40889</v>
      </c>
      <c r="J7968" t="s">
        <v>40889</v>
      </c>
      <c r="O7968">
        <v>6789223</v>
      </c>
      <c r="P7968">
        <v>1</v>
      </c>
      <c r="Q7968">
        <v>0</v>
      </c>
      <c r="R7968" t="s">
        <v>40890</v>
      </c>
      <c r="S7968">
        <v>102</v>
      </c>
    </row>
    <row r="7969" spans="1:19" x14ac:dyDescent="0.25">
      <c r="A7969">
        <v>28368671</v>
      </c>
      <c r="B7969" t="s">
        <v>40891</v>
      </c>
      <c r="C7969" s="1" t="s">
        <v>40892</v>
      </c>
      <c r="E7969">
        <v>2</v>
      </c>
      <c r="F7969">
        <v>3</v>
      </c>
      <c r="H7969" t="s">
        <v>40893</v>
      </c>
      <c r="J7969" t="s">
        <v>40894</v>
      </c>
      <c r="O7969">
        <v>4421631</v>
      </c>
      <c r="P7969">
        <v>1</v>
      </c>
      <c r="Q7969">
        <v>-1</v>
      </c>
      <c r="R7969" t="s">
        <v>2122</v>
      </c>
      <c r="S7969">
        <v>47</v>
      </c>
    </row>
    <row r="7970" spans="1:19" x14ac:dyDescent="0.25">
      <c r="A7970">
        <v>24341748</v>
      </c>
      <c r="B7970" t="s">
        <v>40895</v>
      </c>
      <c r="C7970" s="1" t="s">
        <v>40896</v>
      </c>
      <c r="E7970">
        <v>0</v>
      </c>
      <c r="F7970">
        <v>10</v>
      </c>
      <c r="H7970" t="s">
        <v>40897</v>
      </c>
      <c r="J7970" t="s">
        <v>40898</v>
      </c>
      <c r="K7970" t="s">
        <v>40898</v>
      </c>
      <c r="M7970">
        <v>1055637</v>
      </c>
      <c r="O7970">
        <v>1055637</v>
      </c>
      <c r="P7970">
        <v>1</v>
      </c>
      <c r="Q7970">
        <v>0</v>
      </c>
      <c r="R7970" t="s">
        <v>23150</v>
      </c>
      <c r="S7970">
        <v>103</v>
      </c>
    </row>
    <row r="7971" spans="1:19" x14ac:dyDescent="0.25">
      <c r="A7971">
        <v>27618033</v>
      </c>
      <c r="B7971" t="s">
        <v>40899</v>
      </c>
      <c r="C7971" s="1" t="s">
        <v>40900</v>
      </c>
      <c r="E7971">
        <v>0</v>
      </c>
      <c r="F7971">
        <v>3</v>
      </c>
      <c r="H7971" t="s">
        <v>40901</v>
      </c>
      <c r="J7971" t="s">
        <v>40902</v>
      </c>
      <c r="K7971" t="s">
        <v>40902</v>
      </c>
      <c r="M7971">
        <v>1305253</v>
      </c>
      <c r="O7971">
        <v>4387994</v>
      </c>
      <c r="P7971">
        <v>1</v>
      </c>
      <c r="Q7971">
        <v>1</v>
      </c>
      <c r="R7971" t="s">
        <v>40903</v>
      </c>
      <c r="S7971">
        <v>422</v>
      </c>
    </row>
    <row r="7972" spans="1:19" x14ac:dyDescent="0.25">
      <c r="A7972">
        <v>2443068</v>
      </c>
      <c r="B7972" t="s">
        <v>40904</v>
      </c>
      <c r="C7972" s="1" t="s">
        <v>40905</v>
      </c>
      <c r="D7972">
        <v>2443674</v>
      </c>
      <c r="E7972">
        <v>2</v>
      </c>
      <c r="F7972">
        <v>2</v>
      </c>
      <c r="H7972" t="s">
        <v>40906</v>
      </c>
      <c r="J7972" t="s">
        <v>40907</v>
      </c>
      <c r="K7972" t="s">
        <v>40907</v>
      </c>
      <c r="M7972">
        <v>293186</v>
      </c>
      <c r="O7972">
        <v>293186</v>
      </c>
      <c r="P7972">
        <v>1</v>
      </c>
      <c r="Q7972">
        <v>7</v>
      </c>
      <c r="R7972" t="s">
        <v>40908</v>
      </c>
      <c r="S7972">
        <v>1319</v>
      </c>
    </row>
    <row r="7973" spans="1:19" x14ac:dyDescent="0.25">
      <c r="A7973">
        <v>24726223</v>
      </c>
      <c r="B7973" t="s">
        <v>40909</v>
      </c>
      <c r="C7973" s="1" t="s">
        <v>40910</v>
      </c>
      <c r="E7973">
        <v>1</v>
      </c>
      <c r="F7973">
        <v>4</v>
      </c>
      <c r="H7973" t="s">
        <v>40911</v>
      </c>
      <c r="J7973" t="s">
        <v>40912</v>
      </c>
      <c r="O7973">
        <v>3785536</v>
      </c>
      <c r="P7973">
        <v>1</v>
      </c>
      <c r="Q7973">
        <v>1</v>
      </c>
      <c r="R7973" t="s">
        <v>40913</v>
      </c>
      <c r="S7973">
        <v>893</v>
      </c>
    </row>
    <row r="7974" spans="1:19" x14ac:dyDescent="0.25">
      <c r="A7974">
        <v>16625110</v>
      </c>
      <c r="B7974" t="s">
        <v>40914</v>
      </c>
      <c r="C7974" s="1" t="s">
        <v>40915</v>
      </c>
      <c r="E7974">
        <v>1</v>
      </c>
      <c r="F7974">
        <v>0</v>
      </c>
      <c r="H7974" t="s">
        <v>40916</v>
      </c>
      <c r="J7974" t="s">
        <v>40917</v>
      </c>
      <c r="K7974" t="s">
        <v>40918</v>
      </c>
      <c r="M7974">
        <v>2239190</v>
      </c>
      <c r="O7974">
        <v>2164919</v>
      </c>
      <c r="P7974">
        <v>1</v>
      </c>
      <c r="Q7974">
        <v>0</v>
      </c>
      <c r="R7974" t="s">
        <v>40919</v>
      </c>
      <c r="S7974">
        <v>100</v>
      </c>
    </row>
    <row r="7975" spans="1:19" x14ac:dyDescent="0.25">
      <c r="A7975">
        <v>30516989</v>
      </c>
      <c r="B7975" t="s">
        <v>40920</v>
      </c>
      <c r="C7975" s="1" t="s">
        <v>40921</v>
      </c>
      <c r="E7975">
        <v>1</v>
      </c>
      <c r="F7975">
        <v>2</v>
      </c>
      <c r="H7975" t="s">
        <v>40922</v>
      </c>
      <c r="J7975" t="s">
        <v>40923</v>
      </c>
      <c r="K7975" t="s">
        <v>40924</v>
      </c>
      <c r="M7975">
        <v>3043824</v>
      </c>
      <c r="O7975">
        <v>4950628</v>
      </c>
      <c r="P7975">
        <v>1</v>
      </c>
      <c r="Q7975">
        <v>1</v>
      </c>
      <c r="R7975" t="s">
        <v>40925</v>
      </c>
      <c r="S7975">
        <v>51</v>
      </c>
    </row>
    <row r="7976" spans="1:19" x14ac:dyDescent="0.25">
      <c r="A7976">
        <v>37069207</v>
      </c>
      <c r="B7976" t="s">
        <v>40926</v>
      </c>
      <c r="C7976" s="1" t="s">
        <v>40927</v>
      </c>
      <c r="E7976">
        <v>1</v>
      </c>
      <c r="F7976">
        <v>0</v>
      </c>
      <c r="H7976" t="s">
        <v>40928</v>
      </c>
      <c r="J7976" t="s">
        <v>40929</v>
      </c>
      <c r="O7976">
        <v>2490877</v>
      </c>
      <c r="P7976">
        <v>1</v>
      </c>
      <c r="Q7976">
        <v>1</v>
      </c>
      <c r="R7976" t="s">
        <v>40930</v>
      </c>
      <c r="S7976">
        <v>355</v>
      </c>
    </row>
    <row r="7977" spans="1:19" x14ac:dyDescent="0.25">
      <c r="A7977">
        <v>32811078</v>
      </c>
      <c r="B7977" t="s">
        <v>40931</v>
      </c>
      <c r="C7977" s="1" t="s">
        <v>40932</v>
      </c>
      <c r="D7977">
        <v>32811138</v>
      </c>
      <c r="E7977">
        <v>2</v>
      </c>
      <c r="F7977">
        <v>0</v>
      </c>
      <c r="H7977" t="s">
        <v>40933</v>
      </c>
      <c r="J7977" t="s">
        <v>40934</v>
      </c>
      <c r="O7977">
        <v>3208823</v>
      </c>
      <c r="P7977">
        <v>1</v>
      </c>
      <c r="Q7977">
        <v>0</v>
      </c>
      <c r="R7977" t="s">
        <v>40935</v>
      </c>
      <c r="S7977">
        <v>438</v>
      </c>
    </row>
    <row r="7978" spans="1:19" x14ac:dyDescent="0.25">
      <c r="A7978">
        <v>30987841</v>
      </c>
      <c r="B7978" t="s">
        <v>40936</v>
      </c>
      <c r="C7978" s="1" t="s">
        <v>40937</v>
      </c>
      <c r="E7978">
        <v>1</v>
      </c>
      <c r="F7978">
        <v>4</v>
      </c>
      <c r="H7978" t="s">
        <v>40938</v>
      </c>
      <c r="J7978" t="s">
        <v>40939</v>
      </c>
      <c r="O7978">
        <v>16631</v>
      </c>
      <c r="P7978">
        <v>1</v>
      </c>
      <c r="Q7978">
        <v>0</v>
      </c>
      <c r="R7978" t="s">
        <v>40940</v>
      </c>
      <c r="S7978">
        <v>1205</v>
      </c>
    </row>
    <row r="7979" spans="1:19" x14ac:dyDescent="0.25">
      <c r="A7979">
        <v>50828361</v>
      </c>
      <c r="B7979" t="s">
        <v>40941</v>
      </c>
      <c r="C7979" s="1" t="s">
        <v>40942</v>
      </c>
      <c r="E7979">
        <v>1</v>
      </c>
      <c r="F7979">
        <v>3</v>
      </c>
      <c r="H7979" t="s">
        <v>40943</v>
      </c>
      <c r="J7979" t="s">
        <v>40944</v>
      </c>
      <c r="O7979">
        <v>1343942</v>
      </c>
      <c r="P7979">
        <v>1</v>
      </c>
      <c r="Q7979">
        <v>0</v>
      </c>
      <c r="R7979" t="s">
        <v>40945</v>
      </c>
      <c r="S7979">
        <v>28</v>
      </c>
    </row>
    <row r="7980" spans="1:19" x14ac:dyDescent="0.25">
      <c r="A7980">
        <v>24471910</v>
      </c>
      <c r="B7980" t="s">
        <v>40946</v>
      </c>
      <c r="C7980" s="1" t="s">
        <v>40947</v>
      </c>
      <c r="D7980">
        <v>24472012</v>
      </c>
      <c r="E7980">
        <v>1</v>
      </c>
      <c r="F7980">
        <v>3</v>
      </c>
      <c r="H7980" t="s">
        <v>40948</v>
      </c>
      <c r="J7980" t="s">
        <v>40949</v>
      </c>
      <c r="O7980">
        <v>1181847</v>
      </c>
      <c r="P7980">
        <v>1</v>
      </c>
      <c r="Q7980">
        <v>-5</v>
      </c>
      <c r="R7980" t="s">
        <v>819</v>
      </c>
      <c r="S7980">
        <v>37</v>
      </c>
    </row>
    <row r="7981" spans="1:19" x14ac:dyDescent="0.25">
      <c r="A7981">
        <v>23835626</v>
      </c>
      <c r="B7981" t="s">
        <v>40950</v>
      </c>
      <c r="C7981" s="1" t="s">
        <v>40951</v>
      </c>
      <c r="D7981">
        <v>23835742</v>
      </c>
      <c r="E7981">
        <v>1</v>
      </c>
      <c r="F7981">
        <v>3</v>
      </c>
      <c r="H7981" t="s">
        <v>40952</v>
      </c>
      <c r="J7981" t="s">
        <v>40953</v>
      </c>
      <c r="K7981" t="s">
        <v>40954</v>
      </c>
      <c r="M7981">
        <v>1407656</v>
      </c>
      <c r="O7981">
        <v>2400504</v>
      </c>
      <c r="P7981">
        <v>1</v>
      </c>
      <c r="Q7981">
        <v>0</v>
      </c>
      <c r="R7981" t="s">
        <v>40955</v>
      </c>
      <c r="S7981">
        <v>92</v>
      </c>
    </row>
    <row r="7982" spans="1:19" x14ac:dyDescent="0.25">
      <c r="A7982">
        <v>40938654</v>
      </c>
      <c r="B7982" t="s">
        <v>40956</v>
      </c>
      <c r="C7982" s="1" t="s">
        <v>40957</v>
      </c>
      <c r="D7982">
        <v>40938751</v>
      </c>
      <c r="E7982">
        <v>1</v>
      </c>
      <c r="F7982">
        <v>2</v>
      </c>
      <c r="H7982" t="s">
        <v>40958</v>
      </c>
      <c r="J7982" t="s">
        <v>40959</v>
      </c>
      <c r="K7982" t="s">
        <v>40959</v>
      </c>
      <c r="M7982">
        <v>2851003</v>
      </c>
      <c r="O7982">
        <v>2851003</v>
      </c>
      <c r="P7982">
        <v>1</v>
      </c>
      <c r="Q7982">
        <v>0</v>
      </c>
      <c r="R7982" t="s">
        <v>40960</v>
      </c>
      <c r="S7982">
        <v>37</v>
      </c>
    </row>
    <row r="7983" spans="1:19" x14ac:dyDescent="0.25">
      <c r="A7983">
        <v>7615267</v>
      </c>
      <c r="B7983" t="s">
        <v>40961</v>
      </c>
      <c r="C7983" s="1" t="s">
        <v>40962</v>
      </c>
      <c r="D7983">
        <v>7625270</v>
      </c>
      <c r="E7983">
        <v>1</v>
      </c>
      <c r="F7983">
        <v>0</v>
      </c>
      <c r="H7983" t="s">
        <v>40963</v>
      </c>
      <c r="J7983" t="s">
        <v>40964</v>
      </c>
      <c r="K7983" t="s">
        <v>40964</v>
      </c>
      <c r="M7983">
        <v>569101</v>
      </c>
      <c r="O7983">
        <v>248959</v>
      </c>
      <c r="P7983">
        <v>1</v>
      </c>
      <c r="Q7983">
        <v>0</v>
      </c>
      <c r="R7983" t="s">
        <v>40965</v>
      </c>
      <c r="S7983">
        <v>341</v>
      </c>
    </row>
    <row r="7984" spans="1:19" x14ac:dyDescent="0.25">
      <c r="A7984">
        <v>34895284</v>
      </c>
      <c r="B7984" t="s">
        <v>40966</v>
      </c>
      <c r="C7984" s="1" t="s">
        <v>40967</v>
      </c>
      <c r="D7984">
        <v>34896874</v>
      </c>
      <c r="E7984">
        <v>1</v>
      </c>
      <c r="F7984">
        <v>3</v>
      </c>
      <c r="H7984" t="s">
        <v>40968</v>
      </c>
      <c r="J7984" t="s">
        <v>40969</v>
      </c>
      <c r="O7984">
        <v>1135394</v>
      </c>
      <c r="P7984">
        <v>1</v>
      </c>
      <c r="Q7984">
        <v>0</v>
      </c>
      <c r="R7984" t="s">
        <v>40970</v>
      </c>
      <c r="S7984">
        <v>597</v>
      </c>
    </row>
    <row r="7985" spans="1:19" x14ac:dyDescent="0.25">
      <c r="A7985">
        <v>26192347</v>
      </c>
      <c r="B7985" t="s">
        <v>40971</v>
      </c>
      <c r="C7985" s="1" t="s">
        <v>40972</v>
      </c>
      <c r="E7985">
        <v>1</v>
      </c>
      <c r="F7985">
        <v>0</v>
      </c>
      <c r="H7985" t="s">
        <v>40973</v>
      </c>
      <c r="J7985" t="s">
        <v>40974</v>
      </c>
      <c r="K7985" t="s">
        <v>40975</v>
      </c>
      <c r="M7985">
        <v>1281433</v>
      </c>
      <c r="O7985">
        <v>648290</v>
      </c>
      <c r="P7985">
        <v>1</v>
      </c>
      <c r="Q7985">
        <v>0</v>
      </c>
      <c r="R7985" t="s">
        <v>40976</v>
      </c>
      <c r="S7985">
        <v>172</v>
      </c>
    </row>
    <row r="7986" spans="1:19" x14ac:dyDescent="0.25">
      <c r="A7986">
        <v>9083314</v>
      </c>
      <c r="B7986" t="s">
        <v>40977</v>
      </c>
      <c r="C7986" t="s">
        <v>40978</v>
      </c>
      <c r="D7986">
        <v>9083753</v>
      </c>
      <c r="E7986">
        <v>1</v>
      </c>
      <c r="F7986">
        <v>0</v>
      </c>
      <c r="H7986" t="s">
        <v>40979</v>
      </c>
      <c r="J7986" t="s">
        <v>40980</v>
      </c>
      <c r="O7986">
        <v>993861</v>
      </c>
      <c r="P7986">
        <v>1</v>
      </c>
      <c r="Q7986">
        <v>0</v>
      </c>
      <c r="R7986" t="s">
        <v>40981</v>
      </c>
      <c r="S7986">
        <v>619</v>
      </c>
    </row>
    <row r="7987" spans="1:19" x14ac:dyDescent="0.25">
      <c r="A7987">
        <v>16517234</v>
      </c>
      <c r="B7987" t="s">
        <v>40982</v>
      </c>
      <c r="C7987" s="1" t="s">
        <v>40983</v>
      </c>
      <c r="D7987">
        <v>16517830</v>
      </c>
      <c r="E7987">
        <v>1</v>
      </c>
      <c r="F7987">
        <v>7</v>
      </c>
      <c r="H7987" t="s">
        <v>40984</v>
      </c>
      <c r="I7987">
        <v>1</v>
      </c>
      <c r="J7987" t="s">
        <v>40985</v>
      </c>
      <c r="O7987">
        <v>1612283</v>
      </c>
      <c r="P7987">
        <v>1</v>
      </c>
      <c r="Q7987">
        <v>0</v>
      </c>
      <c r="R7987" t="s">
        <v>40986</v>
      </c>
      <c r="S7987">
        <v>686</v>
      </c>
    </row>
    <row r="7988" spans="1:19" x14ac:dyDescent="0.25">
      <c r="A7988">
        <v>12422815</v>
      </c>
      <c r="B7988" t="s">
        <v>40987</v>
      </c>
      <c r="C7988" s="1" t="s">
        <v>40988</v>
      </c>
      <c r="D7988">
        <v>12430760</v>
      </c>
      <c r="E7988">
        <v>1</v>
      </c>
      <c r="F7988">
        <v>0</v>
      </c>
      <c r="H7988" t="s">
        <v>40989</v>
      </c>
      <c r="J7988" t="s">
        <v>40990</v>
      </c>
      <c r="K7988" t="s">
        <v>40990</v>
      </c>
      <c r="M7988">
        <v>168868</v>
      </c>
      <c r="O7988">
        <v>72420</v>
      </c>
      <c r="P7988">
        <v>1</v>
      </c>
      <c r="Q7988">
        <v>0</v>
      </c>
      <c r="R7988" t="s">
        <v>40991</v>
      </c>
      <c r="S7988">
        <v>1722</v>
      </c>
    </row>
    <row r="7989" spans="1:19" x14ac:dyDescent="0.25">
      <c r="A7989">
        <v>31888826</v>
      </c>
      <c r="B7989" t="s">
        <v>40992</v>
      </c>
      <c r="C7989" s="1" t="s">
        <v>40993</v>
      </c>
      <c r="D7989">
        <v>32129439</v>
      </c>
      <c r="E7989">
        <v>1</v>
      </c>
      <c r="F7989">
        <v>3</v>
      </c>
      <c r="H7989" t="s">
        <v>40994</v>
      </c>
      <c r="J7989" t="s">
        <v>40995</v>
      </c>
      <c r="K7989" t="s">
        <v>40996</v>
      </c>
      <c r="M7989">
        <v>-1</v>
      </c>
      <c r="O7989">
        <v>1840438</v>
      </c>
      <c r="P7989">
        <v>1</v>
      </c>
      <c r="Q7989">
        <v>0</v>
      </c>
      <c r="R7989" t="s">
        <v>40997</v>
      </c>
      <c r="S7989">
        <v>65</v>
      </c>
    </row>
    <row r="7990" spans="1:19" x14ac:dyDescent="0.25">
      <c r="A7990">
        <v>10406514</v>
      </c>
      <c r="B7990" t="s">
        <v>40998</v>
      </c>
      <c r="C7990" s="1" t="s">
        <v>40999</v>
      </c>
      <c r="D7990">
        <v>10406563</v>
      </c>
      <c r="E7990">
        <v>2</v>
      </c>
      <c r="F7990">
        <v>0</v>
      </c>
      <c r="H7990" t="s">
        <v>41000</v>
      </c>
      <c r="J7990" t="s">
        <v>41001</v>
      </c>
      <c r="K7990" t="s">
        <v>41001</v>
      </c>
      <c r="M7990">
        <v>1363588</v>
      </c>
      <c r="O7990">
        <v>1363588</v>
      </c>
      <c r="P7990">
        <v>1</v>
      </c>
      <c r="Q7990">
        <v>2</v>
      </c>
      <c r="R7990" t="s">
        <v>41002</v>
      </c>
      <c r="S7990">
        <v>1328</v>
      </c>
    </row>
    <row r="7991" spans="1:19" x14ac:dyDescent="0.25">
      <c r="A7991">
        <v>21634523</v>
      </c>
      <c r="B7991" t="s">
        <v>41003</v>
      </c>
      <c r="C7991" s="1" t="s">
        <v>41004</v>
      </c>
      <c r="E7991">
        <v>1</v>
      </c>
      <c r="F7991">
        <v>5</v>
      </c>
      <c r="H7991" t="s">
        <v>41005</v>
      </c>
      <c r="I7991">
        <v>0</v>
      </c>
      <c r="J7991" t="s">
        <v>41006</v>
      </c>
      <c r="O7991">
        <v>832607</v>
      </c>
      <c r="P7991">
        <v>1</v>
      </c>
      <c r="Q7991">
        <v>10</v>
      </c>
      <c r="R7991" t="s">
        <v>41007</v>
      </c>
      <c r="S7991">
        <v>521</v>
      </c>
    </row>
    <row r="7992" spans="1:19" x14ac:dyDescent="0.25">
      <c r="A7992">
        <v>5764603</v>
      </c>
      <c r="B7992" t="s">
        <v>41008</v>
      </c>
      <c r="C7992" s="1" t="s">
        <v>41009</v>
      </c>
      <c r="D7992">
        <v>5764630</v>
      </c>
      <c r="E7992">
        <v>1</v>
      </c>
      <c r="F7992">
        <v>0</v>
      </c>
      <c r="H7992" t="s">
        <v>41010</v>
      </c>
      <c r="J7992" t="s">
        <v>41011</v>
      </c>
      <c r="O7992">
        <v>248145</v>
      </c>
      <c r="P7992">
        <v>1</v>
      </c>
      <c r="Q7992">
        <v>1</v>
      </c>
      <c r="R7992" t="s">
        <v>41012</v>
      </c>
      <c r="S7992">
        <v>357</v>
      </c>
    </row>
    <row r="7993" spans="1:19" x14ac:dyDescent="0.25">
      <c r="A7993">
        <v>49135452</v>
      </c>
      <c r="B7993" t="s">
        <v>41013</v>
      </c>
      <c r="C7993" s="1" t="s">
        <v>41014</v>
      </c>
      <c r="E7993">
        <v>0</v>
      </c>
      <c r="F7993">
        <v>0</v>
      </c>
      <c r="H7993" t="s">
        <v>41015</v>
      </c>
      <c r="J7993" t="s">
        <v>41016</v>
      </c>
      <c r="K7993" t="s">
        <v>41016</v>
      </c>
      <c r="M7993">
        <v>61604</v>
      </c>
      <c r="O7993">
        <v>470362</v>
      </c>
      <c r="P7993">
        <v>1</v>
      </c>
      <c r="Q7993">
        <v>1</v>
      </c>
      <c r="R7993" t="s">
        <v>41017</v>
      </c>
      <c r="S7993">
        <v>48</v>
      </c>
    </row>
    <row r="7994" spans="1:19" x14ac:dyDescent="0.25">
      <c r="A7994">
        <v>35201444</v>
      </c>
      <c r="B7994" t="s">
        <v>41018</v>
      </c>
      <c r="C7994" s="1" t="s">
        <v>41019</v>
      </c>
      <c r="D7994">
        <v>35268172</v>
      </c>
      <c r="E7994">
        <v>1</v>
      </c>
      <c r="F7994">
        <v>0</v>
      </c>
      <c r="H7994" t="s">
        <v>41020</v>
      </c>
      <c r="J7994" t="s">
        <v>41021</v>
      </c>
      <c r="O7994">
        <v>2732220</v>
      </c>
      <c r="P7994">
        <v>1</v>
      </c>
      <c r="Q7994">
        <v>2</v>
      </c>
      <c r="R7994" t="s">
        <v>41022</v>
      </c>
      <c r="S7994">
        <v>62</v>
      </c>
    </row>
    <row r="7995" spans="1:19" x14ac:dyDescent="0.25">
      <c r="A7995">
        <v>31028889</v>
      </c>
      <c r="B7995" t="s">
        <v>41023</v>
      </c>
      <c r="C7995" s="1" t="s">
        <v>41024</v>
      </c>
      <c r="E7995">
        <v>0</v>
      </c>
      <c r="F7995">
        <v>5</v>
      </c>
      <c r="H7995" t="s">
        <v>41025</v>
      </c>
      <c r="J7995" t="s">
        <v>41026</v>
      </c>
      <c r="K7995" t="s">
        <v>41026</v>
      </c>
      <c r="M7995">
        <v>2626593</v>
      </c>
      <c r="O7995">
        <v>799618</v>
      </c>
      <c r="P7995">
        <v>1</v>
      </c>
      <c r="Q7995">
        <v>2</v>
      </c>
      <c r="R7995" t="s">
        <v>41027</v>
      </c>
      <c r="S7995">
        <v>42</v>
      </c>
    </row>
    <row r="7996" spans="1:19" x14ac:dyDescent="0.25">
      <c r="A7996">
        <v>27257477</v>
      </c>
      <c r="B7996" t="s">
        <v>41028</v>
      </c>
      <c r="C7996" s="1" t="s">
        <v>41029</v>
      </c>
      <c r="D7996">
        <v>27257542</v>
      </c>
      <c r="E7996">
        <v>2</v>
      </c>
      <c r="F7996">
        <v>4</v>
      </c>
      <c r="H7996" t="s">
        <v>41030</v>
      </c>
      <c r="J7996" t="s">
        <v>41031</v>
      </c>
      <c r="O7996">
        <v>1505102</v>
      </c>
      <c r="P7996">
        <v>1</v>
      </c>
      <c r="Q7996">
        <v>-2</v>
      </c>
      <c r="R7996" t="s">
        <v>10727</v>
      </c>
      <c r="S7996">
        <v>54</v>
      </c>
    </row>
    <row r="7997" spans="1:19" x14ac:dyDescent="0.25">
      <c r="A7997">
        <v>6414195</v>
      </c>
      <c r="B7997" t="s">
        <v>41032</v>
      </c>
      <c r="C7997" s="1" t="s">
        <v>41033</v>
      </c>
      <c r="D7997">
        <v>6415695</v>
      </c>
      <c r="E7997">
        <v>1</v>
      </c>
      <c r="F7997">
        <v>0</v>
      </c>
      <c r="H7997" t="s">
        <v>41034</v>
      </c>
      <c r="J7997" t="s">
        <v>41035</v>
      </c>
      <c r="K7997" t="s">
        <v>41036</v>
      </c>
      <c r="M7997">
        <v>26592</v>
      </c>
      <c r="O7997">
        <v>26592</v>
      </c>
      <c r="P7997">
        <v>1</v>
      </c>
      <c r="Q7997">
        <v>0</v>
      </c>
      <c r="R7997" t="s">
        <v>41037</v>
      </c>
      <c r="S7997">
        <v>118</v>
      </c>
    </row>
    <row r="7998" spans="1:19" x14ac:dyDescent="0.25">
      <c r="A7998">
        <v>46389479</v>
      </c>
      <c r="B7998" t="s">
        <v>41038</v>
      </c>
      <c r="C7998" s="1" t="s">
        <v>41039</v>
      </c>
      <c r="D7998">
        <v>47376165</v>
      </c>
      <c r="E7998">
        <v>1</v>
      </c>
      <c r="F7998">
        <v>10</v>
      </c>
      <c r="H7998" t="s">
        <v>41040</v>
      </c>
      <c r="J7998" t="s">
        <v>41041</v>
      </c>
      <c r="K7998" t="s">
        <v>41042</v>
      </c>
      <c r="M7998">
        <v>1551735</v>
      </c>
      <c r="O7998">
        <v>1551735</v>
      </c>
      <c r="P7998">
        <v>1</v>
      </c>
      <c r="Q7998">
        <v>0</v>
      </c>
      <c r="R7998" t="s">
        <v>41043</v>
      </c>
      <c r="S7998">
        <v>72</v>
      </c>
    </row>
    <row r="7999" spans="1:19" x14ac:dyDescent="0.25">
      <c r="A7999">
        <v>47487800</v>
      </c>
      <c r="B7999" t="s">
        <v>41044</v>
      </c>
      <c r="C7999" s="1" t="s">
        <v>41045</v>
      </c>
      <c r="D7999">
        <v>47488574</v>
      </c>
      <c r="E7999">
        <v>2</v>
      </c>
      <c r="F7999">
        <v>2</v>
      </c>
      <c r="H7999" t="s">
        <v>41046</v>
      </c>
      <c r="J7999" t="s">
        <v>41047</v>
      </c>
      <c r="K7999" t="s">
        <v>41047</v>
      </c>
      <c r="M7999">
        <v>8255744</v>
      </c>
      <c r="O7999">
        <v>8432498</v>
      </c>
      <c r="P7999">
        <v>1</v>
      </c>
      <c r="Q7999">
        <v>-1</v>
      </c>
      <c r="R7999" t="s">
        <v>41048</v>
      </c>
      <c r="S7999">
        <v>264</v>
      </c>
    </row>
    <row r="8000" spans="1:19" x14ac:dyDescent="0.25">
      <c r="A8000">
        <v>48299402</v>
      </c>
      <c r="B8000" t="s">
        <v>41049</v>
      </c>
      <c r="C8000" s="1" t="s">
        <v>41050</v>
      </c>
      <c r="D8000">
        <v>48299485</v>
      </c>
      <c r="E8000">
        <v>1</v>
      </c>
      <c r="F8000">
        <v>5</v>
      </c>
      <c r="H8000" t="s">
        <v>41051</v>
      </c>
      <c r="J8000" t="s">
        <v>41052</v>
      </c>
      <c r="K8000" t="s">
        <v>41052</v>
      </c>
      <c r="M8000">
        <v>2044314</v>
      </c>
      <c r="O8000">
        <v>2044314</v>
      </c>
      <c r="P8000">
        <v>1</v>
      </c>
      <c r="Q8000">
        <v>1</v>
      </c>
      <c r="R8000" t="s">
        <v>2722</v>
      </c>
      <c r="S8000">
        <v>37</v>
      </c>
    </row>
    <row r="8001" spans="1:19" x14ac:dyDescent="0.25">
      <c r="A8001">
        <v>41665727</v>
      </c>
      <c r="B8001" t="s">
        <v>41053</v>
      </c>
      <c r="C8001" s="1" t="s">
        <v>41054</v>
      </c>
      <c r="D8001">
        <v>41665844</v>
      </c>
      <c r="E8001">
        <v>2</v>
      </c>
      <c r="F8001">
        <v>2</v>
      </c>
      <c r="H8001" t="s">
        <v>41055</v>
      </c>
      <c r="J8001" t="s">
        <v>41056</v>
      </c>
      <c r="O8001">
        <v>5607645</v>
      </c>
      <c r="P8001">
        <v>1</v>
      </c>
      <c r="Q8001">
        <v>0</v>
      </c>
      <c r="R8001" t="s">
        <v>41057</v>
      </c>
      <c r="S8001">
        <v>29</v>
      </c>
    </row>
    <row r="8002" spans="1:19" x14ac:dyDescent="0.25">
      <c r="A8002">
        <v>3201999</v>
      </c>
      <c r="B8002" t="s">
        <v>41058</v>
      </c>
      <c r="C8002" s="1" t="s">
        <v>41059</v>
      </c>
      <c r="E8002">
        <v>4</v>
      </c>
      <c r="F8002">
        <v>0</v>
      </c>
      <c r="H8002" t="s">
        <v>41060</v>
      </c>
      <c r="J8002" t="s">
        <v>41061</v>
      </c>
      <c r="O8002">
        <v>304949</v>
      </c>
      <c r="P8002">
        <v>1</v>
      </c>
      <c r="Q8002">
        <v>4</v>
      </c>
      <c r="R8002" t="s">
        <v>989</v>
      </c>
      <c r="S8002">
        <v>5114</v>
      </c>
    </row>
    <row r="8003" spans="1:19" x14ac:dyDescent="0.25">
      <c r="A8003">
        <v>50398761</v>
      </c>
      <c r="B8003" t="s">
        <v>41062</v>
      </c>
      <c r="C8003" s="1" t="s">
        <v>41063</v>
      </c>
      <c r="E8003">
        <v>0</v>
      </c>
      <c r="F8003">
        <v>1</v>
      </c>
      <c r="H8003" t="s">
        <v>41064</v>
      </c>
      <c r="J8003" t="s">
        <v>41065</v>
      </c>
      <c r="K8003" t="s">
        <v>41065</v>
      </c>
      <c r="M8003">
        <v>5599567</v>
      </c>
      <c r="O8003">
        <v>4988344</v>
      </c>
      <c r="P8003">
        <v>1</v>
      </c>
      <c r="Q8003">
        <v>2</v>
      </c>
      <c r="R8003" t="s">
        <v>41066</v>
      </c>
      <c r="S8003">
        <v>28</v>
      </c>
    </row>
    <row r="8004" spans="1:19" x14ac:dyDescent="0.25">
      <c r="A8004">
        <v>15515675</v>
      </c>
      <c r="B8004" t="s">
        <v>41067</v>
      </c>
      <c r="C8004" s="1" t="s">
        <v>41068</v>
      </c>
      <c r="E8004">
        <v>0</v>
      </c>
      <c r="F8004">
        <v>0</v>
      </c>
      <c r="H8004" t="s">
        <v>41069</v>
      </c>
      <c r="J8004" t="s">
        <v>41069</v>
      </c>
      <c r="O8004">
        <v>1960763</v>
      </c>
      <c r="P8004">
        <v>1</v>
      </c>
      <c r="Q8004">
        <v>1</v>
      </c>
      <c r="R8004" t="s">
        <v>41070</v>
      </c>
      <c r="S8004">
        <v>118</v>
      </c>
    </row>
    <row r="8005" spans="1:19" x14ac:dyDescent="0.25">
      <c r="A8005">
        <v>32064501</v>
      </c>
      <c r="B8005" t="s">
        <v>41071</v>
      </c>
      <c r="C8005" s="1" t="s">
        <v>41072</v>
      </c>
      <c r="E8005">
        <v>0</v>
      </c>
      <c r="F8005">
        <v>0</v>
      </c>
      <c r="H8005" t="s">
        <v>41073</v>
      </c>
      <c r="J8005" t="s">
        <v>41074</v>
      </c>
      <c r="K8005" t="s">
        <v>41074</v>
      </c>
      <c r="M8005">
        <v>1914849</v>
      </c>
      <c r="O8005">
        <v>1914849</v>
      </c>
      <c r="P8005">
        <v>1</v>
      </c>
      <c r="Q8005">
        <v>1</v>
      </c>
      <c r="R8005" t="s">
        <v>41075</v>
      </c>
      <c r="S8005">
        <v>66</v>
      </c>
    </row>
    <row r="8006" spans="1:19" x14ac:dyDescent="0.25">
      <c r="A8006">
        <v>52209981</v>
      </c>
      <c r="B8006" t="s">
        <v>41076</v>
      </c>
      <c r="C8006" s="1" t="s">
        <v>41077</v>
      </c>
      <c r="D8006">
        <v>52210348</v>
      </c>
      <c r="E8006">
        <v>1</v>
      </c>
      <c r="F8006">
        <v>0</v>
      </c>
      <c r="H8006" t="s">
        <v>41078</v>
      </c>
      <c r="J8006" t="s">
        <v>41079</v>
      </c>
      <c r="K8006" t="s">
        <v>41080</v>
      </c>
      <c r="M8006">
        <v>171456</v>
      </c>
      <c r="O8006">
        <v>8225677</v>
      </c>
      <c r="P8006">
        <v>1</v>
      </c>
      <c r="Q8006">
        <v>1</v>
      </c>
      <c r="R8006" t="s">
        <v>41081</v>
      </c>
      <c r="S8006">
        <v>58</v>
      </c>
    </row>
    <row r="8007" spans="1:19" x14ac:dyDescent="0.25">
      <c r="A8007">
        <v>5717646</v>
      </c>
      <c r="B8007" t="s">
        <v>41082</v>
      </c>
      <c r="C8007" t="s">
        <v>41083</v>
      </c>
      <c r="D8007">
        <v>5717918</v>
      </c>
      <c r="E8007">
        <v>2</v>
      </c>
      <c r="F8007">
        <v>0</v>
      </c>
      <c r="H8007" t="s">
        <v>41084</v>
      </c>
      <c r="J8007" t="s">
        <v>41085</v>
      </c>
      <c r="O8007">
        <v>190822</v>
      </c>
      <c r="P8007">
        <v>1</v>
      </c>
      <c r="Q8007">
        <v>3</v>
      </c>
      <c r="R8007" t="s">
        <v>5458</v>
      </c>
      <c r="S8007">
        <v>226</v>
      </c>
    </row>
    <row r="8008" spans="1:19" x14ac:dyDescent="0.25">
      <c r="A8008">
        <v>48637504</v>
      </c>
      <c r="B8008" t="s">
        <v>41086</v>
      </c>
      <c r="C8008" t="s">
        <v>41087</v>
      </c>
      <c r="E8008">
        <v>0</v>
      </c>
      <c r="F8008">
        <v>5</v>
      </c>
      <c r="H8008" t="s">
        <v>41088</v>
      </c>
      <c r="J8008" t="s">
        <v>41089</v>
      </c>
      <c r="K8008" t="s">
        <v>41089</v>
      </c>
      <c r="M8008">
        <v>4521117</v>
      </c>
      <c r="O8008">
        <v>4521117</v>
      </c>
      <c r="P8008">
        <v>1</v>
      </c>
      <c r="Q8008">
        <v>1</v>
      </c>
      <c r="R8008" t="s">
        <v>41090</v>
      </c>
      <c r="S8008">
        <v>233</v>
      </c>
    </row>
    <row r="8009" spans="1:19" x14ac:dyDescent="0.25">
      <c r="A8009">
        <v>26349172</v>
      </c>
      <c r="B8009" t="s">
        <v>41091</v>
      </c>
      <c r="C8009" s="1" t="s">
        <v>41092</v>
      </c>
      <c r="E8009">
        <v>1</v>
      </c>
      <c r="F8009">
        <v>0</v>
      </c>
      <c r="H8009" t="s">
        <v>41093</v>
      </c>
      <c r="J8009" t="s">
        <v>41094</v>
      </c>
      <c r="K8009" t="s">
        <v>41095</v>
      </c>
      <c r="M8009">
        <v>2528928</v>
      </c>
      <c r="O8009">
        <v>2528928</v>
      </c>
      <c r="P8009">
        <v>1</v>
      </c>
      <c r="Q8009">
        <v>0</v>
      </c>
      <c r="R8009" t="s">
        <v>41096</v>
      </c>
      <c r="S8009">
        <v>48</v>
      </c>
    </row>
    <row r="8010" spans="1:19" x14ac:dyDescent="0.25">
      <c r="A8010">
        <v>45694938</v>
      </c>
      <c r="B8010" t="s">
        <v>41097</v>
      </c>
      <c r="C8010" s="1" t="s">
        <v>41098</v>
      </c>
      <c r="E8010">
        <v>1</v>
      </c>
      <c r="F8010">
        <v>0</v>
      </c>
      <c r="H8010" t="s">
        <v>41099</v>
      </c>
      <c r="J8010" t="s">
        <v>41100</v>
      </c>
      <c r="K8010" t="s">
        <v>41101</v>
      </c>
      <c r="M8010">
        <v>1815837</v>
      </c>
      <c r="O8010">
        <v>6895829</v>
      </c>
      <c r="P8010">
        <v>1</v>
      </c>
      <c r="Q8010">
        <v>0</v>
      </c>
      <c r="R8010" t="s">
        <v>41102</v>
      </c>
      <c r="S8010">
        <v>75</v>
      </c>
    </row>
    <row r="8011" spans="1:19" x14ac:dyDescent="0.25">
      <c r="A8011">
        <v>50802694</v>
      </c>
      <c r="B8011" t="s">
        <v>41103</v>
      </c>
      <c r="C8011" s="1" t="s">
        <v>41104</v>
      </c>
      <c r="E8011">
        <v>2</v>
      </c>
      <c r="F8011">
        <v>6</v>
      </c>
      <c r="H8011" t="s">
        <v>41105</v>
      </c>
      <c r="J8011" t="s">
        <v>41106</v>
      </c>
      <c r="K8011" t="s">
        <v>41106</v>
      </c>
      <c r="M8011">
        <v>1978251</v>
      </c>
      <c r="O8011">
        <v>2771419</v>
      </c>
      <c r="P8011">
        <v>1</v>
      </c>
      <c r="Q8011">
        <v>0</v>
      </c>
      <c r="R8011" t="s">
        <v>6962</v>
      </c>
      <c r="S8011">
        <v>534</v>
      </c>
    </row>
    <row r="8012" spans="1:19" x14ac:dyDescent="0.25">
      <c r="A8012">
        <v>21156874</v>
      </c>
      <c r="B8012" t="s">
        <v>41107</v>
      </c>
      <c r="C8012" s="1" t="s">
        <v>41108</v>
      </c>
      <c r="D8012">
        <v>21324849</v>
      </c>
      <c r="E8012">
        <v>1</v>
      </c>
      <c r="F8012">
        <v>1</v>
      </c>
      <c r="H8012" t="s">
        <v>41109</v>
      </c>
      <c r="J8012" t="s">
        <v>41110</v>
      </c>
      <c r="K8012" t="s">
        <v>41111</v>
      </c>
      <c r="M8012">
        <v>1254536</v>
      </c>
      <c r="O8012">
        <v>1077364</v>
      </c>
      <c r="P8012">
        <v>1</v>
      </c>
      <c r="Q8012">
        <v>3</v>
      </c>
      <c r="R8012" t="s">
        <v>41112</v>
      </c>
      <c r="S8012">
        <v>339</v>
      </c>
    </row>
    <row r="8013" spans="1:19" x14ac:dyDescent="0.25">
      <c r="A8013">
        <v>47588696</v>
      </c>
      <c r="B8013" t="s">
        <v>41113</v>
      </c>
      <c r="C8013" s="1" t="s">
        <v>41114</v>
      </c>
      <c r="D8013">
        <v>47589105</v>
      </c>
      <c r="E8013">
        <v>2</v>
      </c>
      <c r="F8013">
        <v>4</v>
      </c>
      <c r="H8013" t="s">
        <v>41115</v>
      </c>
      <c r="J8013" t="s">
        <v>41116</v>
      </c>
      <c r="K8013" t="s">
        <v>41117</v>
      </c>
      <c r="M8013">
        <v>3293881</v>
      </c>
      <c r="O8013">
        <v>4833772</v>
      </c>
      <c r="P8013">
        <v>1</v>
      </c>
      <c r="Q8013">
        <v>4</v>
      </c>
      <c r="R8013" t="s">
        <v>41118</v>
      </c>
      <c r="S8013">
        <v>2263</v>
      </c>
    </row>
    <row r="8014" spans="1:19" x14ac:dyDescent="0.25">
      <c r="A8014">
        <v>28242967</v>
      </c>
      <c r="B8014" t="s">
        <v>41119</v>
      </c>
      <c r="C8014" s="1" t="s">
        <v>41120</v>
      </c>
      <c r="D8014">
        <v>28243190</v>
      </c>
      <c r="E8014">
        <v>1</v>
      </c>
      <c r="F8014">
        <v>0</v>
      </c>
      <c r="H8014" t="s">
        <v>41121</v>
      </c>
      <c r="J8014" t="s">
        <v>41122</v>
      </c>
      <c r="K8014" t="s">
        <v>41123</v>
      </c>
      <c r="M8014">
        <v>2057788</v>
      </c>
      <c r="O8014">
        <v>2057788</v>
      </c>
      <c r="P8014">
        <v>1</v>
      </c>
      <c r="Q8014">
        <v>0</v>
      </c>
      <c r="R8014" t="s">
        <v>2222</v>
      </c>
      <c r="S8014">
        <v>401</v>
      </c>
    </row>
    <row r="8015" spans="1:19" x14ac:dyDescent="0.25">
      <c r="A8015">
        <v>2318421</v>
      </c>
      <c r="B8015" t="s">
        <v>41124</v>
      </c>
      <c r="C8015" s="1" t="s">
        <v>41125</v>
      </c>
      <c r="D8015">
        <v>2318464</v>
      </c>
      <c r="E8015">
        <v>3</v>
      </c>
      <c r="F8015">
        <v>0</v>
      </c>
      <c r="H8015" t="s">
        <v>41126</v>
      </c>
      <c r="J8015" t="s">
        <v>41127</v>
      </c>
      <c r="O8015">
        <v>277819</v>
      </c>
      <c r="P8015">
        <v>1</v>
      </c>
      <c r="Q8015">
        <v>0</v>
      </c>
      <c r="R8015" t="s">
        <v>32528</v>
      </c>
      <c r="S8015">
        <v>1047</v>
      </c>
    </row>
    <row r="8016" spans="1:19" x14ac:dyDescent="0.25">
      <c r="A8016">
        <v>37624931</v>
      </c>
      <c r="B8016" t="s">
        <v>41128</v>
      </c>
      <c r="C8016" s="1" t="s">
        <v>41129</v>
      </c>
      <c r="D8016">
        <v>37625040</v>
      </c>
      <c r="E8016">
        <v>1</v>
      </c>
      <c r="F8016">
        <v>2</v>
      </c>
      <c r="H8016" t="s">
        <v>41130</v>
      </c>
      <c r="J8016" t="s">
        <v>41131</v>
      </c>
      <c r="O8016">
        <v>2939522</v>
      </c>
      <c r="P8016">
        <v>1</v>
      </c>
      <c r="Q8016">
        <v>1</v>
      </c>
      <c r="R8016" t="s">
        <v>408</v>
      </c>
      <c r="S8016">
        <v>46</v>
      </c>
    </row>
    <row r="8017" spans="1:19" x14ac:dyDescent="0.25">
      <c r="A8017">
        <v>30878657</v>
      </c>
      <c r="B8017" t="s">
        <v>41132</v>
      </c>
      <c r="C8017" s="1" t="s">
        <v>41133</v>
      </c>
      <c r="D8017">
        <v>30878943</v>
      </c>
      <c r="E8017">
        <v>1</v>
      </c>
      <c r="F8017">
        <v>2</v>
      </c>
      <c r="H8017" t="s">
        <v>41134</v>
      </c>
      <c r="I8017">
        <v>1</v>
      </c>
      <c r="J8017" t="s">
        <v>41135</v>
      </c>
      <c r="K8017" t="s">
        <v>41135</v>
      </c>
      <c r="M8017">
        <v>5015739</v>
      </c>
      <c r="O8017">
        <v>5015739</v>
      </c>
      <c r="P8017">
        <v>1</v>
      </c>
      <c r="Q8017">
        <v>0</v>
      </c>
      <c r="R8017" t="s">
        <v>41136</v>
      </c>
      <c r="S8017">
        <v>145</v>
      </c>
    </row>
    <row r="8018" spans="1:19" x14ac:dyDescent="0.25">
      <c r="A8018">
        <v>45236669</v>
      </c>
      <c r="B8018" t="s">
        <v>41137</v>
      </c>
      <c r="C8018" s="1" t="s">
        <v>41138</v>
      </c>
      <c r="E8018">
        <v>1</v>
      </c>
      <c r="F8018">
        <v>7</v>
      </c>
      <c r="H8018" t="s">
        <v>41139</v>
      </c>
      <c r="J8018" t="s">
        <v>41140</v>
      </c>
      <c r="O8018">
        <v>6330237</v>
      </c>
      <c r="P8018">
        <v>1</v>
      </c>
      <c r="Q8018">
        <v>0</v>
      </c>
      <c r="R8018" t="s">
        <v>41141</v>
      </c>
      <c r="S8018">
        <v>144</v>
      </c>
    </row>
    <row r="8019" spans="1:19" x14ac:dyDescent="0.25">
      <c r="A8019">
        <v>4001451</v>
      </c>
      <c r="B8019" t="s">
        <v>41142</v>
      </c>
      <c r="C8019" s="1" t="s">
        <v>41143</v>
      </c>
      <c r="D8019">
        <v>4001485</v>
      </c>
      <c r="E8019">
        <v>1</v>
      </c>
      <c r="F8019">
        <v>0</v>
      </c>
      <c r="H8019" t="s">
        <v>41144</v>
      </c>
      <c r="J8019" t="s">
        <v>41145</v>
      </c>
      <c r="O8019">
        <v>349169</v>
      </c>
      <c r="P8019">
        <v>1</v>
      </c>
      <c r="Q8019">
        <v>1</v>
      </c>
      <c r="R8019" t="s">
        <v>41146</v>
      </c>
      <c r="S8019">
        <v>1512</v>
      </c>
    </row>
    <row r="8020" spans="1:19" x14ac:dyDescent="0.25">
      <c r="A8020">
        <v>30997824</v>
      </c>
      <c r="B8020" t="s">
        <v>41147</v>
      </c>
      <c r="C8020" t="s">
        <v>41148</v>
      </c>
      <c r="E8020">
        <v>1</v>
      </c>
      <c r="F8020">
        <v>0</v>
      </c>
      <c r="H8020" t="s">
        <v>41149</v>
      </c>
      <c r="I8020">
        <v>0</v>
      </c>
      <c r="J8020" t="s">
        <v>41150</v>
      </c>
      <c r="O8020">
        <v>5039346</v>
      </c>
      <c r="P8020">
        <v>1</v>
      </c>
      <c r="Q8020">
        <v>3</v>
      </c>
      <c r="R8020" t="s">
        <v>41151</v>
      </c>
      <c r="S8020">
        <v>1542</v>
      </c>
    </row>
    <row r="8021" spans="1:19" x14ac:dyDescent="0.25">
      <c r="A8021">
        <v>50826444</v>
      </c>
      <c r="B8021" t="s">
        <v>41152</v>
      </c>
      <c r="C8021" s="1" t="s">
        <v>41153</v>
      </c>
      <c r="E8021">
        <v>1</v>
      </c>
      <c r="F8021">
        <v>3</v>
      </c>
      <c r="H8021" t="s">
        <v>41154</v>
      </c>
      <c r="J8021" t="s">
        <v>41155</v>
      </c>
      <c r="O8021">
        <v>9926556</v>
      </c>
      <c r="P8021">
        <v>1</v>
      </c>
      <c r="Q8021">
        <v>0</v>
      </c>
      <c r="R8021" t="s">
        <v>41156</v>
      </c>
      <c r="S8021">
        <v>41</v>
      </c>
    </row>
    <row r="8022" spans="1:19" x14ac:dyDescent="0.25">
      <c r="A8022">
        <v>23634834</v>
      </c>
      <c r="B8022" t="s">
        <v>41157</v>
      </c>
      <c r="C8022" s="1" t="s">
        <v>41158</v>
      </c>
      <c r="E8022">
        <v>0</v>
      </c>
      <c r="F8022">
        <v>2</v>
      </c>
      <c r="H8022" t="s">
        <v>41159</v>
      </c>
      <c r="J8022" t="s">
        <v>41159</v>
      </c>
      <c r="K8022" t="s">
        <v>41160</v>
      </c>
      <c r="M8022">
        <v>-1</v>
      </c>
      <c r="O8022">
        <v>692002</v>
      </c>
      <c r="P8022">
        <v>1</v>
      </c>
      <c r="Q8022">
        <v>0</v>
      </c>
      <c r="R8022" t="s">
        <v>41161</v>
      </c>
      <c r="S8022">
        <v>457</v>
      </c>
    </row>
    <row r="8023" spans="1:19" x14ac:dyDescent="0.25">
      <c r="A8023">
        <v>40693804</v>
      </c>
      <c r="B8023" t="s">
        <v>41162</v>
      </c>
      <c r="C8023" s="1" t="s">
        <v>41163</v>
      </c>
      <c r="E8023">
        <v>1</v>
      </c>
      <c r="F8023">
        <v>0</v>
      </c>
      <c r="H8023" t="s">
        <v>41164</v>
      </c>
      <c r="J8023" t="s">
        <v>41165</v>
      </c>
      <c r="O8023">
        <v>1970395</v>
      </c>
      <c r="P8023">
        <v>1</v>
      </c>
      <c r="Q8023">
        <v>1</v>
      </c>
      <c r="R8023" t="s">
        <v>41166</v>
      </c>
      <c r="S8023">
        <v>256</v>
      </c>
    </row>
    <row r="8024" spans="1:19" x14ac:dyDescent="0.25">
      <c r="A8024">
        <v>33231267</v>
      </c>
      <c r="B8024" t="s">
        <v>41167</v>
      </c>
      <c r="C8024" s="1" t="s">
        <v>41168</v>
      </c>
      <c r="E8024">
        <v>1</v>
      </c>
      <c r="F8024">
        <v>1</v>
      </c>
      <c r="H8024" t="s">
        <v>41169</v>
      </c>
      <c r="J8024" t="s">
        <v>41170</v>
      </c>
      <c r="K8024" t="s">
        <v>41170</v>
      </c>
      <c r="M8024">
        <v>3313438</v>
      </c>
      <c r="O8024">
        <v>5466072</v>
      </c>
      <c r="P8024">
        <v>1</v>
      </c>
      <c r="Q8024">
        <v>1</v>
      </c>
      <c r="R8024" t="s">
        <v>41171</v>
      </c>
      <c r="S8024">
        <v>313</v>
      </c>
    </row>
    <row r="8025" spans="1:19" x14ac:dyDescent="0.25">
      <c r="A8025">
        <v>29453772</v>
      </c>
      <c r="B8025" t="s">
        <v>41172</v>
      </c>
      <c r="C8025" s="1" t="s">
        <v>41173</v>
      </c>
      <c r="E8025">
        <v>3</v>
      </c>
      <c r="F8025">
        <v>1</v>
      </c>
      <c r="H8025" t="s">
        <v>41174</v>
      </c>
      <c r="J8025" t="s">
        <v>41175</v>
      </c>
      <c r="K8025" t="s">
        <v>41176</v>
      </c>
      <c r="M8025">
        <v>2608071</v>
      </c>
      <c r="O8025">
        <v>4748158</v>
      </c>
      <c r="P8025">
        <v>1</v>
      </c>
      <c r="Q8025">
        <v>-3</v>
      </c>
      <c r="R8025" t="s">
        <v>759</v>
      </c>
      <c r="S8025">
        <v>505</v>
      </c>
    </row>
    <row r="8026" spans="1:19" x14ac:dyDescent="0.25">
      <c r="A8026">
        <v>30746416</v>
      </c>
      <c r="B8026" t="s">
        <v>41177</v>
      </c>
      <c r="C8026" s="1" t="s">
        <v>41178</v>
      </c>
      <c r="E8026">
        <v>1</v>
      </c>
      <c r="F8026">
        <v>7</v>
      </c>
      <c r="H8026" t="s">
        <v>41179</v>
      </c>
      <c r="J8026" t="s">
        <v>41180</v>
      </c>
      <c r="K8026" t="s">
        <v>41181</v>
      </c>
      <c r="M8026">
        <v>4376523</v>
      </c>
      <c r="O8026">
        <v>4376523</v>
      </c>
      <c r="P8026">
        <v>1</v>
      </c>
      <c r="Q8026">
        <v>-5</v>
      </c>
      <c r="R8026" t="s">
        <v>17799</v>
      </c>
      <c r="S8026">
        <v>33</v>
      </c>
    </row>
    <row r="8027" spans="1:19" x14ac:dyDescent="0.25">
      <c r="A8027">
        <v>47305804</v>
      </c>
      <c r="B8027" t="s">
        <v>41182</v>
      </c>
      <c r="C8027" s="1" t="s">
        <v>41183</v>
      </c>
      <c r="E8027">
        <v>1</v>
      </c>
      <c r="F8027">
        <v>0</v>
      </c>
      <c r="H8027" t="s">
        <v>41184</v>
      </c>
      <c r="J8027" t="s">
        <v>41185</v>
      </c>
      <c r="K8027" t="s">
        <v>41185</v>
      </c>
      <c r="M8027">
        <v>1000551</v>
      </c>
      <c r="O8027">
        <v>8836582</v>
      </c>
      <c r="P8027">
        <v>1</v>
      </c>
      <c r="Q8027">
        <v>0</v>
      </c>
      <c r="R8027" t="s">
        <v>41186</v>
      </c>
      <c r="S8027">
        <v>14</v>
      </c>
    </row>
    <row r="8028" spans="1:19" x14ac:dyDescent="0.25">
      <c r="A8028">
        <v>47419327</v>
      </c>
      <c r="B8028" t="s">
        <v>41187</v>
      </c>
      <c r="C8028" s="1" t="s">
        <v>41188</v>
      </c>
      <c r="D8028">
        <v>47429894</v>
      </c>
      <c r="E8028">
        <v>3</v>
      </c>
      <c r="F8028">
        <v>7</v>
      </c>
      <c r="H8028" t="s">
        <v>41189</v>
      </c>
      <c r="I8028">
        <v>2</v>
      </c>
      <c r="J8028" t="s">
        <v>41190</v>
      </c>
      <c r="O8028">
        <v>8962230</v>
      </c>
      <c r="P8028">
        <v>1</v>
      </c>
      <c r="Q8028">
        <v>1</v>
      </c>
      <c r="R8028" t="s">
        <v>41191</v>
      </c>
      <c r="S8028">
        <v>1591</v>
      </c>
    </row>
    <row r="8029" spans="1:19" x14ac:dyDescent="0.25">
      <c r="A8029">
        <v>9756345</v>
      </c>
      <c r="B8029" t="s">
        <v>41192</v>
      </c>
      <c r="C8029" s="1" t="s">
        <v>41193</v>
      </c>
      <c r="E8029">
        <v>3</v>
      </c>
      <c r="F8029">
        <v>1</v>
      </c>
      <c r="H8029" t="s">
        <v>41194</v>
      </c>
      <c r="I8029">
        <v>2</v>
      </c>
      <c r="J8029" t="s">
        <v>41195</v>
      </c>
      <c r="K8029" t="s">
        <v>41195</v>
      </c>
      <c r="M8029">
        <v>3204551</v>
      </c>
      <c r="O8029">
        <v>146366</v>
      </c>
      <c r="P8029">
        <v>1</v>
      </c>
      <c r="Q8029">
        <v>2</v>
      </c>
      <c r="R8029" t="s">
        <v>41196</v>
      </c>
      <c r="S8029">
        <v>2960</v>
      </c>
    </row>
    <row r="8030" spans="1:19" x14ac:dyDescent="0.25">
      <c r="A8030">
        <v>39654519</v>
      </c>
      <c r="B8030" t="s">
        <v>41197</v>
      </c>
      <c r="C8030" s="1" t="s">
        <v>41198</v>
      </c>
      <c r="E8030">
        <v>3</v>
      </c>
      <c r="F8030">
        <v>2</v>
      </c>
      <c r="H8030" t="s">
        <v>41199</v>
      </c>
      <c r="J8030" t="s">
        <v>41200</v>
      </c>
      <c r="K8030" t="s">
        <v>41201</v>
      </c>
      <c r="M8030">
        <v>330315</v>
      </c>
      <c r="O8030">
        <v>6536853</v>
      </c>
      <c r="P8030">
        <v>1</v>
      </c>
      <c r="Q8030">
        <v>0</v>
      </c>
      <c r="R8030" t="s">
        <v>41202</v>
      </c>
      <c r="S8030">
        <v>121</v>
      </c>
    </row>
    <row r="8031" spans="1:19" x14ac:dyDescent="0.25">
      <c r="A8031">
        <v>34116926</v>
      </c>
      <c r="B8031" t="s">
        <v>41203</v>
      </c>
      <c r="C8031" s="1" t="s">
        <v>41204</v>
      </c>
      <c r="E8031">
        <v>1</v>
      </c>
      <c r="F8031">
        <v>0</v>
      </c>
      <c r="H8031" t="s">
        <v>41205</v>
      </c>
      <c r="J8031" t="s">
        <v>41206</v>
      </c>
      <c r="N8031" t="s">
        <v>41207</v>
      </c>
      <c r="P8031">
        <v>1</v>
      </c>
      <c r="Q8031">
        <v>5</v>
      </c>
      <c r="R8031" t="s">
        <v>41208</v>
      </c>
      <c r="S8031">
        <v>840</v>
      </c>
    </row>
    <row r="8032" spans="1:19" x14ac:dyDescent="0.25">
      <c r="A8032">
        <v>45206533</v>
      </c>
      <c r="B8032" t="s">
        <v>41209</v>
      </c>
      <c r="C8032" s="1" t="s">
        <v>41210</v>
      </c>
      <c r="E8032">
        <v>1</v>
      </c>
      <c r="F8032">
        <v>0</v>
      </c>
      <c r="H8032" t="s">
        <v>41211</v>
      </c>
      <c r="J8032" t="s">
        <v>41212</v>
      </c>
      <c r="K8032" t="s">
        <v>41213</v>
      </c>
      <c r="M8032">
        <v>7605529</v>
      </c>
      <c r="O8032">
        <v>7605529</v>
      </c>
      <c r="P8032">
        <v>1</v>
      </c>
      <c r="Q8032">
        <v>-1</v>
      </c>
      <c r="R8032" t="s">
        <v>41214</v>
      </c>
      <c r="S8032">
        <v>23</v>
      </c>
    </row>
    <row r="8033" spans="1:19" x14ac:dyDescent="0.25">
      <c r="A8033">
        <v>51685609</v>
      </c>
      <c r="B8033" t="s">
        <v>41215</v>
      </c>
      <c r="C8033" s="1" t="s">
        <v>41216</v>
      </c>
      <c r="E8033">
        <v>1</v>
      </c>
      <c r="F8033">
        <v>0</v>
      </c>
      <c r="H8033" t="s">
        <v>41217</v>
      </c>
      <c r="J8033" t="s">
        <v>41218</v>
      </c>
      <c r="O8033">
        <v>1098363</v>
      </c>
      <c r="P8033">
        <v>1</v>
      </c>
      <c r="Q8033">
        <v>5</v>
      </c>
      <c r="R8033" t="s">
        <v>41219</v>
      </c>
      <c r="S8033">
        <v>126</v>
      </c>
    </row>
    <row r="8034" spans="1:19" x14ac:dyDescent="0.25">
      <c r="A8034">
        <v>47829888</v>
      </c>
      <c r="B8034" t="s">
        <v>41220</v>
      </c>
      <c r="C8034" s="1" t="s">
        <v>41221</v>
      </c>
      <c r="E8034">
        <v>0</v>
      </c>
      <c r="F8034">
        <v>0</v>
      </c>
      <c r="H8034" t="s">
        <v>41222</v>
      </c>
      <c r="J8034" t="s">
        <v>41222</v>
      </c>
      <c r="O8034">
        <v>2698589</v>
      </c>
      <c r="P8034">
        <v>1</v>
      </c>
      <c r="Q8034">
        <v>0</v>
      </c>
      <c r="R8034" t="s">
        <v>41223</v>
      </c>
      <c r="S8034">
        <v>41</v>
      </c>
    </row>
    <row r="8035" spans="1:19" x14ac:dyDescent="0.25">
      <c r="A8035">
        <v>7817934</v>
      </c>
      <c r="B8035" t="s">
        <v>41224</v>
      </c>
      <c r="C8035" s="1" t="s">
        <v>41225</v>
      </c>
      <c r="D8035">
        <v>7818944</v>
      </c>
      <c r="E8035">
        <v>1</v>
      </c>
      <c r="F8035">
        <v>1</v>
      </c>
      <c r="H8035" t="s">
        <v>41226</v>
      </c>
      <c r="J8035" t="s">
        <v>41227</v>
      </c>
      <c r="O8035">
        <v>882565</v>
      </c>
      <c r="P8035">
        <v>1</v>
      </c>
      <c r="Q8035">
        <v>0</v>
      </c>
      <c r="R8035" t="s">
        <v>41228</v>
      </c>
      <c r="S8035">
        <v>565</v>
      </c>
    </row>
    <row r="8036" spans="1:19" x14ac:dyDescent="0.25">
      <c r="A8036">
        <v>37416094</v>
      </c>
      <c r="B8036" t="s">
        <v>41229</v>
      </c>
      <c r="C8036" s="1" t="s">
        <v>41230</v>
      </c>
      <c r="E8036">
        <v>1</v>
      </c>
      <c r="F8036">
        <v>0</v>
      </c>
      <c r="H8036" t="s">
        <v>41231</v>
      </c>
      <c r="J8036" t="s">
        <v>41232</v>
      </c>
      <c r="K8036" t="s">
        <v>41233</v>
      </c>
      <c r="M8036">
        <v>2959769</v>
      </c>
      <c r="O8036">
        <v>3083050</v>
      </c>
      <c r="P8036">
        <v>1</v>
      </c>
      <c r="Q8036">
        <v>1</v>
      </c>
      <c r="R8036" t="s">
        <v>41234</v>
      </c>
      <c r="S8036">
        <v>122</v>
      </c>
    </row>
    <row r="8037" spans="1:19" x14ac:dyDescent="0.25">
      <c r="A8037">
        <v>7873728</v>
      </c>
      <c r="B8037" t="s">
        <v>41235</v>
      </c>
      <c r="C8037" s="1" t="s">
        <v>41236</v>
      </c>
      <c r="D8037">
        <v>7873762</v>
      </c>
      <c r="E8037">
        <v>5</v>
      </c>
      <c r="F8037">
        <v>1</v>
      </c>
      <c r="H8037" t="s">
        <v>41237</v>
      </c>
      <c r="J8037" t="s">
        <v>41238</v>
      </c>
      <c r="K8037" t="s">
        <v>41239</v>
      </c>
      <c r="M8037">
        <v>72178</v>
      </c>
      <c r="O8037">
        <v>497208</v>
      </c>
      <c r="P8037">
        <v>1</v>
      </c>
      <c r="Q8037">
        <v>5</v>
      </c>
      <c r="R8037" t="s">
        <v>41240</v>
      </c>
      <c r="S8037">
        <v>354</v>
      </c>
    </row>
    <row r="8038" spans="1:19" x14ac:dyDescent="0.25">
      <c r="A8038">
        <v>20104862</v>
      </c>
      <c r="B8038" t="s">
        <v>41241</v>
      </c>
      <c r="C8038" s="1" t="s">
        <v>41242</v>
      </c>
      <c r="D8038">
        <v>20104918</v>
      </c>
      <c r="E8038">
        <v>1</v>
      </c>
      <c r="F8038">
        <v>1</v>
      </c>
      <c r="H8038" t="s">
        <v>41243</v>
      </c>
      <c r="J8038" t="s">
        <v>41244</v>
      </c>
      <c r="K8038" t="s">
        <v>41244</v>
      </c>
      <c r="M8038">
        <v>374253</v>
      </c>
      <c r="O8038">
        <v>374253</v>
      </c>
      <c r="P8038">
        <v>1</v>
      </c>
      <c r="Q8038">
        <v>0</v>
      </c>
      <c r="R8038" t="s">
        <v>41245</v>
      </c>
      <c r="S8038">
        <v>86</v>
      </c>
    </row>
    <row r="8039" spans="1:19" x14ac:dyDescent="0.25">
      <c r="A8039">
        <v>15684818</v>
      </c>
      <c r="B8039" t="s">
        <v>41246</v>
      </c>
      <c r="C8039" s="1" t="s">
        <v>41247</v>
      </c>
      <c r="E8039">
        <v>1</v>
      </c>
      <c r="F8039">
        <v>1</v>
      </c>
      <c r="H8039" t="s">
        <v>41248</v>
      </c>
      <c r="J8039" t="s">
        <v>41249</v>
      </c>
      <c r="O8039">
        <v>1138129</v>
      </c>
      <c r="P8039">
        <v>1</v>
      </c>
      <c r="Q8039">
        <v>0</v>
      </c>
      <c r="R8039" t="s">
        <v>41250</v>
      </c>
      <c r="S8039">
        <v>506</v>
      </c>
    </row>
    <row r="8040" spans="1:19" x14ac:dyDescent="0.25">
      <c r="A8040">
        <v>13701805</v>
      </c>
      <c r="B8040" t="s">
        <v>41251</v>
      </c>
      <c r="C8040" s="1" t="s">
        <v>41252</v>
      </c>
      <c r="E8040">
        <v>0</v>
      </c>
      <c r="F8040">
        <v>0</v>
      </c>
      <c r="H8040" t="s">
        <v>41253</v>
      </c>
      <c r="I8040">
        <v>2</v>
      </c>
      <c r="J8040" t="s">
        <v>41254</v>
      </c>
      <c r="K8040" t="s">
        <v>41254</v>
      </c>
      <c r="M8040">
        <v>304839</v>
      </c>
      <c r="O8040">
        <v>1160394</v>
      </c>
      <c r="P8040">
        <v>1</v>
      </c>
      <c r="Q8040">
        <v>3</v>
      </c>
      <c r="R8040" t="s">
        <v>2771</v>
      </c>
      <c r="S8040">
        <v>471</v>
      </c>
    </row>
    <row r="8041" spans="1:19" x14ac:dyDescent="0.25">
      <c r="A8041">
        <v>5471877</v>
      </c>
      <c r="B8041" t="s">
        <v>41255</v>
      </c>
      <c r="C8041" s="1" t="s">
        <v>41256</v>
      </c>
      <c r="E8041">
        <v>1</v>
      </c>
      <c r="F8041">
        <v>0</v>
      </c>
      <c r="H8041" t="s">
        <v>41257</v>
      </c>
      <c r="J8041" t="s">
        <v>41258</v>
      </c>
      <c r="K8041" t="s">
        <v>41258</v>
      </c>
      <c r="M8041">
        <v>4370109</v>
      </c>
      <c r="O8041">
        <v>566766</v>
      </c>
      <c r="P8041">
        <v>1</v>
      </c>
      <c r="Q8041">
        <v>0</v>
      </c>
      <c r="R8041" t="s">
        <v>41259</v>
      </c>
      <c r="S8041">
        <v>34</v>
      </c>
    </row>
    <row r="8042" spans="1:19" x14ac:dyDescent="0.25">
      <c r="A8042">
        <v>50756627</v>
      </c>
      <c r="B8042" t="s">
        <v>41260</v>
      </c>
      <c r="C8042" s="1" t="s">
        <v>41261</v>
      </c>
      <c r="E8042">
        <v>1</v>
      </c>
      <c r="F8042">
        <v>2</v>
      </c>
      <c r="H8042" t="s">
        <v>41262</v>
      </c>
      <c r="J8042" t="s">
        <v>41263</v>
      </c>
      <c r="O8042">
        <v>4204939</v>
      </c>
      <c r="P8042">
        <v>1</v>
      </c>
      <c r="Q8042">
        <v>0</v>
      </c>
      <c r="R8042" t="s">
        <v>13064</v>
      </c>
      <c r="S8042">
        <v>211</v>
      </c>
    </row>
    <row r="8043" spans="1:19" x14ac:dyDescent="0.25">
      <c r="A8043">
        <v>24837693</v>
      </c>
      <c r="B8043" t="s">
        <v>41264</v>
      </c>
      <c r="C8043" s="1" t="s">
        <v>41265</v>
      </c>
      <c r="D8043">
        <v>24840615</v>
      </c>
      <c r="E8043">
        <v>1</v>
      </c>
      <c r="F8043">
        <v>1</v>
      </c>
      <c r="H8043" t="s">
        <v>41266</v>
      </c>
      <c r="J8043" t="s">
        <v>41267</v>
      </c>
      <c r="O8043">
        <v>3852946</v>
      </c>
      <c r="P8043">
        <v>1</v>
      </c>
      <c r="Q8043">
        <v>4</v>
      </c>
      <c r="R8043" t="s">
        <v>12758</v>
      </c>
      <c r="S8043">
        <v>171</v>
      </c>
    </row>
    <row r="8044" spans="1:19" x14ac:dyDescent="0.25">
      <c r="A8044">
        <v>32234424</v>
      </c>
      <c r="B8044" t="s">
        <v>41268</v>
      </c>
      <c r="C8044" s="1" t="s">
        <v>41269</v>
      </c>
      <c r="E8044">
        <v>1</v>
      </c>
      <c r="F8044">
        <v>0</v>
      </c>
      <c r="H8044" t="s">
        <v>41270</v>
      </c>
      <c r="J8044" t="s">
        <v>41271</v>
      </c>
      <c r="O8044">
        <v>4378538</v>
      </c>
      <c r="P8044">
        <v>1</v>
      </c>
      <c r="Q8044">
        <v>0</v>
      </c>
      <c r="R8044" t="s">
        <v>41272</v>
      </c>
      <c r="S8044">
        <v>613</v>
      </c>
    </row>
    <row r="8045" spans="1:19" x14ac:dyDescent="0.25">
      <c r="A8045">
        <v>23193273</v>
      </c>
      <c r="B8045" t="s">
        <v>41273</v>
      </c>
      <c r="C8045" s="1" t="s">
        <v>41274</v>
      </c>
      <c r="E8045">
        <v>0</v>
      </c>
      <c r="F8045">
        <v>3</v>
      </c>
      <c r="H8045" t="s">
        <v>41275</v>
      </c>
      <c r="J8045" t="s">
        <v>41276</v>
      </c>
      <c r="K8045" t="s">
        <v>41276</v>
      </c>
      <c r="M8045">
        <v>5530155</v>
      </c>
      <c r="O8045">
        <v>1203556</v>
      </c>
      <c r="P8045">
        <v>1</v>
      </c>
      <c r="Q8045">
        <v>0</v>
      </c>
      <c r="R8045" t="s">
        <v>41277</v>
      </c>
      <c r="S8045">
        <v>829</v>
      </c>
    </row>
    <row r="8046" spans="1:19" x14ac:dyDescent="0.25">
      <c r="A8046">
        <v>27666517</v>
      </c>
      <c r="B8046" t="s">
        <v>41278</v>
      </c>
      <c r="C8046" s="1" t="s">
        <v>41279</v>
      </c>
      <c r="D8046">
        <v>32197081</v>
      </c>
      <c r="E8046">
        <v>4</v>
      </c>
      <c r="F8046">
        <v>0</v>
      </c>
      <c r="H8046" t="s">
        <v>41280</v>
      </c>
      <c r="I8046">
        <v>2</v>
      </c>
      <c r="J8046" t="s">
        <v>41281</v>
      </c>
      <c r="K8046" t="s">
        <v>41281</v>
      </c>
      <c r="M8046">
        <v>2363252</v>
      </c>
      <c r="O8046">
        <v>2363252</v>
      </c>
      <c r="P8046">
        <v>1</v>
      </c>
      <c r="Q8046">
        <v>4</v>
      </c>
      <c r="R8046" t="s">
        <v>41282</v>
      </c>
      <c r="S8046">
        <v>28224</v>
      </c>
    </row>
    <row r="8047" spans="1:19" x14ac:dyDescent="0.25">
      <c r="A8047">
        <v>5251317</v>
      </c>
      <c r="B8047" t="s">
        <v>41283</v>
      </c>
      <c r="C8047" s="1" t="s">
        <v>41284</v>
      </c>
      <c r="D8047">
        <v>5251423</v>
      </c>
      <c r="E8047">
        <v>2</v>
      </c>
      <c r="F8047">
        <v>12</v>
      </c>
      <c r="H8047" t="s">
        <v>41285</v>
      </c>
      <c r="J8047" t="s">
        <v>41286</v>
      </c>
      <c r="K8047" t="s">
        <v>41286</v>
      </c>
      <c r="M8047">
        <v>531199</v>
      </c>
      <c r="O8047">
        <v>531199</v>
      </c>
      <c r="P8047">
        <v>1</v>
      </c>
      <c r="Q8047">
        <v>1</v>
      </c>
      <c r="R8047" t="s">
        <v>41287</v>
      </c>
      <c r="S8047">
        <v>495</v>
      </c>
    </row>
    <row r="8048" spans="1:19" x14ac:dyDescent="0.25">
      <c r="A8048">
        <v>47997002</v>
      </c>
      <c r="B8048" t="s">
        <v>41288</v>
      </c>
      <c r="C8048" s="1" t="s">
        <v>41289</v>
      </c>
      <c r="E8048">
        <v>1</v>
      </c>
      <c r="F8048">
        <v>1</v>
      </c>
      <c r="H8048" t="s">
        <v>41290</v>
      </c>
      <c r="J8048" t="s">
        <v>41291</v>
      </c>
      <c r="K8048" t="s">
        <v>41291</v>
      </c>
      <c r="M8048">
        <v>7714006</v>
      </c>
      <c r="O8048">
        <v>9146348</v>
      </c>
      <c r="P8048">
        <v>1</v>
      </c>
      <c r="Q8048">
        <v>0</v>
      </c>
      <c r="R8048" t="s">
        <v>41292</v>
      </c>
      <c r="S8048">
        <v>350</v>
      </c>
    </row>
    <row r="8049" spans="1:19" x14ac:dyDescent="0.25">
      <c r="A8049">
        <v>36167298</v>
      </c>
      <c r="B8049" t="s">
        <v>41293</v>
      </c>
      <c r="C8049" s="1" t="s">
        <v>41294</v>
      </c>
      <c r="D8049">
        <v>36169674</v>
      </c>
      <c r="E8049">
        <v>1</v>
      </c>
      <c r="F8049">
        <v>2</v>
      </c>
      <c r="H8049" t="s">
        <v>41295</v>
      </c>
      <c r="J8049" t="s">
        <v>41296</v>
      </c>
      <c r="K8049" t="s">
        <v>41297</v>
      </c>
      <c r="M8049">
        <v>1692706</v>
      </c>
      <c r="O8049">
        <v>6097246</v>
      </c>
      <c r="P8049">
        <v>1</v>
      </c>
      <c r="Q8049">
        <v>1</v>
      </c>
      <c r="R8049" t="s">
        <v>41298</v>
      </c>
      <c r="S8049">
        <v>134</v>
      </c>
    </row>
    <row r="8050" spans="1:19" x14ac:dyDescent="0.25">
      <c r="A8050">
        <v>45469027</v>
      </c>
      <c r="B8050" t="s">
        <v>41299</v>
      </c>
      <c r="C8050" s="1" t="s">
        <v>41300</v>
      </c>
      <c r="D8050">
        <v>45478891</v>
      </c>
      <c r="E8050">
        <v>1</v>
      </c>
      <c r="F8050">
        <v>0</v>
      </c>
      <c r="H8050" t="s">
        <v>41301</v>
      </c>
      <c r="J8050" t="s">
        <v>41302</v>
      </c>
      <c r="O8050">
        <v>365266</v>
      </c>
      <c r="P8050">
        <v>1</v>
      </c>
      <c r="Q8050">
        <v>0</v>
      </c>
      <c r="R8050" t="s">
        <v>41303</v>
      </c>
      <c r="S8050">
        <v>556</v>
      </c>
    </row>
    <row r="8051" spans="1:19" x14ac:dyDescent="0.25">
      <c r="A8051">
        <v>26294055</v>
      </c>
      <c r="B8051" t="s">
        <v>41304</v>
      </c>
      <c r="C8051" s="1" t="s">
        <v>41305</v>
      </c>
      <c r="E8051">
        <v>1</v>
      </c>
      <c r="F8051">
        <v>1</v>
      </c>
      <c r="H8051" t="s">
        <v>41306</v>
      </c>
      <c r="J8051" t="s">
        <v>41307</v>
      </c>
      <c r="K8051" t="s">
        <v>41307</v>
      </c>
      <c r="M8051">
        <v>3607064</v>
      </c>
      <c r="O8051">
        <v>4127811</v>
      </c>
      <c r="P8051">
        <v>1</v>
      </c>
      <c r="Q8051">
        <v>0</v>
      </c>
      <c r="R8051" t="s">
        <v>1446</v>
      </c>
      <c r="S8051">
        <v>98</v>
      </c>
    </row>
    <row r="8052" spans="1:19" x14ac:dyDescent="0.25">
      <c r="A8052">
        <v>48987581</v>
      </c>
      <c r="B8052" t="s">
        <v>41308</v>
      </c>
      <c r="C8052" s="1" t="s">
        <v>41309</v>
      </c>
      <c r="D8052">
        <v>48989479</v>
      </c>
      <c r="E8052">
        <v>1</v>
      </c>
      <c r="F8052">
        <v>0</v>
      </c>
      <c r="H8052" t="s">
        <v>41310</v>
      </c>
      <c r="J8052" t="s">
        <v>41311</v>
      </c>
      <c r="K8052" t="s">
        <v>41311</v>
      </c>
      <c r="M8052">
        <v>472495</v>
      </c>
      <c r="O8052">
        <v>733163</v>
      </c>
      <c r="P8052">
        <v>1</v>
      </c>
      <c r="Q8052">
        <v>0</v>
      </c>
      <c r="R8052" t="s">
        <v>41312</v>
      </c>
      <c r="S8052">
        <v>40</v>
      </c>
    </row>
    <row r="8053" spans="1:19" x14ac:dyDescent="0.25">
      <c r="A8053">
        <v>50366997</v>
      </c>
      <c r="B8053" t="s">
        <v>41313</v>
      </c>
      <c r="C8053" s="1" t="s">
        <v>41314</v>
      </c>
      <c r="E8053">
        <v>2</v>
      </c>
      <c r="F8053">
        <v>2</v>
      </c>
      <c r="H8053" t="s">
        <v>41315</v>
      </c>
      <c r="J8053" t="s">
        <v>41316</v>
      </c>
      <c r="K8053" t="s">
        <v>41317</v>
      </c>
      <c r="M8053">
        <v>7450326</v>
      </c>
      <c r="O8053">
        <v>7450326</v>
      </c>
      <c r="P8053">
        <v>1</v>
      </c>
      <c r="Q8053">
        <v>0</v>
      </c>
      <c r="R8053" t="s">
        <v>41318</v>
      </c>
      <c r="S8053">
        <v>418</v>
      </c>
    </row>
    <row r="8054" spans="1:19" x14ac:dyDescent="0.25">
      <c r="A8054">
        <v>8180773</v>
      </c>
      <c r="B8054" t="s">
        <v>41319</v>
      </c>
      <c r="C8054" s="1" t="s">
        <v>41320</v>
      </c>
      <c r="D8054">
        <v>8181449</v>
      </c>
      <c r="E8054">
        <v>2</v>
      </c>
      <c r="F8054">
        <v>0</v>
      </c>
      <c r="H8054" t="s">
        <v>41321</v>
      </c>
      <c r="J8054" t="s">
        <v>41322</v>
      </c>
      <c r="O8054">
        <v>1039</v>
      </c>
      <c r="P8054">
        <v>1</v>
      </c>
      <c r="Q8054">
        <v>4</v>
      </c>
      <c r="R8054" t="s">
        <v>41323</v>
      </c>
      <c r="S8054">
        <v>984</v>
      </c>
    </row>
    <row r="8055" spans="1:19" x14ac:dyDescent="0.25">
      <c r="A8055">
        <v>42947970</v>
      </c>
      <c r="B8055" t="s">
        <v>41324</v>
      </c>
      <c r="C8055" s="1" t="s">
        <v>41325</v>
      </c>
      <c r="D8055">
        <v>42950974</v>
      </c>
      <c r="E8055">
        <v>1</v>
      </c>
      <c r="F8055">
        <v>3</v>
      </c>
      <c r="H8055" t="s">
        <v>41326</v>
      </c>
      <c r="J8055" t="s">
        <v>41327</v>
      </c>
      <c r="O8055">
        <v>5010082</v>
      </c>
      <c r="P8055">
        <v>1</v>
      </c>
      <c r="Q8055">
        <v>0</v>
      </c>
      <c r="R8055" t="s">
        <v>41328</v>
      </c>
      <c r="S8055">
        <v>1119</v>
      </c>
    </row>
    <row r="8056" spans="1:19" x14ac:dyDescent="0.25">
      <c r="A8056">
        <v>36053324</v>
      </c>
      <c r="B8056" t="s">
        <v>41329</v>
      </c>
      <c r="C8056" s="1" t="s">
        <v>41330</v>
      </c>
      <c r="D8056">
        <v>36058930</v>
      </c>
      <c r="E8056">
        <v>2</v>
      </c>
      <c r="F8056">
        <v>1</v>
      </c>
      <c r="H8056" t="s">
        <v>41331</v>
      </c>
      <c r="J8056" t="s">
        <v>41332</v>
      </c>
      <c r="O8056">
        <v>2135526</v>
      </c>
      <c r="P8056">
        <v>1</v>
      </c>
      <c r="Q8056">
        <v>0</v>
      </c>
      <c r="R8056" t="s">
        <v>41333</v>
      </c>
      <c r="S8056">
        <v>45</v>
      </c>
    </row>
    <row r="8057" spans="1:19" x14ac:dyDescent="0.25">
      <c r="A8057">
        <v>32474135</v>
      </c>
      <c r="B8057" t="s">
        <v>41334</v>
      </c>
      <c r="C8057" s="1" t="s">
        <v>41335</v>
      </c>
      <c r="E8057">
        <v>1</v>
      </c>
      <c r="F8057">
        <v>1</v>
      </c>
      <c r="H8057" t="s">
        <v>41336</v>
      </c>
      <c r="J8057" t="s">
        <v>41337</v>
      </c>
      <c r="O8057">
        <v>1928380</v>
      </c>
      <c r="P8057">
        <v>1</v>
      </c>
      <c r="Q8057">
        <v>0</v>
      </c>
      <c r="R8057" t="s">
        <v>32984</v>
      </c>
      <c r="S8057">
        <v>54</v>
      </c>
    </row>
    <row r="8058" spans="1:19" x14ac:dyDescent="0.25">
      <c r="A8058">
        <v>13210491</v>
      </c>
      <c r="B8058" t="s">
        <v>41338</v>
      </c>
      <c r="C8058" s="1" t="s">
        <v>41339</v>
      </c>
      <c r="E8058">
        <v>3</v>
      </c>
      <c r="F8058">
        <v>3</v>
      </c>
      <c r="H8058" t="s">
        <v>41340</v>
      </c>
      <c r="I8058">
        <v>1</v>
      </c>
      <c r="J8058" t="s">
        <v>41341</v>
      </c>
      <c r="O8058">
        <v>1792582</v>
      </c>
      <c r="P8058">
        <v>1</v>
      </c>
      <c r="Q8058">
        <v>8</v>
      </c>
      <c r="R8058" t="s">
        <v>41342</v>
      </c>
      <c r="S8058">
        <v>70848</v>
      </c>
    </row>
    <row r="8059" spans="1:19" x14ac:dyDescent="0.25">
      <c r="A8059">
        <v>49901185</v>
      </c>
      <c r="B8059" t="s">
        <v>41343</v>
      </c>
      <c r="C8059" t="s">
        <v>41344</v>
      </c>
      <c r="E8059">
        <v>0</v>
      </c>
      <c r="F8059">
        <v>7</v>
      </c>
      <c r="H8059" t="s">
        <v>41345</v>
      </c>
      <c r="J8059" t="s">
        <v>41346</v>
      </c>
      <c r="K8059" t="s">
        <v>41346</v>
      </c>
      <c r="M8059">
        <v>4407044</v>
      </c>
      <c r="O8059">
        <v>4407044</v>
      </c>
      <c r="P8059">
        <v>1</v>
      </c>
      <c r="Q8059">
        <v>0</v>
      </c>
      <c r="R8059" t="s">
        <v>41347</v>
      </c>
      <c r="S8059">
        <v>38</v>
      </c>
    </row>
    <row r="8060" spans="1:19" x14ac:dyDescent="0.25">
      <c r="A8060">
        <v>43842591</v>
      </c>
      <c r="B8060" t="s">
        <v>41348</v>
      </c>
      <c r="C8060" s="1" t="s">
        <v>41349</v>
      </c>
      <c r="D8060">
        <v>43909072</v>
      </c>
      <c r="E8060">
        <v>1</v>
      </c>
      <c r="F8060">
        <v>0</v>
      </c>
      <c r="H8060" t="s">
        <v>41350</v>
      </c>
      <c r="J8060" t="s">
        <v>41351</v>
      </c>
      <c r="O8060">
        <v>7241232</v>
      </c>
      <c r="P8060">
        <v>1</v>
      </c>
      <c r="Q8060">
        <v>1</v>
      </c>
      <c r="R8060" t="s">
        <v>41352</v>
      </c>
      <c r="S8060">
        <v>327</v>
      </c>
    </row>
    <row r="8061" spans="1:19" x14ac:dyDescent="0.25">
      <c r="A8061">
        <v>52734101</v>
      </c>
      <c r="B8061" t="s">
        <v>41353</v>
      </c>
      <c r="C8061" s="1" t="s">
        <v>41354</v>
      </c>
      <c r="E8061">
        <v>0</v>
      </c>
      <c r="F8061">
        <v>5</v>
      </c>
      <c r="H8061" t="s">
        <v>41355</v>
      </c>
      <c r="I8061">
        <v>1</v>
      </c>
      <c r="J8061" t="s">
        <v>41356</v>
      </c>
      <c r="K8061" t="s">
        <v>41356</v>
      </c>
      <c r="M8061">
        <v>1222951</v>
      </c>
      <c r="O8061">
        <v>8865335</v>
      </c>
      <c r="P8061">
        <v>1</v>
      </c>
      <c r="Q8061">
        <v>0</v>
      </c>
      <c r="R8061" t="s">
        <v>41357</v>
      </c>
      <c r="S8061">
        <v>66</v>
      </c>
    </row>
    <row r="8062" spans="1:19" x14ac:dyDescent="0.25">
      <c r="A8062">
        <v>31758846</v>
      </c>
      <c r="B8062" t="s">
        <v>41358</v>
      </c>
      <c r="C8062" s="1" t="s">
        <v>41359</v>
      </c>
      <c r="E8062">
        <v>4</v>
      </c>
      <c r="F8062">
        <v>2</v>
      </c>
      <c r="H8062" t="s">
        <v>41360</v>
      </c>
      <c r="J8062" t="s">
        <v>41361</v>
      </c>
      <c r="K8062" t="s">
        <v>41362</v>
      </c>
      <c r="M8062">
        <v>4751173</v>
      </c>
      <c r="O8062">
        <v>2404829</v>
      </c>
      <c r="P8062">
        <v>1</v>
      </c>
      <c r="Q8062">
        <v>-1</v>
      </c>
      <c r="R8062" t="s">
        <v>41363</v>
      </c>
      <c r="S8062">
        <v>428</v>
      </c>
    </row>
    <row r="8063" spans="1:19" x14ac:dyDescent="0.25">
      <c r="A8063">
        <v>50983371</v>
      </c>
      <c r="B8063" t="s">
        <v>41364</v>
      </c>
      <c r="C8063" t="s">
        <v>41365</v>
      </c>
      <c r="E8063">
        <v>1</v>
      </c>
      <c r="F8063">
        <v>0</v>
      </c>
      <c r="H8063" t="s">
        <v>41366</v>
      </c>
      <c r="J8063" t="s">
        <v>41367</v>
      </c>
      <c r="O8063">
        <v>8943522</v>
      </c>
      <c r="P8063">
        <v>1</v>
      </c>
      <c r="Q8063">
        <v>0</v>
      </c>
      <c r="R8063" t="s">
        <v>41368</v>
      </c>
      <c r="S8063">
        <v>47</v>
      </c>
    </row>
    <row r="8064" spans="1:19" x14ac:dyDescent="0.25">
      <c r="A8064">
        <v>6519159</v>
      </c>
      <c r="B8064" t="s">
        <v>41369</v>
      </c>
      <c r="C8064" t="s">
        <v>41370</v>
      </c>
      <c r="D8064">
        <v>6519214</v>
      </c>
      <c r="E8064">
        <v>2</v>
      </c>
      <c r="F8064">
        <v>1</v>
      </c>
      <c r="H8064" t="s">
        <v>41371</v>
      </c>
      <c r="I8064">
        <v>0</v>
      </c>
      <c r="J8064" t="s">
        <v>41372</v>
      </c>
      <c r="O8064">
        <v>810222</v>
      </c>
      <c r="P8064">
        <v>1</v>
      </c>
      <c r="Q8064">
        <v>0</v>
      </c>
      <c r="R8064" t="s">
        <v>2771</v>
      </c>
      <c r="S8064">
        <v>131</v>
      </c>
    </row>
    <row r="8065" spans="1:19" x14ac:dyDescent="0.25">
      <c r="A8065">
        <v>33261292</v>
      </c>
      <c r="B8065" t="s">
        <v>41373</v>
      </c>
      <c r="C8065" s="1" t="s">
        <v>41374</v>
      </c>
      <c r="E8065">
        <v>2</v>
      </c>
      <c r="F8065">
        <v>2</v>
      </c>
      <c r="H8065" t="s">
        <v>41375</v>
      </c>
      <c r="J8065" t="s">
        <v>41376</v>
      </c>
      <c r="O8065">
        <v>4467799</v>
      </c>
      <c r="P8065">
        <v>1</v>
      </c>
      <c r="Q8065">
        <v>-2</v>
      </c>
      <c r="R8065" t="s">
        <v>1374</v>
      </c>
      <c r="S8065">
        <v>481</v>
      </c>
    </row>
    <row r="8066" spans="1:19" x14ac:dyDescent="0.25">
      <c r="A8066">
        <v>44968418</v>
      </c>
      <c r="B8066" t="s">
        <v>41377</v>
      </c>
      <c r="C8066" s="1" t="s">
        <v>41378</v>
      </c>
      <c r="D8066">
        <v>44968562</v>
      </c>
      <c r="E8066">
        <v>1</v>
      </c>
      <c r="F8066">
        <v>2</v>
      </c>
      <c r="H8066" t="s">
        <v>41379</v>
      </c>
      <c r="J8066" t="s">
        <v>41380</v>
      </c>
      <c r="O8066">
        <v>5506278</v>
      </c>
      <c r="P8066">
        <v>1</v>
      </c>
      <c r="Q8066">
        <v>2</v>
      </c>
      <c r="R8066" t="s">
        <v>41381</v>
      </c>
      <c r="S8066">
        <v>261</v>
      </c>
    </row>
    <row r="8067" spans="1:19" x14ac:dyDescent="0.25">
      <c r="A8067">
        <v>19170357</v>
      </c>
      <c r="B8067" t="s">
        <v>41382</v>
      </c>
      <c r="C8067" s="1" t="s">
        <v>41383</v>
      </c>
      <c r="D8067">
        <v>19170882</v>
      </c>
      <c r="E8067">
        <v>1</v>
      </c>
      <c r="F8067">
        <v>2</v>
      </c>
      <c r="H8067" t="s">
        <v>41384</v>
      </c>
      <c r="J8067" t="s">
        <v>41385</v>
      </c>
      <c r="K8067" t="s">
        <v>41385</v>
      </c>
      <c r="M8067">
        <v>2614299</v>
      </c>
      <c r="O8067">
        <v>2028267</v>
      </c>
      <c r="P8067">
        <v>1</v>
      </c>
      <c r="Q8067">
        <v>1</v>
      </c>
      <c r="R8067" t="s">
        <v>41386</v>
      </c>
      <c r="S8067">
        <v>603</v>
      </c>
    </row>
    <row r="8068" spans="1:19" x14ac:dyDescent="0.25">
      <c r="A8068">
        <v>12363205</v>
      </c>
      <c r="B8068" t="s">
        <v>41387</v>
      </c>
      <c r="C8068" s="1" t="s">
        <v>41388</v>
      </c>
      <c r="E8068">
        <v>1</v>
      </c>
      <c r="F8068">
        <v>3</v>
      </c>
      <c r="H8068" t="s">
        <v>41389</v>
      </c>
      <c r="J8068" t="s">
        <v>41390</v>
      </c>
      <c r="O8068">
        <v>317538</v>
      </c>
      <c r="P8068">
        <v>1</v>
      </c>
      <c r="Q8068">
        <v>2</v>
      </c>
      <c r="R8068" t="s">
        <v>41391</v>
      </c>
      <c r="S8068">
        <v>125</v>
      </c>
    </row>
    <row r="8069" spans="1:19" x14ac:dyDescent="0.25">
      <c r="A8069">
        <v>24829669</v>
      </c>
      <c r="B8069" t="s">
        <v>41392</v>
      </c>
      <c r="C8069" s="1" t="s">
        <v>41393</v>
      </c>
      <c r="D8069">
        <v>24830239</v>
      </c>
      <c r="E8069">
        <v>1</v>
      </c>
      <c r="F8069">
        <v>0</v>
      </c>
      <c r="H8069" t="s">
        <v>41394</v>
      </c>
      <c r="J8069" t="s">
        <v>41395</v>
      </c>
      <c r="O8069">
        <v>1157045</v>
      </c>
      <c r="P8069">
        <v>1</v>
      </c>
      <c r="Q8069">
        <v>1</v>
      </c>
      <c r="R8069" t="s">
        <v>41396</v>
      </c>
      <c r="S8069">
        <v>409</v>
      </c>
    </row>
    <row r="8070" spans="1:19" x14ac:dyDescent="0.25">
      <c r="A8070">
        <v>14908288</v>
      </c>
      <c r="B8070" t="s">
        <v>41397</v>
      </c>
      <c r="C8070" s="1" t="s">
        <v>41398</v>
      </c>
      <c r="E8070">
        <v>1</v>
      </c>
      <c r="F8070">
        <v>1</v>
      </c>
      <c r="H8070" t="s">
        <v>41399</v>
      </c>
      <c r="J8070" t="s">
        <v>41400</v>
      </c>
      <c r="K8070" t="s">
        <v>41401</v>
      </c>
      <c r="M8070">
        <v>13302</v>
      </c>
      <c r="O8070">
        <v>1747960</v>
      </c>
      <c r="P8070">
        <v>1</v>
      </c>
      <c r="Q8070">
        <v>1</v>
      </c>
      <c r="R8070" t="s">
        <v>41402</v>
      </c>
      <c r="S8070">
        <v>435</v>
      </c>
    </row>
    <row r="8071" spans="1:19" x14ac:dyDescent="0.25">
      <c r="A8071">
        <v>14972202</v>
      </c>
      <c r="B8071" t="s">
        <v>41403</v>
      </c>
      <c r="C8071" s="1" t="s">
        <v>41404</v>
      </c>
      <c r="E8071">
        <v>2</v>
      </c>
      <c r="F8071">
        <v>1</v>
      </c>
      <c r="H8071" t="s">
        <v>41405</v>
      </c>
      <c r="J8071" t="s">
        <v>41406</v>
      </c>
      <c r="O8071">
        <v>2089672</v>
      </c>
      <c r="P8071">
        <v>1</v>
      </c>
      <c r="Q8071">
        <v>1</v>
      </c>
      <c r="R8071" t="s">
        <v>41407</v>
      </c>
      <c r="S8071">
        <v>6536</v>
      </c>
    </row>
    <row r="8072" spans="1:19" x14ac:dyDescent="0.25">
      <c r="A8072">
        <v>19932170</v>
      </c>
      <c r="B8072" t="s">
        <v>41408</v>
      </c>
      <c r="C8072" s="1" t="s">
        <v>41409</v>
      </c>
      <c r="D8072">
        <v>19933014</v>
      </c>
      <c r="E8072">
        <v>1</v>
      </c>
      <c r="F8072">
        <v>2</v>
      </c>
      <c r="H8072" t="s">
        <v>41410</v>
      </c>
      <c r="J8072" t="s">
        <v>41411</v>
      </c>
      <c r="O8072">
        <v>1700874</v>
      </c>
      <c r="P8072">
        <v>1</v>
      </c>
      <c r="Q8072">
        <v>0</v>
      </c>
      <c r="R8072" t="s">
        <v>41412</v>
      </c>
      <c r="S8072">
        <v>129</v>
      </c>
    </row>
    <row r="8073" spans="1:19" x14ac:dyDescent="0.25">
      <c r="A8073">
        <v>43302431</v>
      </c>
      <c r="B8073" t="s">
        <v>41413</v>
      </c>
      <c r="C8073" s="1" t="s">
        <v>41414</v>
      </c>
      <c r="E8073">
        <v>2</v>
      </c>
      <c r="F8073">
        <v>3</v>
      </c>
      <c r="H8073" t="s">
        <v>41415</v>
      </c>
      <c r="J8073" t="s">
        <v>41416</v>
      </c>
      <c r="K8073" t="s">
        <v>41417</v>
      </c>
      <c r="M8073">
        <v>1340097</v>
      </c>
      <c r="O8073">
        <v>1340097</v>
      </c>
      <c r="P8073">
        <v>1</v>
      </c>
      <c r="Q8073">
        <v>1</v>
      </c>
      <c r="R8073" t="s">
        <v>41418</v>
      </c>
      <c r="S8073">
        <v>225</v>
      </c>
    </row>
    <row r="8074" spans="1:19" x14ac:dyDescent="0.25">
      <c r="A8074">
        <v>28762057</v>
      </c>
      <c r="B8074" t="s">
        <v>41419</v>
      </c>
      <c r="C8074" s="1" t="s">
        <v>41420</v>
      </c>
      <c r="E8074">
        <v>1</v>
      </c>
      <c r="F8074">
        <v>5</v>
      </c>
      <c r="H8074" t="s">
        <v>41421</v>
      </c>
      <c r="J8074" t="s">
        <v>41422</v>
      </c>
      <c r="K8074" t="s">
        <v>41422</v>
      </c>
      <c r="M8074">
        <v>4193263</v>
      </c>
      <c r="O8074">
        <v>3982752</v>
      </c>
      <c r="P8074">
        <v>1</v>
      </c>
      <c r="Q8074">
        <v>1</v>
      </c>
      <c r="R8074" t="s">
        <v>13588</v>
      </c>
      <c r="S8074">
        <v>131</v>
      </c>
    </row>
    <row r="8075" spans="1:19" x14ac:dyDescent="0.25">
      <c r="A8075">
        <v>5634825</v>
      </c>
      <c r="B8075" t="s">
        <v>41423</v>
      </c>
      <c r="C8075" t="s">
        <v>41424</v>
      </c>
      <c r="D8075">
        <v>5635111</v>
      </c>
      <c r="E8075">
        <v>2</v>
      </c>
      <c r="F8075">
        <v>0</v>
      </c>
      <c r="H8075" t="s">
        <v>41425</v>
      </c>
      <c r="I8075">
        <v>2</v>
      </c>
      <c r="J8075" t="s">
        <v>41426</v>
      </c>
      <c r="O8075">
        <v>471436</v>
      </c>
      <c r="P8075">
        <v>1</v>
      </c>
      <c r="Q8075">
        <v>6</v>
      </c>
      <c r="R8075" t="s">
        <v>41427</v>
      </c>
      <c r="S8075">
        <v>927</v>
      </c>
    </row>
    <row r="8076" spans="1:19" x14ac:dyDescent="0.25">
      <c r="A8076">
        <v>25117416</v>
      </c>
      <c r="B8076" t="s">
        <v>41428</v>
      </c>
      <c r="C8076" s="1" t="s">
        <v>41429</v>
      </c>
      <c r="E8076">
        <v>1</v>
      </c>
      <c r="F8076">
        <v>1</v>
      </c>
      <c r="H8076" t="s">
        <v>41430</v>
      </c>
      <c r="J8076" t="s">
        <v>41431</v>
      </c>
      <c r="O8076">
        <v>2568137</v>
      </c>
      <c r="P8076">
        <v>1</v>
      </c>
      <c r="Q8076">
        <v>0</v>
      </c>
      <c r="R8076" t="s">
        <v>41432</v>
      </c>
      <c r="S8076">
        <v>114</v>
      </c>
    </row>
    <row r="8077" spans="1:19" x14ac:dyDescent="0.25">
      <c r="A8077">
        <v>5210048</v>
      </c>
      <c r="B8077" t="s">
        <v>41433</v>
      </c>
      <c r="C8077" t="s">
        <v>41434</v>
      </c>
      <c r="D8077">
        <v>5309394</v>
      </c>
      <c r="E8077">
        <v>1</v>
      </c>
      <c r="F8077">
        <v>1</v>
      </c>
      <c r="H8077" t="s">
        <v>41435</v>
      </c>
      <c r="J8077" t="s">
        <v>41436</v>
      </c>
      <c r="O8077">
        <v>584432</v>
      </c>
      <c r="P8077">
        <v>1</v>
      </c>
      <c r="Q8077">
        <v>0</v>
      </c>
      <c r="R8077" t="s">
        <v>41437</v>
      </c>
      <c r="S8077">
        <v>1559</v>
      </c>
    </row>
    <row r="8078" spans="1:19" x14ac:dyDescent="0.25">
      <c r="A8078">
        <v>11593446</v>
      </c>
      <c r="B8078" t="s">
        <v>41438</v>
      </c>
      <c r="C8078" s="1" t="s">
        <v>41439</v>
      </c>
      <c r="D8078">
        <v>11593526</v>
      </c>
      <c r="E8078">
        <v>3</v>
      </c>
      <c r="F8078">
        <v>0</v>
      </c>
      <c r="H8078" t="s">
        <v>41440</v>
      </c>
      <c r="J8078" t="s">
        <v>41441</v>
      </c>
      <c r="K8078" t="s">
        <v>41442</v>
      </c>
      <c r="M8078">
        <v>-1</v>
      </c>
      <c r="O8078">
        <v>1022585</v>
      </c>
      <c r="P8078">
        <v>1</v>
      </c>
      <c r="Q8078">
        <v>0</v>
      </c>
      <c r="R8078" t="s">
        <v>2494</v>
      </c>
      <c r="S8078">
        <v>207</v>
      </c>
    </row>
    <row r="8079" spans="1:19" x14ac:dyDescent="0.25">
      <c r="A8079">
        <v>11295719</v>
      </c>
      <c r="B8079" t="s">
        <v>41443</v>
      </c>
      <c r="C8079" s="1" t="s">
        <v>41444</v>
      </c>
      <c r="D8079">
        <v>11295763</v>
      </c>
      <c r="E8079">
        <v>3</v>
      </c>
      <c r="F8079">
        <v>0</v>
      </c>
      <c r="H8079" t="s">
        <v>41445</v>
      </c>
      <c r="J8079" t="s">
        <v>41446</v>
      </c>
      <c r="O8079">
        <v>1206300</v>
      </c>
      <c r="P8079">
        <v>1</v>
      </c>
      <c r="Q8079">
        <v>1</v>
      </c>
      <c r="R8079" t="s">
        <v>41447</v>
      </c>
      <c r="S8079">
        <v>3217</v>
      </c>
    </row>
    <row r="8080" spans="1:19" x14ac:dyDescent="0.25">
      <c r="A8080">
        <v>14181998</v>
      </c>
      <c r="B8080" t="s">
        <v>41448</v>
      </c>
      <c r="C8080" s="1" t="s">
        <v>41449</v>
      </c>
      <c r="E8080">
        <v>2</v>
      </c>
      <c r="F8080">
        <v>0</v>
      </c>
      <c r="H8080" t="s">
        <v>41450</v>
      </c>
      <c r="J8080" t="s">
        <v>41451</v>
      </c>
      <c r="O8080">
        <v>1047114</v>
      </c>
      <c r="P8080">
        <v>1</v>
      </c>
      <c r="Q8080">
        <v>0</v>
      </c>
      <c r="R8080" t="s">
        <v>41452</v>
      </c>
      <c r="S8080">
        <v>390</v>
      </c>
    </row>
    <row r="8081" spans="1:19" x14ac:dyDescent="0.25">
      <c r="A8081">
        <v>33642951</v>
      </c>
      <c r="B8081" t="s">
        <v>41453</v>
      </c>
      <c r="C8081" s="1" t="s">
        <v>41454</v>
      </c>
      <c r="D8081">
        <v>33646592</v>
      </c>
      <c r="E8081">
        <v>3</v>
      </c>
      <c r="F8081">
        <v>3</v>
      </c>
      <c r="H8081" t="s">
        <v>41455</v>
      </c>
      <c r="I8081">
        <v>9</v>
      </c>
      <c r="J8081" t="s">
        <v>41456</v>
      </c>
      <c r="K8081" t="s">
        <v>41457</v>
      </c>
      <c r="M8081">
        <v>2901002</v>
      </c>
      <c r="O8081">
        <v>5548422</v>
      </c>
      <c r="P8081">
        <v>1</v>
      </c>
      <c r="Q8081">
        <v>17</v>
      </c>
      <c r="R8081" t="s">
        <v>41458</v>
      </c>
      <c r="S8081">
        <v>30812</v>
      </c>
    </row>
    <row r="8082" spans="1:19" x14ac:dyDescent="0.25">
      <c r="A8082">
        <v>51734888</v>
      </c>
      <c r="B8082" t="s">
        <v>41459</v>
      </c>
      <c r="C8082" s="1" t="s">
        <v>41460</v>
      </c>
      <c r="E8082">
        <v>0</v>
      </c>
      <c r="F8082">
        <v>0</v>
      </c>
      <c r="H8082" t="s">
        <v>41461</v>
      </c>
      <c r="J8082" t="s">
        <v>41461</v>
      </c>
      <c r="O8082">
        <v>9237029</v>
      </c>
      <c r="P8082">
        <v>1</v>
      </c>
      <c r="Q8082">
        <v>1</v>
      </c>
      <c r="R8082" t="s">
        <v>41462</v>
      </c>
      <c r="S8082">
        <v>12</v>
      </c>
    </row>
    <row r="8083" spans="1:19" x14ac:dyDescent="0.25">
      <c r="A8083">
        <v>17281230</v>
      </c>
      <c r="B8083" t="s">
        <v>41463</v>
      </c>
      <c r="C8083" s="1" t="s">
        <v>41464</v>
      </c>
      <c r="E8083">
        <v>2</v>
      </c>
      <c r="F8083">
        <v>2</v>
      </c>
      <c r="H8083" t="s">
        <v>41465</v>
      </c>
      <c r="J8083" t="s">
        <v>41466</v>
      </c>
      <c r="K8083" t="s">
        <v>41467</v>
      </c>
      <c r="M8083">
        <v>830035</v>
      </c>
      <c r="O8083">
        <v>830035</v>
      </c>
      <c r="P8083">
        <v>1</v>
      </c>
      <c r="Q8083">
        <v>3</v>
      </c>
      <c r="R8083" t="s">
        <v>41468</v>
      </c>
      <c r="S8083">
        <v>505</v>
      </c>
    </row>
    <row r="8084" spans="1:19" x14ac:dyDescent="0.25">
      <c r="A8084">
        <v>36646885</v>
      </c>
      <c r="B8084" t="s">
        <v>41469</v>
      </c>
      <c r="C8084" s="1" t="s">
        <v>41470</v>
      </c>
      <c r="D8084">
        <v>36653278</v>
      </c>
      <c r="E8084">
        <v>1</v>
      </c>
      <c r="F8084">
        <v>0</v>
      </c>
      <c r="H8084" t="s">
        <v>41471</v>
      </c>
      <c r="J8084" t="s">
        <v>41472</v>
      </c>
      <c r="K8084" t="s">
        <v>41473</v>
      </c>
      <c r="M8084">
        <v>1572746</v>
      </c>
      <c r="O8084">
        <v>1572746</v>
      </c>
      <c r="P8084">
        <v>1</v>
      </c>
      <c r="Q8084">
        <v>0</v>
      </c>
      <c r="R8084" t="s">
        <v>41474</v>
      </c>
      <c r="S8084">
        <v>200</v>
      </c>
    </row>
    <row r="8085" spans="1:19" x14ac:dyDescent="0.25">
      <c r="A8085">
        <v>3945123</v>
      </c>
      <c r="B8085" t="s">
        <v>41475</v>
      </c>
      <c r="C8085" s="1" t="s">
        <v>41476</v>
      </c>
      <c r="D8085">
        <v>3945161</v>
      </c>
      <c r="E8085">
        <v>2</v>
      </c>
      <c r="F8085">
        <v>0</v>
      </c>
      <c r="H8085" t="s">
        <v>41477</v>
      </c>
      <c r="J8085" t="s">
        <v>41478</v>
      </c>
      <c r="K8085" t="s">
        <v>41479</v>
      </c>
      <c r="M8085">
        <v>2494</v>
      </c>
      <c r="O8085">
        <v>158008</v>
      </c>
      <c r="P8085">
        <v>1</v>
      </c>
      <c r="Q8085">
        <v>9</v>
      </c>
      <c r="R8085" t="s">
        <v>41480</v>
      </c>
      <c r="S8085">
        <v>22069</v>
      </c>
    </row>
    <row r="8086" spans="1:19" x14ac:dyDescent="0.25">
      <c r="A8086">
        <v>9876806</v>
      </c>
      <c r="B8086" t="s">
        <v>41481</v>
      </c>
      <c r="C8086" s="1" t="s">
        <v>41482</v>
      </c>
      <c r="E8086">
        <v>0</v>
      </c>
      <c r="F8086">
        <v>0</v>
      </c>
      <c r="H8086" t="s">
        <v>41483</v>
      </c>
      <c r="J8086" t="s">
        <v>41483</v>
      </c>
      <c r="O8086">
        <v>864880</v>
      </c>
      <c r="P8086">
        <v>1</v>
      </c>
      <c r="Q8086">
        <v>1</v>
      </c>
      <c r="R8086" t="s">
        <v>41484</v>
      </c>
      <c r="S8086">
        <v>36</v>
      </c>
    </row>
    <row r="8087" spans="1:19" x14ac:dyDescent="0.25">
      <c r="A8087">
        <v>30638047</v>
      </c>
      <c r="B8087" t="s">
        <v>41485</v>
      </c>
      <c r="C8087" s="1" t="s">
        <v>41486</v>
      </c>
      <c r="D8087">
        <v>30641469</v>
      </c>
      <c r="E8087">
        <v>1</v>
      </c>
      <c r="F8087">
        <v>0</v>
      </c>
      <c r="H8087" t="s">
        <v>41487</v>
      </c>
      <c r="I8087">
        <v>1</v>
      </c>
      <c r="J8087" t="s">
        <v>41488</v>
      </c>
      <c r="O8087">
        <v>3967525</v>
      </c>
      <c r="P8087">
        <v>1</v>
      </c>
      <c r="Q8087">
        <v>0</v>
      </c>
      <c r="R8087" t="s">
        <v>41489</v>
      </c>
      <c r="S8087">
        <v>4157</v>
      </c>
    </row>
    <row r="8088" spans="1:19" x14ac:dyDescent="0.25">
      <c r="A8088">
        <v>32329435</v>
      </c>
      <c r="B8088" t="s">
        <v>41490</v>
      </c>
      <c r="C8088" s="1" t="s">
        <v>41491</v>
      </c>
      <c r="D8088">
        <v>32329582</v>
      </c>
      <c r="E8088">
        <v>1</v>
      </c>
      <c r="F8088">
        <v>4</v>
      </c>
      <c r="H8088" t="s">
        <v>41492</v>
      </c>
      <c r="J8088" t="s">
        <v>41493</v>
      </c>
      <c r="O8088">
        <v>2074923</v>
      </c>
      <c r="P8088">
        <v>1</v>
      </c>
      <c r="Q8088">
        <v>0</v>
      </c>
      <c r="R8088" t="s">
        <v>41494</v>
      </c>
      <c r="S8088">
        <v>113</v>
      </c>
    </row>
    <row r="8089" spans="1:19" x14ac:dyDescent="0.25">
      <c r="A8089">
        <v>49241201</v>
      </c>
      <c r="B8089" t="s">
        <v>41495</v>
      </c>
      <c r="C8089" s="1" t="s">
        <v>41496</v>
      </c>
      <c r="D8089">
        <v>49241297</v>
      </c>
      <c r="E8089">
        <v>1</v>
      </c>
      <c r="F8089">
        <v>6</v>
      </c>
      <c r="H8089" t="s">
        <v>41497</v>
      </c>
      <c r="J8089" t="s">
        <v>41498</v>
      </c>
      <c r="O8089">
        <v>1545327</v>
      </c>
      <c r="P8089">
        <v>1</v>
      </c>
      <c r="Q8089">
        <v>2</v>
      </c>
      <c r="R8089" t="s">
        <v>759</v>
      </c>
      <c r="S8089">
        <v>166</v>
      </c>
    </row>
    <row r="8090" spans="1:19" x14ac:dyDescent="0.25">
      <c r="A8090">
        <v>10754284</v>
      </c>
      <c r="B8090" t="s">
        <v>41499</v>
      </c>
      <c r="C8090" s="1" t="s">
        <v>41500</v>
      </c>
      <c r="D8090">
        <v>10755217</v>
      </c>
      <c r="E8090">
        <v>1</v>
      </c>
      <c r="F8090">
        <v>5</v>
      </c>
      <c r="H8090" t="s">
        <v>41501</v>
      </c>
      <c r="J8090" t="s">
        <v>41502</v>
      </c>
      <c r="O8090">
        <v>1413746</v>
      </c>
      <c r="P8090">
        <v>1</v>
      </c>
      <c r="Q8090">
        <v>-3</v>
      </c>
      <c r="R8090" t="s">
        <v>41503</v>
      </c>
      <c r="S8090">
        <v>76</v>
      </c>
    </row>
    <row r="8091" spans="1:19" x14ac:dyDescent="0.25">
      <c r="A8091">
        <v>44886962</v>
      </c>
      <c r="B8091" t="s">
        <v>41504</v>
      </c>
      <c r="C8091" s="1" t="s">
        <v>41505</v>
      </c>
      <c r="D8091">
        <v>44887261</v>
      </c>
      <c r="E8091">
        <v>1</v>
      </c>
      <c r="F8091">
        <v>0</v>
      </c>
      <c r="H8091" t="s">
        <v>41506</v>
      </c>
      <c r="J8091" t="s">
        <v>41507</v>
      </c>
      <c r="O8091">
        <v>8248671</v>
      </c>
      <c r="P8091">
        <v>1</v>
      </c>
      <c r="Q8091">
        <v>0</v>
      </c>
      <c r="R8091" t="s">
        <v>41508</v>
      </c>
      <c r="S8091">
        <v>474</v>
      </c>
    </row>
    <row r="8092" spans="1:19" x14ac:dyDescent="0.25">
      <c r="A8092">
        <v>38654549</v>
      </c>
      <c r="B8092" t="s">
        <v>41509</v>
      </c>
      <c r="C8092" s="1" t="s">
        <v>41510</v>
      </c>
      <c r="E8092">
        <v>0</v>
      </c>
      <c r="F8092">
        <v>2</v>
      </c>
      <c r="H8092" t="s">
        <v>41511</v>
      </c>
      <c r="J8092" t="s">
        <v>41511</v>
      </c>
      <c r="O8092">
        <v>289666</v>
      </c>
      <c r="P8092">
        <v>1</v>
      </c>
      <c r="Q8092">
        <v>0</v>
      </c>
      <c r="R8092" t="s">
        <v>41512</v>
      </c>
      <c r="S8092">
        <v>93</v>
      </c>
    </row>
    <row r="8093" spans="1:19" x14ac:dyDescent="0.25">
      <c r="A8093">
        <v>37136861</v>
      </c>
      <c r="B8093" t="s">
        <v>41513</v>
      </c>
      <c r="C8093" t="s">
        <v>41514</v>
      </c>
      <c r="E8093">
        <v>1</v>
      </c>
      <c r="F8093">
        <v>2</v>
      </c>
      <c r="H8093" t="s">
        <v>41515</v>
      </c>
      <c r="J8093" t="s">
        <v>41516</v>
      </c>
      <c r="K8093" t="s">
        <v>41516</v>
      </c>
      <c r="M8093">
        <v>3327108</v>
      </c>
      <c r="O8093">
        <v>3327108</v>
      </c>
      <c r="P8093">
        <v>1</v>
      </c>
      <c r="Q8093">
        <v>0</v>
      </c>
      <c r="R8093" t="s">
        <v>41517</v>
      </c>
      <c r="S8093">
        <v>344</v>
      </c>
    </row>
    <row r="8094" spans="1:19" x14ac:dyDescent="0.25">
      <c r="A8094">
        <v>31203596</v>
      </c>
      <c r="B8094" t="s">
        <v>41518</v>
      </c>
      <c r="C8094" s="1" t="s">
        <v>41519</v>
      </c>
      <c r="D8094">
        <v>31203815</v>
      </c>
      <c r="E8094">
        <v>1</v>
      </c>
      <c r="F8094">
        <v>4</v>
      </c>
      <c r="H8094" t="s">
        <v>41520</v>
      </c>
      <c r="I8094">
        <v>0</v>
      </c>
      <c r="J8094" t="s">
        <v>41521</v>
      </c>
      <c r="K8094" t="s">
        <v>41522</v>
      </c>
      <c r="M8094">
        <v>4982809</v>
      </c>
      <c r="O8094">
        <v>4982809</v>
      </c>
      <c r="P8094">
        <v>1</v>
      </c>
      <c r="Q8094">
        <v>3</v>
      </c>
      <c r="R8094" t="s">
        <v>4007</v>
      </c>
      <c r="S8094">
        <v>45</v>
      </c>
    </row>
    <row r="8095" spans="1:19" x14ac:dyDescent="0.25">
      <c r="A8095">
        <v>52104140</v>
      </c>
      <c r="B8095" t="s">
        <v>41523</v>
      </c>
      <c r="C8095" s="1" t="s">
        <v>41524</v>
      </c>
      <c r="E8095">
        <v>1</v>
      </c>
      <c r="F8095">
        <v>1</v>
      </c>
      <c r="H8095" t="s">
        <v>41525</v>
      </c>
      <c r="I8095">
        <v>0</v>
      </c>
      <c r="J8095" t="s">
        <v>41526</v>
      </c>
      <c r="O8095">
        <v>1646068</v>
      </c>
      <c r="P8095">
        <v>1</v>
      </c>
      <c r="Q8095">
        <v>3</v>
      </c>
      <c r="R8095" t="s">
        <v>41527</v>
      </c>
      <c r="S8095">
        <v>283</v>
      </c>
    </row>
    <row r="8096" spans="1:19" x14ac:dyDescent="0.25">
      <c r="A8096">
        <v>30657456</v>
      </c>
      <c r="B8096" t="s">
        <v>41528</v>
      </c>
      <c r="C8096" s="1" t="s">
        <v>41529</v>
      </c>
      <c r="D8096">
        <v>30657621</v>
      </c>
      <c r="E8096">
        <v>2</v>
      </c>
      <c r="F8096">
        <v>2</v>
      </c>
      <c r="H8096" t="s">
        <v>41530</v>
      </c>
      <c r="J8096" t="s">
        <v>41531</v>
      </c>
      <c r="K8096" t="s">
        <v>41531</v>
      </c>
      <c r="M8096">
        <v>2269236</v>
      </c>
      <c r="O8096">
        <v>2269236</v>
      </c>
      <c r="P8096">
        <v>1</v>
      </c>
      <c r="Q8096">
        <v>0</v>
      </c>
      <c r="R8096" t="s">
        <v>41532</v>
      </c>
      <c r="S8096">
        <v>68</v>
      </c>
    </row>
    <row r="8097" spans="1:19" x14ac:dyDescent="0.25">
      <c r="A8097">
        <v>21243709</v>
      </c>
      <c r="B8097" t="s">
        <v>41533</v>
      </c>
      <c r="C8097" s="1" t="s">
        <v>41534</v>
      </c>
      <c r="D8097">
        <v>21266310</v>
      </c>
      <c r="E8097">
        <v>1</v>
      </c>
      <c r="F8097">
        <v>4</v>
      </c>
      <c r="H8097" t="s">
        <v>41535</v>
      </c>
      <c r="I8097">
        <v>1</v>
      </c>
      <c r="J8097" t="s">
        <v>41536</v>
      </c>
      <c r="O8097">
        <v>2012936</v>
      </c>
      <c r="P8097">
        <v>1</v>
      </c>
      <c r="Q8097">
        <v>1</v>
      </c>
      <c r="R8097" t="s">
        <v>41537</v>
      </c>
      <c r="S8097">
        <v>993</v>
      </c>
    </row>
    <row r="8098" spans="1:19" x14ac:dyDescent="0.25">
      <c r="A8098">
        <v>22227400</v>
      </c>
      <c r="B8098" t="s">
        <v>41538</v>
      </c>
      <c r="C8098" s="1" t="s">
        <v>41539</v>
      </c>
      <c r="E8098">
        <v>1</v>
      </c>
      <c r="F8098">
        <v>0</v>
      </c>
      <c r="H8098" t="s">
        <v>41540</v>
      </c>
      <c r="J8098" t="s">
        <v>41541</v>
      </c>
      <c r="K8098" t="s">
        <v>41542</v>
      </c>
      <c r="M8098">
        <v>77335</v>
      </c>
      <c r="O8098">
        <v>2796098</v>
      </c>
      <c r="P8098">
        <v>1</v>
      </c>
      <c r="Q8098">
        <v>-1</v>
      </c>
      <c r="R8098" t="s">
        <v>40795</v>
      </c>
      <c r="S8098">
        <v>141</v>
      </c>
    </row>
    <row r="8099" spans="1:19" x14ac:dyDescent="0.25">
      <c r="A8099">
        <v>26163133</v>
      </c>
      <c r="B8099" t="s">
        <v>41543</v>
      </c>
      <c r="C8099" t="s">
        <v>41544</v>
      </c>
      <c r="E8099">
        <v>1</v>
      </c>
      <c r="F8099">
        <v>2</v>
      </c>
      <c r="H8099" t="s">
        <v>41545</v>
      </c>
      <c r="J8099" t="s">
        <v>41546</v>
      </c>
      <c r="O8099">
        <v>1065145</v>
      </c>
      <c r="P8099">
        <v>1</v>
      </c>
      <c r="Q8099">
        <v>1</v>
      </c>
      <c r="R8099" t="s">
        <v>41547</v>
      </c>
      <c r="S8099">
        <v>168</v>
      </c>
    </row>
    <row r="8100" spans="1:19" x14ac:dyDescent="0.25">
      <c r="A8100">
        <v>27763549</v>
      </c>
      <c r="B8100" t="s">
        <v>41548</v>
      </c>
      <c r="C8100" s="1" t="s">
        <v>41549</v>
      </c>
      <c r="D8100">
        <v>27763892</v>
      </c>
      <c r="E8100">
        <v>1</v>
      </c>
      <c r="F8100">
        <v>0</v>
      </c>
      <c r="H8100" t="s">
        <v>41550</v>
      </c>
      <c r="J8100" t="s">
        <v>41551</v>
      </c>
      <c r="K8100" t="s">
        <v>41552</v>
      </c>
      <c r="M8100">
        <v>201506</v>
      </c>
      <c r="O8100">
        <v>1155801</v>
      </c>
      <c r="P8100">
        <v>1</v>
      </c>
      <c r="Q8100">
        <v>1</v>
      </c>
      <c r="R8100" t="s">
        <v>41553</v>
      </c>
      <c r="S8100">
        <v>299</v>
      </c>
    </row>
    <row r="8101" spans="1:19" x14ac:dyDescent="0.25">
      <c r="A8101">
        <v>18675631</v>
      </c>
      <c r="B8101" t="s">
        <v>41554</v>
      </c>
      <c r="C8101" s="1" t="s">
        <v>41555</v>
      </c>
      <c r="D8101">
        <v>18676049</v>
      </c>
      <c r="E8101">
        <v>1</v>
      </c>
      <c r="F8101">
        <v>0</v>
      </c>
      <c r="H8101" t="s">
        <v>41556</v>
      </c>
      <c r="J8101" t="s">
        <v>41557</v>
      </c>
      <c r="K8101" t="s">
        <v>41558</v>
      </c>
      <c r="M8101">
        <v>728287</v>
      </c>
      <c r="O8101">
        <v>728287</v>
      </c>
      <c r="P8101">
        <v>1</v>
      </c>
      <c r="Q8101">
        <v>0</v>
      </c>
      <c r="R8101" t="s">
        <v>7995</v>
      </c>
      <c r="S8101">
        <v>440</v>
      </c>
    </row>
    <row r="8102" spans="1:19" x14ac:dyDescent="0.25">
      <c r="A8102">
        <v>43912587</v>
      </c>
      <c r="B8102" t="s">
        <v>41559</v>
      </c>
      <c r="C8102" s="1" t="s">
        <v>41560</v>
      </c>
      <c r="E8102">
        <v>1</v>
      </c>
      <c r="F8102">
        <v>3</v>
      </c>
      <c r="H8102" t="s">
        <v>41561</v>
      </c>
      <c r="I8102">
        <v>0</v>
      </c>
      <c r="J8102" t="s">
        <v>41562</v>
      </c>
      <c r="N8102" t="s">
        <v>41563</v>
      </c>
      <c r="P8102">
        <v>1</v>
      </c>
      <c r="Q8102">
        <v>5</v>
      </c>
      <c r="R8102" t="s">
        <v>41564</v>
      </c>
      <c r="S8102">
        <v>7471</v>
      </c>
    </row>
    <row r="8103" spans="1:19" x14ac:dyDescent="0.25">
      <c r="A8103">
        <v>39359258</v>
      </c>
      <c r="B8103" t="s">
        <v>41565</v>
      </c>
      <c r="C8103" s="1" t="s">
        <v>41566</v>
      </c>
      <c r="D8103">
        <v>39362627</v>
      </c>
      <c r="E8103">
        <v>1</v>
      </c>
      <c r="F8103">
        <v>1</v>
      </c>
      <c r="H8103" t="s">
        <v>41567</v>
      </c>
      <c r="J8103" t="s">
        <v>41568</v>
      </c>
      <c r="O8103">
        <v>1640892</v>
      </c>
      <c r="P8103">
        <v>1</v>
      </c>
      <c r="Q8103">
        <v>1</v>
      </c>
      <c r="R8103" t="s">
        <v>41569</v>
      </c>
      <c r="S8103">
        <v>1102</v>
      </c>
    </row>
    <row r="8104" spans="1:19" x14ac:dyDescent="0.25">
      <c r="A8104">
        <v>36507752</v>
      </c>
      <c r="B8104" t="s">
        <v>41570</v>
      </c>
      <c r="C8104" s="1" t="s">
        <v>41571</v>
      </c>
      <c r="E8104">
        <v>0</v>
      </c>
      <c r="F8104">
        <v>1</v>
      </c>
      <c r="H8104" t="s">
        <v>41572</v>
      </c>
      <c r="J8104" t="s">
        <v>41572</v>
      </c>
      <c r="O8104">
        <v>2723049</v>
      </c>
      <c r="P8104">
        <v>1</v>
      </c>
      <c r="Q8104">
        <v>4</v>
      </c>
      <c r="R8104" t="s">
        <v>41573</v>
      </c>
      <c r="S8104">
        <v>76</v>
      </c>
    </row>
    <row r="8105" spans="1:19" x14ac:dyDescent="0.25">
      <c r="A8105">
        <v>13920377</v>
      </c>
      <c r="B8105" t="s">
        <v>41574</v>
      </c>
      <c r="C8105" s="1" t="s">
        <v>41575</v>
      </c>
      <c r="D8105">
        <v>13920561</v>
      </c>
      <c r="E8105">
        <v>1</v>
      </c>
      <c r="F8105">
        <v>0</v>
      </c>
      <c r="H8105" t="s">
        <v>41576</v>
      </c>
      <c r="J8105" t="s">
        <v>41577</v>
      </c>
      <c r="O8105">
        <v>1871199</v>
      </c>
      <c r="P8105">
        <v>1</v>
      </c>
      <c r="Q8105">
        <v>1</v>
      </c>
      <c r="R8105" t="s">
        <v>41578</v>
      </c>
      <c r="S8105">
        <v>4655</v>
      </c>
    </row>
    <row r="8106" spans="1:19" x14ac:dyDescent="0.25">
      <c r="A8106">
        <v>51304720</v>
      </c>
      <c r="B8106" t="s">
        <v>41579</v>
      </c>
      <c r="C8106" t="s">
        <v>41580</v>
      </c>
      <c r="E8106">
        <v>0</v>
      </c>
      <c r="F8106">
        <v>1</v>
      </c>
      <c r="H8106" t="s">
        <v>41581</v>
      </c>
      <c r="J8106" t="s">
        <v>41581</v>
      </c>
      <c r="O8106">
        <v>8203859</v>
      </c>
      <c r="P8106">
        <v>1</v>
      </c>
      <c r="Q8106">
        <v>0</v>
      </c>
      <c r="R8106" t="s">
        <v>38067</v>
      </c>
      <c r="S8106">
        <v>22</v>
      </c>
    </row>
    <row r="8107" spans="1:19" x14ac:dyDescent="0.25">
      <c r="A8107">
        <v>11923890</v>
      </c>
      <c r="B8107" t="s">
        <v>41582</v>
      </c>
      <c r="C8107" s="1" t="s">
        <v>41583</v>
      </c>
      <c r="D8107">
        <v>11924367</v>
      </c>
      <c r="E8107">
        <v>4</v>
      </c>
      <c r="F8107">
        <v>6</v>
      </c>
      <c r="H8107" t="s">
        <v>41584</v>
      </c>
      <c r="I8107">
        <v>10</v>
      </c>
      <c r="J8107" t="s">
        <v>41585</v>
      </c>
      <c r="K8107" t="s">
        <v>41586</v>
      </c>
      <c r="M8107">
        <v>-1</v>
      </c>
      <c r="O8107">
        <v>469408</v>
      </c>
      <c r="P8107">
        <v>1</v>
      </c>
      <c r="Q8107">
        <v>20</v>
      </c>
      <c r="R8107" t="s">
        <v>759</v>
      </c>
      <c r="S8107">
        <v>8241</v>
      </c>
    </row>
    <row r="8108" spans="1:19" x14ac:dyDescent="0.25">
      <c r="A8108">
        <v>15969423</v>
      </c>
      <c r="B8108" t="s">
        <v>41587</v>
      </c>
      <c r="C8108" s="1" t="s">
        <v>41588</v>
      </c>
      <c r="E8108">
        <v>0</v>
      </c>
      <c r="F8108">
        <v>0</v>
      </c>
      <c r="H8108" t="s">
        <v>41589</v>
      </c>
      <c r="J8108" t="s">
        <v>41589</v>
      </c>
      <c r="O8108">
        <v>1716498</v>
      </c>
      <c r="P8108">
        <v>1</v>
      </c>
      <c r="Q8108">
        <v>1</v>
      </c>
      <c r="R8108" t="s">
        <v>41590</v>
      </c>
      <c r="S8108">
        <v>77</v>
      </c>
    </row>
    <row r="8109" spans="1:19" x14ac:dyDescent="0.25">
      <c r="A8109">
        <v>26512088</v>
      </c>
      <c r="B8109" t="s">
        <v>41591</v>
      </c>
      <c r="C8109" s="1" t="s">
        <v>41592</v>
      </c>
      <c r="E8109">
        <v>1</v>
      </c>
      <c r="F8109">
        <v>4</v>
      </c>
      <c r="H8109" t="s">
        <v>41593</v>
      </c>
      <c r="J8109" t="s">
        <v>41594</v>
      </c>
      <c r="O8109">
        <v>1509203</v>
      </c>
      <c r="P8109">
        <v>1</v>
      </c>
      <c r="Q8109">
        <v>0</v>
      </c>
      <c r="R8109" t="s">
        <v>41595</v>
      </c>
      <c r="S8109">
        <v>43</v>
      </c>
    </row>
    <row r="8110" spans="1:19" x14ac:dyDescent="0.25">
      <c r="A8110">
        <v>31327947</v>
      </c>
      <c r="B8110" t="s">
        <v>41596</v>
      </c>
      <c r="C8110" s="1" t="s">
        <v>41597</v>
      </c>
      <c r="E8110">
        <v>0</v>
      </c>
      <c r="F8110">
        <v>2</v>
      </c>
      <c r="H8110" t="s">
        <v>41598</v>
      </c>
      <c r="J8110" t="s">
        <v>41598</v>
      </c>
      <c r="O8110">
        <v>3781199</v>
      </c>
      <c r="P8110">
        <v>1</v>
      </c>
      <c r="Q8110">
        <v>0</v>
      </c>
      <c r="R8110" t="s">
        <v>41599</v>
      </c>
      <c r="S8110">
        <v>111</v>
      </c>
    </row>
    <row r="8111" spans="1:19" x14ac:dyDescent="0.25">
      <c r="A8111">
        <v>35099097</v>
      </c>
      <c r="B8111" t="s">
        <v>41600</v>
      </c>
      <c r="C8111" s="1" t="s">
        <v>41601</v>
      </c>
      <c r="E8111">
        <v>1</v>
      </c>
      <c r="F8111">
        <v>3</v>
      </c>
      <c r="H8111" t="s">
        <v>41602</v>
      </c>
      <c r="J8111" t="s">
        <v>41603</v>
      </c>
      <c r="O8111">
        <v>5678853</v>
      </c>
      <c r="P8111">
        <v>1</v>
      </c>
      <c r="Q8111">
        <v>1</v>
      </c>
      <c r="R8111" t="s">
        <v>41604</v>
      </c>
      <c r="S8111">
        <v>383</v>
      </c>
    </row>
    <row r="8112" spans="1:19" x14ac:dyDescent="0.25">
      <c r="A8112">
        <v>42979795</v>
      </c>
      <c r="B8112" t="s">
        <v>41605</v>
      </c>
      <c r="C8112" s="1" t="s">
        <v>41606</v>
      </c>
      <c r="D8112">
        <v>42986080</v>
      </c>
      <c r="E8112">
        <v>2</v>
      </c>
      <c r="F8112">
        <v>1</v>
      </c>
      <c r="H8112" t="s">
        <v>41607</v>
      </c>
      <c r="I8112">
        <v>0</v>
      </c>
      <c r="J8112" t="s">
        <v>41608</v>
      </c>
      <c r="K8112" t="s">
        <v>41609</v>
      </c>
      <c r="M8112">
        <v>7256243</v>
      </c>
      <c r="O8112">
        <v>7757571</v>
      </c>
      <c r="P8112">
        <v>1</v>
      </c>
      <c r="Q8112">
        <v>2</v>
      </c>
      <c r="R8112" t="s">
        <v>41610</v>
      </c>
      <c r="S8112">
        <v>339</v>
      </c>
    </row>
    <row r="8113" spans="1:19" x14ac:dyDescent="0.25">
      <c r="A8113">
        <v>52467664</v>
      </c>
      <c r="B8113" t="s">
        <v>41611</v>
      </c>
      <c r="C8113" s="1" t="s">
        <v>41612</v>
      </c>
      <c r="D8113">
        <v>52467813</v>
      </c>
      <c r="E8113">
        <v>1</v>
      </c>
      <c r="F8113">
        <v>0</v>
      </c>
      <c r="H8113" t="s">
        <v>41613</v>
      </c>
      <c r="J8113" t="s">
        <v>41614</v>
      </c>
      <c r="O8113">
        <v>1362485</v>
      </c>
      <c r="P8113">
        <v>1</v>
      </c>
      <c r="Q8113">
        <v>1</v>
      </c>
      <c r="R8113" t="s">
        <v>1379</v>
      </c>
      <c r="S8113">
        <v>37</v>
      </c>
    </row>
    <row r="8114" spans="1:19" x14ac:dyDescent="0.25">
      <c r="A8114">
        <v>10981508</v>
      </c>
      <c r="B8114" t="s">
        <v>41615</v>
      </c>
      <c r="C8114" s="1" t="s">
        <v>41616</v>
      </c>
      <c r="D8114">
        <v>10981772</v>
      </c>
      <c r="E8114">
        <v>2</v>
      </c>
      <c r="F8114">
        <v>1</v>
      </c>
      <c r="H8114" t="s">
        <v>41617</v>
      </c>
      <c r="J8114" t="s">
        <v>41618</v>
      </c>
      <c r="O8114">
        <v>508284</v>
      </c>
      <c r="P8114">
        <v>1</v>
      </c>
      <c r="Q8114">
        <v>0</v>
      </c>
      <c r="R8114" t="s">
        <v>41619</v>
      </c>
      <c r="S8114">
        <v>104</v>
      </c>
    </row>
    <row r="8115" spans="1:19" x14ac:dyDescent="0.25">
      <c r="A8115">
        <v>1817373</v>
      </c>
      <c r="B8115" t="s">
        <v>41620</v>
      </c>
      <c r="C8115" s="1" t="s">
        <v>41621</v>
      </c>
      <c r="D8115">
        <v>1817521</v>
      </c>
      <c r="E8115">
        <v>2</v>
      </c>
      <c r="F8115">
        <v>3</v>
      </c>
      <c r="H8115" t="s">
        <v>41622</v>
      </c>
      <c r="I8115">
        <v>3</v>
      </c>
      <c r="J8115" t="s">
        <v>41623</v>
      </c>
      <c r="K8115" t="s">
        <v>41624</v>
      </c>
      <c r="M8115">
        <v>2766176</v>
      </c>
      <c r="O8115">
        <v>189416</v>
      </c>
      <c r="P8115">
        <v>1</v>
      </c>
      <c r="Q8115">
        <v>6</v>
      </c>
      <c r="R8115" t="s">
        <v>41625</v>
      </c>
      <c r="S8115">
        <v>1351</v>
      </c>
    </row>
    <row r="8116" spans="1:19" x14ac:dyDescent="0.25">
      <c r="A8116">
        <v>30671927</v>
      </c>
      <c r="B8116" t="s">
        <v>41626</v>
      </c>
      <c r="C8116" s="1" t="s">
        <v>41627</v>
      </c>
      <c r="D8116">
        <v>30672031</v>
      </c>
      <c r="E8116">
        <v>1</v>
      </c>
      <c r="F8116">
        <v>0</v>
      </c>
      <c r="H8116" t="s">
        <v>41628</v>
      </c>
      <c r="J8116" t="s">
        <v>41629</v>
      </c>
      <c r="O8116">
        <v>2087157</v>
      </c>
      <c r="P8116">
        <v>1</v>
      </c>
      <c r="Q8116">
        <v>0</v>
      </c>
      <c r="R8116" t="s">
        <v>41630</v>
      </c>
      <c r="S8116">
        <v>130</v>
      </c>
    </row>
    <row r="8117" spans="1:19" x14ac:dyDescent="0.25">
      <c r="A8117">
        <v>16622923</v>
      </c>
      <c r="B8117" t="s">
        <v>41631</v>
      </c>
      <c r="C8117" s="1" t="s">
        <v>41632</v>
      </c>
      <c r="E8117">
        <v>0</v>
      </c>
      <c r="F8117">
        <v>2</v>
      </c>
      <c r="H8117" t="s">
        <v>41633</v>
      </c>
      <c r="J8117" t="s">
        <v>41634</v>
      </c>
      <c r="O8117">
        <v>2396493</v>
      </c>
      <c r="P8117">
        <v>1</v>
      </c>
      <c r="Q8117">
        <v>1</v>
      </c>
      <c r="R8117" t="s">
        <v>33111</v>
      </c>
      <c r="S8117">
        <v>65</v>
      </c>
    </row>
    <row r="8118" spans="1:19" x14ac:dyDescent="0.25">
      <c r="A8118">
        <v>31534664</v>
      </c>
      <c r="B8118" t="s">
        <v>41635</v>
      </c>
      <c r="C8118" s="1" t="s">
        <v>41636</v>
      </c>
      <c r="E8118">
        <v>1</v>
      </c>
      <c r="F8118">
        <v>0</v>
      </c>
      <c r="H8118" t="s">
        <v>41637</v>
      </c>
      <c r="J8118" t="s">
        <v>41638</v>
      </c>
      <c r="O8118">
        <v>148335</v>
      </c>
      <c r="P8118">
        <v>1</v>
      </c>
      <c r="Q8118">
        <v>0</v>
      </c>
      <c r="R8118" t="s">
        <v>41639</v>
      </c>
      <c r="S8118">
        <v>47</v>
      </c>
    </row>
    <row r="8119" spans="1:19" x14ac:dyDescent="0.25">
      <c r="A8119">
        <v>46944785</v>
      </c>
      <c r="B8119" t="s">
        <v>41640</v>
      </c>
      <c r="C8119" s="1" t="s">
        <v>41641</v>
      </c>
      <c r="D8119">
        <v>46944842</v>
      </c>
      <c r="E8119">
        <v>1</v>
      </c>
      <c r="F8119">
        <v>8</v>
      </c>
      <c r="H8119" t="s">
        <v>41642</v>
      </c>
      <c r="J8119" t="s">
        <v>41643</v>
      </c>
      <c r="K8119" t="s">
        <v>41643</v>
      </c>
      <c r="M8119">
        <v>1033581</v>
      </c>
      <c r="O8119">
        <v>8834873</v>
      </c>
      <c r="P8119">
        <v>1</v>
      </c>
      <c r="Q8119">
        <v>-1</v>
      </c>
      <c r="R8119" t="s">
        <v>41644</v>
      </c>
      <c r="S8119">
        <v>188</v>
      </c>
    </row>
    <row r="8120" spans="1:19" x14ac:dyDescent="0.25">
      <c r="A8120">
        <v>31480480</v>
      </c>
      <c r="B8120" t="s">
        <v>41645</v>
      </c>
      <c r="C8120" s="1" t="s">
        <v>41646</v>
      </c>
      <c r="E8120">
        <v>1</v>
      </c>
      <c r="F8120">
        <v>2</v>
      </c>
      <c r="H8120" t="s">
        <v>41647</v>
      </c>
      <c r="J8120" t="s">
        <v>41648</v>
      </c>
      <c r="K8120" t="s">
        <v>41649</v>
      </c>
      <c r="M8120">
        <v>4264139</v>
      </c>
      <c r="O8120">
        <v>4264139</v>
      </c>
      <c r="P8120">
        <v>1</v>
      </c>
      <c r="Q8120">
        <v>-1</v>
      </c>
      <c r="R8120" t="s">
        <v>41650</v>
      </c>
      <c r="S8120">
        <v>35</v>
      </c>
    </row>
    <row r="8121" spans="1:19" x14ac:dyDescent="0.25">
      <c r="A8121">
        <v>8968981</v>
      </c>
      <c r="B8121" t="s">
        <v>41651</v>
      </c>
      <c r="C8121" s="1" t="s">
        <v>41652</v>
      </c>
      <c r="D8121">
        <v>8972007</v>
      </c>
      <c r="E8121">
        <v>1</v>
      </c>
      <c r="F8121">
        <v>1</v>
      </c>
      <c r="H8121" t="s">
        <v>41653</v>
      </c>
      <c r="I8121">
        <v>0</v>
      </c>
      <c r="J8121" t="s">
        <v>41654</v>
      </c>
      <c r="K8121" t="s">
        <v>41654</v>
      </c>
      <c r="M8121">
        <v>220643</v>
      </c>
      <c r="O8121">
        <v>700230</v>
      </c>
      <c r="P8121">
        <v>1</v>
      </c>
      <c r="Q8121">
        <v>0</v>
      </c>
      <c r="R8121" t="s">
        <v>41655</v>
      </c>
      <c r="S8121">
        <v>375</v>
      </c>
    </row>
    <row r="8122" spans="1:19" x14ac:dyDescent="0.25">
      <c r="A8122">
        <v>51736837</v>
      </c>
      <c r="B8122" t="s">
        <v>41656</v>
      </c>
      <c r="C8122" s="1" t="s">
        <v>41657</v>
      </c>
      <c r="E8122">
        <v>1</v>
      </c>
      <c r="F8122">
        <v>0</v>
      </c>
      <c r="H8122" t="s">
        <v>41658</v>
      </c>
      <c r="J8122" t="s">
        <v>41659</v>
      </c>
      <c r="O8122">
        <v>9273414</v>
      </c>
      <c r="P8122">
        <v>1</v>
      </c>
      <c r="Q8122">
        <v>0</v>
      </c>
      <c r="R8122" t="s">
        <v>41660</v>
      </c>
      <c r="S8122">
        <v>16</v>
      </c>
    </row>
    <row r="8123" spans="1:19" x14ac:dyDescent="0.25">
      <c r="A8123">
        <v>10300229</v>
      </c>
      <c r="B8123" t="s">
        <v>41661</v>
      </c>
      <c r="C8123" s="1" t="s">
        <v>41662</v>
      </c>
      <c r="D8123">
        <v>10301298</v>
      </c>
      <c r="E8123">
        <v>1</v>
      </c>
      <c r="F8123">
        <v>0</v>
      </c>
      <c r="H8123" t="s">
        <v>41663</v>
      </c>
      <c r="J8123" t="s">
        <v>41664</v>
      </c>
      <c r="O8123">
        <v>1283209</v>
      </c>
      <c r="P8123">
        <v>1</v>
      </c>
      <c r="Q8123">
        <v>0</v>
      </c>
      <c r="R8123" t="s">
        <v>41665</v>
      </c>
      <c r="S8123">
        <v>109</v>
      </c>
    </row>
    <row r="8124" spans="1:19" x14ac:dyDescent="0.25">
      <c r="A8124">
        <v>1746352</v>
      </c>
      <c r="B8124" t="s">
        <v>41666</v>
      </c>
      <c r="C8124" s="1" t="s">
        <v>41667</v>
      </c>
      <c r="D8124">
        <v>1746417</v>
      </c>
      <c r="E8124">
        <v>2</v>
      </c>
      <c r="F8124">
        <v>0</v>
      </c>
      <c r="H8124" t="s">
        <v>41668</v>
      </c>
      <c r="I8124">
        <v>1</v>
      </c>
      <c r="J8124" t="s">
        <v>41669</v>
      </c>
      <c r="O8124">
        <v>171187</v>
      </c>
      <c r="P8124">
        <v>1</v>
      </c>
      <c r="Q8124">
        <v>2</v>
      </c>
      <c r="R8124" t="s">
        <v>41670</v>
      </c>
      <c r="S8124">
        <v>212</v>
      </c>
    </row>
    <row r="8125" spans="1:19" x14ac:dyDescent="0.25">
      <c r="A8125">
        <v>6979190</v>
      </c>
      <c r="B8125" t="s">
        <v>41671</v>
      </c>
      <c r="C8125" s="1" t="s">
        <v>41672</v>
      </c>
      <c r="D8125">
        <v>6979658</v>
      </c>
      <c r="E8125">
        <v>1</v>
      </c>
      <c r="F8125">
        <v>0</v>
      </c>
      <c r="H8125" t="s">
        <v>41673</v>
      </c>
      <c r="J8125" t="s">
        <v>41674</v>
      </c>
      <c r="K8125" t="s">
        <v>41674</v>
      </c>
      <c r="M8125">
        <v>4927984</v>
      </c>
      <c r="O8125">
        <v>229555</v>
      </c>
      <c r="P8125">
        <v>1</v>
      </c>
      <c r="Q8125">
        <v>5</v>
      </c>
      <c r="R8125" t="s">
        <v>41675</v>
      </c>
      <c r="S8125">
        <v>1089</v>
      </c>
    </row>
    <row r="8126" spans="1:19" x14ac:dyDescent="0.25">
      <c r="A8126">
        <v>16102667</v>
      </c>
      <c r="B8126" t="s">
        <v>41676</v>
      </c>
      <c r="C8126" s="1" t="s">
        <v>41677</v>
      </c>
      <c r="E8126">
        <v>2</v>
      </c>
      <c r="F8126">
        <v>5</v>
      </c>
      <c r="H8126" t="s">
        <v>41678</v>
      </c>
      <c r="J8126" t="s">
        <v>41679</v>
      </c>
      <c r="K8126" t="s">
        <v>41680</v>
      </c>
      <c r="M8126">
        <v>348987</v>
      </c>
      <c r="O8126">
        <v>1202194</v>
      </c>
      <c r="P8126">
        <v>1</v>
      </c>
      <c r="Q8126">
        <v>0</v>
      </c>
      <c r="R8126" t="s">
        <v>41681</v>
      </c>
      <c r="S8126">
        <v>566</v>
      </c>
    </row>
    <row r="8127" spans="1:19" x14ac:dyDescent="0.25">
      <c r="A8127">
        <v>8676175</v>
      </c>
      <c r="B8127" t="s">
        <v>41682</v>
      </c>
      <c r="C8127" s="1" t="s">
        <v>41683</v>
      </c>
      <c r="D8127">
        <v>8676264</v>
      </c>
      <c r="E8127">
        <v>1</v>
      </c>
      <c r="F8127">
        <v>0</v>
      </c>
      <c r="H8127" t="s">
        <v>41684</v>
      </c>
      <c r="J8127" t="s">
        <v>41685</v>
      </c>
      <c r="O8127">
        <v>183527</v>
      </c>
      <c r="P8127">
        <v>1</v>
      </c>
      <c r="Q8127">
        <v>0</v>
      </c>
      <c r="R8127" t="s">
        <v>41686</v>
      </c>
      <c r="S8127">
        <v>556</v>
      </c>
    </row>
    <row r="8128" spans="1:19" x14ac:dyDescent="0.25">
      <c r="A8128">
        <v>44982169</v>
      </c>
      <c r="B8128" t="s">
        <v>41687</v>
      </c>
      <c r="C8128" s="1" t="s">
        <v>41688</v>
      </c>
      <c r="E8128">
        <v>2</v>
      </c>
      <c r="F8128">
        <v>0</v>
      </c>
      <c r="H8128" t="s">
        <v>41689</v>
      </c>
      <c r="J8128" t="s">
        <v>41690</v>
      </c>
      <c r="N8128" t="s">
        <v>41691</v>
      </c>
      <c r="P8128">
        <v>1</v>
      </c>
      <c r="Q8128">
        <v>0</v>
      </c>
      <c r="R8128" t="s">
        <v>41692</v>
      </c>
      <c r="S8128">
        <v>52</v>
      </c>
    </row>
    <row r="8129" spans="1:19" x14ac:dyDescent="0.25">
      <c r="A8129">
        <v>42469933</v>
      </c>
      <c r="B8129" t="s">
        <v>41693</v>
      </c>
      <c r="C8129" s="1" t="s">
        <v>41694</v>
      </c>
      <c r="D8129">
        <v>42471586</v>
      </c>
      <c r="E8129">
        <v>1</v>
      </c>
      <c r="F8129">
        <v>0</v>
      </c>
      <c r="H8129" t="s">
        <v>41695</v>
      </c>
      <c r="J8129" t="s">
        <v>41696</v>
      </c>
      <c r="O8129">
        <v>1692185</v>
      </c>
      <c r="P8129">
        <v>1</v>
      </c>
      <c r="Q8129">
        <v>0</v>
      </c>
      <c r="R8129" t="s">
        <v>41697</v>
      </c>
      <c r="S8129">
        <v>177</v>
      </c>
    </row>
    <row r="8130" spans="1:19" x14ac:dyDescent="0.25">
      <c r="A8130">
        <v>38742334</v>
      </c>
      <c r="B8130" t="s">
        <v>41698</v>
      </c>
      <c r="C8130" s="1" t="s">
        <v>41699</v>
      </c>
      <c r="D8130">
        <v>38742438</v>
      </c>
      <c r="E8130">
        <v>7</v>
      </c>
      <c r="F8130">
        <v>3</v>
      </c>
      <c r="H8130" t="s">
        <v>41700</v>
      </c>
      <c r="I8130">
        <v>25</v>
      </c>
      <c r="J8130" t="s">
        <v>41701</v>
      </c>
      <c r="K8130" t="s">
        <v>41701</v>
      </c>
      <c r="M8130">
        <v>512965</v>
      </c>
      <c r="O8130">
        <v>5280687</v>
      </c>
      <c r="P8130">
        <v>1</v>
      </c>
      <c r="Q8130">
        <v>72</v>
      </c>
      <c r="R8130" t="s">
        <v>41702</v>
      </c>
      <c r="S8130">
        <v>114256</v>
      </c>
    </row>
    <row r="8131" spans="1:19" x14ac:dyDescent="0.25">
      <c r="A8131">
        <v>1885450</v>
      </c>
      <c r="B8131" t="s">
        <v>41703</v>
      </c>
      <c r="C8131" t="s">
        <v>41704</v>
      </c>
      <c r="D8131">
        <v>1885468</v>
      </c>
      <c r="E8131">
        <v>4</v>
      </c>
      <c r="F8131">
        <v>3</v>
      </c>
      <c r="H8131" t="s">
        <v>41705</v>
      </c>
      <c r="J8131" t="s">
        <v>41706</v>
      </c>
      <c r="O8131">
        <v>115751</v>
      </c>
      <c r="P8131">
        <v>1</v>
      </c>
      <c r="Q8131">
        <v>2</v>
      </c>
      <c r="R8131" t="s">
        <v>41707</v>
      </c>
      <c r="S8131">
        <v>116</v>
      </c>
    </row>
    <row r="8132" spans="1:19" x14ac:dyDescent="0.25">
      <c r="A8132">
        <v>37036671</v>
      </c>
      <c r="B8132" t="s">
        <v>41708</v>
      </c>
      <c r="C8132" s="1" t="s">
        <v>41709</v>
      </c>
      <c r="D8132">
        <v>37055868</v>
      </c>
      <c r="E8132">
        <v>2</v>
      </c>
      <c r="F8132">
        <v>0</v>
      </c>
      <c r="H8132" t="s">
        <v>41710</v>
      </c>
      <c r="J8132" t="s">
        <v>41711</v>
      </c>
      <c r="O8132">
        <v>40015</v>
      </c>
      <c r="P8132">
        <v>1</v>
      </c>
      <c r="Q8132">
        <v>0</v>
      </c>
      <c r="R8132" t="s">
        <v>41712</v>
      </c>
      <c r="S8132">
        <v>37</v>
      </c>
    </row>
    <row r="8133" spans="1:19" x14ac:dyDescent="0.25">
      <c r="A8133">
        <v>6354049</v>
      </c>
      <c r="B8133" t="s">
        <v>41713</v>
      </c>
      <c r="C8133" s="1" t="s">
        <v>41714</v>
      </c>
      <c r="D8133">
        <v>6354092</v>
      </c>
      <c r="E8133">
        <v>1</v>
      </c>
      <c r="F8133">
        <v>0</v>
      </c>
      <c r="H8133" t="s">
        <v>41715</v>
      </c>
      <c r="J8133" t="s">
        <v>41716</v>
      </c>
      <c r="K8133" t="s">
        <v>41716</v>
      </c>
      <c r="M8133">
        <v>732945</v>
      </c>
      <c r="O8133">
        <v>465558</v>
      </c>
      <c r="P8133">
        <v>1</v>
      </c>
      <c r="Q8133">
        <v>2</v>
      </c>
      <c r="R8133" t="s">
        <v>8946</v>
      </c>
      <c r="S8133">
        <v>293</v>
      </c>
    </row>
    <row r="8134" spans="1:19" x14ac:dyDescent="0.25">
      <c r="A8134">
        <v>18634075</v>
      </c>
      <c r="B8134" t="s">
        <v>41717</v>
      </c>
      <c r="C8134" s="1" t="s">
        <v>41718</v>
      </c>
      <c r="D8134">
        <v>18639205</v>
      </c>
      <c r="E8134">
        <v>1</v>
      </c>
      <c r="F8134">
        <v>1</v>
      </c>
      <c r="H8134" t="s">
        <v>41719</v>
      </c>
      <c r="J8134" t="s">
        <v>41720</v>
      </c>
      <c r="O8134">
        <v>1712824</v>
      </c>
      <c r="P8134">
        <v>1</v>
      </c>
      <c r="Q8134">
        <v>0</v>
      </c>
      <c r="R8134" t="s">
        <v>41721</v>
      </c>
      <c r="S8134">
        <v>163</v>
      </c>
    </row>
    <row r="8135" spans="1:19" x14ac:dyDescent="0.25">
      <c r="A8135">
        <v>24847526</v>
      </c>
      <c r="B8135" t="s">
        <v>41722</v>
      </c>
      <c r="C8135" s="1" t="s">
        <v>41723</v>
      </c>
      <c r="E8135">
        <v>0</v>
      </c>
      <c r="F8135">
        <v>2</v>
      </c>
      <c r="H8135" t="s">
        <v>41724</v>
      </c>
      <c r="J8135" t="s">
        <v>41724</v>
      </c>
      <c r="O8135">
        <v>1125910</v>
      </c>
      <c r="P8135">
        <v>1</v>
      </c>
      <c r="Q8135">
        <v>1</v>
      </c>
      <c r="R8135" t="s">
        <v>41725</v>
      </c>
      <c r="S8135">
        <v>150</v>
      </c>
    </row>
    <row r="8136" spans="1:19" x14ac:dyDescent="0.25">
      <c r="A8136">
        <v>29622004</v>
      </c>
      <c r="B8136" t="s">
        <v>41726</v>
      </c>
      <c r="C8136" s="1" t="s">
        <v>41727</v>
      </c>
      <c r="E8136">
        <v>1</v>
      </c>
      <c r="F8136">
        <v>0</v>
      </c>
      <c r="H8136" t="s">
        <v>41728</v>
      </c>
      <c r="J8136" t="s">
        <v>41729</v>
      </c>
      <c r="O8136">
        <v>651198</v>
      </c>
      <c r="P8136">
        <v>1</v>
      </c>
      <c r="Q8136">
        <v>0</v>
      </c>
      <c r="R8136" t="s">
        <v>41730</v>
      </c>
      <c r="S8136">
        <v>506</v>
      </c>
    </row>
    <row r="8137" spans="1:19" x14ac:dyDescent="0.25">
      <c r="A8137">
        <v>25617329</v>
      </c>
      <c r="B8137" t="s">
        <v>41731</v>
      </c>
      <c r="C8137" t="s">
        <v>41732</v>
      </c>
      <c r="E8137">
        <v>0</v>
      </c>
      <c r="F8137">
        <v>5</v>
      </c>
      <c r="H8137" t="s">
        <v>41733</v>
      </c>
      <c r="J8137" t="s">
        <v>41733</v>
      </c>
      <c r="O8137">
        <v>3605516</v>
      </c>
      <c r="P8137">
        <v>1</v>
      </c>
      <c r="Q8137">
        <v>0</v>
      </c>
      <c r="R8137" t="s">
        <v>41734</v>
      </c>
      <c r="S8137">
        <v>51</v>
      </c>
    </row>
    <row r="8138" spans="1:19" x14ac:dyDescent="0.25">
      <c r="A8138">
        <v>8982762</v>
      </c>
      <c r="B8138" t="s">
        <v>41735</v>
      </c>
      <c r="C8138" s="1" t="s">
        <v>41736</v>
      </c>
      <c r="D8138">
        <v>8997268</v>
      </c>
      <c r="E8138">
        <v>2</v>
      </c>
      <c r="F8138">
        <v>2</v>
      </c>
      <c r="H8138" t="s">
        <v>41737</v>
      </c>
      <c r="I8138">
        <v>4</v>
      </c>
      <c r="J8138" t="s">
        <v>41738</v>
      </c>
      <c r="K8138" t="s">
        <v>41738</v>
      </c>
      <c r="M8138">
        <v>2880970</v>
      </c>
      <c r="O8138">
        <v>412478</v>
      </c>
      <c r="P8138">
        <v>1</v>
      </c>
      <c r="Q8138">
        <v>2</v>
      </c>
      <c r="R8138" t="s">
        <v>41739</v>
      </c>
      <c r="S8138">
        <v>2364</v>
      </c>
    </row>
    <row r="8139" spans="1:19" x14ac:dyDescent="0.25">
      <c r="A8139">
        <v>38792150</v>
      </c>
      <c r="B8139" t="s">
        <v>41740</v>
      </c>
      <c r="C8139" s="1" t="s">
        <v>41741</v>
      </c>
      <c r="D8139">
        <v>38825266</v>
      </c>
      <c r="E8139">
        <v>1</v>
      </c>
      <c r="F8139">
        <v>3</v>
      </c>
      <c r="H8139" t="s">
        <v>41742</v>
      </c>
      <c r="I8139">
        <v>0</v>
      </c>
      <c r="J8139" t="s">
        <v>41743</v>
      </c>
      <c r="K8139" t="s">
        <v>41744</v>
      </c>
      <c r="M8139">
        <v>1741186</v>
      </c>
      <c r="O8139">
        <v>2490877</v>
      </c>
      <c r="P8139">
        <v>1</v>
      </c>
      <c r="Q8139">
        <v>0</v>
      </c>
      <c r="R8139" t="s">
        <v>41745</v>
      </c>
      <c r="S8139">
        <v>69</v>
      </c>
    </row>
    <row r="8140" spans="1:19" x14ac:dyDescent="0.25">
      <c r="A8140">
        <v>48486229</v>
      </c>
      <c r="B8140" t="s">
        <v>41746</v>
      </c>
      <c r="C8140" s="1" t="s">
        <v>41747</v>
      </c>
      <c r="D8140">
        <v>48486295</v>
      </c>
      <c r="E8140">
        <v>3</v>
      </c>
      <c r="F8140">
        <v>0</v>
      </c>
      <c r="H8140" t="s">
        <v>41748</v>
      </c>
      <c r="J8140" t="s">
        <v>41749</v>
      </c>
      <c r="K8140" t="s">
        <v>41750</v>
      </c>
      <c r="M8140">
        <v>1945651</v>
      </c>
      <c r="O8140">
        <v>4485728</v>
      </c>
      <c r="P8140">
        <v>1</v>
      </c>
      <c r="Q8140">
        <v>0</v>
      </c>
      <c r="R8140" t="s">
        <v>41751</v>
      </c>
      <c r="S8140">
        <v>71</v>
      </c>
    </row>
    <row r="8141" spans="1:19" x14ac:dyDescent="0.25">
      <c r="A8141">
        <v>18836285</v>
      </c>
      <c r="B8141" t="s">
        <v>41752</v>
      </c>
      <c r="C8141" s="1" t="s">
        <v>41753</v>
      </c>
      <c r="E8141">
        <v>1</v>
      </c>
      <c r="F8141">
        <v>1</v>
      </c>
      <c r="H8141" t="s">
        <v>41754</v>
      </c>
      <c r="I8141">
        <v>1</v>
      </c>
      <c r="J8141" t="s">
        <v>41755</v>
      </c>
      <c r="O8141">
        <v>281608</v>
      </c>
      <c r="P8141">
        <v>1</v>
      </c>
      <c r="Q8141">
        <v>3</v>
      </c>
      <c r="R8141" t="s">
        <v>41756</v>
      </c>
      <c r="S8141">
        <v>2345</v>
      </c>
    </row>
    <row r="8142" spans="1:19" x14ac:dyDescent="0.25">
      <c r="A8142">
        <v>24225166</v>
      </c>
      <c r="B8142" t="s">
        <v>41757</v>
      </c>
      <c r="C8142" s="1" t="s">
        <v>41758</v>
      </c>
      <c r="D8142">
        <v>24582662</v>
      </c>
      <c r="E8142">
        <v>2</v>
      </c>
      <c r="F8142">
        <v>0</v>
      </c>
      <c r="H8142" t="s">
        <v>41759</v>
      </c>
      <c r="J8142" t="s">
        <v>41760</v>
      </c>
      <c r="O8142">
        <v>3351996</v>
      </c>
      <c r="P8142">
        <v>1</v>
      </c>
      <c r="Q8142">
        <v>0</v>
      </c>
      <c r="R8142" t="s">
        <v>41761</v>
      </c>
      <c r="S8142">
        <v>67</v>
      </c>
    </row>
    <row r="8143" spans="1:19" x14ac:dyDescent="0.25">
      <c r="A8143">
        <v>33613552</v>
      </c>
      <c r="B8143" t="s">
        <v>41762</v>
      </c>
      <c r="C8143" t="s">
        <v>41763</v>
      </c>
      <c r="E8143">
        <v>0</v>
      </c>
      <c r="F8143">
        <v>3</v>
      </c>
      <c r="H8143" t="s">
        <v>41764</v>
      </c>
      <c r="J8143" t="s">
        <v>41764</v>
      </c>
      <c r="O8143">
        <v>1677909</v>
      </c>
      <c r="P8143">
        <v>1</v>
      </c>
      <c r="Q8143">
        <v>1</v>
      </c>
      <c r="R8143" t="s">
        <v>41765</v>
      </c>
      <c r="S8143">
        <v>71</v>
      </c>
    </row>
    <row r="8144" spans="1:19" x14ac:dyDescent="0.25">
      <c r="A8144">
        <v>29776720</v>
      </c>
      <c r="B8144" t="s">
        <v>41766</v>
      </c>
      <c r="C8144" s="1" t="s">
        <v>41767</v>
      </c>
      <c r="E8144">
        <v>0</v>
      </c>
      <c r="F8144">
        <v>7</v>
      </c>
      <c r="H8144" t="s">
        <v>41768</v>
      </c>
      <c r="J8144" t="s">
        <v>41768</v>
      </c>
      <c r="O8144">
        <v>4403737</v>
      </c>
      <c r="P8144">
        <v>1</v>
      </c>
      <c r="Q8144">
        <v>0</v>
      </c>
      <c r="R8144" t="s">
        <v>3763</v>
      </c>
      <c r="S8144">
        <v>120</v>
      </c>
    </row>
    <row r="8145" spans="1:19" x14ac:dyDescent="0.25">
      <c r="A8145">
        <v>486313</v>
      </c>
      <c r="B8145" t="s">
        <v>41769</v>
      </c>
      <c r="C8145" s="1" t="s">
        <v>41770</v>
      </c>
      <c r="D8145">
        <v>531185</v>
      </c>
      <c r="E8145">
        <v>2</v>
      </c>
      <c r="F8145">
        <v>0</v>
      </c>
      <c r="H8145" t="s">
        <v>41771</v>
      </c>
      <c r="J8145" t="s">
        <v>41772</v>
      </c>
      <c r="K8145" t="s">
        <v>41773</v>
      </c>
      <c r="L8145" t="s">
        <v>41774</v>
      </c>
      <c r="M8145">
        <v>51078</v>
      </c>
      <c r="N8145" t="s">
        <v>41774</v>
      </c>
      <c r="O8145">
        <v>51078</v>
      </c>
      <c r="P8145">
        <v>1</v>
      </c>
      <c r="Q8145">
        <v>0</v>
      </c>
      <c r="R8145" t="s">
        <v>41775</v>
      </c>
      <c r="S8145">
        <v>74</v>
      </c>
    </row>
    <row r="8146" spans="1:19" x14ac:dyDescent="0.25">
      <c r="A8146">
        <v>41149133</v>
      </c>
      <c r="B8146" t="s">
        <v>41776</v>
      </c>
      <c r="C8146" s="1" t="s">
        <v>41777</v>
      </c>
      <c r="E8146">
        <v>2</v>
      </c>
      <c r="F8146">
        <v>4</v>
      </c>
      <c r="H8146" t="s">
        <v>41778</v>
      </c>
      <c r="I8146">
        <v>1</v>
      </c>
      <c r="J8146" t="s">
        <v>41779</v>
      </c>
      <c r="O8146">
        <v>7298104</v>
      </c>
      <c r="P8146">
        <v>1</v>
      </c>
      <c r="Q8146">
        <v>0</v>
      </c>
      <c r="R8146" t="s">
        <v>41780</v>
      </c>
      <c r="S8146">
        <v>2543</v>
      </c>
    </row>
    <row r="8147" spans="1:19" x14ac:dyDescent="0.25">
      <c r="A8147">
        <v>51051938</v>
      </c>
      <c r="B8147" t="s">
        <v>41781</v>
      </c>
      <c r="C8147" s="1" t="s">
        <v>41782</v>
      </c>
      <c r="D8147">
        <v>51052049</v>
      </c>
      <c r="E8147">
        <v>1</v>
      </c>
      <c r="F8147">
        <v>14</v>
      </c>
      <c r="H8147" t="s">
        <v>41783</v>
      </c>
      <c r="J8147" t="s">
        <v>41784</v>
      </c>
      <c r="K8147" t="s">
        <v>41785</v>
      </c>
      <c r="M8147">
        <v>302248</v>
      </c>
      <c r="O8147">
        <v>9961297</v>
      </c>
      <c r="P8147">
        <v>1</v>
      </c>
      <c r="Q8147">
        <v>-4</v>
      </c>
      <c r="R8147" t="s">
        <v>8946</v>
      </c>
      <c r="S8147">
        <v>53</v>
      </c>
    </row>
    <row r="8148" spans="1:19" x14ac:dyDescent="0.25">
      <c r="A8148">
        <v>44612157</v>
      </c>
      <c r="B8148" t="s">
        <v>41786</v>
      </c>
      <c r="C8148" s="1" t="s">
        <v>41787</v>
      </c>
      <c r="E8148">
        <v>0</v>
      </c>
      <c r="F8148">
        <v>4</v>
      </c>
      <c r="H8148" t="s">
        <v>41788</v>
      </c>
      <c r="J8148" t="s">
        <v>41788</v>
      </c>
      <c r="O8148">
        <v>286080</v>
      </c>
      <c r="P8148">
        <v>1</v>
      </c>
      <c r="Q8148">
        <v>0</v>
      </c>
      <c r="R8148" t="s">
        <v>41789</v>
      </c>
      <c r="S8148">
        <v>53</v>
      </c>
    </row>
    <row r="8149" spans="1:19" x14ac:dyDescent="0.25">
      <c r="A8149">
        <v>6416105</v>
      </c>
      <c r="B8149" t="s">
        <v>41790</v>
      </c>
      <c r="C8149" s="1" t="s">
        <v>41791</v>
      </c>
      <c r="E8149">
        <v>1</v>
      </c>
      <c r="F8149">
        <v>0</v>
      </c>
      <c r="H8149" t="s">
        <v>41792</v>
      </c>
      <c r="J8149" t="s">
        <v>41793</v>
      </c>
      <c r="K8149" t="s">
        <v>41794</v>
      </c>
      <c r="M8149">
        <v>347172</v>
      </c>
      <c r="O8149">
        <v>347172</v>
      </c>
      <c r="P8149">
        <v>1</v>
      </c>
      <c r="Q8149">
        <v>0</v>
      </c>
      <c r="R8149" t="s">
        <v>41795</v>
      </c>
      <c r="S8149">
        <v>490</v>
      </c>
    </row>
    <row r="8150" spans="1:19" x14ac:dyDescent="0.25">
      <c r="A8150">
        <v>13640260</v>
      </c>
      <c r="B8150" t="s">
        <v>41796</v>
      </c>
      <c r="C8150" t="s">
        <v>41797</v>
      </c>
      <c r="D8150">
        <v>13644728</v>
      </c>
      <c r="E8150">
        <v>2</v>
      </c>
      <c r="F8150">
        <v>2</v>
      </c>
      <c r="H8150" t="s">
        <v>41798</v>
      </c>
      <c r="J8150" t="s">
        <v>41799</v>
      </c>
      <c r="O8150">
        <v>1865437</v>
      </c>
      <c r="P8150">
        <v>1</v>
      </c>
      <c r="Q8150">
        <v>2</v>
      </c>
      <c r="R8150" t="s">
        <v>41800</v>
      </c>
      <c r="S8150">
        <v>1506</v>
      </c>
    </row>
    <row r="8151" spans="1:19" x14ac:dyDescent="0.25">
      <c r="A8151">
        <v>52786736</v>
      </c>
      <c r="B8151" t="s">
        <v>41801</v>
      </c>
      <c r="C8151" s="1" t="s">
        <v>41802</v>
      </c>
      <c r="E8151">
        <v>4</v>
      </c>
      <c r="F8151">
        <v>5</v>
      </c>
      <c r="H8151" t="s">
        <v>41803</v>
      </c>
      <c r="J8151" t="s">
        <v>41804</v>
      </c>
      <c r="K8151" t="s">
        <v>41805</v>
      </c>
      <c r="M8151">
        <v>5522303</v>
      </c>
      <c r="O8151">
        <v>10497095</v>
      </c>
      <c r="P8151">
        <v>1</v>
      </c>
      <c r="Q8151">
        <v>-2</v>
      </c>
      <c r="R8151" t="s">
        <v>41806</v>
      </c>
      <c r="S8151">
        <v>159</v>
      </c>
    </row>
    <row r="8152" spans="1:19" x14ac:dyDescent="0.25">
      <c r="A8152">
        <v>26291001</v>
      </c>
      <c r="B8152" t="s">
        <v>41807</v>
      </c>
      <c r="C8152" s="1" t="s">
        <v>41808</v>
      </c>
      <c r="D8152">
        <v>26291030</v>
      </c>
      <c r="E8152">
        <v>2</v>
      </c>
      <c r="F8152">
        <v>1</v>
      </c>
      <c r="H8152" t="s">
        <v>41809</v>
      </c>
      <c r="J8152" t="s">
        <v>41810</v>
      </c>
      <c r="K8152" t="s">
        <v>41810</v>
      </c>
      <c r="M8152">
        <v>3859027</v>
      </c>
      <c r="O8152">
        <v>534369</v>
      </c>
      <c r="P8152">
        <v>1</v>
      </c>
      <c r="Q8152">
        <v>1</v>
      </c>
      <c r="R8152" t="s">
        <v>9846</v>
      </c>
      <c r="S8152">
        <v>84</v>
      </c>
    </row>
    <row r="8153" spans="1:19" x14ac:dyDescent="0.25">
      <c r="A8153">
        <v>16173169</v>
      </c>
      <c r="B8153" t="s">
        <v>41811</v>
      </c>
      <c r="C8153" s="1" t="s">
        <v>41812</v>
      </c>
      <c r="D8153">
        <v>16173513</v>
      </c>
      <c r="E8153">
        <v>1</v>
      </c>
      <c r="F8153">
        <v>2</v>
      </c>
      <c r="H8153" t="s">
        <v>41813</v>
      </c>
      <c r="J8153" t="s">
        <v>41814</v>
      </c>
      <c r="K8153" t="s">
        <v>41815</v>
      </c>
      <c r="M8153">
        <v>1826552</v>
      </c>
      <c r="O8153">
        <v>1826552</v>
      </c>
      <c r="P8153">
        <v>1</v>
      </c>
      <c r="Q8153">
        <v>3</v>
      </c>
      <c r="R8153" t="s">
        <v>41816</v>
      </c>
      <c r="S8153">
        <v>73</v>
      </c>
    </row>
    <row r="8154" spans="1:19" x14ac:dyDescent="0.25">
      <c r="A8154">
        <v>22570411</v>
      </c>
      <c r="B8154" t="s">
        <v>41817</v>
      </c>
      <c r="C8154" s="1" t="s">
        <v>41818</v>
      </c>
      <c r="D8154">
        <v>22570488</v>
      </c>
      <c r="E8154">
        <v>2</v>
      </c>
      <c r="F8154">
        <v>0</v>
      </c>
      <c r="H8154" t="s">
        <v>41819</v>
      </c>
      <c r="J8154" t="s">
        <v>41820</v>
      </c>
      <c r="K8154" t="s">
        <v>41820</v>
      </c>
      <c r="M8154">
        <v>3281466</v>
      </c>
      <c r="O8154">
        <v>3281466</v>
      </c>
      <c r="P8154">
        <v>1</v>
      </c>
      <c r="Q8154">
        <v>3</v>
      </c>
      <c r="R8154" t="s">
        <v>41821</v>
      </c>
      <c r="S8154">
        <v>97</v>
      </c>
    </row>
    <row r="8155" spans="1:19" x14ac:dyDescent="0.25">
      <c r="A8155">
        <v>10133949</v>
      </c>
      <c r="B8155" t="s">
        <v>41822</v>
      </c>
      <c r="C8155" s="1" t="s">
        <v>41823</v>
      </c>
      <c r="D8155">
        <v>10195986</v>
      </c>
      <c r="E8155">
        <v>1</v>
      </c>
      <c r="F8155">
        <v>2</v>
      </c>
      <c r="H8155" t="s">
        <v>41824</v>
      </c>
      <c r="I8155">
        <v>1</v>
      </c>
      <c r="J8155" t="s">
        <v>41825</v>
      </c>
      <c r="O8155">
        <v>1306973</v>
      </c>
      <c r="P8155">
        <v>1</v>
      </c>
      <c r="Q8155">
        <v>1</v>
      </c>
      <c r="R8155" t="s">
        <v>41826</v>
      </c>
      <c r="S8155">
        <v>3073</v>
      </c>
    </row>
    <row r="8156" spans="1:19" x14ac:dyDescent="0.25">
      <c r="A8156">
        <v>3950437</v>
      </c>
      <c r="B8156" t="s">
        <v>41827</v>
      </c>
      <c r="C8156" s="1" t="s">
        <v>41828</v>
      </c>
      <c r="D8156">
        <v>3950537</v>
      </c>
      <c r="E8156">
        <v>2</v>
      </c>
      <c r="F8156">
        <v>0</v>
      </c>
      <c r="H8156" t="s">
        <v>41829</v>
      </c>
      <c r="J8156" t="s">
        <v>41830</v>
      </c>
      <c r="K8156" t="s">
        <v>41830</v>
      </c>
      <c r="M8156">
        <v>200449</v>
      </c>
      <c r="O8156">
        <v>200449</v>
      </c>
      <c r="P8156">
        <v>1</v>
      </c>
      <c r="Q8156">
        <v>0</v>
      </c>
      <c r="R8156" t="s">
        <v>41831</v>
      </c>
      <c r="S8156">
        <v>1169</v>
      </c>
    </row>
    <row r="8157" spans="1:19" x14ac:dyDescent="0.25">
      <c r="A8157">
        <v>7210287</v>
      </c>
      <c r="B8157" t="s">
        <v>41832</v>
      </c>
      <c r="C8157" s="1" t="s">
        <v>41833</v>
      </c>
      <c r="D8157">
        <v>7211698</v>
      </c>
      <c r="E8157">
        <v>1</v>
      </c>
      <c r="F8157">
        <v>0</v>
      </c>
      <c r="H8157" t="s">
        <v>41834</v>
      </c>
      <c r="J8157" t="s">
        <v>41835</v>
      </c>
      <c r="O8157">
        <v>562117</v>
      </c>
      <c r="P8157">
        <v>1</v>
      </c>
      <c r="Q8157">
        <v>3</v>
      </c>
      <c r="R8157" t="s">
        <v>41836</v>
      </c>
      <c r="S8157">
        <v>3087</v>
      </c>
    </row>
    <row r="8158" spans="1:19" x14ac:dyDescent="0.25">
      <c r="A8158">
        <v>49547829</v>
      </c>
      <c r="B8158" t="s">
        <v>41837</v>
      </c>
      <c r="C8158" s="1" t="s">
        <v>41838</v>
      </c>
      <c r="D8158">
        <v>49548059</v>
      </c>
      <c r="E8158">
        <v>1</v>
      </c>
      <c r="F8158">
        <v>1</v>
      </c>
      <c r="H8158" t="s">
        <v>41839</v>
      </c>
      <c r="J8158" t="s">
        <v>41840</v>
      </c>
      <c r="O8158">
        <v>6780389</v>
      </c>
      <c r="P8158">
        <v>1</v>
      </c>
      <c r="Q8158">
        <v>0</v>
      </c>
      <c r="R8158" t="s">
        <v>41841</v>
      </c>
      <c r="S8158">
        <v>146</v>
      </c>
    </row>
    <row r="8159" spans="1:19" x14ac:dyDescent="0.25">
      <c r="A8159">
        <v>32372791</v>
      </c>
      <c r="B8159" t="s">
        <v>41842</v>
      </c>
      <c r="C8159" s="1" t="s">
        <v>41843</v>
      </c>
      <c r="D8159">
        <v>32372944</v>
      </c>
      <c r="E8159">
        <v>1</v>
      </c>
      <c r="F8159">
        <v>0</v>
      </c>
      <c r="H8159" t="s">
        <v>41844</v>
      </c>
      <c r="J8159" t="s">
        <v>41845</v>
      </c>
      <c r="O8159">
        <v>4177142</v>
      </c>
      <c r="P8159">
        <v>1</v>
      </c>
      <c r="Q8159">
        <v>0</v>
      </c>
      <c r="R8159" t="s">
        <v>41846</v>
      </c>
      <c r="S8159">
        <v>28</v>
      </c>
    </row>
    <row r="8160" spans="1:19" x14ac:dyDescent="0.25">
      <c r="A8160">
        <v>45790758</v>
      </c>
      <c r="B8160" t="s">
        <v>41847</v>
      </c>
      <c r="C8160" s="1" t="s">
        <v>41848</v>
      </c>
      <c r="E8160">
        <v>0</v>
      </c>
      <c r="F8160">
        <v>2</v>
      </c>
      <c r="H8160" t="s">
        <v>41849</v>
      </c>
      <c r="J8160" t="s">
        <v>41850</v>
      </c>
      <c r="K8160" t="s">
        <v>41850</v>
      </c>
      <c r="M8160">
        <v>5389997</v>
      </c>
      <c r="O8160">
        <v>6612533</v>
      </c>
      <c r="P8160">
        <v>1</v>
      </c>
      <c r="Q8160">
        <v>0</v>
      </c>
      <c r="R8160" t="s">
        <v>41851</v>
      </c>
      <c r="S8160">
        <v>17</v>
      </c>
    </row>
    <row r="8161" spans="1:19" x14ac:dyDescent="0.25">
      <c r="A8161">
        <v>44207175</v>
      </c>
      <c r="B8161" t="s">
        <v>41852</v>
      </c>
      <c r="C8161" s="1" t="s">
        <v>41853</v>
      </c>
      <c r="D8161">
        <v>44208212</v>
      </c>
      <c r="E8161">
        <v>1</v>
      </c>
      <c r="F8161">
        <v>0</v>
      </c>
      <c r="H8161" t="s">
        <v>41854</v>
      </c>
      <c r="J8161" t="s">
        <v>41855</v>
      </c>
      <c r="O8161">
        <v>6641103</v>
      </c>
      <c r="P8161">
        <v>1</v>
      </c>
      <c r="Q8161">
        <v>0</v>
      </c>
      <c r="R8161" t="s">
        <v>41856</v>
      </c>
      <c r="S8161">
        <v>15</v>
      </c>
    </row>
    <row r="8162" spans="1:19" x14ac:dyDescent="0.25">
      <c r="A8162">
        <v>2451840</v>
      </c>
      <c r="B8162" t="s">
        <v>41857</v>
      </c>
      <c r="C8162" s="1" t="s">
        <v>41858</v>
      </c>
      <c r="D8162">
        <v>2454136</v>
      </c>
      <c r="E8162">
        <v>2</v>
      </c>
      <c r="F8162">
        <v>1</v>
      </c>
      <c r="H8162" t="s">
        <v>41859</v>
      </c>
      <c r="I8162">
        <v>2</v>
      </c>
      <c r="J8162" t="s">
        <v>41860</v>
      </c>
      <c r="K8162" t="s">
        <v>41860</v>
      </c>
      <c r="M8162">
        <v>63550</v>
      </c>
      <c r="O8162">
        <v>294453</v>
      </c>
      <c r="P8162">
        <v>1</v>
      </c>
      <c r="Q8162">
        <v>13</v>
      </c>
      <c r="R8162" t="s">
        <v>41861</v>
      </c>
      <c r="S8162">
        <v>23632</v>
      </c>
    </row>
    <row r="8163" spans="1:19" x14ac:dyDescent="0.25">
      <c r="A8163">
        <v>51733720</v>
      </c>
      <c r="B8163" t="s">
        <v>41862</v>
      </c>
      <c r="C8163" s="1" t="s">
        <v>41863</v>
      </c>
      <c r="E8163">
        <v>0</v>
      </c>
      <c r="F8163">
        <v>3</v>
      </c>
      <c r="H8163" t="s">
        <v>41864</v>
      </c>
      <c r="J8163" t="s">
        <v>41865</v>
      </c>
      <c r="K8163" t="s">
        <v>41866</v>
      </c>
      <c r="M8163">
        <v>2421075</v>
      </c>
      <c r="O8163">
        <v>2421075</v>
      </c>
      <c r="P8163">
        <v>1</v>
      </c>
      <c r="Q8163">
        <v>0</v>
      </c>
      <c r="R8163" t="s">
        <v>41867</v>
      </c>
      <c r="S8163">
        <v>46</v>
      </c>
    </row>
    <row r="8164" spans="1:19" x14ac:dyDescent="0.25">
      <c r="A8164">
        <v>51029784</v>
      </c>
      <c r="B8164" t="s">
        <v>41868</v>
      </c>
      <c r="C8164" s="1" t="s">
        <v>41869</v>
      </c>
      <c r="E8164">
        <v>0</v>
      </c>
      <c r="F8164">
        <v>4</v>
      </c>
      <c r="H8164" t="s">
        <v>41870</v>
      </c>
      <c r="J8164" t="s">
        <v>41870</v>
      </c>
      <c r="O8164">
        <v>5303183</v>
      </c>
      <c r="P8164">
        <v>1</v>
      </c>
      <c r="Q8164">
        <v>0</v>
      </c>
      <c r="R8164" t="s">
        <v>38067</v>
      </c>
      <c r="S8164">
        <v>209</v>
      </c>
    </row>
    <row r="8165" spans="1:19" x14ac:dyDescent="0.25">
      <c r="A8165">
        <v>1751625</v>
      </c>
      <c r="B8165" t="s">
        <v>41871</v>
      </c>
      <c r="C8165" s="1" t="s">
        <v>41872</v>
      </c>
      <c r="E8165">
        <v>1</v>
      </c>
      <c r="F8165">
        <v>0</v>
      </c>
      <c r="H8165" t="s">
        <v>41873</v>
      </c>
      <c r="I8165">
        <v>0</v>
      </c>
      <c r="J8165" t="s">
        <v>41874</v>
      </c>
      <c r="O8165">
        <v>210540</v>
      </c>
      <c r="P8165">
        <v>1</v>
      </c>
      <c r="Q8165">
        <v>3</v>
      </c>
      <c r="R8165" t="s">
        <v>41875</v>
      </c>
      <c r="S8165">
        <v>2583</v>
      </c>
    </row>
    <row r="8166" spans="1:19" x14ac:dyDescent="0.25">
      <c r="A8166">
        <v>20551209</v>
      </c>
      <c r="B8166" t="s">
        <v>41876</v>
      </c>
      <c r="C8166" s="1" t="s">
        <v>41877</v>
      </c>
      <c r="D8166">
        <v>20552604</v>
      </c>
      <c r="E8166">
        <v>1</v>
      </c>
      <c r="F8166">
        <v>3</v>
      </c>
      <c r="H8166" t="s">
        <v>41878</v>
      </c>
      <c r="J8166" t="s">
        <v>41879</v>
      </c>
      <c r="K8166" t="s">
        <v>41880</v>
      </c>
      <c r="M8166">
        <v>2999540</v>
      </c>
      <c r="O8166">
        <v>2999540</v>
      </c>
      <c r="P8166">
        <v>1</v>
      </c>
      <c r="Q8166">
        <v>0</v>
      </c>
      <c r="R8166" t="s">
        <v>41881</v>
      </c>
      <c r="S8166">
        <v>76</v>
      </c>
    </row>
    <row r="8167" spans="1:19" x14ac:dyDescent="0.25">
      <c r="A8167">
        <v>2718266</v>
      </c>
      <c r="B8167" t="s">
        <v>41882</v>
      </c>
      <c r="C8167" s="1" t="s">
        <v>41883</v>
      </c>
      <c r="D8167">
        <v>2718309</v>
      </c>
      <c r="E8167">
        <v>1</v>
      </c>
      <c r="F8167">
        <v>0</v>
      </c>
      <c r="H8167" t="s">
        <v>41884</v>
      </c>
      <c r="J8167" t="s">
        <v>41885</v>
      </c>
      <c r="O8167">
        <v>249543</v>
      </c>
      <c r="P8167">
        <v>1</v>
      </c>
      <c r="Q8167">
        <v>0</v>
      </c>
      <c r="R8167" t="s">
        <v>41886</v>
      </c>
      <c r="S8167">
        <v>135</v>
      </c>
    </row>
    <row r="8168" spans="1:19" x14ac:dyDescent="0.25">
      <c r="A8168">
        <v>48833649</v>
      </c>
      <c r="B8168" t="s">
        <v>41887</v>
      </c>
      <c r="C8168" s="1" t="s">
        <v>41888</v>
      </c>
      <c r="E8168">
        <v>1</v>
      </c>
      <c r="F8168">
        <v>4</v>
      </c>
      <c r="H8168" t="s">
        <v>41889</v>
      </c>
      <c r="J8168" t="s">
        <v>41890</v>
      </c>
      <c r="K8168" t="s">
        <v>41891</v>
      </c>
      <c r="M8168">
        <v>6569866</v>
      </c>
      <c r="O8168">
        <v>9318959</v>
      </c>
      <c r="P8168">
        <v>1</v>
      </c>
      <c r="Q8168">
        <v>0</v>
      </c>
      <c r="R8168" t="s">
        <v>41892</v>
      </c>
      <c r="S8168">
        <v>175</v>
      </c>
    </row>
    <row r="8169" spans="1:19" x14ac:dyDescent="0.25">
      <c r="A8169">
        <v>17863258</v>
      </c>
      <c r="B8169" t="s">
        <v>41893</v>
      </c>
      <c r="C8169" s="1" t="s">
        <v>41894</v>
      </c>
      <c r="D8169">
        <v>17863395</v>
      </c>
      <c r="E8169">
        <v>3</v>
      </c>
      <c r="F8169">
        <v>2</v>
      </c>
      <c r="H8169" t="s">
        <v>41895</v>
      </c>
      <c r="J8169" t="s">
        <v>41896</v>
      </c>
      <c r="O8169">
        <v>2619560</v>
      </c>
      <c r="P8169">
        <v>1</v>
      </c>
      <c r="Q8169">
        <v>0</v>
      </c>
      <c r="R8169" t="s">
        <v>41897</v>
      </c>
      <c r="S8169">
        <v>147</v>
      </c>
    </row>
    <row r="8170" spans="1:19" x14ac:dyDescent="0.25">
      <c r="A8170">
        <v>21186774</v>
      </c>
      <c r="B8170" t="s">
        <v>41898</v>
      </c>
      <c r="C8170" s="1" t="s">
        <v>41899</v>
      </c>
      <c r="D8170">
        <v>21187118</v>
      </c>
      <c r="E8170">
        <v>1</v>
      </c>
      <c r="F8170">
        <v>0</v>
      </c>
      <c r="H8170" t="s">
        <v>41900</v>
      </c>
      <c r="I8170">
        <v>1</v>
      </c>
      <c r="J8170" t="s">
        <v>41901</v>
      </c>
      <c r="O8170">
        <v>2630756</v>
      </c>
      <c r="P8170">
        <v>1</v>
      </c>
      <c r="Q8170">
        <v>1</v>
      </c>
      <c r="R8170" t="s">
        <v>41902</v>
      </c>
      <c r="S8170">
        <v>373</v>
      </c>
    </row>
    <row r="8171" spans="1:19" x14ac:dyDescent="0.25">
      <c r="A8171">
        <v>17012975</v>
      </c>
      <c r="B8171" t="s">
        <v>41903</v>
      </c>
      <c r="C8171" s="1" t="s">
        <v>41904</v>
      </c>
      <c r="D8171">
        <v>17013042</v>
      </c>
      <c r="E8171">
        <v>1</v>
      </c>
      <c r="F8171">
        <v>0</v>
      </c>
      <c r="H8171" t="s">
        <v>41905</v>
      </c>
      <c r="J8171" t="s">
        <v>41906</v>
      </c>
      <c r="O8171">
        <v>902952</v>
      </c>
      <c r="P8171">
        <v>1</v>
      </c>
      <c r="Q8171">
        <v>0</v>
      </c>
      <c r="R8171" t="s">
        <v>41907</v>
      </c>
      <c r="S8171">
        <v>175</v>
      </c>
    </row>
    <row r="8172" spans="1:19" x14ac:dyDescent="0.25">
      <c r="A8172">
        <v>50392812</v>
      </c>
      <c r="B8172" t="s">
        <v>41908</v>
      </c>
      <c r="C8172" t="s">
        <v>41909</v>
      </c>
      <c r="E8172">
        <v>1</v>
      </c>
      <c r="F8172">
        <v>4</v>
      </c>
      <c r="H8172" t="s">
        <v>41910</v>
      </c>
      <c r="J8172" t="s">
        <v>41911</v>
      </c>
      <c r="O8172">
        <v>9601923</v>
      </c>
      <c r="P8172">
        <v>1</v>
      </c>
      <c r="Q8172">
        <v>0</v>
      </c>
      <c r="R8172" t="s">
        <v>41912</v>
      </c>
      <c r="S8172">
        <v>93</v>
      </c>
    </row>
    <row r="8173" spans="1:19" x14ac:dyDescent="0.25">
      <c r="A8173">
        <v>37365527</v>
      </c>
      <c r="B8173" t="s">
        <v>41913</v>
      </c>
      <c r="C8173" s="1" t="s">
        <v>41914</v>
      </c>
      <c r="E8173">
        <v>1</v>
      </c>
      <c r="F8173">
        <v>2</v>
      </c>
      <c r="H8173" t="s">
        <v>41915</v>
      </c>
      <c r="J8173" t="s">
        <v>41916</v>
      </c>
      <c r="O8173">
        <v>1642344</v>
      </c>
      <c r="P8173">
        <v>1</v>
      </c>
      <c r="Q8173">
        <v>0</v>
      </c>
      <c r="R8173" t="s">
        <v>3034</v>
      </c>
      <c r="S8173">
        <v>26</v>
      </c>
    </row>
    <row r="8174" spans="1:19" x14ac:dyDescent="0.25">
      <c r="A8174">
        <v>3404932</v>
      </c>
      <c r="B8174" t="s">
        <v>41917</v>
      </c>
      <c r="C8174" s="1" t="s">
        <v>41918</v>
      </c>
      <c r="D8174">
        <v>3429744</v>
      </c>
      <c r="E8174">
        <v>1</v>
      </c>
      <c r="F8174">
        <v>1</v>
      </c>
      <c r="H8174" t="s">
        <v>41919</v>
      </c>
      <c r="J8174" t="s">
        <v>41920</v>
      </c>
      <c r="K8174" t="s">
        <v>41921</v>
      </c>
      <c r="M8174">
        <v>1060</v>
      </c>
      <c r="O8174">
        <v>410627</v>
      </c>
      <c r="P8174">
        <v>1</v>
      </c>
      <c r="Q8174">
        <v>0</v>
      </c>
      <c r="R8174" t="s">
        <v>41922</v>
      </c>
      <c r="S8174">
        <v>2018</v>
      </c>
    </row>
    <row r="8175" spans="1:19" x14ac:dyDescent="0.25">
      <c r="A8175">
        <v>43898038</v>
      </c>
      <c r="B8175" t="s">
        <v>41923</v>
      </c>
      <c r="C8175" s="1" t="s">
        <v>41924</v>
      </c>
      <c r="D8175">
        <v>43899501</v>
      </c>
      <c r="E8175">
        <v>2</v>
      </c>
      <c r="F8175">
        <v>2</v>
      </c>
      <c r="H8175" t="s">
        <v>41925</v>
      </c>
      <c r="J8175" t="s">
        <v>41926</v>
      </c>
      <c r="O8175">
        <v>408974</v>
      </c>
      <c r="P8175">
        <v>1</v>
      </c>
      <c r="Q8175">
        <v>0</v>
      </c>
      <c r="R8175" t="s">
        <v>41927</v>
      </c>
      <c r="S8175">
        <v>39</v>
      </c>
    </row>
    <row r="8176" spans="1:19" x14ac:dyDescent="0.25">
      <c r="A8176">
        <v>51407889</v>
      </c>
      <c r="B8176" t="s">
        <v>41928</v>
      </c>
      <c r="C8176" s="1" t="s">
        <v>41929</v>
      </c>
      <c r="E8176">
        <v>0</v>
      </c>
      <c r="F8176">
        <v>11</v>
      </c>
      <c r="H8176" t="s">
        <v>41930</v>
      </c>
      <c r="J8176" t="s">
        <v>41931</v>
      </c>
      <c r="K8176" t="s">
        <v>41931</v>
      </c>
      <c r="M8176">
        <v>5230705</v>
      </c>
      <c r="O8176">
        <v>5230705</v>
      </c>
      <c r="P8176">
        <v>1</v>
      </c>
      <c r="Q8176">
        <v>0</v>
      </c>
      <c r="R8176" t="s">
        <v>41932</v>
      </c>
      <c r="S8176">
        <v>74</v>
      </c>
    </row>
    <row r="8177" spans="1:19" x14ac:dyDescent="0.25">
      <c r="A8177">
        <v>48749836</v>
      </c>
      <c r="B8177" t="s">
        <v>41933</v>
      </c>
      <c r="C8177" s="1" t="s">
        <v>41934</v>
      </c>
      <c r="E8177">
        <v>0</v>
      </c>
      <c r="F8177">
        <v>3</v>
      </c>
      <c r="H8177" t="s">
        <v>41935</v>
      </c>
      <c r="J8177" t="s">
        <v>41936</v>
      </c>
      <c r="K8177" t="s">
        <v>41936</v>
      </c>
      <c r="M8177">
        <v>1445483</v>
      </c>
      <c r="O8177">
        <v>1445483</v>
      </c>
      <c r="P8177">
        <v>1</v>
      </c>
      <c r="Q8177">
        <v>0</v>
      </c>
      <c r="R8177" t="s">
        <v>41937</v>
      </c>
      <c r="S8177">
        <v>55</v>
      </c>
    </row>
    <row r="8178" spans="1:19" x14ac:dyDescent="0.25">
      <c r="A8178">
        <v>48361655</v>
      </c>
      <c r="B8178" t="s">
        <v>41938</v>
      </c>
      <c r="C8178" s="1" t="s">
        <v>41939</v>
      </c>
      <c r="D8178">
        <v>48364544</v>
      </c>
      <c r="E8178">
        <v>3</v>
      </c>
      <c r="F8178">
        <v>2</v>
      </c>
      <c r="H8178" t="s">
        <v>41940</v>
      </c>
      <c r="J8178" t="s">
        <v>41941</v>
      </c>
      <c r="K8178" t="s">
        <v>41942</v>
      </c>
      <c r="M8178">
        <v>2719045</v>
      </c>
      <c r="O8178">
        <v>2719045</v>
      </c>
      <c r="P8178">
        <v>1</v>
      </c>
      <c r="Q8178">
        <v>1</v>
      </c>
      <c r="R8178" t="s">
        <v>15918</v>
      </c>
      <c r="S8178">
        <v>66</v>
      </c>
    </row>
    <row r="8179" spans="1:19" x14ac:dyDescent="0.25">
      <c r="A8179">
        <v>38787868</v>
      </c>
      <c r="B8179" t="s">
        <v>41943</v>
      </c>
      <c r="C8179" s="1" t="s">
        <v>41944</v>
      </c>
      <c r="E8179">
        <v>1</v>
      </c>
      <c r="F8179">
        <v>1</v>
      </c>
      <c r="H8179" t="s">
        <v>41945</v>
      </c>
      <c r="J8179" t="s">
        <v>41946</v>
      </c>
      <c r="O8179">
        <v>6682046</v>
      </c>
      <c r="P8179">
        <v>1</v>
      </c>
      <c r="Q8179">
        <v>-2</v>
      </c>
      <c r="R8179" t="s">
        <v>11513</v>
      </c>
      <c r="S8179">
        <v>573</v>
      </c>
    </row>
    <row r="8180" spans="1:19" x14ac:dyDescent="0.25">
      <c r="A8180">
        <v>1482997</v>
      </c>
      <c r="B8180" t="s">
        <v>41947</v>
      </c>
      <c r="C8180" s="1" t="s">
        <v>41948</v>
      </c>
      <c r="D8180">
        <v>1483014</v>
      </c>
      <c r="E8180">
        <v>2</v>
      </c>
      <c r="F8180">
        <v>0</v>
      </c>
      <c r="H8180" t="s">
        <v>41949</v>
      </c>
      <c r="J8180" t="s">
        <v>41950</v>
      </c>
      <c r="K8180" t="s">
        <v>41951</v>
      </c>
      <c r="M8180">
        <v>172350</v>
      </c>
      <c r="O8180">
        <v>172350</v>
      </c>
      <c r="P8180">
        <v>1</v>
      </c>
      <c r="Q8180">
        <v>0</v>
      </c>
      <c r="R8180" t="s">
        <v>41952</v>
      </c>
      <c r="S8180">
        <v>524</v>
      </c>
    </row>
    <row r="8181" spans="1:19" x14ac:dyDescent="0.25">
      <c r="A8181">
        <v>47629419</v>
      </c>
      <c r="B8181" t="s">
        <v>41953</v>
      </c>
      <c r="C8181" s="1" t="s">
        <v>41954</v>
      </c>
      <c r="E8181">
        <v>0</v>
      </c>
      <c r="F8181">
        <v>2</v>
      </c>
      <c r="H8181" t="s">
        <v>41955</v>
      </c>
      <c r="J8181" t="s">
        <v>41955</v>
      </c>
      <c r="O8181">
        <v>7337077</v>
      </c>
      <c r="P8181">
        <v>1</v>
      </c>
      <c r="Q8181">
        <v>0</v>
      </c>
      <c r="R8181" t="s">
        <v>11699</v>
      </c>
      <c r="S8181">
        <v>25</v>
      </c>
    </row>
    <row r="8182" spans="1:19" x14ac:dyDescent="0.25">
      <c r="A8182">
        <v>20139193</v>
      </c>
      <c r="B8182" t="s">
        <v>41956</v>
      </c>
      <c r="C8182" s="1" t="s">
        <v>41957</v>
      </c>
      <c r="E8182">
        <v>1</v>
      </c>
      <c r="F8182">
        <v>4</v>
      </c>
      <c r="H8182" t="s">
        <v>41958</v>
      </c>
      <c r="J8182" t="s">
        <v>41959</v>
      </c>
      <c r="K8182" t="s">
        <v>41960</v>
      </c>
      <c r="M8182">
        <v>326658</v>
      </c>
      <c r="O8182">
        <v>326658</v>
      </c>
      <c r="P8182">
        <v>1</v>
      </c>
      <c r="Q8182">
        <v>2</v>
      </c>
      <c r="R8182" t="s">
        <v>41961</v>
      </c>
      <c r="S8182">
        <v>170</v>
      </c>
    </row>
    <row r="8183" spans="1:19" x14ac:dyDescent="0.25">
      <c r="A8183">
        <v>33996010</v>
      </c>
      <c r="B8183" t="s">
        <v>41962</v>
      </c>
      <c r="C8183" s="1" t="s">
        <v>41963</v>
      </c>
      <c r="D8183">
        <v>33996107</v>
      </c>
      <c r="E8183">
        <v>2</v>
      </c>
      <c r="F8183">
        <v>3</v>
      </c>
      <c r="H8183" t="s">
        <v>41964</v>
      </c>
      <c r="J8183" t="s">
        <v>41965</v>
      </c>
      <c r="O8183">
        <v>3644669</v>
      </c>
      <c r="P8183">
        <v>1</v>
      </c>
      <c r="Q8183">
        <v>1</v>
      </c>
      <c r="R8183" t="s">
        <v>41966</v>
      </c>
      <c r="S8183">
        <v>1423</v>
      </c>
    </row>
    <row r="8184" spans="1:19" x14ac:dyDescent="0.25">
      <c r="A8184">
        <v>39972601</v>
      </c>
      <c r="B8184" t="s">
        <v>41967</v>
      </c>
      <c r="C8184" s="1" t="s">
        <v>41968</v>
      </c>
      <c r="E8184">
        <v>1</v>
      </c>
      <c r="F8184">
        <v>4</v>
      </c>
      <c r="H8184" t="s">
        <v>41969</v>
      </c>
      <c r="J8184" t="s">
        <v>41970</v>
      </c>
      <c r="K8184" t="s">
        <v>41971</v>
      </c>
      <c r="M8184">
        <v>2976878</v>
      </c>
      <c r="O8184">
        <v>6952945</v>
      </c>
      <c r="P8184">
        <v>1</v>
      </c>
      <c r="Q8184">
        <v>0</v>
      </c>
      <c r="R8184" t="s">
        <v>41972</v>
      </c>
      <c r="S8184">
        <v>316</v>
      </c>
    </row>
    <row r="8185" spans="1:19" x14ac:dyDescent="0.25">
      <c r="A8185">
        <v>9102820</v>
      </c>
      <c r="B8185" t="s">
        <v>41973</v>
      </c>
      <c r="C8185" s="1" t="s">
        <v>41974</v>
      </c>
      <c r="D8185">
        <v>9102860</v>
      </c>
      <c r="E8185">
        <v>4</v>
      </c>
      <c r="F8185">
        <v>4</v>
      </c>
      <c r="H8185" t="s">
        <v>41975</v>
      </c>
      <c r="I8185">
        <v>1</v>
      </c>
      <c r="J8185" t="s">
        <v>41976</v>
      </c>
      <c r="K8185" t="s">
        <v>41977</v>
      </c>
      <c r="M8185">
        <v>817452</v>
      </c>
      <c r="O8185">
        <v>817452</v>
      </c>
      <c r="P8185">
        <v>1</v>
      </c>
      <c r="Q8185">
        <v>1</v>
      </c>
      <c r="R8185" t="s">
        <v>10727</v>
      </c>
      <c r="S8185">
        <v>327</v>
      </c>
    </row>
    <row r="8186" spans="1:19" x14ac:dyDescent="0.25">
      <c r="A8186">
        <v>30468900</v>
      </c>
      <c r="B8186" t="s">
        <v>41978</v>
      </c>
      <c r="C8186" s="1" t="s">
        <v>41979</v>
      </c>
      <c r="D8186">
        <v>30468950</v>
      </c>
      <c r="E8186">
        <v>1</v>
      </c>
      <c r="F8186">
        <v>3</v>
      </c>
      <c r="H8186" t="s">
        <v>41980</v>
      </c>
      <c r="J8186" t="s">
        <v>41981</v>
      </c>
      <c r="K8186" t="s">
        <v>41981</v>
      </c>
      <c r="M8186">
        <v>4001497</v>
      </c>
      <c r="O8186">
        <v>4381783</v>
      </c>
      <c r="P8186">
        <v>1</v>
      </c>
      <c r="Q8186">
        <v>2</v>
      </c>
      <c r="R8186" t="s">
        <v>41982</v>
      </c>
      <c r="S8186">
        <v>977</v>
      </c>
    </row>
    <row r="8187" spans="1:19" x14ac:dyDescent="0.25">
      <c r="A8187">
        <v>28351782</v>
      </c>
      <c r="B8187" t="s">
        <v>41983</v>
      </c>
      <c r="C8187" s="1" t="s">
        <v>41984</v>
      </c>
      <c r="D8187">
        <v>28352725</v>
      </c>
      <c r="E8187">
        <v>1</v>
      </c>
      <c r="F8187">
        <v>1</v>
      </c>
      <c r="H8187" t="s">
        <v>41985</v>
      </c>
      <c r="J8187" t="s">
        <v>41986</v>
      </c>
      <c r="O8187">
        <v>3137416</v>
      </c>
      <c r="P8187">
        <v>1</v>
      </c>
      <c r="Q8187">
        <v>0</v>
      </c>
      <c r="R8187" t="s">
        <v>41987</v>
      </c>
      <c r="S8187">
        <v>68</v>
      </c>
    </row>
    <row r="8188" spans="1:19" x14ac:dyDescent="0.25">
      <c r="A8188">
        <v>26115696</v>
      </c>
      <c r="B8188" t="s">
        <v>41988</v>
      </c>
      <c r="C8188" s="1" t="s">
        <v>41989</v>
      </c>
      <c r="D8188">
        <v>26135345</v>
      </c>
      <c r="E8188">
        <v>2</v>
      </c>
      <c r="F8188">
        <v>0</v>
      </c>
      <c r="H8188" t="s">
        <v>41990</v>
      </c>
      <c r="I8188">
        <v>2</v>
      </c>
      <c r="J8188" t="s">
        <v>41991</v>
      </c>
      <c r="K8188" t="s">
        <v>41992</v>
      </c>
      <c r="M8188">
        <v>1980846</v>
      </c>
      <c r="O8188">
        <v>3969791</v>
      </c>
      <c r="P8188">
        <v>1</v>
      </c>
      <c r="Q8188">
        <v>1</v>
      </c>
      <c r="R8188" t="s">
        <v>41993</v>
      </c>
      <c r="S8188">
        <v>2453</v>
      </c>
    </row>
    <row r="8189" spans="1:19" x14ac:dyDescent="0.25">
      <c r="A8189">
        <v>37578991</v>
      </c>
      <c r="B8189" t="s">
        <v>41994</v>
      </c>
      <c r="C8189" s="1" t="s">
        <v>41995</v>
      </c>
      <c r="E8189">
        <v>0</v>
      </c>
      <c r="F8189">
        <v>2</v>
      </c>
      <c r="H8189" t="s">
        <v>41996</v>
      </c>
      <c r="J8189" t="s">
        <v>41996</v>
      </c>
      <c r="O8189">
        <v>1684118</v>
      </c>
      <c r="P8189">
        <v>1</v>
      </c>
      <c r="Q8189">
        <v>0</v>
      </c>
      <c r="R8189" t="s">
        <v>41997</v>
      </c>
      <c r="S8189">
        <v>178</v>
      </c>
    </row>
    <row r="8190" spans="1:19" x14ac:dyDescent="0.25">
      <c r="A8190">
        <v>46271535</v>
      </c>
      <c r="B8190" t="s">
        <v>41998</v>
      </c>
      <c r="C8190" s="1" t="s">
        <v>41999</v>
      </c>
      <c r="D8190">
        <v>46272302</v>
      </c>
      <c r="E8190">
        <v>1</v>
      </c>
      <c r="F8190">
        <v>6</v>
      </c>
      <c r="H8190" t="s">
        <v>42000</v>
      </c>
      <c r="J8190" t="s">
        <v>42001</v>
      </c>
      <c r="K8190" t="s">
        <v>42002</v>
      </c>
      <c r="M8190">
        <v>8624599</v>
      </c>
      <c r="O8190">
        <v>8624599</v>
      </c>
      <c r="P8190">
        <v>1</v>
      </c>
      <c r="Q8190">
        <v>3</v>
      </c>
      <c r="R8190" t="s">
        <v>14610</v>
      </c>
      <c r="S8190">
        <v>272</v>
      </c>
    </row>
    <row r="8191" spans="1:19" x14ac:dyDescent="0.25">
      <c r="A8191">
        <v>47049116</v>
      </c>
      <c r="B8191" t="s">
        <v>42003</v>
      </c>
      <c r="C8191" s="1" t="s">
        <v>42004</v>
      </c>
      <c r="D8191">
        <v>47049961</v>
      </c>
      <c r="E8191">
        <v>1</v>
      </c>
      <c r="F8191">
        <v>7</v>
      </c>
      <c r="H8191" t="s">
        <v>42005</v>
      </c>
      <c r="J8191" t="s">
        <v>42006</v>
      </c>
      <c r="O8191">
        <v>2188537</v>
      </c>
      <c r="P8191">
        <v>1</v>
      </c>
      <c r="Q8191">
        <v>-1</v>
      </c>
      <c r="R8191" t="s">
        <v>42007</v>
      </c>
      <c r="S8191">
        <v>103</v>
      </c>
    </row>
    <row r="8192" spans="1:19" x14ac:dyDescent="0.25">
      <c r="A8192">
        <v>17526811</v>
      </c>
      <c r="B8192" t="s">
        <v>42008</v>
      </c>
      <c r="C8192" s="1" t="s">
        <v>42009</v>
      </c>
      <c r="E8192">
        <v>1</v>
      </c>
      <c r="F8192">
        <v>1</v>
      </c>
      <c r="H8192" t="s">
        <v>42010</v>
      </c>
      <c r="J8192" t="s">
        <v>42011</v>
      </c>
      <c r="O8192">
        <v>412832</v>
      </c>
      <c r="P8192">
        <v>1</v>
      </c>
      <c r="Q8192">
        <v>0</v>
      </c>
      <c r="R8192" t="s">
        <v>42012</v>
      </c>
      <c r="S8192">
        <v>163</v>
      </c>
    </row>
    <row r="8193" spans="1:19" x14ac:dyDescent="0.25">
      <c r="A8193">
        <v>49122107</v>
      </c>
      <c r="B8193" t="s">
        <v>42013</v>
      </c>
      <c r="C8193" s="1" t="s">
        <v>42014</v>
      </c>
      <c r="E8193">
        <v>0</v>
      </c>
      <c r="F8193">
        <v>2</v>
      </c>
      <c r="H8193" t="s">
        <v>42015</v>
      </c>
      <c r="J8193" t="s">
        <v>42015</v>
      </c>
      <c r="O8193">
        <v>4365239</v>
      </c>
      <c r="P8193">
        <v>1</v>
      </c>
      <c r="Q8193">
        <v>0</v>
      </c>
      <c r="R8193" t="s">
        <v>42016</v>
      </c>
      <c r="S8193">
        <v>33</v>
      </c>
    </row>
    <row r="8194" spans="1:19" x14ac:dyDescent="0.25">
      <c r="A8194">
        <v>16808231</v>
      </c>
      <c r="B8194" t="s">
        <v>42017</v>
      </c>
      <c r="C8194" s="1" t="s">
        <v>42018</v>
      </c>
      <c r="E8194">
        <v>7</v>
      </c>
      <c r="F8194">
        <v>0</v>
      </c>
      <c r="H8194" t="s">
        <v>42019</v>
      </c>
      <c r="I8194">
        <v>30</v>
      </c>
      <c r="J8194" t="s">
        <v>42020</v>
      </c>
      <c r="O8194">
        <v>565299</v>
      </c>
      <c r="P8194">
        <v>1</v>
      </c>
      <c r="Q8194">
        <v>92</v>
      </c>
      <c r="R8194" t="s">
        <v>42021</v>
      </c>
      <c r="S8194">
        <v>99087</v>
      </c>
    </row>
    <row r="8195" spans="1:19" x14ac:dyDescent="0.25">
      <c r="A8195">
        <v>32182950</v>
      </c>
      <c r="B8195" t="s">
        <v>42022</v>
      </c>
      <c r="C8195" s="1" t="s">
        <v>42023</v>
      </c>
      <c r="D8195">
        <v>32184483</v>
      </c>
      <c r="E8195">
        <v>1</v>
      </c>
      <c r="F8195">
        <v>1</v>
      </c>
      <c r="H8195" t="s">
        <v>42024</v>
      </c>
      <c r="J8195" t="s">
        <v>42025</v>
      </c>
      <c r="K8195" t="s">
        <v>42026</v>
      </c>
      <c r="M8195">
        <v>4588760</v>
      </c>
      <c r="O8195">
        <v>5260401</v>
      </c>
      <c r="P8195">
        <v>1</v>
      </c>
      <c r="Q8195">
        <v>0</v>
      </c>
      <c r="R8195" t="s">
        <v>42027</v>
      </c>
      <c r="S8195">
        <v>97</v>
      </c>
    </row>
    <row r="8196" spans="1:19" x14ac:dyDescent="0.25">
      <c r="A8196">
        <v>24710855</v>
      </c>
      <c r="B8196" t="s">
        <v>42028</v>
      </c>
      <c r="C8196" s="1" t="s">
        <v>42029</v>
      </c>
      <c r="E8196">
        <v>1</v>
      </c>
      <c r="F8196">
        <v>1</v>
      </c>
      <c r="H8196" t="s">
        <v>42030</v>
      </c>
      <c r="J8196" t="s">
        <v>42031</v>
      </c>
      <c r="O8196">
        <v>3394730</v>
      </c>
      <c r="P8196">
        <v>1</v>
      </c>
      <c r="Q8196">
        <v>2</v>
      </c>
      <c r="R8196" t="s">
        <v>42032</v>
      </c>
      <c r="S8196">
        <v>3011</v>
      </c>
    </row>
    <row r="8197" spans="1:19" x14ac:dyDescent="0.25">
      <c r="A8197">
        <v>2390200</v>
      </c>
      <c r="B8197" t="s">
        <v>42033</v>
      </c>
      <c r="C8197" s="1" t="s">
        <v>42034</v>
      </c>
      <c r="D8197">
        <v>2390340</v>
      </c>
      <c r="E8197">
        <v>1</v>
      </c>
      <c r="F8197">
        <v>0</v>
      </c>
      <c r="H8197" t="s">
        <v>42035</v>
      </c>
      <c r="I8197">
        <v>1</v>
      </c>
      <c r="J8197" t="s">
        <v>42036</v>
      </c>
      <c r="K8197" t="s">
        <v>42036</v>
      </c>
      <c r="M8197">
        <v>164901</v>
      </c>
      <c r="O8197">
        <v>198376</v>
      </c>
      <c r="P8197">
        <v>1</v>
      </c>
      <c r="Q8197">
        <v>10</v>
      </c>
      <c r="R8197" t="s">
        <v>42037</v>
      </c>
      <c r="S8197">
        <v>27577</v>
      </c>
    </row>
    <row r="8198" spans="1:19" x14ac:dyDescent="0.25">
      <c r="A8198">
        <v>1101039</v>
      </c>
      <c r="B8198" t="s">
        <v>42038</v>
      </c>
      <c r="C8198" s="1" t="s">
        <v>42039</v>
      </c>
      <c r="D8198">
        <v>1105400</v>
      </c>
      <c r="E8198">
        <v>5</v>
      </c>
      <c r="F8198">
        <v>0</v>
      </c>
      <c r="H8198" t="s">
        <v>42040</v>
      </c>
      <c r="I8198">
        <v>0</v>
      </c>
      <c r="J8198" t="s">
        <v>42041</v>
      </c>
      <c r="O8198">
        <v>128948</v>
      </c>
      <c r="P8198">
        <v>1</v>
      </c>
      <c r="Q8198">
        <v>1</v>
      </c>
      <c r="R8198" t="s">
        <v>42042</v>
      </c>
      <c r="S8198">
        <v>3116</v>
      </c>
    </row>
    <row r="8199" spans="1:19" x14ac:dyDescent="0.25">
      <c r="A8199">
        <v>45471845</v>
      </c>
      <c r="B8199" t="s">
        <v>42043</v>
      </c>
      <c r="C8199" s="1" t="s">
        <v>42044</v>
      </c>
      <c r="E8199">
        <v>1</v>
      </c>
      <c r="F8199">
        <v>0</v>
      </c>
      <c r="H8199" t="s">
        <v>42045</v>
      </c>
      <c r="J8199" t="s">
        <v>42046</v>
      </c>
      <c r="K8199" t="s">
        <v>42047</v>
      </c>
      <c r="M8199">
        <v>2592138</v>
      </c>
      <c r="O8199">
        <v>2592138</v>
      </c>
      <c r="P8199">
        <v>1</v>
      </c>
      <c r="Q8199">
        <v>1</v>
      </c>
      <c r="R8199" t="s">
        <v>42048</v>
      </c>
      <c r="S8199">
        <v>285</v>
      </c>
    </row>
    <row r="8200" spans="1:19" x14ac:dyDescent="0.25">
      <c r="A8200">
        <v>6049709</v>
      </c>
      <c r="B8200" t="s">
        <v>42049</v>
      </c>
      <c r="C8200" s="1" t="s">
        <v>42050</v>
      </c>
      <c r="D8200">
        <v>6049719</v>
      </c>
      <c r="E8200">
        <v>2</v>
      </c>
      <c r="F8200">
        <v>6</v>
      </c>
      <c r="H8200" t="s">
        <v>42051</v>
      </c>
      <c r="J8200" t="s">
        <v>42052</v>
      </c>
      <c r="K8200" t="s">
        <v>42052</v>
      </c>
      <c r="M8200">
        <v>398242</v>
      </c>
      <c r="O8200">
        <v>683553</v>
      </c>
      <c r="P8200">
        <v>1</v>
      </c>
      <c r="Q8200">
        <v>0</v>
      </c>
      <c r="R8200" t="s">
        <v>42053</v>
      </c>
      <c r="S8200">
        <v>194</v>
      </c>
    </row>
    <row r="8201" spans="1:19" x14ac:dyDescent="0.25">
      <c r="A8201">
        <v>6956980</v>
      </c>
      <c r="B8201" t="s">
        <v>42054</v>
      </c>
      <c r="C8201" t="s">
        <v>42055</v>
      </c>
      <c r="E8201">
        <v>2</v>
      </c>
      <c r="F8201">
        <v>0</v>
      </c>
      <c r="H8201" t="s">
        <v>42056</v>
      </c>
      <c r="I8201">
        <v>1</v>
      </c>
      <c r="J8201" t="s">
        <v>42057</v>
      </c>
      <c r="O8201">
        <v>880649</v>
      </c>
      <c r="P8201">
        <v>1</v>
      </c>
      <c r="Q8201">
        <v>1</v>
      </c>
      <c r="R8201" t="s">
        <v>5746</v>
      </c>
      <c r="S8201">
        <v>43</v>
      </c>
    </row>
    <row r="8202" spans="1:19" x14ac:dyDescent="0.25">
      <c r="A8202">
        <v>29991462</v>
      </c>
      <c r="B8202" t="s">
        <v>42058</v>
      </c>
      <c r="C8202" s="1" t="s">
        <v>42059</v>
      </c>
      <c r="E8202">
        <v>1</v>
      </c>
      <c r="F8202">
        <v>2</v>
      </c>
      <c r="H8202" t="s">
        <v>42060</v>
      </c>
      <c r="J8202" t="s">
        <v>42061</v>
      </c>
      <c r="K8202" t="s">
        <v>42062</v>
      </c>
      <c r="M8202">
        <v>4854810</v>
      </c>
      <c r="O8202">
        <v>4854810</v>
      </c>
      <c r="P8202">
        <v>1</v>
      </c>
      <c r="Q8202">
        <v>2</v>
      </c>
      <c r="R8202" t="s">
        <v>42063</v>
      </c>
      <c r="S8202">
        <v>181</v>
      </c>
    </row>
    <row r="8203" spans="1:19" x14ac:dyDescent="0.25">
      <c r="A8203">
        <v>7530059</v>
      </c>
      <c r="B8203" t="s">
        <v>42064</v>
      </c>
      <c r="C8203" s="1" t="s">
        <v>42065</v>
      </c>
      <c r="E8203">
        <v>1</v>
      </c>
      <c r="F8203">
        <v>2</v>
      </c>
      <c r="H8203" t="s">
        <v>42066</v>
      </c>
      <c r="J8203" t="s">
        <v>42067</v>
      </c>
      <c r="K8203" t="s">
        <v>42068</v>
      </c>
      <c r="M8203">
        <v>-1</v>
      </c>
      <c r="O8203">
        <v>909321</v>
      </c>
      <c r="P8203">
        <v>1</v>
      </c>
      <c r="Q8203">
        <v>1</v>
      </c>
      <c r="R8203" t="s">
        <v>42069</v>
      </c>
      <c r="S8203">
        <v>224</v>
      </c>
    </row>
    <row r="8204" spans="1:19" x14ac:dyDescent="0.25">
      <c r="A8204">
        <v>3900344</v>
      </c>
      <c r="B8204" t="s">
        <v>42070</v>
      </c>
      <c r="C8204" s="1" t="s">
        <v>42071</v>
      </c>
      <c r="D8204">
        <v>3900353</v>
      </c>
      <c r="E8204">
        <v>2</v>
      </c>
      <c r="F8204">
        <v>0</v>
      </c>
      <c r="H8204" t="s">
        <v>42072</v>
      </c>
      <c r="I8204">
        <v>0</v>
      </c>
      <c r="J8204" t="s">
        <v>42073</v>
      </c>
      <c r="K8204" t="s">
        <v>42074</v>
      </c>
      <c r="M8204">
        <v>-1</v>
      </c>
      <c r="O8204">
        <v>465137</v>
      </c>
      <c r="P8204">
        <v>1</v>
      </c>
      <c r="Q8204">
        <v>1</v>
      </c>
      <c r="R8204" t="s">
        <v>42075</v>
      </c>
      <c r="S8204">
        <v>99</v>
      </c>
    </row>
    <row r="8205" spans="1:19" x14ac:dyDescent="0.25">
      <c r="A8205">
        <v>42556773</v>
      </c>
      <c r="B8205" t="s">
        <v>42076</v>
      </c>
      <c r="C8205" s="1" t="s">
        <v>42077</v>
      </c>
      <c r="D8205">
        <v>42556918</v>
      </c>
      <c r="E8205">
        <v>2</v>
      </c>
      <c r="F8205">
        <v>0</v>
      </c>
      <c r="H8205" t="s">
        <v>42078</v>
      </c>
      <c r="J8205" t="s">
        <v>42079</v>
      </c>
      <c r="O8205">
        <v>535556</v>
      </c>
      <c r="P8205">
        <v>1</v>
      </c>
      <c r="Q8205">
        <v>0</v>
      </c>
      <c r="R8205" t="s">
        <v>42080</v>
      </c>
      <c r="S8205">
        <v>29</v>
      </c>
    </row>
    <row r="8206" spans="1:19" x14ac:dyDescent="0.25">
      <c r="A8206">
        <v>27043368</v>
      </c>
      <c r="B8206" t="s">
        <v>42081</v>
      </c>
      <c r="C8206" s="1" t="s">
        <v>42082</v>
      </c>
      <c r="E8206">
        <v>1</v>
      </c>
      <c r="F8206">
        <v>1</v>
      </c>
      <c r="H8206" t="s">
        <v>42083</v>
      </c>
      <c r="J8206" t="s">
        <v>42084</v>
      </c>
      <c r="K8206" t="s">
        <v>42084</v>
      </c>
      <c r="M8206">
        <v>2302862</v>
      </c>
      <c r="O8206">
        <v>4008101</v>
      </c>
      <c r="P8206">
        <v>1</v>
      </c>
      <c r="Q8206">
        <v>1</v>
      </c>
      <c r="R8206" t="s">
        <v>42085</v>
      </c>
      <c r="S8206">
        <v>93</v>
      </c>
    </row>
    <row r="8207" spans="1:19" x14ac:dyDescent="0.25">
      <c r="A8207">
        <v>51129842</v>
      </c>
      <c r="B8207" t="s">
        <v>42086</v>
      </c>
      <c r="C8207" s="1" t="s">
        <v>42087</v>
      </c>
      <c r="E8207">
        <v>0</v>
      </c>
      <c r="F8207">
        <v>5</v>
      </c>
      <c r="H8207" t="s">
        <v>42088</v>
      </c>
      <c r="J8207" t="s">
        <v>42089</v>
      </c>
      <c r="K8207" t="s">
        <v>42089</v>
      </c>
      <c r="M8207">
        <v>7071176</v>
      </c>
      <c r="O8207">
        <v>7071176</v>
      </c>
      <c r="P8207">
        <v>1</v>
      </c>
      <c r="Q8207">
        <v>0</v>
      </c>
      <c r="R8207" t="s">
        <v>42090</v>
      </c>
      <c r="S8207">
        <v>33</v>
      </c>
    </row>
    <row r="8208" spans="1:19" x14ac:dyDescent="0.25">
      <c r="A8208">
        <v>46905772</v>
      </c>
      <c r="B8208" t="s">
        <v>42091</v>
      </c>
      <c r="C8208" s="1" t="s">
        <v>42092</v>
      </c>
      <c r="E8208">
        <v>0</v>
      </c>
      <c r="F8208">
        <v>7</v>
      </c>
      <c r="H8208" t="s">
        <v>42093</v>
      </c>
      <c r="J8208" t="s">
        <v>42093</v>
      </c>
      <c r="O8208">
        <v>7759081</v>
      </c>
      <c r="P8208">
        <v>1</v>
      </c>
      <c r="Q8208">
        <v>2</v>
      </c>
      <c r="R8208" t="s">
        <v>9179</v>
      </c>
      <c r="S8208">
        <v>263</v>
      </c>
    </row>
    <row r="8209" spans="1:19" x14ac:dyDescent="0.25">
      <c r="A8209">
        <v>13338287</v>
      </c>
      <c r="B8209" t="s">
        <v>42094</v>
      </c>
      <c r="C8209" s="1" t="s">
        <v>42095</v>
      </c>
      <c r="D8209">
        <v>13338341</v>
      </c>
      <c r="E8209">
        <v>2</v>
      </c>
      <c r="F8209">
        <v>0</v>
      </c>
      <c r="H8209" t="s">
        <v>42096</v>
      </c>
      <c r="J8209" t="s">
        <v>42097</v>
      </c>
      <c r="O8209">
        <v>1748884</v>
      </c>
      <c r="P8209">
        <v>1</v>
      </c>
      <c r="Q8209">
        <v>0</v>
      </c>
      <c r="R8209" t="s">
        <v>42098</v>
      </c>
      <c r="S8209">
        <v>83</v>
      </c>
    </row>
    <row r="8210" spans="1:19" x14ac:dyDescent="0.25">
      <c r="A8210">
        <v>25169592</v>
      </c>
      <c r="B8210" t="s">
        <v>42099</v>
      </c>
      <c r="C8210" s="1" t="s">
        <v>42100</v>
      </c>
      <c r="D8210">
        <v>25177128</v>
      </c>
      <c r="E8210">
        <v>1</v>
      </c>
      <c r="F8210">
        <v>0</v>
      </c>
      <c r="H8210" t="s">
        <v>42101</v>
      </c>
      <c r="I8210">
        <v>0</v>
      </c>
      <c r="J8210" t="s">
        <v>42102</v>
      </c>
      <c r="O8210">
        <v>3907364</v>
      </c>
      <c r="P8210">
        <v>1</v>
      </c>
      <c r="Q8210">
        <v>0</v>
      </c>
      <c r="R8210" t="s">
        <v>42103</v>
      </c>
      <c r="S8210">
        <v>39</v>
      </c>
    </row>
    <row r="8211" spans="1:19" x14ac:dyDescent="0.25">
      <c r="A8211">
        <v>10128929</v>
      </c>
      <c r="B8211" t="s">
        <v>42104</v>
      </c>
      <c r="C8211" s="1" t="s">
        <v>42105</v>
      </c>
      <c r="D8211">
        <v>10228569</v>
      </c>
      <c r="E8211">
        <v>2</v>
      </c>
      <c r="F8211">
        <v>3</v>
      </c>
      <c r="H8211" t="s">
        <v>42106</v>
      </c>
      <c r="J8211" t="s">
        <v>42107</v>
      </c>
      <c r="K8211" t="s">
        <v>42108</v>
      </c>
      <c r="M8211">
        <v>209259</v>
      </c>
      <c r="O8211">
        <v>280772</v>
      </c>
      <c r="P8211">
        <v>1</v>
      </c>
      <c r="Q8211">
        <v>1</v>
      </c>
      <c r="R8211" t="s">
        <v>42109</v>
      </c>
      <c r="S8211">
        <v>2788</v>
      </c>
    </row>
    <row r="8212" spans="1:19" x14ac:dyDescent="0.25">
      <c r="A8212">
        <v>53453760</v>
      </c>
      <c r="B8212" t="s">
        <v>42110</v>
      </c>
      <c r="C8212" s="1" t="s">
        <v>42111</v>
      </c>
      <c r="D8212">
        <v>53453801</v>
      </c>
      <c r="E8212">
        <v>2</v>
      </c>
      <c r="F8212">
        <v>6</v>
      </c>
      <c r="H8212" t="s">
        <v>42112</v>
      </c>
      <c r="J8212" t="s">
        <v>42113</v>
      </c>
      <c r="K8212" t="s">
        <v>42113</v>
      </c>
      <c r="M8212">
        <v>9111447</v>
      </c>
      <c r="O8212">
        <v>9111447</v>
      </c>
      <c r="P8212">
        <v>1</v>
      </c>
      <c r="Q8212">
        <v>2</v>
      </c>
      <c r="R8212" t="s">
        <v>819</v>
      </c>
      <c r="S8212">
        <v>59</v>
      </c>
    </row>
    <row r="8213" spans="1:19" x14ac:dyDescent="0.25">
      <c r="A8213">
        <v>38819188</v>
      </c>
      <c r="B8213" t="s">
        <v>42114</v>
      </c>
      <c r="C8213" s="1" t="s">
        <v>42115</v>
      </c>
      <c r="D8213">
        <v>38821707</v>
      </c>
      <c r="E8213">
        <v>2</v>
      </c>
      <c r="F8213">
        <v>2</v>
      </c>
      <c r="H8213" t="s">
        <v>42116</v>
      </c>
      <c r="J8213" t="s">
        <v>42117</v>
      </c>
      <c r="O8213">
        <v>2594329</v>
      </c>
      <c r="P8213">
        <v>1</v>
      </c>
      <c r="Q8213">
        <v>0</v>
      </c>
      <c r="R8213" t="s">
        <v>42118</v>
      </c>
      <c r="S8213">
        <v>843</v>
      </c>
    </row>
    <row r="8214" spans="1:19" x14ac:dyDescent="0.25">
      <c r="A8214">
        <v>39371331</v>
      </c>
      <c r="B8214" t="s">
        <v>42119</v>
      </c>
      <c r="C8214" s="1" t="s">
        <v>42120</v>
      </c>
      <c r="D8214">
        <v>39373138</v>
      </c>
      <c r="E8214">
        <v>1</v>
      </c>
      <c r="F8214">
        <v>3</v>
      </c>
      <c r="H8214" t="s">
        <v>42121</v>
      </c>
      <c r="J8214" t="s">
        <v>42122</v>
      </c>
      <c r="K8214" t="s">
        <v>42123</v>
      </c>
      <c r="M8214">
        <v>1231450</v>
      </c>
      <c r="O8214">
        <v>4520970</v>
      </c>
      <c r="P8214">
        <v>1</v>
      </c>
      <c r="Q8214">
        <v>0</v>
      </c>
      <c r="R8214" t="s">
        <v>42124</v>
      </c>
      <c r="S8214">
        <v>75</v>
      </c>
    </row>
    <row r="8215" spans="1:19" x14ac:dyDescent="0.25">
      <c r="A8215">
        <v>18965734</v>
      </c>
      <c r="B8215" t="s">
        <v>42125</v>
      </c>
      <c r="C8215" s="1" t="s">
        <v>42126</v>
      </c>
      <c r="E8215">
        <v>1</v>
      </c>
      <c r="F8215">
        <v>0</v>
      </c>
      <c r="H8215" t="s">
        <v>42127</v>
      </c>
      <c r="J8215" t="s">
        <v>42128</v>
      </c>
      <c r="O8215">
        <v>818514</v>
      </c>
      <c r="P8215">
        <v>1</v>
      </c>
      <c r="Q8215">
        <v>1</v>
      </c>
      <c r="R8215" t="s">
        <v>25628</v>
      </c>
      <c r="S8215">
        <v>49</v>
      </c>
    </row>
    <row r="8216" spans="1:19" x14ac:dyDescent="0.25">
      <c r="A8216">
        <v>11099063</v>
      </c>
      <c r="B8216" t="s">
        <v>42129</v>
      </c>
      <c r="C8216" s="1" t="s">
        <v>42130</v>
      </c>
      <c r="D8216">
        <v>11099453</v>
      </c>
      <c r="E8216">
        <v>1</v>
      </c>
      <c r="F8216">
        <v>3</v>
      </c>
      <c r="H8216" t="s">
        <v>42131</v>
      </c>
      <c r="J8216" t="s">
        <v>42132</v>
      </c>
      <c r="K8216" t="s">
        <v>42133</v>
      </c>
      <c r="M8216">
        <v>153512</v>
      </c>
      <c r="N8216" t="s">
        <v>42134</v>
      </c>
      <c r="P8216">
        <v>1</v>
      </c>
      <c r="Q8216">
        <v>0</v>
      </c>
      <c r="R8216" t="s">
        <v>31400</v>
      </c>
      <c r="S8216">
        <v>55</v>
      </c>
    </row>
    <row r="8217" spans="1:19" x14ac:dyDescent="0.25">
      <c r="A8217">
        <v>23180783</v>
      </c>
      <c r="B8217" t="s">
        <v>42135</v>
      </c>
      <c r="C8217" s="1" t="s">
        <v>42136</v>
      </c>
      <c r="E8217">
        <v>1</v>
      </c>
      <c r="F8217">
        <v>1</v>
      </c>
      <c r="H8217" t="s">
        <v>42137</v>
      </c>
      <c r="J8217" t="s">
        <v>42138</v>
      </c>
      <c r="K8217" t="s">
        <v>42138</v>
      </c>
      <c r="M8217">
        <v>3102264</v>
      </c>
      <c r="O8217">
        <v>3553628</v>
      </c>
      <c r="P8217">
        <v>1</v>
      </c>
      <c r="Q8217">
        <v>0</v>
      </c>
      <c r="R8217" t="s">
        <v>42139</v>
      </c>
      <c r="S8217">
        <v>69</v>
      </c>
    </row>
    <row r="8218" spans="1:19" x14ac:dyDescent="0.25">
      <c r="A8218">
        <v>45943126</v>
      </c>
      <c r="B8218" t="s">
        <v>42140</v>
      </c>
      <c r="C8218" s="1" t="s">
        <v>42141</v>
      </c>
      <c r="E8218">
        <v>0</v>
      </c>
      <c r="F8218">
        <v>7</v>
      </c>
      <c r="H8218" t="s">
        <v>42142</v>
      </c>
      <c r="J8218" t="s">
        <v>42143</v>
      </c>
      <c r="K8218" t="s">
        <v>42143</v>
      </c>
      <c r="M8218">
        <v>8497676</v>
      </c>
      <c r="O8218">
        <v>8497676</v>
      </c>
      <c r="P8218">
        <v>1</v>
      </c>
      <c r="Q8218">
        <v>0</v>
      </c>
      <c r="R8218" t="s">
        <v>42144</v>
      </c>
      <c r="S8218">
        <v>53</v>
      </c>
    </row>
    <row r="8219" spans="1:19" x14ac:dyDescent="0.25">
      <c r="A8219">
        <v>1221526</v>
      </c>
      <c r="B8219" t="s">
        <v>42145</v>
      </c>
      <c r="C8219" s="1" t="s">
        <v>42146</v>
      </c>
      <c r="D8219">
        <v>1221547</v>
      </c>
      <c r="E8219">
        <v>1</v>
      </c>
      <c r="F8219">
        <v>0</v>
      </c>
      <c r="H8219" t="s">
        <v>42147</v>
      </c>
      <c r="I8219">
        <v>3</v>
      </c>
      <c r="J8219" t="s">
        <v>42148</v>
      </c>
      <c r="K8219" t="s">
        <v>42149</v>
      </c>
      <c r="M8219">
        <v>26679</v>
      </c>
      <c r="O8219">
        <v>86053</v>
      </c>
      <c r="P8219">
        <v>1</v>
      </c>
      <c r="Q8219">
        <v>24</v>
      </c>
      <c r="R8219" t="s">
        <v>42150</v>
      </c>
      <c r="S8219">
        <v>29504</v>
      </c>
    </row>
    <row r="8220" spans="1:19" x14ac:dyDescent="0.25">
      <c r="A8220">
        <v>15241620</v>
      </c>
      <c r="B8220" t="s">
        <v>42151</v>
      </c>
      <c r="C8220" s="1" t="s">
        <v>42152</v>
      </c>
      <c r="D8220">
        <v>15243225</v>
      </c>
      <c r="E8220">
        <v>1</v>
      </c>
      <c r="F8220">
        <v>0</v>
      </c>
      <c r="H8220" t="s">
        <v>42153</v>
      </c>
      <c r="J8220" t="s">
        <v>42154</v>
      </c>
      <c r="O8220">
        <v>517688</v>
      </c>
      <c r="P8220">
        <v>1</v>
      </c>
      <c r="Q8220">
        <v>0</v>
      </c>
      <c r="R8220" t="s">
        <v>42155</v>
      </c>
      <c r="S8220">
        <v>765</v>
      </c>
    </row>
    <row r="8221" spans="1:19" x14ac:dyDescent="0.25">
      <c r="A8221">
        <v>48842132</v>
      </c>
      <c r="B8221" t="s">
        <v>42156</v>
      </c>
      <c r="C8221" s="1" t="s">
        <v>42157</v>
      </c>
      <c r="E8221">
        <v>1</v>
      </c>
      <c r="F8221">
        <v>1</v>
      </c>
      <c r="H8221" t="s">
        <v>42158</v>
      </c>
      <c r="J8221" t="s">
        <v>42159</v>
      </c>
      <c r="K8221" t="s">
        <v>42160</v>
      </c>
      <c r="M8221">
        <v>1415724</v>
      </c>
      <c r="O8221">
        <v>5439834</v>
      </c>
      <c r="P8221">
        <v>1</v>
      </c>
      <c r="Q8221">
        <v>1</v>
      </c>
      <c r="R8221" t="s">
        <v>42161</v>
      </c>
      <c r="S8221">
        <v>40</v>
      </c>
    </row>
    <row r="8222" spans="1:19" x14ac:dyDescent="0.25">
      <c r="A8222">
        <v>24240534</v>
      </c>
      <c r="B8222" t="s">
        <v>42162</v>
      </c>
      <c r="C8222" s="1" t="s">
        <v>42163</v>
      </c>
      <c r="E8222">
        <v>0</v>
      </c>
      <c r="F8222">
        <v>6</v>
      </c>
      <c r="H8222" t="s">
        <v>42164</v>
      </c>
      <c r="J8222" t="s">
        <v>42165</v>
      </c>
      <c r="K8222" t="s">
        <v>42165</v>
      </c>
      <c r="M8222">
        <v>1571290</v>
      </c>
      <c r="O8222">
        <v>1571290</v>
      </c>
      <c r="P8222">
        <v>1</v>
      </c>
      <c r="Q8222">
        <v>2</v>
      </c>
      <c r="R8222" t="s">
        <v>42166</v>
      </c>
      <c r="S8222">
        <v>823</v>
      </c>
    </row>
    <row r="8223" spans="1:19" x14ac:dyDescent="0.25">
      <c r="A8223">
        <v>52486639</v>
      </c>
      <c r="B8223" t="s">
        <v>42167</v>
      </c>
      <c r="C8223" s="1" t="s">
        <v>42168</v>
      </c>
      <c r="E8223">
        <v>0</v>
      </c>
      <c r="F8223">
        <v>0</v>
      </c>
      <c r="H8223" t="s">
        <v>42169</v>
      </c>
      <c r="J8223" t="s">
        <v>42170</v>
      </c>
      <c r="K8223" t="s">
        <v>42170</v>
      </c>
      <c r="M8223">
        <v>3973406</v>
      </c>
      <c r="O8223">
        <v>3973406</v>
      </c>
      <c r="P8223">
        <v>1</v>
      </c>
      <c r="Q8223">
        <v>0</v>
      </c>
      <c r="R8223" t="s">
        <v>42171</v>
      </c>
      <c r="S8223">
        <v>62</v>
      </c>
    </row>
    <row r="8224" spans="1:19" x14ac:dyDescent="0.25">
      <c r="A8224">
        <v>5052768</v>
      </c>
      <c r="B8224" t="s">
        <v>42172</v>
      </c>
      <c r="C8224" s="1" t="s">
        <v>42173</v>
      </c>
      <c r="E8224">
        <v>1</v>
      </c>
      <c r="F8224">
        <v>3</v>
      </c>
      <c r="H8224" t="s">
        <v>42174</v>
      </c>
      <c r="J8224" t="s">
        <v>42175</v>
      </c>
      <c r="O8224">
        <v>623611</v>
      </c>
      <c r="P8224">
        <v>1</v>
      </c>
      <c r="Q8224">
        <v>0</v>
      </c>
      <c r="R8224" t="s">
        <v>12396</v>
      </c>
      <c r="S8224">
        <v>85</v>
      </c>
    </row>
    <row r="8225" spans="1:19" x14ac:dyDescent="0.25">
      <c r="A8225">
        <v>32570056</v>
      </c>
      <c r="B8225" t="s">
        <v>42176</v>
      </c>
      <c r="C8225" s="1" t="s">
        <v>42177</v>
      </c>
      <c r="D8225">
        <v>32570579</v>
      </c>
      <c r="E8225">
        <v>2</v>
      </c>
      <c r="F8225">
        <v>0</v>
      </c>
      <c r="H8225" t="s">
        <v>42178</v>
      </c>
      <c r="I8225">
        <v>2</v>
      </c>
      <c r="J8225" t="s">
        <v>42179</v>
      </c>
      <c r="O8225">
        <v>2024168</v>
      </c>
      <c r="P8225">
        <v>1</v>
      </c>
      <c r="Q8225">
        <v>1</v>
      </c>
      <c r="R8225" t="s">
        <v>42180</v>
      </c>
      <c r="S8225">
        <v>799</v>
      </c>
    </row>
    <row r="8226" spans="1:19" x14ac:dyDescent="0.25">
      <c r="A8226">
        <v>7603457</v>
      </c>
      <c r="B8226" t="s">
        <v>42181</v>
      </c>
      <c r="C8226" s="1" t="s">
        <v>42182</v>
      </c>
      <c r="D8226">
        <v>7676317</v>
      </c>
      <c r="E8226">
        <v>5</v>
      </c>
      <c r="F8226">
        <v>4</v>
      </c>
      <c r="H8226" t="s">
        <v>42183</v>
      </c>
      <c r="J8226" t="s">
        <v>42184</v>
      </c>
      <c r="K8226" t="s">
        <v>42185</v>
      </c>
      <c r="M8226">
        <v>41071</v>
      </c>
      <c r="O8226">
        <v>543712</v>
      </c>
      <c r="P8226">
        <v>1</v>
      </c>
      <c r="Q8226">
        <v>8</v>
      </c>
      <c r="R8226" t="s">
        <v>42186</v>
      </c>
      <c r="S8226">
        <v>2990</v>
      </c>
    </row>
    <row r="8227" spans="1:19" x14ac:dyDescent="0.25">
      <c r="A8227">
        <v>45415939</v>
      </c>
      <c r="B8227" t="s">
        <v>42187</v>
      </c>
      <c r="C8227" s="1" t="s">
        <v>42188</v>
      </c>
      <c r="D8227">
        <v>45416075</v>
      </c>
      <c r="E8227">
        <v>2</v>
      </c>
      <c r="F8227">
        <v>0</v>
      </c>
      <c r="H8227" t="s">
        <v>42189</v>
      </c>
      <c r="J8227" t="s">
        <v>42190</v>
      </c>
      <c r="K8227" t="s">
        <v>42191</v>
      </c>
      <c r="M8227">
        <v>3095216</v>
      </c>
      <c r="O8227">
        <v>2682197</v>
      </c>
      <c r="P8227">
        <v>1</v>
      </c>
      <c r="Q8227">
        <v>2</v>
      </c>
      <c r="R8227" t="s">
        <v>42192</v>
      </c>
      <c r="S8227">
        <v>79</v>
      </c>
    </row>
    <row r="8228" spans="1:19" x14ac:dyDescent="0.25">
      <c r="A8228">
        <v>48848189</v>
      </c>
      <c r="B8228" t="s">
        <v>42193</v>
      </c>
      <c r="C8228" s="1" t="s">
        <v>42194</v>
      </c>
      <c r="E8228">
        <v>1</v>
      </c>
      <c r="F8228">
        <v>0</v>
      </c>
      <c r="H8228" t="s">
        <v>42195</v>
      </c>
      <c r="J8228" t="s">
        <v>42196</v>
      </c>
      <c r="O8228">
        <v>9375431</v>
      </c>
      <c r="P8228">
        <v>1</v>
      </c>
      <c r="Q8228">
        <v>0</v>
      </c>
      <c r="R8228" t="s">
        <v>871</v>
      </c>
      <c r="S8228">
        <v>28</v>
      </c>
    </row>
    <row r="8229" spans="1:19" x14ac:dyDescent="0.25">
      <c r="A8229">
        <v>49144280</v>
      </c>
      <c r="B8229" t="s">
        <v>42197</v>
      </c>
      <c r="C8229" s="1" t="s">
        <v>42198</v>
      </c>
      <c r="E8229">
        <v>1</v>
      </c>
      <c r="F8229">
        <v>0</v>
      </c>
      <c r="H8229" t="s">
        <v>42199</v>
      </c>
      <c r="I8229">
        <v>1</v>
      </c>
      <c r="J8229" t="s">
        <v>42200</v>
      </c>
      <c r="K8229" t="s">
        <v>42201</v>
      </c>
      <c r="M8229">
        <v>7666442</v>
      </c>
      <c r="O8229">
        <v>5966941</v>
      </c>
      <c r="P8229">
        <v>1</v>
      </c>
      <c r="Q8229">
        <v>0</v>
      </c>
      <c r="R8229" t="s">
        <v>42202</v>
      </c>
      <c r="S8229">
        <v>53</v>
      </c>
    </row>
    <row r="8230" spans="1:19" x14ac:dyDescent="0.25">
      <c r="A8230">
        <v>27702842</v>
      </c>
      <c r="B8230" t="s">
        <v>42203</v>
      </c>
      <c r="C8230" s="1" t="s">
        <v>42204</v>
      </c>
      <c r="E8230">
        <v>1</v>
      </c>
      <c r="F8230">
        <v>0</v>
      </c>
      <c r="H8230" t="s">
        <v>42205</v>
      </c>
      <c r="I8230">
        <v>3</v>
      </c>
      <c r="J8230" t="s">
        <v>42206</v>
      </c>
      <c r="K8230" t="s">
        <v>42207</v>
      </c>
      <c r="M8230">
        <v>1091386</v>
      </c>
      <c r="O8230">
        <v>2397228</v>
      </c>
      <c r="P8230">
        <v>1</v>
      </c>
      <c r="Q8230">
        <v>7</v>
      </c>
      <c r="R8230" t="s">
        <v>42208</v>
      </c>
      <c r="S8230">
        <v>3980</v>
      </c>
    </row>
    <row r="8231" spans="1:19" x14ac:dyDescent="0.25">
      <c r="A8231">
        <v>51861248</v>
      </c>
      <c r="B8231" t="s">
        <v>42209</v>
      </c>
      <c r="C8231" s="1" t="s">
        <v>42210</v>
      </c>
      <c r="D8231">
        <v>51861393</v>
      </c>
      <c r="E8231">
        <v>1</v>
      </c>
      <c r="F8231">
        <v>0</v>
      </c>
      <c r="H8231" t="s">
        <v>42211</v>
      </c>
      <c r="J8231" t="s">
        <v>42212</v>
      </c>
      <c r="O8231">
        <v>5887075</v>
      </c>
      <c r="P8231">
        <v>1</v>
      </c>
      <c r="Q8231">
        <v>0</v>
      </c>
      <c r="R8231" t="s">
        <v>42213</v>
      </c>
      <c r="S8231">
        <v>42</v>
      </c>
    </row>
    <row r="8232" spans="1:19" x14ac:dyDescent="0.25">
      <c r="A8232">
        <v>1058668</v>
      </c>
      <c r="B8232" t="s">
        <v>42214</v>
      </c>
      <c r="C8232" s="1" t="s">
        <v>42215</v>
      </c>
      <c r="E8232">
        <v>2</v>
      </c>
      <c r="F8232">
        <v>0</v>
      </c>
      <c r="H8232" t="s">
        <v>42216</v>
      </c>
      <c r="J8232" t="s">
        <v>42217</v>
      </c>
      <c r="O8232">
        <v>23369</v>
      </c>
      <c r="P8232">
        <v>1</v>
      </c>
      <c r="Q8232">
        <v>0</v>
      </c>
      <c r="R8232" t="s">
        <v>42218</v>
      </c>
      <c r="S8232">
        <v>1090</v>
      </c>
    </row>
    <row r="8233" spans="1:19" x14ac:dyDescent="0.25">
      <c r="A8233">
        <v>44592583</v>
      </c>
      <c r="B8233" t="s">
        <v>42219</v>
      </c>
      <c r="C8233" s="1" t="s">
        <v>42220</v>
      </c>
      <c r="E8233">
        <v>0</v>
      </c>
      <c r="F8233">
        <v>3</v>
      </c>
      <c r="H8233" t="s">
        <v>42221</v>
      </c>
      <c r="J8233" t="s">
        <v>42222</v>
      </c>
      <c r="K8233" t="s">
        <v>42222</v>
      </c>
      <c r="M8233">
        <v>1651850</v>
      </c>
      <c r="O8233">
        <v>1651850</v>
      </c>
      <c r="P8233">
        <v>1</v>
      </c>
      <c r="Q8233">
        <v>0</v>
      </c>
      <c r="R8233" t="s">
        <v>42223</v>
      </c>
      <c r="S8233">
        <v>347</v>
      </c>
    </row>
    <row r="8234" spans="1:19" x14ac:dyDescent="0.25">
      <c r="A8234">
        <v>37005165</v>
      </c>
      <c r="B8234" t="s">
        <v>42224</v>
      </c>
      <c r="C8234" s="1" t="s">
        <v>42225</v>
      </c>
      <c r="D8234">
        <v>37005260</v>
      </c>
      <c r="E8234">
        <v>2</v>
      </c>
      <c r="F8234">
        <v>1</v>
      </c>
      <c r="H8234" t="s">
        <v>42226</v>
      </c>
      <c r="J8234" t="s">
        <v>42227</v>
      </c>
      <c r="O8234">
        <v>6261756</v>
      </c>
      <c r="P8234">
        <v>1</v>
      </c>
      <c r="Q8234">
        <v>2</v>
      </c>
      <c r="R8234" t="s">
        <v>38067</v>
      </c>
      <c r="S8234">
        <v>742</v>
      </c>
    </row>
    <row r="8235" spans="1:19" x14ac:dyDescent="0.25">
      <c r="A8235">
        <v>28484415</v>
      </c>
      <c r="B8235" t="s">
        <v>42228</v>
      </c>
      <c r="C8235" s="1" t="s">
        <v>42229</v>
      </c>
      <c r="E8235">
        <v>1</v>
      </c>
      <c r="F8235">
        <v>5</v>
      </c>
      <c r="H8235" t="s">
        <v>42230</v>
      </c>
      <c r="J8235" t="s">
        <v>42231</v>
      </c>
      <c r="K8235" t="s">
        <v>42231</v>
      </c>
      <c r="M8235">
        <v>3573670</v>
      </c>
      <c r="O8235">
        <v>3573670</v>
      </c>
      <c r="P8235">
        <v>1</v>
      </c>
      <c r="Q8235">
        <v>0</v>
      </c>
      <c r="R8235" t="s">
        <v>2122</v>
      </c>
      <c r="S8235">
        <v>109</v>
      </c>
    </row>
    <row r="8236" spans="1:19" x14ac:dyDescent="0.25">
      <c r="A8236">
        <v>5699992</v>
      </c>
      <c r="B8236" t="s">
        <v>42232</v>
      </c>
      <c r="C8236" s="1" t="s">
        <v>42233</v>
      </c>
      <c r="D8236">
        <v>5700007</v>
      </c>
      <c r="E8236">
        <v>2</v>
      </c>
      <c r="F8236">
        <v>0</v>
      </c>
      <c r="H8236" t="s">
        <v>42234</v>
      </c>
      <c r="J8236" t="s">
        <v>42235</v>
      </c>
      <c r="O8236">
        <v>689820</v>
      </c>
      <c r="P8236">
        <v>1</v>
      </c>
      <c r="Q8236">
        <v>1</v>
      </c>
      <c r="R8236" t="s">
        <v>2494</v>
      </c>
      <c r="S8236">
        <v>1297</v>
      </c>
    </row>
    <row r="8237" spans="1:19" x14ac:dyDescent="0.25">
      <c r="A8237">
        <v>36647598</v>
      </c>
      <c r="B8237" t="s">
        <v>42236</v>
      </c>
      <c r="C8237" s="1" t="s">
        <v>42237</v>
      </c>
      <c r="E8237">
        <v>3</v>
      </c>
      <c r="F8237">
        <v>7</v>
      </c>
      <c r="H8237" t="s">
        <v>42238</v>
      </c>
      <c r="J8237" t="s">
        <v>42239</v>
      </c>
      <c r="O8237">
        <v>6209201</v>
      </c>
      <c r="P8237">
        <v>1</v>
      </c>
      <c r="Q8237">
        <v>0</v>
      </c>
      <c r="R8237" t="s">
        <v>25914</v>
      </c>
      <c r="S8237">
        <v>50</v>
      </c>
    </row>
    <row r="8238" spans="1:19" x14ac:dyDescent="0.25">
      <c r="A8238">
        <v>16277853</v>
      </c>
      <c r="B8238" t="s">
        <v>42240</v>
      </c>
      <c r="C8238" s="1" t="s">
        <v>42241</v>
      </c>
      <c r="D8238">
        <v>16277941</v>
      </c>
      <c r="E8238">
        <v>3</v>
      </c>
      <c r="F8238">
        <v>0</v>
      </c>
      <c r="H8238" t="s">
        <v>42242</v>
      </c>
      <c r="J8238" t="s">
        <v>42243</v>
      </c>
      <c r="O8238">
        <v>590572</v>
      </c>
      <c r="P8238">
        <v>1</v>
      </c>
      <c r="Q8238">
        <v>0</v>
      </c>
      <c r="R8238" t="s">
        <v>2494</v>
      </c>
      <c r="S8238">
        <v>682</v>
      </c>
    </row>
    <row r="8239" spans="1:19" x14ac:dyDescent="0.25">
      <c r="A8239">
        <v>1309198</v>
      </c>
      <c r="B8239" t="s">
        <v>42244</v>
      </c>
      <c r="C8239" s="1" t="s">
        <v>42245</v>
      </c>
      <c r="E8239">
        <v>1</v>
      </c>
      <c r="F8239">
        <v>0</v>
      </c>
      <c r="H8239" t="s">
        <v>42246</v>
      </c>
      <c r="I8239">
        <v>1</v>
      </c>
      <c r="J8239" t="s">
        <v>42247</v>
      </c>
      <c r="O8239">
        <v>27294</v>
      </c>
      <c r="P8239">
        <v>1</v>
      </c>
      <c r="Q8239">
        <v>1</v>
      </c>
      <c r="R8239" t="s">
        <v>42248</v>
      </c>
      <c r="S8239">
        <v>1542</v>
      </c>
    </row>
    <row r="8240" spans="1:19" x14ac:dyDescent="0.25">
      <c r="A8240">
        <v>16344611</v>
      </c>
      <c r="B8240" t="s">
        <v>42249</v>
      </c>
      <c r="C8240" s="1" t="s">
        <v>42250</v>
      </c>
      <c r="D8240">
        <v>16362943</v>
      </c>
      <c r="E8240">
        <v>2</v>
      </c>
      <c r="F8240">
        <v>3</v>
      </c>
      <c r="H8240" t="s">
        <v>42251</v>
      </c>
      <c r="I8240">
        <v>1</v>
      </c>
      <c r="J8240" t="s">
        <v>42252</v>
      </c>
      <c r="O8240">
        <v>1451824</v>
      </c>
      <c r="P8240">
        <v>1</v>
      </c>
      <c r="Q8240">
        <v>2</v>
      </c>
      <c r="R8240" t="s">
        <v>31461</v>
      </c>
      <c r="S8240">
        <v>2933</v>
      </c>
    </row>
    <row r="8241" spans="1:19" x14ac:dyDescent="0.25">
      <c r="A8241">
        <v>25625770</v>
      </c>
      <c r="B8241" t="s">
        <v>42253</v>
      </c>
      <c r="C8241" s="1" t="s">
        <v>42254</v>
      </c>
      <c r="E8241">
        <v>1</v>
      </c>
      <c r="F8241">
        <v>0</v>
      </c>
      <c r="H8241" t="s">
        <v>42255</v>
      </c>
      <c r="J8241" t="s">
        <v>42256</v>
      </c>
      <c r="K8241" t="s">
        <v>42256</v>
      </c>
      <c r="M8241">
        <v>474349</v>
      </c>
      <c r="O8241">
        <v>1889327</v>
      </c>
      <c r="P8241">
        <v>1</v>
      </c>
      <c r="Q8241">
        <v>0</v>
      </c>
      <c r="R8241" t="s">
        <v>42257</v>
      </c>
      <c r="S8241">
        <v>48</v>
      </c>
    </row>
    <row r="8242" spans="1:19" x14ac:dyDescent="0.25">
      <c r="A8242">
        <v>16148977</v>
      </c>
      <c r="B8242" t="s">
        <v>42258</v>
      </c>
      <c r="C8242" s="1" t="s">
        <v>42259</v>
      </c>
      <c r="E8242">
        <v>1</v>
      </c>
      <c r="F8242">
        <v>0</v>
      </c>
      <c r="H8242" t="s">
        <v>42260</v>
      </c>
      <c r="J8242" t="s">
        <v>42261</v>
      </c>
      <c r="K8242" t="s">
        <v>42262</v>
      </c>
      <c r="M8242">
        <v>907729</v>
      </c>
      <c r="O8242">
        <v>303624</v>
      </c>
      <c r="P8242">
        <v>1</v>
      </c>
      <c r="Q8242">
        <v>1</v>
      </c>
      <c r="R8242" t="s">
        <v>42263</v>
      </c>
      <c r="S8242">
        <v>170</v>
      </c>
    </row>
    <row r="8243" spans="1:19" x14ac:dyDescent="0.25">
      <c r="A8243">
        <v>1770006</v>
      </c>
      <c r="B8243" t="s">
        <v>42264</v>
      </c>
      <c r="C8243" s="1" t="s">
        <v>42265</v>
      </c>
      <c r="D8243">
        <v>1770040</v>
      </c>
      <c r="E8243">
        <v>1</v>
      </c>
      <c r="F8243">
        <v>0</v>
      </c>
      <c r="H8243" t="s">
        <v>42266</v>
      </c>
      <c r="J8243" t="s">
        <v>42267</v>
      </c>
      <c r="K8243" t="s">
        <v>42268</v>
      </c>
      <c r="M8243">
        <v>20972</v>
      </c>
      <c r="O8243">
        <v>215391</v>
      </c>
      <c r="P8243">
        <v>1</v>
      </c>
      <c r="Q8243">
        <v>0</v>
      </c>
      <c r="R8243" t="s">
        <v>42269</v>
      </c>
      <c r="S8243">
        <v>701</v>
      </c>
    </row>
    <row r="8244" spans="1:19" x14ac:dyDescent="0.25">
      <c r="A8244">
        <v>22356063</v>
      </c>
      <c r="B8244" t="s">
        <v>42270</v>
      </c>
      <c r="C8244" s="1" t="s">
        <v>42271</v>
      </c>
      <c r="D8244">
        <v>22358093</v>
      </c>
      <c r="E8244">
        <v>1</v>
      </c>
      <c r="F8244">
        <v>2</v>
      </c>
      <c r="H8244" t="s">
        <v>42272</v>
      </c>
      <c r="J8244" t="s">
        <v>42273</v>
      </c>
      <c r="K8244" t="s">
        <v>42274</v>
      </c>
      <c r="M8244">
        <v>-1</v>
      </c>
      <c r="O8244">
        <v>457052</v>
      </c>
      <c r="P8244">
        <v>1</v>
      </c>
      <c r="Q8244">
        <v>2</v>
      </c>
      <c r="R8244" t="s">
        <v>42275</v>
      </c>
      <c r="S8244">
        <v>2213</v>
      </c>
    </row>
    <row r="8245" spans="1:19" x14ac:dyDescent="0.25">
      <c r="A8245">
        <v>6163885</v>
      </c>
      <c r="B8245" t="s">
        <v>42276</v>
      </c>
      <c r="C8245" s="1" t="s">
        <v>42277</v>
      </c>
      <c r="E8245">
        <v>3</v>
      </c>
      <c r="F8245">
        <v>0</v>
      </c>
      <c r="H8245" t="s">
        <v>42278</v>
      </c>
      <c r="J8245" t="s">
        <v>42279</v>
      </c>
      <c r="K8245" t="s">
        <v>42279</v>
      </c>
      <c r="M8245">
        <v>754001</v>
      </c>
      <c r="O8245">
        <v>774494</v>
      </c>
      <c r="P8245">
        <v>1</v>
      </c>
      <c r="Q8245">
        <v>0</v>
      </c>
      <c r="R8245" t="s">
        <v>42280</v>
      </c>
      <c r="S8245">
        <v>767</v>
      </c>
    </row>
    <row r="8246" spans="1:19" x14ac:dyDescent="0.25">
      <c r="A8246">
        <v>1114381</v>
      </c>
      <c r="B8246" t="s">
        <v>42281</v>
      </c>
      <c r="C8246" s="1" t="s">
        <v>42282</v>
      </c>
      <c r="D8246">
        <v>1114401</v>
      </c>
      <c r="E8246">
        <v>5</v>
      </c>
      <c r="F8246">
        <v>0</v>
      </c>
      <c r="H8246" t="s">
        <v>42283</v>
      </c>
      <c r="I8246">
        <v>1</v>
      </c>
      <c r="J8246" t="s">
        <v>42284</v>
      </c>
      <c r="K8246" t="s">
        <v>42284</v>
      </c>
      <c r="M8246">
        <v>126769</v>
      </c>
      <c r="O8246">
        <v>126769</v>
      </c>
      <c r="P8246">
        <v>1</v>
      </c>
      <c r="Q8246">
        <v>2</v>
      </c>
      <c r="R8246" t="s">
        <v>42285</v>
      </c>
      <c r="S8246">
        <v>15651</v>
      </c>
    </row>
    <row r="8247" spans="1:19" x14ac:dyDescent="0.25">
      <c r="A8247">
        <v>29028459</v>
      </c>
      <c r="B8247" t="s">
        <v>42286</v>
      </c>
      <c r="C8247" s="1" t="s">
        <v>42287</v>
      </c>
      <c r="D8247">
        <v>29028750</v>
      </c>
      <c r="E8247">
        <v>1</v>
      </c>
      <c r="F8247">
        <v>1</v>
      </c>
      <c r="H8247" t="s">
        <v>42288</v>
      </c>
      <c r="J8247" t="s">
        <v>42289</v>
      </c>
      <c r="K8247" t="s">
        <v>42290</v>
      </c>
      <c r="M8247">
        <v>4539819</v>
      </c>
      <c r="O8247">
        <v>4539819</v>
      </c>
      <c r="P8247">
        <v>1</v>
      </c>
      <c r="Q8247">
        <v>1</v>
      </c>
      <c r="R8247" t="s">
        <v>42291</v>
      </c>
      <c r="S8247">
        <v>428</v>
      </c>
    </row>
    <row r="8248" spans="1:19" x14ac:dyDescent="0.25">
      <c r="A8248">
        <v>21228841</v>
      </c>
      <c r="B8248" t="s">
        <v>42292</v>
      </c>
      <c r="C8248" s="1" t="s">
        <v>42293</v>
      </c>
      <c r="D8248">
        <v>21305257</v>
      </c>
      <c r="E8248">
        <v>2</v>
      </c>
      <c r="F8248">
        <v>3</v>
      </c>
      <c r="H8248" t="s">
        <v>42294</v>
      </c>
      <c r="I8248">
        <v>1</v>
      </c>
      <c r="J8248" t="s">
        <v>42295</v>
      </c>
      <c r="K8248" t="s">
        <v>42295</v>
      </c>
      <c r="M8248">
        <v>3214184</v>
      </c>
      <c r="O8248">
        <v>3214184</v>
      </c>
      <c r="P8248">
        <v>1</v>
      </c>
      <c r="Q8248">
        <v>0</v>
      </c>
      <c r="R8248" t="s">
        <v>42296</v>
      </c>
      <c r="S8248">
        <v>671</v>
      </c>
    </row>
    <row r="8249" spans="1:19" x14ac:dyDescent="0.25">
      <c r="A8249">
        <v>44923090</v>
      </c>
      <c r="B8249" t="s">
        <v>42297</v>
      </c>
      <c r="C8249" s="1" t="s">
        <v>42298</v>
      </c>
      <c r="E8249">
        <v>0</v>
      </c>
      <c r="F8249">
        <v>1</v>
      </c>
      <c r="H8249" t="s">
        <v>42299</v>
      </c>
      <c r="J8249" t="s">
        <v>42299</v>
      </c>
      <c r="O8249">
        <v>6772857</v>
      </c>
      <c r="P8249">
        <v>1</v>
      </c>
      <c r="Q8249">
        <v>0</v>
      </c>
      <c r="R8249" t="s">
        <v>40444</v>
      </c>
      <c r="S8249">
        <v>895</v>
      </c>
    </row>
    <row r="8250" spans="1:19" x14ac:dyDescent="0.25">
      <c r="A8250">
        <v>33253103</v>
      </c>
      <c r="B8250" t="s">
        <v>42300</v>
      </c>
      <c r="C8250" s="1" t="s">
        <v>42301</v>
      </c>
      <c r="E8250">
        <v>0</v>
      </c>
      <c r="F8250">
        <v>6</v>
      </c>
      <c r="H8250" t="s">
        <v>42302</v>
      </c>
      <c r="J8250" t="s">
        <v>42303</v>
      </c>
      <c r="K8250" t="s">
        <v>42303</v>
      </c>
      <c r="M8250">
        <v>594235</v>
      </c>
      <c r="O8250">
        <v>958396</v>
      </c>
      <c r="P8250">
        <v>1</v>
      </c>
      <c r="Q8250">
        <v>0</v>
      </c>
      <c r="R8250" t="s">
        <v>42304</v>
      </c>
      <c r="S8250">
        <v>399</v>
      </c>
    </row>
    <row r="8251" spans="1:19" x14ac:dyDescent="0.25">
      <c r="A8251">
        <v>44089</v>
      </c>
      <c r="B8251" t="s">
        <v>42305</v>
      </c>
      <c r="C8251" s="1" t="s">
        <v>42306</v>
      </c>
      <c r="D8251">
        <v>44676</v>
      </c>
      <c r="E8251">
        <v>5</v>
      </c>
      <c r="F8251">
        <v>1</v>
      </c>
      <c r="H8251" t="s">
        <v>42307</v>
      </c>
      <c r="I8251">
        <v>1</v>
      </c>
      <c r="J8251" t="s">
        <v>42308</v>
      </c>
      <c r="N8251" t="s">
        <v>42309</v>
      </c>
      <c r="O8251">
        <v>4311</v>
      </c>
      <c r="P8251">
        <v>1</v>
      </c>
      <c r="Q8251">
        <v>12</v>
      </c>
      <c r="R8251" t="s">
        <v>42310</v>
      </c>
      <c r="S8251">
        <v>44923</v>
      </c>
    </row>
    <row r="8252" spans="1:19" x14ac:dyDescent="0.25">
      <c r="A8252">
        <v>40158399</v>
      </c>
      <c r="B8252" t="s">
        <v>42311</v>
      </c>
      <c r="C8252" s="1" t="s">
        <v>42312</v>
      </c>
      <c r="D8252">
        <v>40194186</v>
      </c>
      <c r="E8252">
        <v>1</v>
      </c>
      <c r="F8252">
        <v>1</v>
      </c>
      <c r="H8252" t="s">
        <v>42313</v>
      </c>
      <c r="J8252" t="s">
        <v>42314</v>
      </c>
      <c r="K8252" t="s">
        <v>42315</v>
      </c>
      <c r="M8252">
        <v>4689583</v>
      </c>
      <c r="O8252">
        <v>4689583</v>
      </c>
      <c r="P8252">
        <v>1</v>
      </c>
      <c r="Q8252">
        <v>1</v>
      </c>
      <c r="R8252" t="s">
        <v>42316</v>
      </c>
      <c r="S8252">
        <v>564</v>
      </c>
    </row>
    <row r="8253" spans="1:19" x14ac:dyDescent="0.25">
      <c r="A8253">
        <v>3452665</v>
      </c>
      <c r="B8253" t="s">
        <v>42317</v>
      </c>
      <c r="C8253" s="1" t="s">
        <v>42318</v>
      </c>
      <c r="D8253">
        <v>3457133</v>
      </c>
      <c r="E8253">
        <v>1</v>
      </c>
      <c r="F8253">
        <v>0</v>
      </c>
      <c r="H8253" t="s">
        <v>42319</v>
      </c>
      <c r="J8253" t="s">
        <v>42320</v>
      </c>
      <c r="O8253">
        <v>399704</v>
      </c>
      <c r="P8253">
        <v>1</v>
      </c>
      <c r="Q8253">
        <v>5</v>
      </c>
      <c r="R8253" t="s">
        <v>42321</v>
      </c>
      <c r="S8253">
        <v>2107</v>
      </c>
    </row>
    <row r="8254" spans="1:19" x14ac:dyDescent="0.25">
      <c r="A8254">
        <v>37946468</v>
      </c>
      <c r="B8254" t="s">
        <v>42322</v>
      </c>
      <c r="C8254" s="1" t="s">
        <v>42323</v>
      </c>
      <c r="D8254">
        <v>37946728</v>
      </c>
      <c r="E8254">
        <v>1</v>
      </c>
      <c r="F8254">
        <v>7</v>
      </c>
      <c r="H8254" t="s">
        <v>42324</v>
      </c>
      <c r="J8254" t="s">
        <v>42325</v>
      </c>
      <c r="K8254" t="s">
        <v>42326</v>
      </c>
      <c r="M8254">
        <v>5732426</v>
      </c>
      <c r="O8254">
        <v>5732426</v>
      </c>
      <c r="P8254">
        <v>1</v>
      </c>
      <c r="Q8254">
        <v>1</v>
      </c>
      <c r="R8254" t="s">
        <v>42327</v>
      </c>
      <c r="S8254">
        <v>60</v>
      </c>
    </row>
    <row r="8255" spans="1:19" x14ac:dyDescent="0.25">
      <c r="A8255">
        <v>16198487</v>
      </c>
      <c r="B8255" t="s">
        <v>42328</v>
      </c>
      <c r="C8255" s="1" t="s">
        <v>42329</v>
      </c>
      <c r="D8255">
        <v>16200284</v>
      </c>
      <c r="E8255">
        <v>1</v>
      </c>
      <c r="F8255">
        <v>1</v>
      </c>
      <c r="H8255" t="s">
        <v>42330</v>
      </c>
      <c r="J8255" t="s">
        <v>42331</v>
      </c>
      <c r="K8255" t="s">
        <v>42332</v>
      </c>
      <c r="M8255">
        <v>1126268</v>
      </c>
      <c r="O8255">
        <v>1126268</v>
      </c>
      <c r="P8255">
        <v>1</v>
      </c>
      <c r="Q8255">
        <v>4</v>
      </c>
      <c r="R8255" t="s">
        <v>42333</v>
      </c>
      <c r="S8255">
        <v>1031</v>
      </c>
    </row>
    <row r="8256" spans="1:19" x14ac:dyDescent="0.25">
      <c r="A8256">
        <v>5434457</v>
      </c>
      <c r="B8256" t="s">
        <v>42334</v>
      </c>
      <c r="C8256" s="1" t="s">
        <v>42335</v>
      </c>
      <c r="E8256">
        <v>2</v>
      </c>
      <c r="F8256">
        <v>0</v>
      </c>
      <c r="H8256" t="s">
        <v>42336</v>
      </c>
      <c r="J8256" t="s">
        <v>42337</v>
      </c>
      <c r="K8256" t="s">
        <v>42338</v>
      </c>
      <c r="M8256">
        <v>23199</v>
      </c>
      <c r="O8256">
        <v>269663</v>
      </c>
      <c r="P8256">
        <v>1</v>
      </c>
      <c r="Q8256">
        <v>1</v>
      </c>
      <c r="R8256" t="s">
        <v>42339</v>
      </c>
      <c r="S8256">
        <v>365</v>
      </c>
    </row>
    <row r="8257" spans="1:19" x14ac:dyDescent="0.25">
      <c r="A8257">
        <v>39519837</v>
      </c>
      <c r="B8257" t="s">
        <v>42340</v>
      </c>
      <c r="C8257" s="1" t="s">
        <v>42341</v>
      </c>
      <c r="E8257">
        <v>2</v>
      </c>
      <c r="F8257">
        <v>1</v>
      </c>
      <c r="H8257" t="s">
        <v>42342</v>
      </c>
      <c r="J8257" t="s">
        <v>42343</v>
      </c>
      <c r="K8257" t="s">
        <v>42344</v>
      </c>
      <c r="M8257">
        <v>6598606</v>
      </c>
      <c r="O8257">
        <v>6598606</v>
      </c>
      <c r="P8257">
        <v>1</v>
      </c>
      <c r="Q8257">
        <v>0</v>
      </c>
      <c r="R8257" t="s">
        <v>42345</v>
      </c>
      <c r="S8257">
        <v>329</v>
      </c>
    </row>
    <row r="8258" spans="1:19" x14ac:dyDescent="0.25">
      <c r="A8258">
        <v>44852051</v>
      </c>
      <c r="B8258" t="s">
        <v>42346</v>
      </c>
      <c r="C8258" t="s">
        <v>42347</v>
      </c>
      <c r="E8258">
        <v>1</v>
      </c>
      <c r="F8258">
        <v>4</v>
      </c>
      <c r="H8258" t="s">
        <v>42348</v>
      </c>
      <c r="J8258" t="s">
        <v>42349</v>
      </c>
      <c r="O8258">
        <v>2540084</v>
      </c>
      <c r="P8258">
        <v>1</v>
      </c>
      <c r="Q8258">
        <v>0</v>
      </c>
      <c r="R8258" t="s">
        <v>42350</v>
      </c>
      <c r="S8258">
        <v>595</v>
      </c>
    </row>
    <row r="8259" spans="1:19" x14ac:dyDescent="0.25">
      <c r="A8259">
        <v>53462842</v>
      </c>
      <c r="B8259" t="s">
        <v>42351</v>
      </c>
      <c r="C8259" s="1" t="s">
        <v>42352</v>
      </c>
      <c r="E8259">
        <v>0</v>
      </c>
      <c r="F8259">
        <v>1</v>
      </c>
      <c r="H8259" t="s">
        <v>42353</v>
      </c>
      <c r="J8259" t="s">
        <v>42353</v>
      </c>
      <c r="O8259">
        <v>7165556</v>
      </c>
      <c r="P8259">
        <v>1</v>
      </c>
      <c r="Q8259">
        <v>-1</v>
      </c>
      <c r="R8259" t="s">
        <v>42354</v>
      </c>
      <c r="S8259">
        <v>34</v>
      </c>
    </row>
    <row r="8260" spans="1:19" x14ac:dyDescent="0.25">
      <c r="A8260">
        <v>38095729</v>
      </c>
      <c r="B8260" t="s">
        <v>42355</v>
      </c>
      <c r="C8260" s="1" t="s">
        <v>42356</v>
      </c>
      <c r="D8260">
        <v>38097204</v>
      </c>
      <c r="E8260">
        <v>1</v>
      </c>
      <c r="F8260">
        <v>3</v>
      </c>
      <c r="H8260" t="s">
        <v>42357</v>
      </c>
      <c r="J8260" t="s">
        <v>42358</v>
      </c>
      <c r="K8260" t="s">
        <v>42359</v>
      </c>
      <c r="M8260">
        <v>6439373</v>
      </c>
      <c r="O8260">
        <v>6439373</v>
      </c>
      <c r="P8260">
        <v>1</v>
      </c>
      <c r="Q8260">
        <v>0</v>
      </c>
      <c r="R8260" t="s">
        <v>42360</v>
      </c>
      <c r="S8260">
        <v>48</v>
      </c>
    </row>
    <row r="8261" spans="1:19" x14ac:dyDescent="0.25">
      <c r="A8261">
        <v>18517506</v>
      </c>
      <c r="B8261" t="s">
        <v>42361</v>
      </c>
      <c r="C8261" s="1" t="s">
        <v>42362</v>
      </c>
      <c r="E8261">
        <v>1</v>
      </c>
      <c r="F8261">
        <v>0</v>
      </c>
      <c r="H8261" t="s">
        <v>42363</v>
      </c>
      <c r="J8261" t="s">
        <v>42364</v>
      </c>
      <c r="K8261" t="s">
        <v>42364</v>
      </c>
      <c r="M8261">
        <v>902553</v>
      </c>
      <c r="O8261">
        <v>2336965</v>
      </c>
      <c r="P8261">
        <v>1</v>
      </c>
      <c r="Q8261">
        <v>0</v>
      </c>
      <c r="R8261" t="s">
        <v>42365</v>
      </c>
      <c r="S8261">
        <v>93</v>
      </c>
    </row>
    <row r="8262" spans="1:19" x14ac:dyDescent="0.25">
      <c r="A8262">
        <v>19390999</v>
      </c>
      <c r="B8262" t="s">
        <v>42366</v>
      </c>
      <c r="C8262" s="1" t="s">
        <v>42367</v>
      </c>
      <c r="E8262">
        <v>2</v>
      </c>
      <c r="F8262">
        <v>0</v>
      </c>
      <c r="H8262" t="s">
        <v>42368</v>
      </c>
      <c r="J8262" t="s">
        <v>42369</v>
      </c>
      <c r="O8262">
        <v>856488</v>
      </c>
      <c r="P8262">
        <v>1</v>
      </c>
      <c r="Q8262">
        <v>0</v>
      </c>
      <c r="R8262" t="s">
        <v>42370</v>
      </c>
      <c r="S8262">
        <v>684</v>
      </c>
    </row>
    <row r="8263" spans="1:19" x14ac:dyDescent="0.25">
      <c r="A8263">
        <v>38316080</v>
      </c>
      <c r="B8263" t="s">
        <v>42371</v>
      </c>
      <c r="C8263" s="1" t="s">
        <v>42372</v>
      </c>
      <c r="D8263">
        <v>38316226</v>
      </c>
      <c r="E8263">
        <v>1</v>
      </c>
      <c r="F8263">
        <v>0</v>
      </c>
      <c r="H8263" t="s">
        <v>42373</v>
      </c>
      <c r="J8263" t="s">
        <v>42374</v>
      </c>
      <c r="O8263">
        <v>4161389</v>
      </c>
      <c r="P8263">
        <v>1</v>
      </c>
      <c r="Q8263">
        <v>1</v>
      </c>
      <c r="R8263" t="s">
        <v>42375</v>
      </c>
      <c r="S8263">
        <v>543</v>
      </c>
    </row>
    <row r="8264" spans="1:19" x14ac:dyDescent="0.25">
      <c r="A8264">
        <v>39763014</v>
      </c>
      <c r="B8264" t="s">
        <v>42376</v>
      </c>
      <c r="C8264" s="1" t="s">
        <v>42377</v>
      </c>
      <c r="E8264">
        <v>0</v>
      </c>
      <c r="F8264">
        <v>7</v>
      </c>
      <c r="H8264" t="s">
        <v>42378</v>
      </c>
      <c r="J8264" t="s">
        <v>42379</v>
      </c>
      <c r="K8264" t="s">
        <v>42379</v>
      </c>
      <c r="L8264" t="s">
        <v>42380</v>
      </c>
      <c r="N8264" t="s">
        <v>42380</v>
      </c>
      <c r="P8264">
        <v>1</v>
      </c>
      <c r="Q8264">
        <v>0</v>
      </c>
      <c r="R8264" t="s">
        <v>42381</v>
      </c>
      <c r="S8264">
        <v>1790</v>
      </c>
    </row>
    <row r="8265" spans="1:19" x14ac:dyDescent="0.25">
      <c r="A8265">
        <v>44797656</v>
      </c>
      <c r="B8265" t="s">
        <v>42382</v>
      </c>
      <c r="C8265" s="1" t="s">
        <v>42383</v>
      </c>
      <c r="E8265">
        <v>1</v>
      </c>
      <c r="F8265">
        <v>0</v>
      </c>
      <c r="H8265" t="s">
        <v>42384</v>
      </c>
      <c r="J8265" t="s">
        <v>42385</v>
      </c>
      <c r="K8265" t="s">
        <v>42385</v>
      </c>
      <c r="M8265">
        <v>472495</v>
      </c>
      <c r="O8265">
        <v>6559027</v>
      </c>
      <c r="P8265">
        <v>1</v>
      </c>
      <c r="Q8265">
        <v>0</v>
      </c>
      <c r="R8265" t="s">
        <v>42386</v>
      </c>
      <c r="S8265">
        <v>31</v>
      </c>
    </row>
    <row r="8266" spans="1:19" x14ac:dyDescent="0.25">
      <c r="A8266">
        <v>8121005</v>
      </c>
      <c r="B8266" t="s">
        <v>42387</v>
      </c>
      <c r="C8266" s="1" t="s">
        <v>42388</v>
      </c>
      <c r="D8266">
        <v>8121053</v>
      </c>
      <c r="E8266">
        <v>3</v>
      </c>
      <c r="F8266">
        <v>7</v>
      </c>
      <c r="H8266" t="s">
        <v>42389</v>
      </c>
      <c r="J8266" t="s">
        <v>42390</v>
      </c>
      <c r="K8266" t="s">
        <v>42391</v>
      </c>
      <c r="M8266">
        <v>113141</v>
      </c>
      <c r="O8266">
        <v>231465</v>
      </c>
      <c r="P8266">
        <v>1</v>
      </c>
      <c r="Q8266">
        <v>3</v>
      </c>
      <c r="R8266" t="s">
        <v>42392</v>
      </c>
      <c r="S8266">
        <v>18085</v>
      </c>
    </row>
    <row r="8267" spans="1:19" x14ac:dyDescent="0.25">
      <c r="A8267">
        <v>29769564</v>
      </c>
      <c r="B8267" t="s">
        <v>42393</v>
      </c>
      <c r="C8267" s="1" t="s">
        <v>42394</v>
      </c>
      <c r="E8267">
        <v>1</v>
      </c>
      <c r="F8267">
        <v>11</v>
      </c>
      <c r="H8267" t="s">
        <v>42395</v>
      </c>
      <c r="I8267">
        <v>0</v>
      </c>
      <c r="J8267" t="s">
        <v>42396</v>
      </c>
      <c r="K8267" t="s">
        <v>42396</v>
      </c>
      <c r="M8267">
        <v>573032</v>
      </c>
      <c r="O8267">
        <v>4653126</v>
      </c>
      <c r="P8267">
        <v>1</v>
      </c>
      <c r="Q8267">
        <v>0</v>
      </c>
      <c r="R8267" t="s">
        <v>42397</v>
      </c>
      <c r="S8267">
        <v>349</v>
      </c>
    </row>
    <row r="8268" spans="1:19" x14ac:dyDescent="0.25">
      <c r="A8268">
        <v>50768623</v>
      </c>
      <c r="B8268" t="s">
        <v>42398</v>
      </c>
      <c r="C8268" s="1" t="s">
        <v>42399</v>
      </c>
      <c r="E8268">
        <v>0</v>
      </c>
      <c r="F8268">
        <v>8</v>
      </c>
      <c r="H8268" t="s">
        <v>42400</v>
      </c>
      <c r="J8268" t="s">
        <v>42401</v>
      </c>
      <c r="K8268" t="s">
        <v>42401</v>
      </c>
      <c r="M8268">
        <v>355230</v>
      </c>
      <c r="O8268">
        <v>1523238</v>
      </c>
      <c r="P8268">
        <v>1</v>
      </c>
      <c r="Q8268">
        <v>0</v>
      </c>
      <c r="R8268" t="s">
        <v>42402</v>
      </c>
      <c r="S8268">
        <v>35</v>
      </c>
    </row>
    <row r="8269" spans="1:19" x14ac:dyDescent="0.25">
      <c r="A8269">
        <v>50748010</v>
      </c>
      <c r="B8269" t="s">
        <v>42403</v>
      </c>
      <c r="C8269" s="1" t="s">
        <v>42404</v>
      </c>
      <c r="D8269">
        <v>50748090</v>
      </c>
      <c r="E8269">
        <v>1</v>
      </c>
      <c r="F8269">
        <v>1</v>
      </c>
      <c r="H8269" t="s">
        <v>42405</v>
      </c>
      <c r="J8269" t="s">
        <v>42406</v>
      </c>
      <c r="K8269" t="s">
        <v>42406</v>
      </c>
      <c r="M8269">
        <v>4667835</v>
      </c>
      <c r="O8269">
        <v>9497657</v>
      </c>
      <c r="P8269">
        <v>1</v>
      </c>
      <c r="Q8269">
        <v>0</v>
      </c>
      <c r="R8269" t="s">
        <v>21901</v>
      </c>
      <c r="S8269">
        <v>42</v>
      </c>
    </row>
    <row r="8270" spans="1:19" x14ac:dyDescent="0.25">
      <c r="A8270">
        <v>31563770</v>
      </c>
      <c r="B8270" t="s">
        <v>42407</v>
      </c>
      <c r="C8270" s="1" t="s">
        <v>42408</v>
      </c>
      <c r="E8270">
        <v>0</v>
      </c>
      <c r="F8270">
        <v>3</v>
      </c>
      <c r="H8270" t="s">
        <v>42409</v>
      </c>
      <c r="J8270" t="s">
        <v>42409</v>
      </c>
      <c r="O8270">
        <v>5143651</v>
      </c>
      <c r="P8270">
        <v>1</v>
      </c>
      <c r="Q8270">
        <v>0</v>
      </c>
      <c r="R8270" t="s">
        <v>2771</v>
      </c>
      <c r="S8270">
        <v>32</v>
      </c>
    </row>
    <row r="8271" spans="1:19" x14ac:dyDescent="0.25">
      <c r="A8271">
        <v>8311772</v>
      </c>
      <c r="B8271" t="s">
        <v>42410</v>
      </c>
      <c r="C8271" s="1" t="s">
        <v>42411</v>
      </c>
      <c r="D8271">
        <v>8313180</v>
      </c>
      <c r="E8271">
        <v>3</v>
      </c>
      <c r="F8271">
        <v>7</v>
      </c>
      <c r="H8271" t="s">
        <v>42412</v>
      </c>
      <c r="J8271" t="s">
        <v>42413</v>
      </c>
      <c r="K8271" t="s">
        <v>42414</v>
      </c>
      <c r="M8271">
        <v>999450</v>
      </c>
      <c r="O8271">
        <v>999450</v>
      </c>
      <c r="P8271">
        <v>1</v>
      </c>
      <c r="Q8271">
        <v>1</v>
      </c>
      <c r="R8271" t="s">
        <v>1239</v>
      </c>
      <c r="S8271">
        <v>3157</v>
      </c>
    </row>
    <row r="8272" spans="1:19" x14ac:dyDescent="0.25">
      <c r="A8272">
        <v>49344671</v>
      </c>
      <c r="B8272" t="s">
        <v>42415</v>
      </c>
      <c r="C8272" s="1" t="s">
        <v>42416</v>
      </c>
      <c r="D8272">
        <v>49344942</v>
      </c>
      <c r="E8272">
        <v>1</v>
      </c>
      <c r="F8272">
        <v>7</v>
      </c>
      <c r="H8272" t="s">
        <v>42417</v>
      </c>
      <c r="J8272" t="s">
        <v>42418</v>
      </c>
      <c r="O8272">
        <v>2076046</v>
      </c>
      <c r="P8272">
        <v>1</v>
      </c>
      <c r="Q8272">
        <v>0</v>
      </c>
      <c r="R8272" t="s">
        <v>819</v>
      </c>
      <c r="S8272">
        <v>116</v>
      </c>
    </row>
    <row r="8273" spans="1:19" x14ac:dyDescent="0.25">
      <c r="A8273">
        <v>6475106</v>
      </c>
      <c r="B8273" t="s">
        <v>42419</v>
      </c>
      <c r="C8273" s="1" t="s">
        <v>42420</v>
      </c>
      <c r="D8273">
        <v>22831165</v>
      </c>
      <c r="E8273">
        <v>4</v>
      </c>
      <c r="F8273">
        <v>0</v>
      </c>
      <c r="H8273" t="s">
        <v>42421</v>
      </c>
      <c r="J8273" t="s">
        <v>42422</v>
      </c>
      <c r="O8273">
        <v>303986</v>
      </c>
      <c r="P8273">
        <v>1</v>
      </c>
      <c r="Q8273">
        <v>1</v>
      </c>
      <c r="R8273" t="s">
        <v>42423</v>
      </c>
      <c r="S8273">
        <v>1776</v>
      </c>
    </row>
    <row r="8274" spans="1:19" x14ac:dyDescent="0.25">
      <c r="A8274">
        <v>26164406</v>
      </c>
      <c r="B8274" t="s">
        <v>42424</v>
      </c>
      <c r="C8274" s="1" t="s">
        <v>42425</v>
      </c>
      <c r="D8274">
        <v>26164423</v>
      </c>
      <c r="E8274">
        <v>1</v>
      </c>
      <c r="F8274">
        <v>1</v>
      </c>
      <c r="H8274" t="s">
        <v>42426</v>
      </c>
      <c r="J8274" t="s">
        <v>42427</v>
      </c>
      <c r="K8274" t="s">
        <v>42427</v>
      </c>
      <c r="M8274">
        <v>314166</v>
      </c>
      <c r="O8274">
        <v>3416263</v>
      </c>
      <c r="P8274">
        <v>1</v>
      </c>
      <c r="Q8274">
        <v>0</v>
      </c>
      <c r="R8274" t="s">
        <v>42428</v>
      </c>
      <c r="S8274">
        <v>32</v>
      </c>
    </row>
    <row r="8275" spans="1:19" x14ac:dyDescent="0.25">
      <c r="A8275">
        <v>37847641</v>
      </c>
      <c r="B8275" t="s">
        <v>42429</v>
      </c>
      <c r="C8275" t="s">
        <v>42430</v>
      </c>
      <c r="D8275">
        <v>37848322</v>
      </c>
      <c r="E8275">
        <v>1</v>
      </c>
      <c r="F8275">
        <v>0</v>
      </c>
      <c r="H8275" t="s">
        <v>42431</v>
      </c>
      <c r="J8275" t="s">
        <v>42432</v>
      </c>
      <c r="O8275">
        <v>6466594</v>
      </c>
      <c r="P8275">
        <v>1</v>
      </c>
      <c r="Q8275">
        <v>-2</v>
      </c>
      <c r="R8275" t="s">
        <v>42433</v>
      </c>
      <c r="S8275">
        <v>88</v>
      </c>
    </row>
    <row r="8276" spans="1:19" x14ac:dyDescent="0.25">
      <c r="A8276">
        <v>16306715</v>
      </c>
      <c r="B8276" t="s">
        <v>42434</v>
      </c>
      <c r="C8276" s="1" t="s">
        <v>42435</v>
      </c>
      <c r="D8276">
        <v>16307140</v>
      </c>
      <c r="E8276">
        <v>1</v>
      </c>
      <c r="F8276">
        <v>0</v>
      </c>
      <c r="H8276" t="s">
        <v>42436</v>
      </c>
      <c r="J8276" t="s">
        <v>42437</v>
      </c>
      <c r="K8276" t="s">
        <v>42437</v>
      </c>
      <c r="M8276">
        <v>3919155</v>
      </c>
      <c r="O8276">
        <v>183123</v>
      </c>
      <c r="P8276">
        <v>1</v>
      </c>
      <c r="Q8276">
        <v>2</v>
      </c>
      <c r="R8276" t="s">
        <v>42438</v>
      </c>
      <c r="S8276">
        <v>184</v>
      </c>
    </row>
    <row r="8277" spans="1:19" x14ac:dyDescent="0.25">
      <c r="A8277">
        <v>16400962</v>
      </c>
      <c r="B8277" t="s">
        <v>42439</v>
      </c>
      <c r="C8277" s="1" t="s">
        <v>42440</v>
      </c>
      <c r="E8277">
        <v>2</v>
      </c>
      <c r="F8277">
        <v>0</v>
      </c>
      <c r="H8277" t="s">
        <v>42441</v>
      </c>
      <c r="J8277" t="s">
        <v>42442</v>
      </c>
      <c r="K8277" t="s">
        <v>42442</v>
      </c>
      <c r="M8277">
        <v>1242646</v>
      </c>
      <c r="O8277">
        <v>1377631</v>
      </c>
      <c r="P8277">
        <v>1</v>
      </c>
      <c r="Q8277">
        <v>1</v>
      </c>
      <c r="R8277" t="s">
        <v>42443</v>
      </c>
      <c r="S8277">
        <v>862</v>
      </c>
    </row>
    <row r="8278" spans="1:19" x14ac:dyDescent="0.25">
      <c r="A8278">
        <v>19433487</v>
      </c>
      <c r="B8278" t="s">
        <v>42444</v>
      </c>
      <c r="C8278" s="1" t="s">
        <v>42445</v>
      </c>
      <c r="E8278">
        <v>1</v>
      </c>
      <c r="F8278">
        <v>0</v>
      </c>
      <c r="H8278" t="s">
        <v>42446</v>
      </c>
      <c r="J8278" t="s">
        <v>42447</v>
      </c>
      <c r="K8278" t="s">
        <v>42447</v>
      </c>
      <c r="M8278">
        <v>13302</v>
      </c>
      <c r="O8278">
        <v>1895204</v>
      </c>
      <c r="P8278">
        <v>1</v>
      </c>
      <c r="Q8278">
        <v>0</v>
      </c>
      <c r="R8278" t="s">
        <v>42448</v>
      </c>
      <c r="S8278">
        <v>2710</v>
      </c>
    </row>
    <row r="8279" spans="1:19" x14ac:dyDescent="0.25">
      <c r="A8279">
        <v>37554726</v>
      </c>
      <c r="B8279" t="s">
        <v>42449</v>
      </c>
      <c r="C8279" s="1" t="s">
        <v>42450</v>
      </c>
      <c r="D8279">
        <v>37555082</v>
      </c>
      <c r="E8279">
        <v>2</v>
      </c>
      <c r="F8279">
        <v>5</v>
      </c>
      <c r="H8279" t="s">
        <v>42451</v>
      </c>
      <c r="J8279" t="s">
        <v>42452</v>
      </c>
      <c r="K8279" t="s">
        <v>42452</v>
      </c>
      <c r="M8279">
        <v>662973</v>
      </c>
      <c r="O8279">
        <v>662973</v>
      </c>
      <c r="P8279">
        <v>1</v>
      </c>
      <c r="Q8279">
        <v>-3</v>
      </c>
      <c r="R8279" t="s">
        <v>42453</v>
      </c>
      <c r="S8279">
        <v>67</v>
      </c>
    </row>
    <row r="8280" spans="1:19" x14ac:dyDescent="0.25">
      <c r="A8280">
        <v>36296291</v>
      </c>
      <c r="B8280" t="s">
        <v>42454</v>
      </c>
      <c r="C8280" s="1" t="s">
        <v>42455</v>
      </c>
      <c r="D8280">
        <v>36296346</v>
      </c>
      <c r="E8280">
        <v>1</v>
      </c>
      <c r="F8280">
        <v>1</v>
      </c>
      <c r="H8280" t="s">
        <v>42456</v>
      </c>
      <c r="J8280" t="s">
        <v>42457</v>
      </c>
      <c r="K8280" t="s">
        <v>42457</v>
      </c>
      <c r="M8280">
        <v>769237</v>
      </c>
      <c r="O8280">
        <v>5415499</v>
      </c>
      <c r="P8280">
        <v>1</v>
      </c>
      <c r="Q8280">
        <v>0</v>
      </c>
      <c r="R8280" t="s">
        <v>413</v>
      </c>
      <c r="S8280">
        <v>21</v>
      </c>
    </row>
    <row r="8281" spans="1:19" x14ac:dyDescent="0.25">
      <c r="A8281">
        <v>28812670</v>
      </c>
      <c r="B8281" t="s">
        <v>42458</v>
      </c>
      <c r="C8281" s="1" t="s">
        <v>42459</v>
      </c>
      <c r="D8281">
        <v>28812711</v>
      </c>
      <c r="E8281">
        <v>2</v>
      </c>
      <c r="F8281">
        <v>0</v>
      </c>
      <c r="H8281" t="s">
        <v>42460</v>
      </c>
      <c r="I8281">
        <v>2</v>
      </c>
      <c r="J8281" t="s">
        <v>42461</v>
      </c>
      <c r="K8281" t="s">
        <v>42461</v>
      </c>
      <c r="M8281">
        <v>2680216</v>
      </c>
      <c r="O8281">
        <v>1214914</v>
      </c>
      <c r="P8281">
        <v>1</v>
      </c>
      <c r="Q8281">
        <v>7</v>
      </c>
      <c r="R8281" t="s">
        <v>42462</v>
      </c>
      <c r="S8281">
        <v>8180</v>
      </c>
    </row>
    <row r="8282" spans="1:19" x14ac:dyDescent="0.25">
      <c r="A8282">
        <v>21503121</v>
      </c>
      <c r="B8282" t="s">
        <v>42463</v>
      </c>
      <c r="C8282" s="1" t="s">
        <v>42464</v>
      </c>
      <c r="D8282">
        <v>21503240</v>
      </c>
      <c r="E8282">
        <v>2</v>
      </c>
      <c r="F8282">
        <v>1</v>
      </c>
      <c r="H8282" t="s">
        <v>42465</v>
      </c>
      <c r="J8282" t="s">
        <v>42466</v>
      </c>
      <c r="O8282">
        <v>2634453</v>
      </c>
      <c r="P8282">
        <v>1</v>
      </c>
      <c r="Q8282">
        <v>0</v>
      </c>
      <c r="R8282" t="s">
        <v>472</v>
      </c>
      <c r="S8282">
        <v>118</v>
      </c>
    </row>
    <row r="8283" spans="1:19" x14ac:dyDescent="0.25">
      <c r="A8283">
        <v>10058830</v>
      </c>
      <c r="B8283" t="s">
        <v>42467</v>
      </c>
      <c r="C8283" s="1" t="s">
        <v>42468</v>
      </c>
      <c r="E8283">
        <v>1</v>
      </c>
      <c r="F8283">
        <v>2</v>
      </c>
      <c r="H8283" t="s">
        <v>42469</v>
      </c>
      <c r="J8283" t="s">
        <v>42470</v>
      </c>
      <c r="K8283" t="s">
        <v>42471</v>
      </c>
      <c r="M8283">
        <v>1319597</v>
      </c>
      <c r="O8283">
        <v>1319597</v>
      </c>
      <c r="P8283">
        <v>1</v>
      </c>
      <c r="Q8283">
        <v>1</v>
      </c>
      <c r="R8283" t="s">
        <v>42472</v>
      </c>
      <c r="S8283">
        <v>405</v>
      </c>
    </row>
    <row r="8284" spans="1:19" x14ac:dyDescent="0.25">
      <c r="A8284">
        <v>43964539</v>
      </c>
      <c r="B8284" t="s">
        <v>42473</v>
      </c>
      <c r="C8284" s="1" t="s">
        <v>42474</v>
      </c>
      <c r="D8284">
        <v>44370212</v>
      </c>
      <c r="E8284">
        <v>8</v>
      </c>
      <c r="F8284">
        <v>1</v>
      </c>
      <c r="H8284" t="s">
        <v>42475</v>
      </c>
      <c r="I8284">
        <v>3</v>
      </c>
      <c r="J8284" t="s">
        <v>42476</v>
      </c>
      <c r="K8284" t="s">
        <v>42477</v>
      </c>
      <c r="M8284">
        <v>1475228</v>
      </c>
      <c r="O8284">
        <v>8010227</v>
      </c>
      <c r="P8284">
        <v>1</v>
      </c>
      <c r="Q8284">
        <v>27</v>
      </c>
      <c r="R8284" t="s">
        <v>42478</v>
      </c>
      <c r="S8284">
        <v>21921</v>
      </c>
    </row>
    <row r="8285" spans="1:19" x14ac:dyDescent="0.25">
      <c r="A8285">
        <v>53169847</v>
      </c>
      <c r="B8285" t="s">
        <v>42479</v>
      </c>
      <c r="C8285" s="1" t="s">
        <v>42480</v>
      </c>
      <c r="E8285">
        <v>0</v>
      </c>
      <c r="F8285">
        <v>1</v>
      </c>
      <c r="H8285" t="s">
        <v>42481</v>
      </c>
      <c r="J8285" t="s">
        <v>42481</v>
      </c>
      <c r="O8285">
        <v>10282088</v>
      </c>
      <c r="P8285">
        <v>1</v>
      </c>
      <c r="Q8285">
        <v>0</v>
      </c>
      <c r="R8285" t="s">
        <v>42482</v>
      </c>
      <c r="S8285">
        <v>18</v>
      </c>
    </row>
    <row r="8286" spans="1:19" x14ac:dyDescent="0.25">
      <c r="A8286">
        <v>10538039</v>
      </c>
      <c r="B8286" t="s">
        <v>42483</v>
      </c>
      <c r="C8286" s="1" t="s">
        <v>42484</v>
      </c>
      <c r="D8286">
        <v>10538166</v>
      </c>
      <c r="E8286">
        <v>3</v>
      </c>
      <c r="F8286">
        <v>0</v>
      </c>
      <c r="H8286" t="s">
        <v>42485</v>
      </c>
      <c r="J8286" t="s">
        <v>42486</v>
      </c>
      <c r="O8286">
        <v>1279200</v>
      </c>
      <c r="P8286">
        <v>1</v>
      </c>
      <c r="Q8286">
        <v>0</v>
      </c>
      <c r="R8286" t="s">
        <v>42487</v>
      </c>
      <c r="S8286">
        <v>4437</v>
      </c>
    </row>
    <row r="8287" spans="1:19" x14ac:dyDescent="0.25">
      <c r="A8287">
        <v>8937402</v>
      </c>
      <c r="B8287" t="s">
        <v>42488</v>
      </c>
      <c r="C8287" s="1" t="s">
        <v>42489</v>
      </c>
      <c r="E8287">
        <v>1</v>
      </c>
      <c r="F8287">
        <v>2</v>
      </c>
      <c r="H8287" t="s">
        <v>42490</v>
      </c>
      <c r="J8287" t="s">
        <v>42491</v>
      </c>
      <c r="K8287" t="s">
        <v>42492</v>
      </c>
      <c r="M8287">
        <v>453594</v>
      </c>
      <c r="O8287">
        <v>351545</v>
      </c>
      <c r="P8287">
        <v>1</v>
      </c>
      <c r="Q8287">
        <v>0</v>
      </c>
      <c r="R8287" t="s">
        <v>42493</v>
      </c>
      <c r="S8287">
        <v>292</v>
      </c>
    </row>
    <row r="8288" spans="1:19" x14ac:dyDescent="0.25">
      <c r="A8288">
        <v>50212583</v>
      </c>
      <c r="B8288" t="s">
        <v>42494</v>
      </c>
      <c r="C8288" s="1" t="s">
        <v>42495</v>
      </c>
      <c r="D8288">
        <v>50213058</v>
      </c>
      <c r="E8288">
        <v>2</v>
      </c>
      <c r="F8288">
        <v>1</v>
      </c>
      <c r="H8288" t="s">
        <v>42496</v>
      </c>
      <c r="J8288" t="s">
        <v>42497</v>
      </c>
      <c r="O8288">
        <v>5058116</v>
      </c>
      <c r="P8288">
        <v>1</v>
      </c>
      <c r="Q8288">
        <v>0</v>
      </c>
      <c r="R8288" t="s">
        <v>42498</v>
      </c>
      <c r="S8288">
        <v>50</v>
      </c>
    </row>
    <row r="8289" spans="1:19" x14ac:dyDescent="0.25">
      <c r="A8289">
        <v>13064719</v>
      </c>
      <c r="B8289" t="s">
        <v>42499</v>
      </c>
      <c r="C8289" s="1" t="s">
        <v>42500</v>
      </c>
      <c r="D8289">
        <v>13065061</v>
      </c>
      <c r="E8289">
        <v>1</v>
      </c>
      <c r="F8289">
        <v>0</v>
      </c>
      <c r="H8289" t="s">
        <v>42501</v>
      </c>
      <c r="I8289">
        <v>1</v>
      </c>
      <c r="J8289" t="s">
        <v>42502</v>
      </c>
      <c r="K8289" t="s">
        <v>42503</v>
      </c>
      <c r="M8289">
        <v>-1</v>
      </c>
      <c r="O8289">
        <v>1773514</v>
      </c>
      <c r="P8289">
        <v>1</v>
      </c>
      <c r="Q8289">
        <v>2</v>
      </c>
      <c r="R8289" t="s">
        <v>42504</v>
      </c>
      <c r="S8289">
        <v>3504</v>
      </c>
    </row>
    <row r="8290" spans="1:19" x14ac:dyDescent="0.25">
      <c r="A8290">
        <v>46701427</v>
      </c>
      <c r="B8290" t="s">
        <v>42505</v>
      </c>
      <c r="C8290" s="1" t="s">
        <v>42506</v>
      </c>
      <c r="E8290">
        <v>1</v>
      </c>
      <c r="F8290">
        <v>1</v>
      </c>
      <c r="H8290" t="s">
        <v>42507</v>
      </c>
      <c r="J8290" t="s">
        <v>42508</v>
      </c>
      <c r="K8290" t="s">
        <v>42508</v>
      </c>
      <c r="M8290">
        <v>1025063</v>
      </c>
      <c r="O8290">
        <v>4293249</v>
      </c>
      <c r="P8290">
        <v>1</v>
      </c>
      <c r="Q8290">
        <v>3</v>
      </c>
      <c r="R8290" t="s">
        <v>42509</v>
      </c>
      <c r="S8290">
        <v>536</v>
      </c>
    </row>
    <row r="8291" spans="1:19" x14ac:dyDescent="0.25">
      <c r="A8291">
        <v>46233818</v>
      </c>
      <c r="B8291" t="s">
        <v>42510</v>
      </c>
      <c r="C8291" s="1" t="s">
        <v>42511</v>
      </c>
      <c r="E8291">
        <v>2</v>
      </c>
      <c r="F8291">
        <v>7</v>
      </c>
      <c r="H8291" t="s">
        <v>42512</v>
      </c>
      <c r="J8291" t="s">
        <v>42513</v>
      </c>
      <c r="K8291" t="s">
        <v>42514</v>
      </c>
      <c r="M8291">
        <v>2270762</v>
      </c>
      <c r="O8291">
        <v>5267991</v>
      </c>
      <c r="P8291">
        <v>1</v>
      </c>
      <c r="Q8291">
        <v>0</v>
      </c>
      <c r="R8291" t="s">
        <v>42515</v>
      </c>
      <c r="S8291">
        <v>192</v>
      </c>
    </row>
    <row r="8292" spans="1:19" x14ac:dyDescent="0.25">
      <c r="A8292">
        <v>6494102</v>
      </c>
      <c r="B8292" t="s">
        <v>42516</v>
      </c>
      <c r="C8292" s="1" t="s">
        <v>42517</v>
      </c>
      <c r="D8292">
        <v>6522396</v>
      </c>
      <c r="E8292">
        <v>2</v>
      </c>
      <c r="F8292">
        <v>0</v>
      </c>
      <c r="H8292" t="s">
        <v>42518</v>
      </c>
      <c r="I8292">
        <v>4</v>
      </c>
      <c r="J8292" t="s">
        <v>42519</v>
      </c>
      <c r="O8292">
        <v>172999</v>
      </c>
      <c r="P8292">
        <v>1</v>
      </c>
      <c r="Q8292">
        <v>15</v>
      </c>
      <c r="R8292" t="s">
        <v>42520</v>
      </c>
      <c r="S8292">
        <v>12371</v>
      </c>
    </row>
    <row r="8293" spans="1:19" x14ac:dyDescent="0.25">
      <c r="A8293">
        <v>38310940</v>
      </c>
      <c r="B8293" t="s">
        <v>42521</v>
      </c>
      <c r="C8293" s="1" t="s">
        <v>42522</v>
      </c>
      <c r="D8293">
        <v>38314748</v>
      </c>
      <c r="E8293">
        <v>1</v>
      </c>
      <c r="F8293">
        <v>2</v>
      </c>
      <c r="H8293" t="s">
        <v>42523</v>
      </c>
      <c r="J8293" t="s">
        <v>42524</v>
      </c>
      <c r="O8293">
        <v>3297436</v>
      </c>
      <c r="P8293">
        <v>1</v>
      </c>
      <c r="Q8293">
        <v>0</v>
      </c>
      <c r="R8293" t="s">
        <v>42525</v>
      </c>
      <c r="S8293">
        <v>248</v>
      </c>
    </row>
    <row r="8294" spans="1:19" x14ac:dyDescent="0.25">
      <c r="A8294">
        <v>5741715</v>
      </c>
      <c r="B8294" t="s">
        <v>42526</v>
      </c>
      <c r="C8294" s="1" t="s">
        <v>42527</v>
      </c>
      <c r="E8294">
        <v>1</v>
      </c>
      <c r="F8294">
        <v>0</v>
      </c>
      <c r="H8294" t="s">
        <v>42528</v>
      </c>
      <c r="J8294" t="s">
        <v>42529</v>
      </c>
      <c r="O8294">
        <v>639089</v>
      </c>
      <c r="P8294">
        <v>1</v>
      </c>
      <c r="Q8294">
        <v>0</v>
      </c>
      <c r="R8294" t="s">
        <v>42530</v>
      </c>
      <c r="S8294">
        <v>1449</v>
      </c>
    </row>
    <row r="8295" spans="1:19" x14ac:dyDescent="0.25">
      <c r="A8295">
        <v>29890960</v>
      </c>
      <c r="B8295" t="s">
        <v>42531</v>
      </c>
      <c r="C8295" s="1" t="s">
        <v>42532</v>
      </c>
      <c r="D8295">
        <v>29891553</v>
      </c>
      <c r="E8295">
        <v>1</v>
      </c>
      <c r="F8295">
        <v>0</v>
      </c>
      <c r="H8295" t="s">
        <v>42533</v>
      </c>
      <c r="J8295" t="s">
        <v>42534</v>
      </c>
      <c r="O8295">
        <v>1528889</v>
      </c>
      <c r="P8295">
        <v>1</v>
      </c>
      <c r="Q8295">
        <v>0</v>
      </c>
      <c r="R8295" t="s">
        <v>42535</v>
      </c>
      <c r="S8295">
        <v>425</v>
      </c>
    </row>
    <row r="8296" spans="1:19" x14ac:dyDescent="0.25">
      <c r="A8296">
        <v>41964641</v>
      </c>
      <c r="B8296" t="s">
        <v>42536</v>
      </c>
      <c r="C8296" s="1" t="s">
        <v>42537</v>
      </c>
      <c r="D8296">
        <v>41964884</v>
      </c>
      <c r="E8296">
        <v>2</v>
      </c>
      <c r="F8296">
        <v>9</v>
      </c>
      <c r="H8296" t="s">
        <v>42538</v>
      </c>
      <c r="J8296" t="s">
        <v>42539</v>
      </c>
      <c r="K8296" t="s">
        <v>42540</v>
      </c>
      <c r="M8296">
        <v>4578243</v>
      </c>
      <c r="O8296">
        <v>4578243</v>
      </c>
      <c r="P8296">
        <v>1</v>
      </c>
      <c r="Q8296">
        <v>0</v>
      </c>
      <c r="R8296" t="s">
        <v>42541</v>
      </c>
      <c r="S8296">
        <v>350</v>
      </c>
    </row>
    <row r="8297" spans="1:19" x14ac:dyDescent="0.25">
      <c r="A8297">
        <v>26284254</v>
      </c>
      <c r="B8297" t="s">
        <v>42542</v>
      </c>
      <c r="C8297" s="1" t="s">
        <v>42543</v>
      </c>
      <c r="E8297">
        <v>0</v>
      </c>
      <c r="F8297">
        <v>4</v>
      </c>
      <c r="H8297" t="s">
        <v>42544</v>
      </c>
      <c r="J8297" t="s">
        <v>42544</v>
      </c>
      <c r="O8297">
        <v>2609962</v>
      </c>
      <c r="P8297">
        <v>1</v>
      </c>
      <c r="Q8297">
        <v>0</v>
      </c>
      <c r="R8297" t="s">
        <v>20962</v>
      </c>
      <c r="S8297">
        <v>86</v>
      </c>
    </row>
    <row r="8298" spans="1:19" x14ac:dyDescent="0.25">
      <c r="A8298">
        <v>50892772</v>
      </c>
      <c r="B8298" t="s">
        <v>42545</v>
      </c>
      <c r="C8298" s="1" t="s">
        <v>42546</v>
      </c>
      <c r="E8298">
        <v>0</v>
      </c>
      <c r="F8298">
        <v>1</v>
      </c>
      <c r="H8298" t="s">
        <v>42547</v>
      </c>
      <c r="J8298" t="s">
        <v>42547</v>
      </c>
      <c r="O8298">
        <v>7643363</v>
      </c>
      <c r="P8298">
        <v>1</v>
      </c>
      <c r="Q8298">
        <v>1</v>
      </c>
      <c r="R8298" t="s">
        <v>42548</v>
      </c>
      <c r="S8298">
        <v>126</v>
      </c>
    </row>
    <row r="8299" spans="1:19" x14ac:dyDescent="0.25">
      <c r="A8299">
        <v>15073227</v>
      </c>
      <c r="B8299" t="s">
        <v>42549</v>
      </c>
      <c r="C8299" s="1" t="s">
        <v>42550</v>
      </c>
      <c r="D8299">
        <v>15073320</v>
      </c>
      <c r="E8299">
        <v>1</v>
      </c>
      <c r="F8299">
        <v>1</v>
      </c>
      <c r="H8299" t="s">
        <v>42551</v>
      </c>
      <c r="I8299">
        <v>3</v>
      </c>
      <c r="J8299" t="s">
        <v>42552</v>
      </c>
      <c r="O8299">
        <v>2108300</v>
      </c>
      <c r="P8299">
        <v>1</v>
      </c>
      <c r="Q8299">
        <v>0</v>
      </c>
      <c r="R8299" t="s">
        <v>42553</v>
      </c>
      <c r="S8299">
        <v>1320</v>
      </c>
    </row>
    <row r="8300" spans="1:19" x14ac:dyDescent="0.25">
      <c r="A8300">
        <v>48762849</v>
      </c>
      <c r="B8300" t="s">
        <v>42554</v>
      </c>
      <c r="C8300" s="1" t="s">
        <v>42555</v>
      </c>
      <c r="E8300">
        <v>1</v>
      </c>
      <c r="F8300">
        <v>9</v>
      </c>
      <c r="H8300" t="s">
        <v>42556</v>
      </c>
      <c r="J8300" t="s">
        <v>42557</v>
      </c>
      <c r="K8300" t="s">
        <v>42558</v>
      </c>
      <c r="M8300">
        <v>104349</v>
      </c>
      <c r="O8300">
        <v>6695301</v>
      </c>
      <c r="P8300">
        <v>1</v>
      </c>
      <c r="Q8300">
        <v>1</v>
      </c>
      <c r="R8300" t="s">
        <v>42559</v>
      </c>
      <c r="S8300">
        <v>1097</v>
      </c>
    </row>
    <row r="8301" spans="1:19" x14ac:dyDescent="0.25">
      <c r="A8301">
        <v>35802804</v>
      </c>
      <c r="B8301" t="s">
        <v>42560</v>
      </c>
      <c r="C8301" s="1" t="s">
        <v>42561</v>
      </c>
      <c r="D8301">
        <v>35895697</v>
      </c>
      <c r="E8301">
        <v>1</v>
      </c>
      <c r="F8301">
        <v>3</v>
      </c>
      <c r="H8301" t="s">
        <v>42562</v>
      </c>
      <c r="J8301" t="s">
        <v>42563</v>
      </c>
      <c r="O8301">
        <v>2229684</v>
      </c>
      <c r="P8301">
        <v>1</v>
      </c>
      <c r="Q8301">
        <v>1</v>
      </c>
      <c r="R8301" t="s">
        <v>16508</v>
      </c>
      <c r="S8301">
        <v>168</v>
      </c>
    </row>
    <row r="8302" spans="1:19" x14ac:dyDescent="0.25">
      <c r="A8302">
        <v>17599908</v>
      </c>
      <c r="B8302" t="s">
        <v>42564</v>
      </c>
      <c r="C8302" s="1" t="s">
        <v>42565</v>
      </c>
      <c r="E8302">
        <v>0</v>
      </c>
      <c r="F8302">
        <v>7</v>
      </c>
      <c r="H8302" t="s">
        <v>42566</v>
      </c>
      <c r="J8302" t="s">
        <v>42567</v>
      </c>
      <c r="K8302" t="s">
        <v>42567</v>
      </c>
      <c r="M8302">
        <v>1599619</v>
      </c>
      <c r="O8302">
        <v>1084373</v>
      </c>
      <c r="P8302">
        <v>1</v>
      </c>
      <c r="Q8302">
        <v>0</v>
      </c>
      <c r="R8302" t="s">
        <v>42568</v>
      </c>
      <c r="S8302">
        <v>677</v>
      </c>
    </row>
    <row r="8303" spans="1:19" x14ac:dyDescent="0.25">
      <c r="A8303">
        <v>38433121</v>
      </c>
      <c r="B8303" t="s">
        <v>42569</v>
      </c>
      <c r="C8303" s="1" t="s">
        <v>42570</v>
      </c>
      <c r="E8303">
        <v>2</v>
      </c>
      <c r="F8303">
        <v>4</v>
      </c>
      <c r="H8303" t="s">
        <v>42571</v>
      </c>
      <c r="J8303" t="s">
        <v>42572</v>
      </c>
      <c r="K8303" t="s">
        <v>42572</v>
      </c>
      <c r="M8303">
        <v>57475</v>
      </c>
      <c r="O8303">
        <v>4213840</v>
      </c>
      <c r="P8303">
        <v>1</v>
      </c>
      <c r="Q8303">
        <v>0</v>
      </c>
      <c r="R8303" t="s">
        <v>42573</v>
      </c>
      <c r="S8303">
        <v>54</v>
      </c>
    </row>
    <row r="8304" spans="1:19" x14ac:dyDescent="0.25">
      <c r="A8304">
        <v>52284719</v>
      </c>
      <c r="B8304" t="s">
        <v>42574</v>
      </c>
      <c r="C8304" s="1" t="s">
        <v>42575</v>
      </c>
      <c r="E8304">
        <v>2</v>
      </c>
      <c r="F8304">
        <v>4</v>
      </c>
      <c r="H8304" t="s">
        <v>42576</v>
      </c>
      <c r="I8304">
        <v>0</v>
      </c>
      <c r="J8304" t="s">
        <v>42577</v>
      </c>
      <c r="K8304" t="s">
        <v>42578</v>
      </c>
      <c r="M8304">
        <v>6426229</v>
      </c>
      <c r="O8304">
        <v>6426229</v>
      </c>
      <c r="P8304">
        <v>1</v>
      </c>
      <c r="Q8304">
        <v>-1</v>
      </c>
      <c r="R8304" t="s">
        <v>24742</v>
      </c>
      <c r="S8304">
        <v>36</v>
      </c>
    </row>
    <row r="8305" spans="1:19" x14ac:dyDescent="0.25">
      <c r="A8305">
        <v>30916752</v>
      </c>
      <c r="B8305" t="s">
        <v>42579</v>
      </c>
      <c r="C8305" s="1" t="s">
        <v>42580</v>
      </c>
      <c r="E8305">
        <v>0</v>
      </c>
      <c r="F8305">
        <v>0</v>
      </c>
      <c r="H8305" t="s">
        <v>42581</v>
      </c>
      <c r="J8305" t="s">
        <v>42581</v>
      </c>
      <c r="O8305">
        <v>5024205</v>
      </c>
      <c r="P8305">
        <v>1</v>
      </c>
      <c r="Q8305">
        <v>1</v>
      </c>
      <c r="R8305" t="s">
        <v>42582</v>
      </c>
      <c r="S8305">
        <v>210</v>
      </c>
    </row>
    <row r="8306" spans="1:19" x14ac:dyDescent="0.25">
      <c r="A8306">
        <v>23831871</v>
      </c>
      <c r="B8306" t="s">
        <v>42583</v>
      </c>
      <c r="C8306" s="1" t="s">
        <v>42584</v>
      </c>
      <c r="D8306">
        <v>23831980</v>
      </c>
      <c r="E8306">
        <v>2</v>
      </c>
      <c r="F8306">
        <v>4</v>
      </c>
      <c r="H8306" t="s">
        <v>42585</v>
      </c>
      <c r="J8306" t="s">
        <v>42586</v>
      </c>
      <c r="K8306" t="s">
        <v>42587</v>
      </c>
      <c r="M8306">
        <v>616443</v>
      </c>
      <c r="O8306">
        <v>3138436</v>
      </c>
      <c r="P8306">
        <v>1</v>
      </c>
      <c r="Q8306">
        <v>0</v>
      </c>
      <c r="R8306" t="s">
        <v>3255</v>
      </c>
      <c r="S8306">
        <v>623</v>
      </c>
    </row>
    <row r="8307" spans="1:19" x14ac:dyDescent="0.25">
      <c r="A8307">
        <v>34669501</v>
      </c>
      <c r="B8307" t="s">
        <v>42588</v>
      </c>
      <c r="C8307" s="1" t="s">
        <v>42589</v>
      </c>
      <c r="E8307">
        <v>2</v>
      </c>
      <c r="F8307">
        <v>1</v>
      </c>
      <c r="H8307" t="s">
        <v>42590</v>
      </c>
      <c r="I8307">
        <v>1</v>
      </c>
      <c r="J8307" t="s">
        <v>42591</v>
      </c>
      <c r="O8307">
        <v>5760872</v>
      </c>
      <c r="P8307">
        <v>1</v>
      </c>
      <c r="Q8307">
        <v>-5</v>
      </c>
      <c r="R8307" t="s">
        <v>42592</v>
      </c>
      <c r="S8307">
        <v>83</v>
      </c>
    </row>
    <row r="8308" spans="1:19" x14ac:dyDescent="0.25">
      <c r="A8308">
        <v>40478879</v>
      </c>
      <c r="B8308" t="s">
        <v>42593</v>
      </c>
      <c r="C8308" t="s">
        <v>42594</v>
      </c>
      <c r="D8308">
        <v>40479120</v>
      </c>
      <c r="E8308">
        <v>2</v>
      </c>
      <c r="F8308">
        <v>1</v>
      </c>
      <c r="H8308" t="s">
        <v>42595</v>
      </c>
      <c r="J8308" t="s">
        <v>42596</v>
      </c>
      <c r="K8308" t="s">
        <v>42596</v>
      </c>
      <c r="M8308">
        <v>3105028</v>
      </c>
      <c r="O8308">
        <v>3105028</v>
      </c>
      <c r="P8308">
        <v>1</v>
      </c>
      <c r="Q8308">
        <v>-2</v>
      </c>
      <c r="R8308" t="s">
        <v>42597</v>
      </c>
      <c r="S8308">
        <v>46</v>
      </c>
    </row>
    <row r="8309" spans="1:19" x14ac:dyDescent="0.25">
      <c r="A8309">
        <v>6066020</v>
      </c>
      <c r="B8309" t="s">
        <v>42598</v>
      </c>
      <c r="C8309" s="1" t="s">
        <v>42599</v>
      </c>
      <c r="D8309">
        <v>6066655</v>
      </c>
      <c r="E8309">
        <v>1</v>
      </c>
      <c r="F8309">
        <v>3</v>
      </c>
      <c r="H8309" t="s">
        <v>42600</v>
      </c>
      <c r="I8309">
        <v>1</v>
      </c>
      <c r="J8309" t="s">
        <v>42601</v>
      </c>
      <c r="K8309" t="s">
        <v>42601</v>
      </c>
      <c r="M8309">
        <v>761926</v>
      </c>
      <c r="O8309">
        <v>761926</v>
      </c>
      <c r="P8309">
        <v>1</v>
      </c>
      <c r="Q8309">
        <v>4</v>
      </c>
      <c r="R8309" t="s">
        <v>42602</v>
      </c>
      <c r="S8309">
        <v>632</v>
      </c>
    </row>
    <row r="8310" spans="1:19" x14ac:dyDescent="0.25">
      <c r="A8310">
        <v>11742025</v>
      </c>
      <c r="B8310" t="s">
        <v>42603</v>
      </c>
      <c r="C8310" s="1" t="s">
        <v>42604</v>
      </c>
      <c r="E8310">
        <v>2</v>
      </c>
      <c r="F8310">
        <v>2</v>
      </c>
      <c r="H8310" t="s">
        <v>42605</v>
      </c>
      <c r="J8310" t="s">
        <v>42606</v>
      </c>
      <c r="K8310" t="s">
        <v>42606</v>
      </c>
      <c r="M8310">
        <v>1437325</v>
      </c>
      <c r="O8310">
        <v>1437325</v>
      </c>
      <c r="P8310">
        <v>1</v>
      </c>
      <c r="Q8310">
        <v>0</v>
      </c>
      <c r="R8310" t="s">
        <v>42607</v>
      </c>
      <c r="S8310">
        <v>1331</v>
      </c>
    </row>
    <row r="8311" spans="1:19" x14ac:dyDescent="0.25">
      <c r="A8311">
        <v>14629523</v>
      </c>
      <c r="B8311" t="s">
        <v>42608</v>
      </c>
      <c r="C8311" s="1" t="s">
        <v>42609</v>
      </c>
      <c r="D8311">
        <v>14629917</v>
      </c>
      <c r="E8311">
        <v>1</v>
      </c>
      <c r="F8311">
        <v>3</v>
      </c>
      <c r="H8311" t="s">
        <v>42610</v>
      </c>
      <c r="J8311" t="s">
        <v>42611</v>
      </c>
      <c r="O8311">
        <v>775489</v>
      </c>
      <c r="P8311">
        <v>1</v>
      </c>
      <c r="Q8311">
        <v>0</v>
      </c>
      <c r="R8311" t="s">
        <v>24757</v>
      </c>
      <c r="S8311">
        <v>155</v>
      </c>
    </row>
    <row r="8312" spans="1:19" x14ac:dyDescent="0.25">
      <c r="A8312">
        <v>43077902</v>
      </c>
      <c r="B8312" t="s">
        <v>42612</v>
      </c>
      <c r="C8312" s="1" t="s">
        <v>42613</v>
      </c>
      <c r="E8312">
        <v>1</v>
      </c>
      <c r="F8312">
        <v>1</v>
      </c>
      <c r="H8312" t="s">
        <v>42614</v>
      </c>
      <c r="I8312">
        <v>1</v>
      </c>
      <c r="J8312" t="s">
        <v>42615</v>
      </c>
      <c r="K8312" t="s">
        <v>42615</v>
      </c>
      <c r="M8312">
        <v>1676382</v>
      </c>
      <c r="O8312">
        <v>1676382</v>
      </c>
      <c r="P8312">
        <v>1</v>
      </c>
      <c r="Q8312">
        <v>1</v>
      </c>
      <c r="R8312" t="s">
        <v>42616</v>
      </c>
      <c r="S8312">
        <v>130</v>
      </c>
    </row>
    <row r="8313" spans="1:19" x14ac:dyDescent="0.25">
      <c r="A8313">
        <v>52425543</v>
      </c>
      <c r="B8313" t="s">
        <v>42617</v>
      </c>
      <c r="C8313" s="1" t="s">
        <v>42618</v>
      </c>
      <c r="E8313">
        <v>1</v>
      </c>
      <c r="F8313">
        <v>5</v>
      </c>
      <c r="H8313" t="s">
        <v>42619</v>
      </c>
      <c r="J8313" t="s">
        <v>42620</v>
      </c>
      <c r="K8313" t="s">
        <v>42621</v>
      </c>
      <c r="M8313">
        <v>3744304</v>
      </c>
      <c r="O8313">
        <v>8878391</v>
      </c>
      <c r="P8313">
        <v>1</v>
      </c>
      <c r="Q8313">
        <v>0</v>
      </c>
      <c r="R8313" t="s">
        <v>42622</v>
      </c>
      <c r="S8313">
        <v>67</v>
      </c>
    </row>
    <row r="8314" spans="1:19" x14ac:dyDescent="0.25">
      <c r="A8314">
        <v>6862435</v>
      </c>
      <c r="B8314" t="s">
        <v>42623</v>
      </c>
      <c r="C8314" s="1" t="s">
        <v>42624</v>
      </c>
      <c r="D8314">
        <v>6862478</v>
      </c>
      <c r="E8314">
        <v>6</v>
      </c>
      <c r="F8314">
        <v>0</v>
      </c>
      <c r="H8314" t="s">
        <v>42625</v>
      </c>
      <c r="J8314" t="s">
        <v>42626</v>
      </c>
      <c r="O8314">
        <v>284741</v>
      </c>
      <c r="P8314">
        <v>1</v>
      </c>
      <c r="Q8314">
        <v>5</v>
      </c>
      <c r="R8314" t="s">
        <v>1288</v>
      </c>
      <c r="S8314">
        <v>8574</v>
      </c>
    </row>
    <row r="8315" spans="1:19" x14ac:dyDescent="0.25">
      <c r="A8315">
        <v>22961055</v>
      </c>
      <c r="B8315" t="s">
        <v>42627</v>
      </c>
      <c r="C8315" s="1" t="s">
        <v>42628</v>
      </c>
      <c r="E8315">
        <v>2</v>
      </c>
      <c r="F8315">
        <v>1</v>
      </c>
      <c r="H8315" t="s">
        <v>42629</v>
      </c>
      <c r="J8315" t="s">
        <v>42630</v>
      </c>
      <c r="K8315" t="s">
        <v>42631</v>
      </c>
      <c r="M8315">
        <v>1349916</v>
      </c>
      <c r="O8315">
        <v>3513151</v>
      </c>
      <c r="P8315">
        <v>1</v>
      </c>
      <c r="Q8315">
        <v>0</v>
      </c>
      <c r="R8315" t="s">
        <v>34162</v>
      </c>
      <c r="S8315">
        <v>98</v>
      </c>
    </row>
    <row r="8316" spans="1:19" x14ac:dyDescent="0.25">
      <c r="A8316">
        <v>6390105</v>
      </c>
      <c r="B8316" t="s">
        <v>42632</v>
      </c>
      <c r="C8316" s="1" t="s">
        <v>42633</v>
      </c>
      <c r="D8316">
        <v>6390201</v>
      </c>
      <c r="E8316">
        <v>1</v>
      </c>
      <c r="F8316">
        <v>2</v>
      </c>
      <c r="H8316" t="s">
        <v>42634</v>
      </c>
      <c r="J8316" t="s">
        <v>42635</v>
      </c>
      <c r="K8316" t="s">
        <v>42635</v>
      </c>
      <c r="M8316">
        <v>29638</v>
      </c>
      <c r="O8316">
        <v>29638</v>
      </c>
      <c r="P8316">
        <v>1</v>
      </c>
      <c r="Q8316">
        <v>1</v>
      </c>
      <c r="R8316" t="s">
        <v>5941</v>
      </c>
      <c r="S8316">
        <v>409</v>
      </c>
    </row>
    <row r="8317" spans="1:19" x14ac:dyDescent="0.25">
      <c r="A8317">
        <v>15359758</v>
      </c>
      <c r="B8317" t="s">
        <v>42636</v>
      </c>
      <c r="C8317" s="1" t="s">
        <v>42637</v>
      </c>
      <c r="D8317">
        <v>15360154</v>
      </c>
      <c r="E8317">
        <v>1</v>
      </c>
      <c r="F8317">
        <v>2</v>
      </c>
      <c r="H8317" t="s">
        <v>42638</v>
      </c>
      <c r="J8317" t="s">
        <v>42639</v>
      </c>
      <c r="K8317" t="s">
        <v>42639</v>
      </c>
      <c r="M8317">
        <v>2031316</v>
      </c>
      <c r="O8317">
        <v>2031316</v>
      </c>
      <c r="P8317">
        <v>1</v>
      </c>
      <c r="Q8317">
        <v>0</v>
      </c>
      <c r="R8317" t="s">
        <v>42640</v>
      </c>
      <c r="S8317">
        <v>48</v>
      </c>
    </row>
    <row r="8318" spans="1:19" x14ac:dyDescent="0.25">
      <c r="A8318">
        <v>23564368</v>
      </c>
      <c r="B8318" t="s">
        <v>42641</v>
      </c>
      <c r="C8318" s="1" t="s">
        <v>42642</v>
      </c>
      <c r="D8318">
        <v>23564546</v>
      </c>
      <c r="E8318">
        <v>1</v>
      </c>
      <c r="F8318">
        <v>1</v>
      </c>
      <c r="H8318" t="s">
        <v>42643</v>
      </c>
      <c r="J8318" t="s">
        <v>42644</v>
      </c>
      <c r="K8318" t="s">
        <v>42644</v>
      </c>
      <c r="M8318">
        <v>4719550</v>
      </c>
      <c r="O8318">
        <v>2762389</v>
      </c>
      <c r="P8318">
        <v>1</v>
      </c>
      <c r="Q8318">
        <v>1</v>
      </c>
      <c r="R8318" t="s">
        <v>42645</v>
      </c>
      <c r="S8318">
        <v>1410</v>
      </c>
    </row>
    <row r="8319" spans="1:19" x14ac:dyDescent="0.25">
      <c r="A8319">
        <v>17118227</v>
      </c>
      <c r="B8319" t="s">
        <v>42646</v>
      </c>
      <c r="C8319" s="1" t="s">
        <v>42647</v>
      </c>
      <c r="D8319">
        <v>17118275</v>
      </c>
      <c r="E8319">
        <v>1</v>
      </c>
      <c r="F8319">
        <v>1</v>
      </c>
      <c r="H8319" t="s">
        <v>42648</v>
      </c>
      <c r="I8319">
        <v>1</v>
      </c>
      <c r="J8319" t="s">
        <v>42649</v>
      </c>
      <c r="K8319" t="s">
        <v>42650</v>
      </c>
      <c r="M8319">
        <v>1715579</v>
      </c>
      <c r="O8319">
        <v>463065</v>
      </c>
      <c r="P8319">
        <v>1</v>
      </c>
      <c r="Q8319">
        <v>4</v>
      </c>
      <c r="R8319" t="s">
        <v>42651</v>
      </c>
      <c r="S8319">
        <v>1068</v>
      </c>
    </row>
    <row r="8320" spans="1:19" x14ac:dyDescent="0.25">
      <c r="A8320">
        <v>14298989</v>
      </c>
      <c r="B8320" t="s">
        <v>42652</v>
      </c>
      <c r="C8320" s="1" t="s">
        <v>42653</v>
      </c>
      <c r="D8320">
        <v>14299015</v>
      </c>
      <c r="E8320">
        <v>2</v>
      </c>
      <c r="F8320">
        <v>2</v>
      </c>
      <c r="H8320" t="s">
        <v>42654</v>
      </c>
      <c r="J8320" t="s">
        <v>42655</v>
      </c>
      <c r="K8320" t="s">
        <v>42655</v>
      </c>
      <c r="M8320">
        <v>1854940</v>
      </c>
      <c r="O8320">
        <v>1854940</v>
      </c>
      <c r="P8320">
        <v>1</v>
      </c>
      <c r="Q8320">
        <v>3</v>
      </c>
      <c r="R8320" t="s">
        <v>42656</v>
      </c>
      <c r="S8320">
        <v>10284</v>
      </c>
    </row>
    <row r="8321" spans="1:19" x14ac:dyDescent="0.25">
      <c r="A8321">
        <v>49261207</v>
      </c>
      <c r="B8321" t="s">
        <v>42657</v>
      </c>
      <c r="C8321" s="1" t="s">
        <v>42658</v>
      </c>
      <c r="D8321">
        <v>49266566</v>
      </c>
      <c r="E8321">
        <v>2</v>
      </c>
      <c r="F8321">
        <v>2</v>
      </c>
      <c r="H8321" t="s">
        <v>42659</v>
      </c>
      <c r="J8321" t="s">
        <v>42660</v>
      </c>
      <c r="K8321" t="s">
        <v>42661</v>
      </c>
      <c r="M8321">
        <v>9189385</v>
      </c>
      <c r="O8321">
        <v>9189385</v>
      </c>
      <c r="P8321">
        <v>1</v>
      </c>
      <c r="Q8321">
        <v>0</v>
      </c>
      <c r="R8321" t="s">
        <v>1446</v>
      </c>
      <c r="S8321">
        <v>42</v>
      </c>
    </row>
    <row r="8322" spans="1:19" x14ac:dyDescent="0.25">
      <c r="A8322">
        <v>39913877</v>
      </c>
      <c r="B8322" t="s">
        <v>42662</v>
      </c>
      <c r="C8322" s="1" t="s">
        <v>42663</v>
      </c>
      <c r="E8322">
        <v>2</v>
      </c>
      <c r="F8322">
        <v>0</v>
      </c>
      <c r="H8322" t="s">
        <v>42664</v>
      </c>
      <c r="J8322" t="s">
        <v>42665</v>
      </c>
      <c r="K8322" t="s">
        <v>42666</v>
      </c>
      <c r="M8322">
        <v>6760806</v>
      </c>
      <c r="O8322">
        <v>6760806</v>
      </c>
      <c r="P8322">
        <v>1</v>
      </c>
      <c r="Q8322">
        <v>1</v>
      </c>
      <c r="R8322" t="s">
        <v>42667</v>
      </c>
      <c r="S8322">
        <v>163</v>
      </c>
    </row>
    <row r="8323" spans="1:19" x14ac:dyDescent="0.25">
      <c r="A8323">
        <v>1230781</v>
      </c>
      <c r="B8323" t="s">
        <v>42668</v>
      </c>
      <c r="C8323" s="1" t="s">
        <v>42669</v>
      </c>
      <c r="D8323">
        <v>1230849</v>
      </c>
      <c r="E8323">
        <v>3</v>
      </c>
      <c r="F8323">
        <v>0</v>
      </c>
      <c r="H8323" t="s">
        <v>42670</v>
      </c>
      <c r="I8323">
        <v>1</v>
      </c>
      <c r="J8323" t="s">
        <v>42671</v>
      </c>
      <c r="K8323" t="s">
        <v>42671</v>
      </c>
      <c r="M8323">
        <v>2849</v>
      </c>
      <c r="O8323">
        <v>2849</v>
      </c>
      <c r="P8323">
        <v>1</v>
      </c>
      <c r="Q8323">
        <v>1</v>
      </c>
      <c r="R8323" t="s">
        <v>42672</v>
      </c>
      <c r="S8323">
        <v>1331</v>
      </c>
    </row>
    <row r="8324" spans="1:19" x14ac:dyDescent="0.25">
      <c r="A8324">
        <v>31643943</v>
      </c>
      <c r="B8324" t="s">
        <v>42673</v>
      </c>
      <c r="C8324" s="1" t="s">
        <v>42674</v>
      </c>
      <c r="E8324">
        <v>0</v>
      </c>
      <c r="F8324">
        <v>3</v>
      </c>
      <c r="H8324" t="s">
        <v>42675</v>
      </c>
      <c r="J8324" t="s">
        <v>42675</v>
      </c>
      <c r="O8324">
        <v>4431374</v>
      </c>
      <c r="P8324">
        <v>1</v>
      </c>
      <c r="Q8324">
        <v>0</v>
      </c>
      <c r="R8324" t="s">
        <v>42676</v>
      </c>
      <c r="S8324">
        <v>231</v>
      </c>
    </row>
    <row r="8325" spans="1:19" x14ac:dyDescent="0.25">
      <c r="A8325">
        <v>47800592</v>
      </c>
      <c r="B8325" t="s">
        <v>42677</v>
      </c>
      <c r="C8325" s="1" t="s">
        <v>42678</v>
      </c>
      <c r="D8325">
        <v>47814999</v>
      </c>
      <c r="E8325">
        <v>2</v>
      </c>
      <c r="F8325">
        <v>0</v>
      </c>
      <c r="H8325" t="s">
        <v>42679</v>
      </c>
      <c r="J8325" t="s">
        <v>42680</v>
      </c>
      <c r="O8325">
        <v>1163428</v>
      </c>
      <c r="P8325">
        <v>1</v>
      </c>
      <c r="Q8325">
        <v>0</v>
      </c>
      <c r="R8325" t="s">
        <v>42681</v>
      </c>
      <c r="S8325">
        <v>381</v>
      </c>
    </row>
    <row r="8326" spans="1:19" x14ac:dyDescent="0.25">
      <c r="A8326">
        <v>47934164</v>
      </c>
      <c r="B8326" t="s">
        <v>42682</v>
      </c>
      <c r="C8326" s="1" t="s">
        <v>42683</v>
      </c>
      <c r="D8326">
        <v>47943750</v>
      </c>
      <c r="E8326">
        <v>1</v>
      </c>
      <c r="F8326">
        <v>1</v>
      </c>
      <c r="H8326" t="s">
        <v>42684</v>
      </c>
      <c r="J8326" t="s">
        <v>42685</v>
      </c>
      <c r="O8326">
        <v>5224405</v>
      </c>
      <c r="P8326">
        <v>1</v>
      </c>
      <c r="Q8326">
        <v>1</v>
      </c>
      <c r="R8326" t="s">
        <v>42686</v>
      </c>
      <c r="S8326">
        <v>1361</v>
      </c>
    </row>
    <row r="8327" spans="1:19" x14ac:dyDescent="0.25">
      <c r="A8327">
        <v>4541064</v>
      </c>
      <c r="B8327" t="s">
        <v>42687</v>
      </c>
      <c r="C8327" s="1" t="s">
        <v>42688</v>
      </c>
      <c r="D8327">
        <v>4559926</v>
      </c>
      <c r="E8327">
        <v>1</v>
      </c>
      <c r="F8327">
        <v>1</v>
      </c>
      <c r="H8327" t="s">
        <v>42689</v>
      </c>
      <c r="J8327" t="s">
        <v>42690</v>
      </c>
      <c r="O8327">
        <v>459811</v>
      </c>
      <c r="P8327">
        <v>1</v>
      </c>
      <c r="Q8327">
        <v>1</v>
      </c>
      <c r="R8327" t="s">
        <v>42691</v>
      </c>
      <c r="S8327">
        <v>3174</v>
      </c>
    </row>
    <row r="8328" spans="1:19" x14ac:dyDescent="0.25">
      <c r="A8328">
        <v>2848585</v>
      </c>
      <c r="B8328" t="s">
        <v>42692</v>
      </c>
      <c r="C8328" s="1" t="s">
        <v>42693</v>
      </c>
      <c r="D8328">
        <v>2848628</v>
      </c>
      <c r="E8328">
        <v>2</v>
      </c>
      <c r="F8328">
        <v>0</v>
      </c>
      <c r="H8328" t="s">
        <v>42694</v>
      </c>
      <c r="J8328" t="s">
        <v>42695</v>
      </c>
      <c r="K8328" t="s">
        <v>42695</v>
      </c>
      <c r="M8328">
        <v>12868</v>
      </c>
      <c r="O8328">
        <v>221209</v>
      </c>
      <c r="P8328">
        <v>1</v>
      </c>
      <c r="Q8328">
        <v>1</v>
      </c>
      <c r="R8328" t="s">
        <v>42696</v>
      </c>
      <c r="S8328">
        <v>248</v>
      </c>
    </row>
    <row r="8329" spans="1:19" x14ac:dyDescent="0.25">
      <c r="A8329">
        <v>13167332</v>
      </c>
      <c r="B8329" t="s">
        <v>42697</v>
      </c>
      <c r="C8329" s="1" t="s">
        <v>42698</v>
      </c>
      <c r="D8329">
        <v>13170135</v>
      </c>
      <c r="E8329">
        <v>1</v>
      </c>
      <c r="F8329">
        <v>3</v>
      </c>
      <c r="H8329" t="s">
        <v>42699</v>
      </c>
      <c r="J8329" t="s">
        <v>42700</v>
      </c>
      <c r="K8329" t="s">
        <v>42701</v>
      </c>
      <c r="M8329">
        <v>549608</v>
      </c>
      <c r="O8329">
        <v>549608</v>
      </c>
      <c r="P8329">
        <v>1</v>
      </c>
      <c r="Q8329">
        <v>0</v>
      </c>
      <c r="R8329" t="s">
        <v>42702</v>
      </c>
      <c r="S8329">
        <v>1437</v>
      </c>
    </row>
    <row r="8330" spans="1:19" x14ac:dyDescent="0.25">
      <c r="A8330">
        <v>41619541</v>
      </c>
      <c r="B8330" t="s">
        <v>42703</v>
      </c>
      <c r="C8330" s="1" t="s">
        <v>42704</v>
      </c>
      <c r="E8330">
        <v>1</v>
      </c>
      <c r="F8330">
        <v>6</v>
      </c>
      <c r="H8330" t="s">
        <v>42705</v>
      </c>
      <c r="J8330" t="s">
        <v>42706</v>
      </c>
      <c r="K8330" t="s">
        <v>42707</v>
      </c>
      <c r="M8330">
        <v>5047996</v>
      </c>
      <c r="O8330">
        <v>7411056</v>
      </c>
      <c r="P8330">
        <v>1</v>
      </c>
      <c r="Q8330">
        <v>0</v>
      </c>
      <c r="R8330" t="s">
        <v>1767</v>
      </c>
      <c r="S8330">
        <v>599</v>
      </c>
    </row>
    <row r="8331" spans="1:19" x14ac:dyDescent="0.25">
      <c r="A8331">
        <v>50424958</v>
      </c>
      <c r="B8331" t="s">
        <v>42708</v>
      </c>
      <c r="C8331" s="1" t="s">
        <v>42709</v>
      </c>
      <c r="E8331">
        <v>0</v>
      </c>
      <c r="F8331">
        <v>0</v>
      </c>
      <c r="H8331" t="s">
        <v>42710</v>
      </c>
      <c r="J8331" t="s">
        <v>42711</v>
      </c>
      <c r="K8331" t="s">
        <v>42711</v>
      </c>
      <c r="M8331">
        <v>13860</v>
      </c>
      <c r="O8331">
        <v>9815550</v>
      </c>
      <c r="P8331">
        <v>1</v>
      </c>
      <c r="Q8331">
        <v>0</v>
      </c>
      <c r="R8331" t="s">
        <v>42712</v>
      </c>
      <c r="S8331">
        <v>130</v>
      </c>
    </row>
    <row r="8332" spans="1:19" x14ac:dyDescent="0.25">
      <c r="A8332">
        <v>1633014</v>
      </c>
      <c r="B8332" t="s">
        <v>42713</v>
      </c>
      <c r="C8332" s="1" t="s">
        <v>42714</v>
      </c>
      <c r="D8332">
        <v>1633056</v>
      </c>
      <c r="E8332">
        <v>5</v>
      </c>
      <c r="F8332">
        <v>1</v>
      </c>
      <c r="H8332" t="s">
        <v>42715</v>
      </c>
      <c r="I8332">
        <v>1</v>
      </c>
      <c r="J8332" t="s">
        <v>42716</v>
      </c>
      <c r="O8332">
        <v>80280</v>
      </c>
      <c r="P8332">
        <v>1</v>
      </c>
      <c r="Q8332">
        <v>2</v>
      </c>
      <c r="R8332" t="s">
        <v>42717</v>
      </c>
      <c r="S8332">
        <v>232</v>
      </c>
    </row>
    <row r="8333" spans="1:19" x14ac:dyDescent="0.25">
      <c r="A8333">
        <v>34856197</v>
      </c>
      <c r="B8333" t="s">
        <v>42718</v>
      </c>
      <c r="C8333" s="1" t="s">
        <v>42719</v>
      </c>
      <c r="E8333">
        <v>0</v>
      </c>
      <c r="F8333">
        <v>3</v>
      </c>
      <c r="H8333" t="s">
        <v>42720</v>
      </c>
      <c r="J8333" t="s">
        <v>42720</v>
      </c>
      <c r="O8333">
        <v>1603234</v>
      </c>
      <c r="P8333">
        <v>1</v>
      </c>
      <c r="Q8333">
        <v>1</v>
      </c>
      <c r="R8333" t="s">
        <v>42721</v>
      </c>
      <c r="S8333">
        <v>45</v>
      </c>
    </row>
    <row r="8334" spans="1:19" x14ac:dyDescent="0.25">
      <c r="A8334">
        <v>30578667</v>
      </c>
      <c r="B8334" t="s">
        <v>42722</v>
      </c>
      <c r="C8334" s="1" t="s">
        <v>42723</v>
      </c>
      <c r="D8334">
        <v>30578951</v>
      </c>
      <c r="E8334">
        <v>1</v>
      </c>
      <c r="F8334">
        <v>0</v>
      </c>
      <c r="H8334" t="s">
        <v>42724</v>
      </c>
      <c r="J8334" t="s">
        <v>42725</v>
      </c>
      <c r="K8334" t="s">
        <v>42726</v>
      </c>
      <c r="M8334">
        <v>4626826</v>
      </c>
      <c r="O8334">
        <v>4761252</v>
      </c>
      <c r="P8334">
        <v>1</v>
      </c>
      <c r="Q8334">
        <v>0</v>
      </c>
      <c r="R8334" t="s">
        <v>2771</v>
      </c>
      <c r="S8334">
        <v>38</v>
      </c>
    </row>
    <row r="8335" spans="1:19" x14ac:dyDescent="0.25">
      <c r="A8335">
        <v>23771922</v>
      </c>
      <c r="B8335" t="s">
        <v>42727</v>
      </c>
      <c r="C8335" s="1" t="s">
        <v>42728</v>
      </c>
      <c r="D8335">
        <v>24018881</v>
      </c>
      <c r="E8335">
        <v>9</v>
      </c>
      <c r="F8335">
        <v>3</v>
      </c>
      <c r="H8335" t="s">
        <v>42729</v>
      </c>
      <c r="I8335">
        <v>12</v>
      </c>
      <c r="J8335" t="s">
        <v>42730</v>
      </c>
      <c r="O8335">
        <v>1666394</v>
      </c>
      <c r="P8335">
        <v>1</v>
      </c>
      <c r="Q8335">
        <v>32</v>
      </c>
      <c r="R8335" t="s">
        <v>42731</v>
      </c>
      <c r="S8335">
        <v>36455</v>
      </c>
    </row>
    <row r="8336" spans="1:19" x14ac:dyDescent="0.25">
      <c r="A8336">
        <v>4153299</v>
      </c>
      <c r="B8336" t="s">
        <v>42732</v>
      </c>
      <c r="C8336" s="1" t="s">
        <v>42733</v>
      </c>
      <c r="D8336">
        <v>4153464</v>
      </c>
      <c r="E8336">
        <v>2</v>
      </c>
      <c r="F8336">
        <v>0</v>
      </c>
      <c r="H8336" t="s">
        <v>42734</v>
      </c>
      <c r="J8336" t="s">
        <v>42735</v>
      </c>
      <c r="K8336" t="s">
        <v>42736</v>
      </c>
      <c r="M8336">
        <v>449649</v>
      </c>
      <c r="O8336">
        <v>449649</v>
      </c>
      <c r="P8336">
        <v>1</v>
      </c>
      <c r="Q8336">
        <v>2</v>
      </c>
      <c r="R8336" t="s">
        <v>42737</v>
      </c>
      <c r="S8336">
        <v>386</v>
      </c>
    </row>
    <row r="8337" spans="1:19" x14ac:dyDescent="0.25">
      <c r="A8337">
        <v>27278158</v>
      </c>
      <c r="B8337" t="s">
        <v>42738</v>
      </c>
      <c r="C8337" s="1" t="s">
        <v>42739</v>
      </c>
      <c r="D8337">
        <v>27317973</v>
      </c>
      <c r="E8337">
        <v>1</v>
      </c>
      <c r="F8337">
        <v>0</v>
      </c>
      <c r="H8337" t="s">
        <v>42740</v>
      </c>
      <c r="J8337" t="s">
        <v>42741</v>
      </c>
      <c r="O8337">
        <v>4130242</v>
      </c>
      <c r="P8337">
        <v>1</v>
      </c>
      <c r="Q8337">
        <v>0</v>
      </c>
      <c r="R8337" t="s">
        <v>42742</v>
      </c>
      <c r="S8337">
        <v>677</v>
      </c>
    </row>
    <row r="8338" spans="1:19" x14ac:dyDescent="0.25">
      <c r="A8338">
        <v>39263532</v>
      </c>
      <c r="B8338" t="s">
        <v>42743</v>
      </c>
      <c r="C8338" s="1" t="s">
        <v>42744</v>
      </c>
      <c r="D8338">
        <v>39470107</v>
      </c>
      <c r="E8338">
        <v>2</v>
      </c>
      <c r="F8338">
        <v>0</v>
      </c>
      <c r="H8338" t="s">
        <v>42745</v>
      </c>
      <c r="J8338" t="s">
        <v>42746</v>
      </c>
      <c r="O8338">
        <v>6247045</v>
      </c>
      <c r="P8338">
        <v>1</v>
      </c>
      <c r="Q8338">
        <v>1</v>
      </c>
      <c r="R8338" t="s">
        <v>42747</v>
      </c>
      <c r="S8338">
        <v>1587</v>
      </c>
    </row>
    <row r="8339" spans="1:19" x14ac:dyDescent="0.25">
      <c r="A8339">
        <v>53498123</v>
      </c>
      <c r="B8339" t="s">
        <v>42748</v>
      </c>
      <c r="C8339" s="1" t="s">
        <v>42749</v>
      </c>
      <c r="E8339">
        <v>1</v>
      </c>
      <c r="F8339">
        <v>0</v>
      </c>
      <c r="H8339" t="s">
        <v>42750</v>
      </c>
      <c r="J8339" t="s">
        <v>42751</v>
      </c>
      <c r="O8339">
        <v>2674682</v>
      </c>
      <c r="P8339">
        <v>1</v>
      </c>
      <c r="Q8339">
        <v>1</v>
      </c>
      <c r="R8339" t="s">
        <v>42752</v>
      </c>
      <c r="S8339">
        <v>5</v>
      </c>
    </row>
    <row r="8340" spans="1:19" x14ac:dyDescent="0.25">
      <c r="A8340">
        <v>11390420</v>
      </c>
      <c r="B8340" t="s">
        <v>42753</v>
      </c>
      <c r="C8340" s="1" t="s">
        <v>42754</v>
      </c>
      <c r="D8340">
        <v>11390448</v>
      </c>
      <c r="E8340">
        <v>4</v>
      </c>
      <c r="F8340">
        <v>0</v>
      </c>
      <c r="H8340" t="s">
        <v>42755</v>
      </c>
      <c r="I8340">
        <v>1</v>
      </c>
      <c r="J8340" t="s">
        <v>42756</v>
      </c>
      <c r="O8340">
        <v>973112</v>
      </c>
      <c r="P8340">
        <v>1</v>
      </c>
      <c r="Q8340">
        <v>4</v>
      </c>
      <c r="R8340" t="s">
        <v>42757</v>
      </c>
      <c r="S8340">
        <v>6999</v>
      </c>
    </row>
    <row r="8341" spans="1:19" x14ac:dyDescent="0.25">
      <c r="A8341">
        <v>45813081</v>
      </c>
      <c r="B8341" t="s">
        <v>42758</v>
      </c>
      <c r="C8341" s="1" t="s">
        <v>42759</v>
      </c>
      <c r="E8341">
        <v>5</v>
      </c>
      <c r="F8341">
        <v>3</v>
      </c>
      <c r="H8341" t="s">
        <v>42760</v>
      </c>
      <c r="J8341" t="s">
        <v>42761</v>
      </c>
      <c r="K8341" t="s">
        <v>42761</v>
      </c>
      <c r="M8341">
        <v>6755093</v>
      </c>
      <c r="O8341">
        <v>5077134</v>
      </c>
      <c r="P8341">
        <v>1</v>
      </c>
      <c r="Q8341">
        <v>0</v>
      </c>
      <c r="R8341" t="s">
        <v>42762</v>
      </c>
      <c r="S8341">
        <v>65</v>
      </c>
    </row>
    <row r="8342" spans="1:19" x14ac:dyDescent="0.25">
      <c r="A8342">
        <v>28728412</v>
      </c>
      <c r="B8342" t="s">
        <v>42763</v>
      </c>
      <c r="C8342" s="1" t="s">
        <v>42764</v>
      </c>
      <c r="E8342">
        <v>1</v>
      </c>
      <c r="F8342">
        <v>1</v>
      </c>
      <c r="H8342" t="s">
        <v>42765</v>
      </c>
      <c r="J8342" t="s">
        <v>42766</v>
      </c>
      <c r="O8342">
        <v>628244</v>
      </c>
      <c r="P8342">
        <v>1</v>
      </c>
      <c r="Q8342">
        <v>0</v>
      </c>
      <c r="R8342" t="s">
        <v>42767</v>
      </c>
      <c r="S8342">
        <v>272</v>
      </c>
    </row>
    <row r="8343" spans="1:19" x14ac:dyDescent="0.25">
      <c r="A8343">
        <v>4229111</v>
      </c>
      <c r="B8343" t="s">
        <v>42768</v>
      </c>
      <c r="C8343" s="1" t="s">
        <v>42769</v>
      </c>
      <c r="D8343">
        <v>4309898</v>
      </c>
      <c r="E8343">
        <v>2</v>
      </c>
      <c r="F8343">
        <v>0</v>
      </c>
      <c r="H8343" t="s">
        <v>42770</v>
      </c>
      <c r="J8343" t="s">
        <v>42771</v>
      </c>
      <c r="K8343" t="s">
        <v>42772</v>
      </c>
      <c r="M8343">
        <v>-1</v>
      </c>
      <c r="O8343">
        <v>337446</v>
      </c>
      <c r="P8343">
        <v>1</v>
      </c>
      <c r="Q8343">
        <v>1</v>
      </c>
      <c r="R8343" t="s">
        <v>42773</v>
      </c>
      <c r="S8343">
        <v>5682</v>
      </c>
    </row>
    <row r="8344" spans="1:19" x14ac:dyDescent="0.25">
      <c r="A8344">
        <v>51123014</v>
      </c>
      <c r="B8344" t="s">
        <v>42774</v>
      </c>
      <c r="C8344" s="1" t="s">
        <v>42775</v>
      </c>
      <c r="E8344">
        <v>0</v>
      </c>
      <c r="F8344">
        <v>4</v>
      </c>
      <c r="H8344" t="s">
        <v>42776</v>
      </c>
      <c r="J8344" t="s">
        <v>42777</v>
      </c>
      <c r="K8344" t="s">
        <v>42777</v>
      </c>
      <c r="M8344">
        <v>880619</v>
      </c>
      <c r="O8344">
        <v>4684583</v>
      </c>
      <c r="P8344">
        <v>1</v>
      </c>
      <c r="Q8344">
        <v>0</v>
      </c>
      <c r="R8344" t="s">
        <v>42778</v>
      </c>
      <c r="S8344">
        <v>33</v>
      </c>
    </row>
    <row r="8345" spans="1:19" x14ac:dyDescent="0.25">
      <c r="A8345">
        <v>27863393</v>
      </c>
      <c r="B8345" t="s">
        <v>42779</v>
      </c>
      <c r="C8345" s="1" t="s">
        <v>42780</v>
      </c>
      <c r="D8345">
        <v>27867138</v>
      </c>
      <c r="E8345">
        <v>1</v>
      </c>
      <c r="F8345">
        <v>3</v>
      </c>
      <c r="H8345" t="s">
        <v>42781</v>
      </c>
      <c r="J8345" t="s">
        <v>42782</v>
      </c>
      <c r="O8345">
        <v>4326405</v>
      </c>
      <c r="P8345">
        <v>1</v>
      </c>
      <c r="Q8345">
        <v>2</v>
      </c>
      <c r="R8345" t="s">
        <v>42783</v>
      </c>
      <c r="S8345">
        <v>125</v>
      </c>
    </row>
    <row r="8346" spans="1:19" x14ac:dyDescent="0.25">
      <c r="A8346">
        <v>21174673</v>
      </c>
      <c r="B8346" t="s">
        <v>42784</v>
      </c>
      <c r="C8346" s="1" t="s">
        <v>42785</v>
      </c>
      <c r="D8346">
        <v>21175188</v>
      </c>
      <c r="E8346">
        <v>2</v>
      </c>
      <c r="F8346">
        <v>2</v>
      </c>
      <c r="H8346" t="s">
        <v>42786</v>
      </c>
      <c r="J8346" t="s">
        <v>42787</v>
      </c>
      <c r="O8346">
        <v>1298540</v>
      </c>
      <c r="P8346">
        <v>1</v>
      </c>
      <c r="Q8346">
        <v>1</v>
      </c>
      <c r="R8346" t="s">
        <v>42788</v>
      </c>
      <c r="S8346">
        <v>164</v>
      </c>
    </row>
    <row r="8347" spans="1:19" x14ac:dyDescent="0.25">
      <c r="A8347">
        <v>52504004</v>
      </c>
      <c r="B8347" t="s">
        <v>42789</v>
      </c>
      <c r="C8347" s="1" t="s">
        <v>42790</v>
      </c>
      <c r="E8347">
        <v>0</v>
      </c>
      <c r="F8347">
        <v>3</v>
      </c>
      <c r="H8347" t="s">
        <v>42791</v>
      </c>
      <c r="J8347" t="s">
        <v>42791</v>
      </c>
      <c r="O8347">
        <v>5639995</v>
      </c>
      <c r="P8347">
        <v>1</v>
      </c>
      <c r="Q8347">
        <v>0</v>
      </c>
      <c r="R8347" t="s">
        <v>42792</v>
      </c>
      <c r="S8347">
        <v>52</v>
      </c>
    </row>
    <row r="8348" spans="1:19" x14ac:dyDescent="0.25">
      <c r="A8348">
        <v>42171446</v>
      </c>
      <c r="B8348" t="s">
        <v>42793</v>
      </c>
      <c r="C8348" t="s">
        <v>42794</v>
      </c>
      <c r="D8348">
        <v>42171607</v>
      </c>
      <c r="E8348">
        <v>1</v>
      </c>
      <c r="F8348">
        <v>1</v>
      </c>
      <c r="H8348" t="s">
        <v>42795</v>
      </c>
      <c r="J8348" t="s">
        <v>42796</v>
      </c>
      <c r="O8348">
        <v>2495305</v>
      </c>
      <c r="P8348">
        <v>1</v>
      </c>
      <c r="Q8348">
        <v>1</v>
      </c>
      <c r="R8348" t="s">
        <v>2494</v>
      </c>
      <c r="S8348">
        <v>18</v>
      </c>
    </row>
    <row r="8349" spans="1:19" x14ac:dyDescent="0.25">
      <c r="A8349">
        <v>37708912</v>
      </c>
      <c r="B8349" t="s">
        <v>42797</v>
      </c>
      <c r="C8349" t="s">
        <v>42798</v>
      </c>
      <c r="E8349">
        <v>2</v>
      </c>
      <c r="F8349">
        <v>0</v>
      </c>
      <c r="H8349" t="s">
        <v>42799</v>
      </c>
      <c r="J8349" t="s">
        <v>42800</v>
      </c>
      <c r="K8349" t="s">
        <v>42800</v>
      </c>
      <c r="M8349">
        <v>5548979</v>
      </c>
      <c r="O8349">
        <v>5548979</v>
      </c>
      <c r="P8349">
        <v>1</v>
      </c>
      <c r="Q8349">
        <v>0</v>
      </c>
      <c r="R8349" t="s">
        <v>42801</v>
      </c>
      <c r="S8349">
        <v>384</v>
      </c>
    </row>
    <row r="8350" spans="1:19" x14ac:dyDescent="0.25">
      <c r="A8350">
        <v>33499476</v>
      </c>
      <c r="B8350" t="s">
        <v>42802</v>
      </c>
      <c r="C8350" s="1" t="s">
        <v>42803</v>
      </c>
      <c r="D8350">
        <v>33503892</v>
      </c>
      <c r="E8350">
        <v>1</v>
      </c>
      <c r="F8350">
        <v>2</v>
      </c>
      <c r="H8350" t="s">
        <v>42804</v>
      </c>
      <c r="J8350" t="s">
        <v>42805</v>
      </c>
      <c r="K8350" t="s">
        <v>42806</v>
      </c>
      <c r="M8350">
        <v>-1</v>
      </c>
      <c r="O8350">
        <v>3857701</v>
      </c>
      <c r="P8350">
        <v>1</v>
      </c>
      <c r="Q8350">
        <v>3</v>
      </c>
      <c r="R8350" t="s">
        <v>42807</v>
      </c>
      <c r="S8350">
        <v>1373</v>
      </c>
    </row>
    <row r="8351" spans="1:19" x14ac:dyDescent="0.25">
      <c r="A8351">
        <v>44738396</v>
      </c>
      <c r="B8351" t="s">
        <v>42808</v>
      </c>
      <c r="C8351" s="1" t="s">
        <v>42809</v>
      </c>
      <c r="D8351">
        <v>44741008</v>
      </c>
      <c r="E8351">
        <v>3</v>
      </c>
      <c r="F8351">
        <v>3</v>
      </c>
      <c r="H8351" t="s">
        <v>42810</v>
      </c>
      <c r="J8351" t="s">
        <v>42811</v>
      </c>
      <c r="O8351">
        <v>8209599</v>
      </c>
      <c r="P8351">
        <v>1</v>
      </c>
      <c r="Q8351">
        <v>-3</v>
      </c>
      <c r="R8351" t="s">
        <v>42812</v>
      </c>
      <c r="S8351">
        <v>82</v>
      </c>
    </row>
    <row r="8352" spans="1:19" x14ac:dyDescent="0.25">
      <c r="A8352">
        <v>2051225</v>
      </c>
      <c r="B8352" t="s">
        <v>42813</v>
      </c>
      <c r="C8352" s="1" t="s">
        <v>42814</v>
      </c>
      <c r="E8352">
        <v>4</v>
      </c>
      <c r="F8352">
        <v>0</v>
      </c>
      <c r="H8352" t="s">
        <v>42815</v>
      </c>
      <c r="I8352">
        <v>2</v>
      </c>
      <c r="J8352" t="s">
        <v>42816</v>
      </c>
      <c r="O8352">
        <v>245046</v>
      </c>
      <c r="P8352">
        <v>1</v>
      </c>
      <c r="Q8352">
        <v>8</v>
      </c>
      <c r="R8352" t="s">
        <v>42817</v>
      </c>
      <c r="S8352">
        <v>13334</v>
      </c>
    </row>
    <row r="8353" spans="1:19" x14ac:dyDescent="0.25">
      <c r="A8353">
        <v>50438011</v>
      </c>
      <c r="B8353" t="s">
        <v>42818</v>
      </c>
      <c r="C8353" s="1" t="s">
        <v>42819</v>
      </c>
      <c r="D8353">
        <v>50496036</v>
      </c>
      <c r="E8353">
        <v>1</v>
      </c>
      <c r="F8353">
        <v>0</v>
      </c>
      <c r="H8353" t="s">
        <v>42820</v>
      </c>
      <c r="J8353" t="s">
        <v>42821</v>
      </c>
      <c r="O8353">
        <v>8116198</v>
      </c>
      <c r="P8353">
        <v>1</v>
      </c>
      <c r="Q8353">
        <v>2</v>
      </c>
      <c r="R8353" t="s">
        <v>42822</v>
      </c>
      <c r="S8353">
        <v>150</v>
      </c>
    </row>
    <row r="8354" spans="1:19" x14ac:dyDescent="0.25">
      <c r="A8354">
        <v>45058690</v>
      </c>
      <c r="B8354" t="s">
        <v>42823</v>
      </c>
      <c r="C8354" s="1" t="s">
        <v>42824</v>
      </c>
      <c r="D8354">
        <v>45059378</v>
      </c>
      <c r="E8354">
        <v>1</v>
      </c>
      <c r="F8354">
        <v>0</v>
      </c>
      <c r="H8354" t="s">
        <v>42825</v>
      </c>
      <c r="I8354">
        <v>2</v>
      </c>
      <c r="J8354" t="s">
        <v>42826</v>
      </c>
      <c r="O8354">
        <v>8295945</v>
      </c>
      <c r="P8354">
        <v>1</v>
      </c>
      <c r="Q8354">
        <v>3</v>
      </c>
      <c r="R8354" t="s">
        <v>42827</v>
      </c>
      <c r="S8354">
        <v>3667</v>
      </c>
    </row>
    <row r="8355" spans="1:19" x14ac:dyDescent="0.25">
      <c r="A8355">
        <v>32186069</v>
      </c>
      <c r="B8355" t="s">
        <v>42828</v>
      </c>
      <c r="C8355" s="1" t="s">
        <v>42829</v>
      </c>
      <c r="D8355">
        <v>34857256</v>
      </c>
      <c r="E8355">
        <v>1</v>
      </c>
      <c r="F8355">
        <v>0</v>
      </c>
      <c r="H8355" t="s">
        <v>42830</v>
      </c>
      <c r="J8355" t="s">
        <v>42831</v>
      </c>
      <c r="O8355">
        <v>5231780</v>
      </c>
      <c r="P8355">
        <v>1</v>
      </c>
      <c r="Q8355">
        <v>0</v>
      </c>
      <c r="R8355" t="s">
        <v>42832</v>
      </c>
      <c r="S8355">
        <v>77</v>
      </c>
    </row>
    <row r="8356" spans="1:19" x14ac:dyDescent="0.25">
      <c r="A8356">
        <v>25173533</v>
      </c>
      <c r="B8356" t="s">
        <v>42833</v>
      </c>
      <c r="C8356" s="1" t="s">
        <v>42834</v>
      </c>
      <c r="D8356">
        <v>25185354</v>
      </c>
      <c r="E8356">
        <v>1</v>
      </c>
      <c r="F8356">
        <v>1</v>
      </c>
      <c r="H8356" t="s">
        <v>42835</v>
      </c>
      <c r="I8356">
        <v>0</v>
      </c>
      <c r="J8356" t="s">
        <v>42836</v>
      </c>
      <c r="O8356">
        <v>3866010</v>
      </c>
      <c r="P8356">
        <v>1</v>
      </c>
      <c r="Q8356">
        <v>0</v>
      </c>
      <c r="R8356" t="s">
        <v>42837</v>
      </c>
      <c r="S8356">
        <v>481</v>
      </c>
    </row>
    <row r="8357" spans="1:19" x14ac:dyDescent="0.25">
      <c r="A8357">
        <v>16988045</v>
      </c>
      <c r="B8357" t="s">
        <v>42838</v>
      </c>
      <c r="C8357" s="1" t="s">
        <v>42839</v>
      </c>
      <c r="E8357">
        <v>1</v>
      </c>
      <c r="F8357">
        <v>4</v>
      </c>
      <c r="H8357" t="s">
        <v>42840</v>
      </c>
      <c r="J8357" t="s">
        <v>42841</v>
      </c>
      <c r="K8357" t="s">
        <v>42841</v>
      </c>
      <c r="M8357">
        <v>727208</v>
      </c>
      <c r="O8357">
        <v>2338770</v>
      </c>
      <c r="P8357">
        <v>1</v>
      </c>
      <c r="Q8357">
        <v>-2</v>
      </c>
      <c r="R8357" t="s">
        <v>42842</v>
      </c>
      <c r="S8357">
        <v>307</v>
      </c>
    </row>
    <row r="8358" spans="1:19" x14ac:dyDescent="0.25">
      <c r="A8358">
        <v>49987562</v>
      </c>
      <c r="B8358" t="s">
        <v>42843</v>
      </c>
      <c r="C8358" s="1" t="s">
        <v>42844</v>
      </c>
      <c r="E8358">
        <v>0</v>
      </c>
      <c r="F8358">
        <v>0</v>
      </c>
      <c r="H8358" t="s">
        <v>42845</v>
      </c>
      <c r="J8358" t="s">
        <v>42846</v>
      </c>
      <c r="K8358" t="s">
        <v>42846</v>
      </c>
      <c r="M8358">
        <v>8919780</v>
      </c>
      <c r="O8358">
        <v>8919780</v>
      </c>
      <c r="P8358">
        <v>1</v>
      </c>
      <c r="Q8358">
        <v>0</v>
      </c>
      <c r="R8358" t="s">
        <v>42847</v>
      </c>
      <c r="S8358">
        <v>27</v>
      </c>
    </row>
    <row r="8359" spans="1:19" x14ac:dyDescent="0.25">
      <c r="A8359">
        <v>17275697</v>
      </c>
      <c r="B8359" t="s">
        <v>42848</v>
      </c>
      <c r="C8359" s="1" t="s">
        <v>42849</v>
      </c>
      <c r="D8359">
        <v>17276279</v>
      </c>
      <c r="E8359">
        <v>1</v>
      </c>
      <c r="F8359">
        <v>0</v>
      </c>
      <c r="H8359" t="s">
        <v>42850</v>
      </c>
      <c r="J8359" t="s">
        <v>42851</v>
      </c>
      <c r="O8359">
        <v>72437</v>
      </c>
      <c r="P8359">
        <v>1</v>
      </c>
      <c r="Q8359">
        <v>1</v>
      </c>
      <c r="R8359" t="s">
        <v>42852</v>
      </c>
      <c r="S8359">
        <v>2992</v>
      </c>
    </row>
    <row r="8360" spans="1:19" x14ac:dyDescent="0.25">
      <c r="A8360">
        <v>37761543</v>
      </c>
      <c r="B8360" t="s">
        <v>42853</v>
      </c>
      <c r="C8360" s="1" t="s">
        <v>42854</v>
      </c>
      <c r="E8360">
        <v>1</v>
      </c>
      <c r="F8360">
        <v>1</v>
      </c>
      <c r="H8360" t="s">
        <v>42855</v>
      </c>
      <c r="I8360">
        <v>1</v>
      </c>
      <c r="J8360" t="s">
        <v>42856</v>
      </c>
      <c r="K8360" t="s">
        <v>42857</v>
      </c>
      <c r="M8360">
        <v>166476</v>
      </c>
      <c r="O8360">
        <v>5912942</v>
      </c>
      <c r="P8360">
        <v>1</v>
      </c>
      <c r="Q8360">
        <v>1</v>
      </c>
      <c r="R8360" t="s">
        <v>2754</v>
      </c>
      <c r="S8360">
        <v>656</v>
      </c>
    </row>
    <row r="8361" spans="1:19" x14ac:dyDescent="0.25">
      <c r="A8361">
        <v>28478773</v>
      </c>
      <c r="B8361" t="s">
        <v>42858</v>
      </c>
      <c r="C8361" s="1" t="s">
        <v>42859</v>
      </c>
      <c r="E8361">
        <v>2</v>
      </c>
      <c r="F8361">
        <v>4</v>
      </c>
      <c r="H8361" t="s">
        <v>42860</v>
      </c>
      <c r="J8361" t="s">
        <v>42861</v>
      </c>
      <c r="K8361" t="s">
        <v>42862</v>
      </c>
      <c r="M8361">
        <v>1478133</v>
      </c>
      <c r="O8361">
        <v>1478133</v>
      </c>
      <c r="P8361">
        <v>1</v>
      </c>
      <c r="Q8361">
        <v>1</v>
      </c>
      <c r="R8361" t="s">
        <v>42863</v>
      </c>
      <c r="S8361">
        <v>142</v>
      </c>
    </row>
    <row r="8362" spans="1:19" x14ac:dyDescent="0.25">
      <c r="A8362">
        <v>43542226</v>
      </c>
      <c r="B8362" t="s">
        <v>42864</v>
      </c>
      <c r="C8362" s="1" t="s">
        <v>42865</v>
      </c>
      <c r="D8362">
        <v>44601027</v>
      </c>
      <c r="E8362">
        <v>2</v>
      </c>
      <c r="F8362">
        <v>2</v>
      </c>
      <c r="H8362" t="s">
        <v>42866</v>
      </c>
      <c r="J8362" t="s">
        <v>42867</v>
      </c>
      <c r="K8362" t="s">
        <v>42868</v>
      </c>
      <c r="M8362">
        <v>5974433</v>
      </c>
      <c r="O8362">
        <v>7901172</v>
      </c>
      <c r="P8362">
        <v>1</v>
      </c>
      <c r="Q8362">
        <v>6</v>
      </c>
      <c r="R8362" t="s">
        <v>42869</v>
      </c>
      <c r="S8362">
        <v>282</v>
      </c>
    </row>
    <row r="8363" spans="1:19" x14ac:dyDescent="0.25">
      <c r="A8363">
        <v>17896432</v>
      </c>
      <c r="B8363" t="s">
        <v>42870</v>
      </c>
      <c r="C8363" s="1" t="s">
        <v>42871</v>
      </c>
      <c r="D8363">
        <v>36413887</v>
      </c>
      <c r="E8363">
        <v>4</v>
      </c>
      <c r="F8363">
        <v>0</v>
      </c>
      <c r="H8363" t="s">
        <v>42872</v>
      </c>
      <c r="I8363">
        <v>3</v>
      </c>
      <c r="J8363" t="s">
        <v>42873</v>
      </c>
      <c r="K8363" t="s">
        <v>42874</v>
      </c>
      <c r="M8363">
        <v>38461</v>
      </c>
      <c r="O8363">
        <v>453438</v>
      </c>
      <c r="P8363">
        <v>1</v>
      </c>
      <c r="Q8363">
        <v>18</v>
      </c>
      <c r="R8363" t="s">
        <v>42875</v>
      </c>
      <c r="S8363">
        <v>5322</v>
      </c>
    </row>
    <row r="8364" spans="1:19" x14ac:dyDescent="0.25">
      <c r="A8364">
        <v>36667049</v>
      </c>
      <c r="B8364" t="s">
        <v>42876</v>
      </c>
      <c r="C8364" s="1" t="s">
        <v>42877</v>
      </c>
      <c r="E8364">
        <v>2</v>
      </c>
      <c r="F8364">
        <v>5</v>
      </c>
      <c r="H8364" t="s">
        <v>42878</v>
      </c>
      <c r="J8364" t="s">
        <v>42879</v>
      </c>
      <c r="K8364" t="s">
        <v>42880</v>
      </c>
      <c r="M8364">
        <v>488241</v>
      </c>
      <c r="O8364">
        <v>488241</v>
      </c>
      <c r="P8364">
        <v>1</v>
      </c>
      <c r="Q8364">
        <v>1</v>
      </c>
      <c r="R8364" t="s">
        <v>42881</v>
      </c>
      <c r="S8364">
        <v>1654</v>
      </c>
    </row>
    <row r="8365" spans="1:19" x14ac:dyDescent="0.25">
      <c r="A8365">
        <v>35261212</v>
      </c>
      <c r="B8365" t="s">
        <v>42882</v>
      </c>
      <c r="C8365" s="1" t="s">
        <v>42883</v>
      </c>
      <c r="D8365">
        <v>35261320</v>
      </c>
      <c r="E8365">
        <v>1</v>
      </c>
      <c r="F8365">
        <v>8</v>
      </c>
      <c r="H8365" t="s">
        <v>42884</v>
      </c>
      <c r="I8365">
        <v>1</v>
      </c>
      <c r="J8365" t="s">
        <v>42885</v>
      </c>
      <c r="K8365" t="s">
        <v>42885</v>
      </c>
      <c r="M8365">
        <v>4593267</v>
      </c>
      <c r="O8365">
        <v>5870537</v>
      </c>
      <c r="P8365">
        <v>1</v>
      </c>
      <c r="Q8365">
        <v>0</v>
      </c>
      <c r="R8365" t="s">
        <v>42886</v>
      </c>
      <c r="S8365">
        <v>46</v>
      </c>
    </row>
    <row r="8366" spans="1:19" x14ac:dyDescent="0.25">
      <c r="A8366">
        <v>31351811</v>
      </c>
      <c r="B8366" t="s">
        <v>42887</v>
      </c>
      <c r="C8366" s="1" t="s">
        <v>42888</v>
      </c>
      <c r="E8366">
        <v>6</v>
      </c>
      <c r="F8366">
        <v>0</v>
      </c>
      <c r="H8366" t="s">
        <v>42889</v>
      </c>
      <c r="J8366" t="s">
        <v>42890</v>
      </c>
      <c r="O8366">
        <v>1515080</v>
      </c>
      <c r="P8366">
        <v>1</v>
      </c>
      <c r="Q8366">
        <v>4</v>
      </c>
      <c r="R8366" t="s">
        <v>42891</v>
      </c>
      <c r="S8366">
        <v>574</v>
      </c>
    </row>
    <row r="8367" spans="1:19" x14ac:dyDescent="0.25">
      <c r="A8367">
        <v>30244590</v>
      </c>
      <c r="B8367" t="s">
        <v>42892</v>
      </c>
      <c r="C8367" s="1" t="s">
        <v>42893</v>
      </c>
      <c r="D8367">
        <v>30287182</v>
      </c>
      <c r="E8367">
        <v>3</v>
      </c>
      <c r="F8367">
        <v>11</v>
      </c>
      <c r="H8367" t="s">
        <v>42894</v>
      </c>
      <c r="J8367" t="s">
        <v>42895</v>
      </c>
      <c r="K8367" t="s">
        <v>42896</v>
      </c>
      <c r="M8367">
        <v>295076</v>
      </c>
      <c r="O8367">
        <v>295076</v>
      </c>
      <c r="P8367">
        <v>1</v>
      </c>
      <c r="Q8367">
        <v>2</v>
      </c>
      <c r="R8367" t="s">
        <v>42897</v>
      </c>
      <c r="S8367">
        <v>182</v>
      </c>
    </row>
    <row r="8368" spans="1:19" x14ac:dyDescent="0.25">
      <c r="A8368">
        <v>13986301</v>
      </c>
      <c r="B8368" t="s">
        <v>42898</v>
      </c>
      <c r="C8368" s="1" t="s">
        <v>42899</v>
      </c>
      <c r="D8368">
        <v>18059894</v>
      </c>
      <c r="E8368">
        <v>2</v>
      </c>
      <c r="F8368">
        <v>3</v>
      </c>
      <c r="H8368" t="s">
        <v>42900</v>
      </c>
      <c r="J8368" t="s">
        <v>42901</v>
      </c>
      <c r="K8368" t="s">
        <v>42902</v>
      </c>
      <c r="M8368">
        <v>14860</v>
      </c>
      <c r="O8368">
        <v>14860</v>
      </c>
      <c r="P8368">
        <v>1</v>
      </c>
      <c r="Q8368">
        <v>5</v>
      </c>
      <c r="R8368" t="s">
        <v>42903</v>
      </c>
      <c r="S8368">
        <v>931</v>
      </c>
    </row>
    <row r="8369" spans="1:19" x14ac:dyDescent="0.25">
      <c r="A8369">
        <v>9717890</v>
      </c>
      <c r="B8369" t="s">
        <v>42904</v>
      </c>
      <c r="C8369" s="1" t="s">
        <v>42905</v>
      </c>
      <c r="E8369">
        <v>1</v>
      </c>
      <c r="F8369">
        <v>1</v>
      </c>
      <c r="H8369" t="s">
        <v>42906</v>
      </c>
      <c r="J8369" t="s">
        <v>42907</v>
      </c>
      <c r="K8369" t="s">
        <v>42908</v>
      </c>
      <c r="M8369">
        <v>-1</v>
      </c>
      <c r="O8369">
        <v>199584</v>
      </c>
      <c r="P8369">
        <v>1</v>
      </c>
      <c r="Q8369">
        <v>5</v>
      </c>
      <c r="R8369" t="s">
        <v>42909</v>
      </c>
      <c r="S8369">
        <v>1338</v>
      </c>
    </row>
    <row r="8370" spans="1:19" x14ac:dyDescent="0.25">
      <c r="A8370">
        <v>18216961</v>
      </c>
      <c r="B8370" t="s">
        <v>42910</v>
      </c>
      <c r="C8370" s="1" t="s">
        <v>42911</v>
      </c>
      <c r="D8370">
        <v>18225644</v>
      </c>
      <c r="E8370">
        <v>1</v>
      </c>
      <c r="F8370">
        <v>5</v>
      </c>
      <c r="H8370" t="s">
        <v>42912</v>
      </c>
      <c r="J8370" t="s">
        <v>42913</v>
      </c>
      <c r="O8370">
        <v>1787967</v>
      </c>
      <c r="P8370">
        <v>1</v>
      </c>
      <c r="Q8370">
        <v>0</v>
      </c>
      <c r="R8370" t="s">
        <v>42914</v>
      </c>
      <c r="S8370">
        <v>5982</v>
      </c>
    </row>
    <row r="8371" spans="1:19" x14ac:dyDescent="0.25">
      <c r="A8371">
        <v>27795619</v>
      </c>
      <c r="B8371" t="s">
        <v>42915</v>
      </c>
      <c r="C8371" s="1" t="s">
        <v>42916</v>
      </c>
      <c r="E8371">
        <v>1</v>
      </c>
      <c r="F8371">
        <v>1</v>
      </c>
      <c r="H8371" t="s">
        <v>42917</v>
      </c>
      <c r="J8371" t="s">
        <v>42918</v>
      </c>
      <c r="K8371" t="s">
        <v>42918</v>
      </c>
      <c r="M8371">
        <v>1592884</v>
      </c>
      <c r="O8371">
        <v>4423065</v>
      </c>
      <c r="P8371">
        <v>1</v>
      </c>
      <c r="Q8371">
        <v>2</v>
      </c>
      <c r="R8371" t="s">
        <v>7722</v>
      </c>
      <c r="S8371">
        <v>132</v>
      </c>
    </row>
    <row r="8372" spans="1:19" x14ac:dyDescent="0.25">
      <c r="A8372">
        <v>32505758</v>
      </c>
      <c r="B8372" t="s">
        <v>42919</v>
      </c>
      <c r="C8372" s="1" t="s">
        <v>42920</v>
      </c>
      <c r="E8372">
        <v>1</v>
      </c>
      <c r="F8372">
        <v>5</v>
      </c>
      <c r="H8372" t="s">
        <v>42921</v>
      </c>
      <c r="J8372" t="s">
        <v>42922</v>
      </c>
      <c r="O8372">
        <v>5260677</v>
      </c>
      <c r="P8372">
        <v>1</v>
      </c>
      <c r="Q8372">
        <v>0</v>
      </c>
      <c r="R8372" t="s">
        <v>42923</v>
      </c>
      <c r="S8372">
        <v>649</v>
      </c>
    </row>
    <row r="8373" spans="1:19" x14ac:dyDescent="0.25">
      <c r="A8373">
        <v>33076208</v>
      </c>
      <c r="B8373" t="s">
        <v>42924</v>
      </c>
      <c r="C8373" s="1" t="s">
        <v>42925</v>
      </c>
      <c r="D8373">
        <v>33076280</v>
      </c>
      <c r="E8373">
        <v>1</v>
      </c>
      <c r="F8373">
        <v>3</v>
      </c>
      <c r="H8373" t="s">
        <v>42926</v>
      </c>
      <c r="J8373" t="s">
        <v>42927</v>
      </c>
      <c r="O8373">
        <v>2150848</v>
      </c>
      <c r="P8373">
        <v>1</v>
      </c>
      <c r="Q8373">
        <v>1</v>
      </c>
      <c r="R8373" t="s">
        <v>413</v>
      </c>
      <c r="S8373">
        <v>47</v>
      </c>
    </row>
    <row r="8374" spans="1:19" x14ac:dyDescent="0.25">
      <c r="A8374">
        <v>48975454</v>
      </c>
      <c r="B8374" t="s">
        <v>42928</v>
      </c>
      <c r="C8374" s="1" t="s">
        <v>42929</v>
      </c>
      <c r="D8374">
        <v>49045363</v>
      </c>
      <c r="E8374">
        <v>1</v>
      </c>
      <c r="F8374">
        <v>2</v>
      </c>
      <c r="H8374" t="s">
        <v>42930</v>
      </c>
      <c r="I8374">
        <v>1</v>
      </c>
      <c r="J8374" t="s">
        <v>42931</v>
      </c>
      <c r="K8374" t="s">
        <v>42932</v>
      </c>
      <c r="M8374">
        <v>517193</v>
      </c>
      <c r="O8374">
        <v>517193</v>
      </c>
      <c r="P8374">
        <v>1</v>
      </c>
      <c r="Q8374">
        <v>1</v>
      </c>
      <c r="R8374" t="s">
        <v>42933</v>
      </c>
      <c r="S8374">
        <v>64</v>
      </c>
    </row>
    <row r="8375" spans="1:19" x14ac:dyDescent="0.25">
      <c r="A8375">
        <v>36743327</v>
      </c>
      <c r="B8375" t="s">
        <v>42934</v>
      </c>
      <c r="C8375" s="1" t="s">
        <v>42935</v>
      </c>
      <c r="E8375">
        <v>3</v>
      </c>
      <c r="F8375">
        <v>1</v>
      </c>
      <c r="H8375" t="s">
        <v>42936</v>
      </c>
      <c r="J8375" t="s">
        <v>42937</v>
      </c>
      <c r="O8375">
        <v>2293950</v>
      </c>
      <c r="P8375">
        <v>1</v>
      </c>
      <c r="Q8375">
        <v>-2</v>
      </c>
      <c r="R8375" t="s">
        <v>549</v>
      </c>
      <c r="S8375">
        <v>22</v>
      </c>
    </row>
    <row r="8376" spans="1:19" x14ac:dyDescent="0.25">
      <c r="A8376">
        <v>49302490</v>
      </c>
      <c r="B8376" t="s">
        <v>42938</v>
      </c>
      <c r="C8376" s="1" t="s">
        <v>42939</v>
      </c>
      <c r="D8376">
        <v>49314534</v>
      </c>
      <c r="E8376">
        <v>4</v>
      </c>
      <c r="F8376">
        <v>10</v>
      </c>
      <c r="H8376" t="s">
        <v>42940</v>
      </c>
      <c r="J8376" t="s">
        <v>42941</v>
      </c>
      <c r="K8376" t="s">
        <v>42942</v>
      </c>
      <c r="M8376">
        <v>3375218</v>
      </c>
      <c r="O8376">
        <v>3375218</v>
      </c>
      <c r="P8376">
        <v>1</v>
      </c>
      <c r="Q8376">
        <v>-1</v>
      </c>
      <c r="R8376" t="s">
        <v>42943</v>
      </c>
      <c r="S8376">
        <v>276</v>
      </c>
    </row>
    <row r="8377" spans="1:19" x14ac:dyDescent="0.25">
      <c r="A8377">
        <v>41514777</v>
      </c>
      <c r="B8377" t="s">
        <v>42944</v>
      </c>
      <c r="C8377" s="1" t="s">
        <v>42945</v>
      </c>
      <c r="E8377">
        <v>1</v>
      </c>
      <c r="F8377">
        <v>0</v>
      </c>
      <c r="H8377" t="s">
        <v>42946</v>
      </c>
      <c r="I8377">
        <v>1</v>
      </c>
      <c r="J8377" t="s">
        <v>42947</v>
      </c>
      <c r="O8377">
        <v>1254981</v>
      </c>
      <c r="P8377">
        <v>1</v>
      </c>
      <c r="Q8377">
        <v>2</v>
      </c>
      <c r="R8377" t="s">
        <v>42948</v>
      </c>
      <c r="S8377">
        <v>678</v>
      </c>
    </row>
    <row r="8378" spans="1:19" x14ac:dyDescent="0.25">
      <c r="A8378">
        <v>31598743</v>
      </c>
      <c r="B8378" t="s">
        <v>42949</v>
      </c>
      <c r="C8378" s="1" t="s">
        <v>42950</v>
      </c>
      <c r="D8378">
        <v>31598904</v>
      </c>
      <c r="E8378">
        <v>1</v>
      </c>
      <c r="F8378">
        <v>6</v>
      </c>
      <c r="H8378" t="s">
        <v>42951</v>
      </c>
      <c r="J8378" t="s">
        <v>42952</v>
      </c>
      <c r="K8378" t="s">
        <v>42953</v>
      </c>
      <c r="M8378">
        <v>1014217</v>
      </c>
      <c r="O8378">
        <v>1014217</v>
      </c>
      <c r="P8378">
        <v>1</v>
      </c>
      <c r="Q8378">
        <v>1</v>
      </c>
      <c r="R8378" t="s">
        <v>42954</v>
      </c>
      <c r="S8378">
        <v>1410</v>
      </c>
    </row>
    <row r="8379" spans="1:19" x14ac:dyDescent="0.25">
      <c r="A8379">
        <v>38846948</v>
      </c>
      <c r="B8379" t="s">
        <v>42955</v>
      </c>
      <c r="C8379" s="1" t="s">
        <v>42956</v>
      </c>
      <c r="E8379">
        <v>0</v>
      </c>
      <c r="F8379">
        <v>0</v>
      </c>
      <c r="H8379" t="s">
        <v>42957</v>
      </c>
      <c r="J8379" t="s">
        <v>42957</v>
      </c>
      <c r="O8379">
        <v>6694833</v>
      </c>
      <c r="P8379">
        <v>1</v>
      </c>
      <c r="Q8379">
        <v>1</v>
      </c>
      <c r="R8379" t="s">
        <v>42958</v>
      </c>
      <c r="S8379">
        <v>12</v>
      </c>
    </row>
    <row r="8380" spans="1:19" x14ac:dyDescent="0.25">
      <c r="A8380">
        <v>45638874</v>
      </c>
      <c r="B8380" t="s">
        <v>42959</v>
      </c>
      <c r="C8380" s="1" t="s">
        <v>42960</v>
      </c>
      <c r="D8380">
        <v>45639243</v>
      </c>
      <c r="E8380">
        <v>1</v>
      </c>
      <c r="F8380">
        <v>0</v>
      </c>
      <c r="H8380" t="s">
        <v>42961</v>
      </c>
      <c r="J8380" t="s">
        <v>42962</v>
      </c>
      <c r="O8380">
        <v>2904120</v>
      </c>
      <c r="P8380">
        <v>1</v>
      </c>
      <c r="Q8380">
        <v>1</v>
      </c>
      <c r="R8380" t="s">
        <v>42963</v>
      </c>
      <c r="S8380">
        <v>61</v>
      </c>
    </row>
    <row r="8381" spans="1:19" x14ac:dyDescent="0.25">
      <c r="A8381">
        <v>25907878</v>
      </c>
      <c r="B8381" t="s">
        <v>42964</v>
      </c>
      <c r="C8381" s="1" t="s">
        <v>42965</v>
      </c>
      <c r="D8381">
        <v>25930508</v>
      </c>
      <c r="E8381">
        <v>1</v>
      </c>
      <c r="F8381">
        <v>0</v>
      </c>
      <c r="H8381" t="s">
        <v>42966</v>
      </c>
      <c r="I8381">
        <v>5</v>
      </c>
      <c r="J8381" t="s">
        <v>42967</v>
      </c>
      <c r="O8381">
        <v>1612814</v>
      </c>
      <c r="P8381">
        <v>1</v>
      </c>
      <c r="Q8381">
        <v>8</v>
      </c>
      <c r="R8381" t="s">
        <v>42968</v>
      </c>
      <c r="S8381">
        <v>4699</v>
      </c>
    </row>
    <row r="8382" spans="1:19" x14ac:dyDescent="0.25">
      <c r="A8382">
        <v>38249982</v>
      </c>
      <c r="B8382" t="s">
        <v>42969</v>
      </c>
      <c r="C8382" s="1" t="s">
        <v>42970</v>
      </c>
      <c r="E8382">
        <v>0</v>
      </c>
      <c r="F8382">
        <v>2</v>
      </c>
      <c r="H8382" t="s">
        <v>42971</v>
      </c>
      <c r="J8382" t="s">
        <v>42972</v>
      </c>
      <c r="K8382" t="s">
        <v>42972</v>
      </c>
      <c r="M8382">
        <v>4800649</v>
      </c>
      <c r="O8382">
        <v>4800649</v>
      </c>
      <c r="P8382">
        <v>1</v>
      </c>
      <c r="Q8382">
        <v>1</v>
      </c>
      <c r="R8382" t="s">
        <v>42973</v>
      </c>
      <c r="S8382">
        <v>29</v>
      </c>
    </row>
    <row r="8383" spans="1:19" x14ac:dyDescent="0.25">
      <c r="A8383">
        <v>15235181</v>
      </c>
      <c r="B8383" t="s">
        <v>42974</v>
      </c>
      <c r="C8383" s="1" t="s">
        <v>42975</v>
      </c>
      <c r="D8383">
        <v>15235917</v>
      </c>
      <c r="E8383">
        <v>1</v>
      </c>
      <c r="F8383">
        <v>0</v>
      </c>
      <c r="H8383" t="s">
        <v>42976</v>
      </c>
      <c r="J8383" t="s">
        <v>42977</v>
      </c>
      <c r="K8383" t="s">
        <v>42977</v>
      </c>
      <c r="M8383">
        <v>1802671</v>
      </c>
      <c r="O8383">
        <v>171179</v>
      </c>
      <c r="P8383">
        <v>1</v>
      </c>
      <c r="Q8383">
        <v>0</v>
      </c>
      <c r="R8383" t="s">
        <v>42978</v>
      </c>
      <c r="S8383">
        <v>3748</v>
      </c>
    </row>
    <row r="8384" spans="1:19" x14ac:dyDescent="0.25">
      <c r="A8384">
        <v>20210386</v>
      </c>
      <c r="B8384" t="s">
        <v>42979</v>
      </c>
      <c r="C8384" s="1" t="s">
        <v>42980</v>
      </c>
      <c r="D8384">
        <v>20210688</v>
      </c>
      <c r="E8384">
        <v>1</v>
      </c>
      <c r="F8384">
        <v>5</v>
      </c>
      <c r="H8384" t="s">
        <v>42981</v>
      </c>
      <c r="J8384" t="s">
        <v>42982</v>
      </c>
      <c r="O8384">
        <v>3035210</v>
      </c>
      <c r="P8384">
        <v>1</v>
      </c>
      <c r="Q8384">
        <v>0</v>
      </c>
      <c r="R8384" t="s">
        <v>989</v>
      </c>
      <c r="S8384">
        <v>151</v>
      </c>
    </row>
    <row r="8385" spans="1:19" x14ac:dyDescent="0.25">
      <c r="A8385">
        <v>4756481</v>
      </c>
      <c r="B8385" t="s">
        <v>42983</v>
      </c>
      <c r="C8385" s="1" t="s">
        <v>42984</v>
      </c>
      <c r="D8385">
        <v>4852494</v>
      </c>
      <c r="E8385">
        <v>2</v>
      </c>
      <c r="F8385">
        <v>1</v>
      </c>
      <c r="H8385" t="s">
        <v>42985</v>
      </c>
      <c r="J8385" t="s">
        <v>42986</v>
      </c>
      <c r="K8385" t="s">
        <v>42987</v>
      </c>
      <c r="M8385">
        <v>546730</v>
      </c>
      <c r="O8385">
        <v>549854</v>
      </c>
      <c r="P8385">
        <v>1</v>
      </c>
      <c r="Q8385">
        <v>0</v>
      </c>
      <c r="R8385" t="s">
        <v>42988</v>
      </c>
      <c r="S8385">
        <v>1820</v>
      </c>
    </row>
    <row r="8386" spans="1:19" x14ac:dyDescent="0.25">
      <c r="A8386">
        <v>46996228</v>
      </c>
      <c r="B8386" t="s">
        <v>42989</v>
      </c>
      <c r="C8386" s="1" t="s">
        <v>42990</v>
      </c>
      <c r="E8386">
        <v>2</v>
      </c>
      <c r="F8386">
        <v>9</v>
      </c>
      <c r="H8386" t="s">
        <v>42991</v>
      </c>
      <c r="J8386" t="s">
        <v>42992</v>
      </c>
      <c r="K8386" t="s">
        <v>42993</v>
      </c>
      <c r="M8386">
        <v>6088389</v>
      </c>
      <c r="O8386">
        <v>6088389</v>
      </c>
      <c r="P8386">
        <v>1</v>
      </c>
      <c r="Q8386">
        <v>0</v>
      </c>
      <c r="R8386" t="s">
        <v>42994</v>
      </c>
      <c r="S8386">
        <v>151</v>
      </c>
    </row>
    <row r="8387" spans="1:19" x14ac:dyDescent="0.25">
      <c r="A8387">
        <v>52853297</v>
      </c>
      <c r="B8387" t="s">
        <v>42995</v>
      </c>
      <c r="C8387" s="1" t="s">
        <v>42996</v>
      </c>
      <c r="E8387">
        <v>1</v>
      </c>
      <c r="F8387">
        <v>3</v>
      </c>
      <c r="H8387" t="s">
        <v>42997</v>
      </c>
      <c r="J8387" t="s">
        <v>42998</v>
      </c>
      <c r="O8387">
        <v>7125556</v>
      </c>
      <c r="P8387">
        <v>1</v>
      </c>
      <c r="Q8387">
        <v>-1</v>
      </c>
      <c r="R8387" t="s">
        <v>42999</v>
      </c>
      <c r="S8387">
        <v>19</v>
      </c>
    </row>
    <row r="8388" spans="1:19" x14ac:dyDescent="0.25">
      <c r="A8388">
        <v>20578647</v>
      </c>
      <c r="B8388" t="s">
        <v>43000</v>
      </c>
      <c r="C8388" s="1" t="s">
        <v>43001</v>
      </c>
      <c r="D8388">
        <v>20578703</v>
      </c>
      <c r="E8388">
        <v>4</v>
      </c>
      <c r="F8388">
        <v>0</v>
      </c>
      <c r="H8388" t="s">
        <v>43002</v>
      </c>
      <c r="J8388" t="s">
        <v>43003</v>
      </c>
      <c r="K8388" t="s">
        <v>43004</v>
      </c>
      <c r="M8388">
        <v>2415194</v>
      </c>
      <c r="O8388">
        <v>3026329</v>
      </c>
      <c r="P8388">
        <v>1</v>
      </c>
      <c r="Q8388">
        <v>1</v>
      </c>
      <c r="R8388" t="s">
        <v>3303</v>
      </c>
      <c r="S8388">
        <v>1028</v>
      </c>
    </row>
    <row r="8389" spans="1:19" x14ac:dyDescent="0.25">
      <c r="A8389">
        <v>50204564</v>
      </c>
      <c r="B8389" t="s">
        <v>43005</v>
      </c>
      <c r="C8389" s="1" t="s">
        <v>43006</v>
      </c>
      <c r="D8389">
        <v>50204622</v>
      </c>
      <c r="E8389">
        <v>1</v>
      </c>
      <c r="F8389">
        <v>0</v>
      </c>
      <c r="H8389" t="s">
        <v>43007</v>
      </c>
      <c r="J8389" t="s">
        <v>43008</v>
      </c>
      <c r="O8389">
        <v>5213924</v>
      </c>
      <c r="P8389">
        <v>1</v>
      </c>
      <c r="Q8389">
        <v>0</v>
      </c>
      <c r="R8389" t="s">
        <v>43009</v>
      </c>
      <c r="S8389">
        <v>26</v>
      </c>
    </row>
    <row r="8390" spans="1:19" x14ac:dyDescent="0.25">
      <c r="A8390">
        <v>24818223</v>
      </c>
      <c r="B8390" t="s">
        <v>43010</v>
      </c>
      <c r="C8390" s="1" t="s">
        <v>43011</v>
      </c>
      <c r="D8390">
        <v>24854831</v>
      </c>
      <c r="E8390">
        <v>2</v>
      </c>
      <c r="F8390">
        <v>1</v>
      </c>
      <c r="H8390" t="s">
        <v>43012</v>
      </c>
      <c r="J8390" t="s">
        <v>43013</v>
      </c>
      <c r="K8390" t="s">
        <v>43014</v>
      </c>
      <c r="M8390">
        <v>1506363</v>
      </c>
      <c r="O8390">
        <v>3851697</v>
      </c>
      <c r="P8390">
        <v>1</v>
      </c>
      <c r="Q8390">
        <v>1</v>
      </c>
      <c r="R8390" t="s">
        <v>43015</v>
      </c>
      <c r="S8390">
        <v>458</v>
      </c>
    </row>
    <row r="8391" spans="1:19" x14ac:dyDescent="0.25">
      <c r="A8391">
        <v>20676111</v>
      </c>
      <c r="B8391" t="s">
        <v>43016</v>
      </c>
      <c r="C8391" s="1" t="s">
        <v>43017</v>
      </c>
      <c r="D8391">
        <v>20687236</v>
      </c>
      <c r="E8391">
        <v>2</v>
      </c>
      <c r="F8391">
        <v>4</v>
      </c>
      <c r="H8391" t="s">
        <v>43018</v>
      </c>
      <c r="I8391">
        <v>0</v>
      </c>
      <c r="J8391" t="s">
        <v>43019</v>
      </c>
      <c r="K8391" t="s">
        <v>43020</v>
      </c>
      <c r="M8391">
        <v>1763929</v>
      </c>
      <c r="O8391">
        <v>1763929</v>
      </c>
      <c r="P8391">
        <v>1</v>
      </c>
      <c r="Q8391">
        <v>0</v>
      </c>
      <c r="R8391" t="s">
        <v>43021</v>
      </c>
      <c r="S8391">
        <v>849</v>
      </c>
    </row>
    <row r="8392" spans="1:19" x14ac:dyDescent="0.25">
      <c r="A8392">
        <v>23347247</v>
      </c>
      <c r="B8392" t="s">
        <v>43022</v>
      </c>
      <c r="C8392" s="1" t="s">
        <v>43023</v>
      </c>
      <c r="D8392">
        <v>23347364</v>
      </c>
      <c r="E8392">
        <v>3</v>
      </c>
      <c r="F8392">
        <v>1</v>
      </c>
      <c r="H8392" t="s">
        <v>43024</v>
      </c>
      <c r="J8392" t="s">
        <v>43025</v>
      </c>
      <c r="O8392">
        <v>1870659</v>
      </c>
      <c r="P8392">
        <v>1</v>
      </c>
      <c r="Q8392">
        <v>0</v>
      </c>
      <c r="R8392" t="s">
        <v>43026</v>
      </c>
      <c r="S8392">
        <v>47</v>
      </c>
    </row>
    <row r="8393" spans="1:19" x14ac:dyDescent="0.25">
      <c r="A8393">
        <v>39195100</v>
      </c>
      <c r="B8393" t="s">
        <v>43027</v>
      </c>
      <c r="C8393" s="1" t="s">
        <v>43028</v>
      </c>
      <c r="E8393">
        <v>0</v>
      </c>
      <c r="F8393">
        <v>3</v>
      </c>
      <c r="H8393" t="s">
        <v>43029</v>
      </c>
      <c r="J8393" t="s">
        <v>43030</v>
      </c>
      <c r="K8393" t="s">
        <v>43030</v>
      </c>
      <c r="M8393">
        <v>6767775</v>
      </c>
      <c r="O8393">
        <v>6767775</v>
      </c>
      <c r="P8393">
        <v>1</v>
      </c>
      <c r="Q8393">
        <v>0</v>
      </c>
      <c r="R8393" t="s">
        <v>43031</v>
      </c>
      <c r="S8393">
        <v>73</v>
      </c>
    </row>
    <row r="8394" spans="1:19" x14ac:dyDescent="0.25">
      <c r="A8394">
        <v>7466219</v>
      </c>
      <c r="B8394" t="s">
        <v>43032</v>
      </c>
      <c r="C8394" s="1" t="s">
        <v>43033</v>
      </c>
      <c r="E8394">
        <v>1</v>
      </c>
      <c r="F8394">
        <v>2</v>
      </c>
      <c r="H8394" t="s">
        <v>43034</v>
      </c>
      <c r="J8394" t="s">
        <v>43035</v>
      </c>
      <c r="K8394" t="s">
        <v>43036</v>
      </c>
      <c r="M8394">
        <v>951922</v>
      </c>
      <c r="O8394">
        <v>951922</v>
      </c>
      <c r="P8394">
        <v>1</v>
      </c>
      <c r="Q8394">
        <v>0</v>
      </c>
      <c r="R8394" t="s">
        <v>43037</v>
      </c>
      <c r="S8394">
        <v>96</v>
      </c>
    </row>
    <row r="8395" spans="1:19" x14ac:dyDescent="0.25">
      <c r="A8395">
        <v>8536534</v>
      </c>
      <c r="B8395" t="s">
        <v>43038</v>
      </c>
      <c r="C8395" s="1" t="s">
        <v>43039</v>
      </c>
      <c r="D8395">
        <v>8536658</v>
      </c>
      <c r="E8395">
        <v>1</v>
      </c>
      <c r="F8395">
        <v>0</v>
      </c>
      <c r="H8395" t="s">
        <v>43040</v>
      </c>
      <c r="J8395" t="s">
        <v>43041</v>
      </c>
      <c r="O8395">
        <v>95944</v>
      </c>
      <c r="P8395">
        <v>1</v>
      </c>
      <c r="Q8395">
        <v>1</v>
      </c>
      <c r="R8395" t="s">
        <v>43042</v>
      </c>
      <c r="S8395">
        <v>291</v>
      </c>
    </row>
    <row r="8396" spans="1:19" x14ac:dyDescent="0.25">
      <c r="A8396">
        <v>3269086</v>
      </c>
      <c r="B8396" t="s">
        <v>43043</v>
      </c>
      <c r="C8396" s="1" t="s">
        <v>43044</v>
      </c>
      <c r="D8396">
        <v>7626960</v>
      </c>
      <c r="E8396">
        <v>2</v>
      </c>
      <c r="F8396">
        <v>0</v>
      </c>
      <c r="H8396" t="s">
        <v>43045</v>
      </c>
      <c r="I8396">
        <v>2</v>
      </c>
      <c r="J8396" t="s">
        <v>43046</v>
      </c>
      <c r="K8396" t="s">
        <v>43047</v>
      </c>
      <c r="M8396">
        <v>-1</v>
      </c>
      <c r="O8396">
        <v>336925</v>
      </c>
      <c r="P8396">
        <v>1</v>
      </c>
      <c r="Q8396">
        <v>9</v>
      </c>
      <c r="R8396" t="s">
        <v>43048</v>
      </c>
      <c r="S8396">
        <v>1782</v>
      </c>
    </row>
    <row r="8397" spans="1:19" x14ac:dyDescent="0.25">
      <c r="A8397">
        <v>34233319</v>
      </c>
      <c r="B8397" t="s">
        <v>43049</v>
      </c>
      <c r="C8397" s="1" t="s">
        <v>43050</v>
      </c>
      <c r="D8397">
        <v>34237573</v>
      </c>
      <c r="E8397">
        <v>2</v>
      </c>
      <c r="F8397">
        <v>0</v>
      </c>
      <c r="H8397" t="s">
        <v>43051</v>
      </c>
      <c r="J8397" t="s">
        <v>43052</v>
      </c>
      <c r="O8397">
        <v>4032410</v>
      </c>
      <c r="P8397">
        <v>1</v>
      </c>
      <c r="Q8397">
        <v>0</v>
      </c>
      <c r="R8397" t="s">
        <v>43053</v>
      </c>
      <c r="S8397">
        <v>325</v>
      </c>
    </row>
    <row r="8398" spans="1:19" x14ac:dyDescent="0.25">
      <c r="A8398">
        <v>24124745</v>
      </c>
      <c r="B8398" t="s">
        <v>43054</v>
      </c>
      <c r="C8398" s="1" t="s">
        <v>43055</v>
      </c>
      <c r="E8398">
        <v>1</v>
      </c>
      <c r="F8398">
        <v>3</v>
      </c>
      <c r="H8398" t="s">
        <v>43056</v>
      </c>
      <c r="J8398" t="s">
        <v>43057</v>
      </c>
      <c r="K8398" t="s">
        <v>43058</v>
      </c>
      <c r="M8398">
        <v>41071</v>
      </c>
      <c r="O8398">
        <v>23059</v>
      </c>
      <c r="P8398">
        <v>1</v>
      </c>
      <c r="Q8398">
        <v>0</v>
      </c>
      <c r="R8398" t="s">
        <v>43059</v>
      </c>
      <c r="S8398">
        <v>246</v>
      </c>
    </row>
    <row r="8399" spans="1:19" x14ac:dyDescent="0.25">
      <c r="A8399">
        <v>40500692</v>
      </c>
      <c r="B8399" t="s">
        <v>43060</v>
      </c>
      <c r="C8399" t="s">
        <v>43061</v>
      </c>
      <c r="E8399">
        <v>3</v>
      </c>
      <c r="F8399">
        <v>1</v>
      </c>
      <c r="H8399" t="s">
        <v>43062</v>
      </c>
      <c r="J8399" t="s">
        <v>43063</v>
      </c>
      <c r="O8399">
        <v>5223392</v>
      </c>
      <c r="P8399">
        <v>1</v>
      </c>
      <c r="Q8399">
        <v>2</v>
      </c>
      <c r="R8399" t="s">
        <v>43064</v>
      </c>
      <c r="S8399">
        <v>261</v>
      </c>
    </row>
    <row r="8400" spans="1:19" x14ac:dyDescent="0.25">
      <c r="A8400">
        <v>12469472</v>
      </c>
      <c r="B8400" t="s">
        <v>43065</v>
      </c>
      <c r="C8400" s="1" t="s">
        <v>43066</v>
      </c>
      <c r="E8400">
        <v>3</v>
      </c>
      <c r="F8400">
        <v>0</v>
      </c>
      <c r="H8400" t="s">
        <v>43067</v>
      </c>
      <c r="J8400" t="s">
        <v>43068</v>
      </c>
      <c r="K8400" t="s">
        <v>43069</v>
      </c>
      <c r="M8400">
        <v>-1</v>
      </c>
      <c r="O8400">
        <v>1487384</v>
      </c>
      <c r="P8400">
        <v>1</v>
      </c>
      <c r="Q8400">
        <v>1</v>
      </c>
      <c r="R8400" t="s">
        <v>43070</v>
      </c>
      <c r="S8400">
        <v>511</v>
      </c>
    </row>
    <row r="8401" spans="1:19" x14ac:dyDescent="0.25">
      <c r="A8401">
        <v>16038031</v>
      </c>
      <c r="B8401" t="s">
        <v>43071</v>
      </c>
      <c r="C8401" s="1" t="s">
        <v>43072</v>
      </c>
      <c r="D8401">
        <v>16038173</v>
      </c>
      <c r="E8401">
        <v>1</v>
      </c>
      <c r="F8401">
        <v>2</v>
      </c>
      <c r="H8401" t="s">
        <v>43073</v>
      </c>
      <c r="J8401" t="s">
        <v>43074</v>
      </c>
      <c r="O8401">
        <v>2212030</v>
      </c>
      <c r="P8401">
        <v>1</v>
      </c>
      <c r="Q8401">
        <v>0</v>
      </c>
      <c r="R8401" t="s">
        <v>43075</v>
      </c>
      <c r="S8401">
        <v>166</v>
      </c>
    </row>
    <row r="8402" spans="1:19" x14ac:dyDescent="0.25">
      <c r="A8402">
        <v>33746814</v>
      </c>
      <c r="B8402" t="s">
        <v>43076</v>
      </c>
      <c r="C8402" s="1" t="s">
        <v>43077</v>
      </c>
      <c r="D8402">
        <v>33746877</v>
      </c>
      <c r="E8402">
        <v>1</v>
      </c>
      <c r="F8402">
        <v>0</v>
      </c>
      <c r="H8402" t="s">
        <v>43078</v>
      </c>
      <c r="J8402" t="s">
        <v>43079</v>
      </c>
      <c r="K8402" t="s">
        <v>43079</v>
      </c>
      <c r="M8402">
        <v>174777</v>
      </c>
      <c r="O8402">
        <v>491553</v>
      </c>
      <c r="P8402">
        <v>1</v>
      </c>
      <c r="Q8402">
        <v>5</v>
      </c>
      <c r="R8402" t="s">
        <v>43080</v>
      </c>
      <c r="S8402">
        <v>523</v>
      </c>
    </row>
    <row r="8403" spans="1:19" x14ac:dyDescent="0.25">
      <c r="A8403">
        <v>24434795</v>
      </c>
      <c r="B8403" t="s">
        <v>43081</v>
      </c>
      <c r="C8403" s="1" t="s">
        <v>43082</v>
      </c>
      <c r="D8403">
        <v>25881227</v>
      </c>
      <c r="E8403">
        <v>1</v>
      </c>
      <c r="F8403">
        <v>2</v>
      </c>
      <c r="H8403" t="s">
        <v>43083</v>
      </c>
      <c r="I8403">
        <v>0</v>
      </c>
      <c r="J8403" t="s">
        <v>43084</v>
      </c>
      <c r="O8403">
        <v>3780046</v>
      </c>
      <c r="P8403">
        <v>1</v>
      </c>
      <c r="Q8403">
        <v>1</v>
      </c>
      <c r="R8403" t="s">
        <v>43085</v>
      </c>
      <c r="S8403">
        <v>416</v>
      </c>
    </row>
    <row r="8404" spans="1:19" x14ac:dyDescent="0.25">
      <c r="A8404">
        <v>33857690</v>
      </c>
      <c r="B8404" t="s">
        <v>43086</v>
      </c>
      <c r="C8404" s="1" t="s">
        <v>43087</v>
      </c>
      <c r="E8404">
        <v>1</v>
      </c>
      <c r="F8404">
        <v>7</v>
      </c>
      <c r="H8404" t="s">
        <v>43088</v>
      </c>
      <c r="J8404" t="s">
        <v>43089</v>
      </c>
      <c r="K8404" t="s">
        <v>43089</v>
      </c>
      <c r="M8404">
        <v>1566221</v>
      </c>
      <c r="O8404">
        <v>788634</v>
      </c>
      <c r="P8404">
        <v>1</v>
      </c>
      <c r="Q8404">
        <v>0</v>
      </c>
      <c r="R8404" t="s">
        <v>43090</v>
      </c>
      <c r="S8404">
        <v>169</v>
      </c>
    </row>
    <row r="8405" spans="1:19" x14ac:dyDescent="0.25">
      <c r="A8405">
        <v>1456269</v>
      </c>
      <c r="B8405" t="s">
        <v>43091</v>
      </c>
      <c r="C8405" s="1" t="s">
        <v>43092</v>
      </c>
      <c r="D8405">
        <v>1479669</v>
      </c>
      <c r="E8405">
        <v>11</v>
      </c>
      <c r="F8405">
        <v>2</v>
      </c>
      <c r="H8405" t="s">
        <v>43093</v>
      </c>
      <c r="I8405">
        <v>75</v>
      </c>
      <c r="J8405" t="s">
        <v>43094</v>
      </c>
      <c r="K8405" t="s">
        <v>43095</v>
      </c>
      <c r="L8405" t="s">
        <v>13745</v>
      </c>
      <c r="O8405">
        <v>42971</v>
      </c>
      <c r="P8405">
        <v>1</v>
      </c>
      <c r="Q8405">
        <v>151</v>
      </c>
      <c r="R8405" t="s">
        <v>43096</v>
      </c>
      <c r="S8405">
        <v>78848</v>
      </c>
    </row>
    <row r="8406" spans="1:19" x14ac:dyDescent="0.25">
      <c r="A8406">
        <v>16099369</v>
      </c>
      <c r="B8406" t="s">
        <v>43097</v>
      </c>
      <c r="C8406" s="1" t="s">
        <v>43098</v>
      </c>
      <c r="E8406">
        <v>1</v>
      </c>
      <c r="F8406">
        <v>1</v>
      </c>
      <c r="H8406" t="s">
        <v>43099</v>
      </c>
      <c r="J8406" t="s">
        <v>43100</v>
      </c>
      <c r="O8406">
        <v>1355769</v>
      </c>
      <c r="P8406">
        <v>1</v>
      </c>
      <c r="Q8406">
        <v>-1</v>
      </c>
      <c r="R8406" t="s">
        <v>33121</v>
      </c>
      <c r="S8406">
        <v>260</v>
      </c>
    </row>
    <row r="8407" spans="1:19" x14ac:dyDescent="0.25">
      <c r="A8407">
        <v>5251470</v>
      </c>
      <c r="B8407" t="s">
        <v>43101</v>
      </c>
      <c r="C8407" s="1" t="s">
        <v>43102</v>
      </c>
      <c r="D8407">
        <v>5361043</v>
      </c>
      <c r="E8407">
        <v>2</v>
      </c>
      <c r="F8407">
        <v>5</v>
      </c>
      <c r="H8407" t="s">
        <v>43103</v>
      </c>
      <c r="I8407">
        <v>1</v>
      </c>
      <c r="J8407" t="s">
        <v>43104</v>
      </c>
      <c r="K8407" t="s">
        <v>43104</v>
      </c>
      <c r="M8407">
        <v>1128737</v>
      </c>
      <c r="O8407">
        <v>443269</v>
      </c>
      <c r="P8407">
        <v>1</v>
      </c>
      <c r="Q8407">
        <v>1</v>
      </c>
      <c r="R8407" t="s">
        <v>2771</v>
      </c>
      <c r="S8407">
        <v>808</v>
      </c>
    </row>
    <row r="8408" spans="1:19" x14ac:dyDescent="0.25">
      <c r="A8408">
        <v>906744</v>
      </c>
      <c r="B8408" t="s">
        <v>43105</v>
      </c>
      <c r="C8408" s="1" t="s">
        <v>43106</v>
      </c>
      <c r="E8408">
        <v>2</v>
      </c>
      <c r="F8408">
        <v>0</v>
      </c>
      <c r="H8408" t="s">
        <v>43107</v>
      </c>
      <c r="J8408" t="s">
        <v>43108</v>
      </c>
      <c r="K8408" t="s">
        <v>43108</v>
      </c>
      <c r="L8408" t="s">
        <v>43109</v>
      </c>
      <c r="N8408" t="s">
        <v>43109</v>
      </c>
      <c r="O8408">
        <v>1246613</v>
      </c>
      <c r="P8408">
        <v>1</v>
      </c>
      <c r="Q8408">
        <v>0</v>
      </c>
      <c r="R8408" t="s">
        <v>43110</v>
      </c>
      <c r="S8408">
        <v>151</v>
      </c>
    </row>
    <row r="8409" spans="1:19" x14ac:dyDescent="0.25">
      <c r="A8409">
        <v>41671738</v>
      </c>
      <c r="B8409" t="s">
        <v>43111</v>
      </c>
      <c r="C8409" s="1" t="s">
        <v>43112</v>
      </c>
      <c r="D8409">
        <v>41671985</v>
      </c>
      <c r="E8409">
        <v>1</v>
      </c>
      <c r="F8409">
        <v>1</v>
      </c>
      <c r="H8409" t="s">
        <v>43113</v>
      </c>
      <c r="J8409" t="s">
        <v>43114</v>
      </c>
      <c r="O8409">
        <v>1897132</v>
      </c>
      <c r="P8409">
        <v>1</v>
      </c>
      <c r="Q8409">
        <v>0</v>
      </c>
      <c r="R8409" t="s">
        <v>27201</v>
      </c>
      <c r="S8409">
        <v>61</v>
      </c>
    </row>
    <row r="8410" spans="1:19" x14ac:dyDescent="0.25">
      <c r="A8410">
        <v>1570911</v>
      </c>
      <c r="B8410" t="s">
        <v>43115</v>
      </c>
      <c r="C8410" s="1" t="s">
        <v>43116</v>
      </c>
      <c r="D8410">
        <v>1571081</v>
      </c>
      <c r="E8410">
        <v>1</v>
      </c>
      <c r="F8410">
        <v>0</v>
      </c>
      <c r="H8410" t="s">
        <v>43117</v>
      </c>
      <c r="J8410" t="s">
        <v>43118</v>
      </c>
      <c r="O8410">
        <v>81071</v>
      </c>
      <c r="P8410">
        <v>1</v>
      </c>
      <c r="Q8410">
        <v>3</v>
      </c>
      <c r="R8410" t="s">
        <v>43119</v>
      </c>
      <c r="S8410">
        <v>727</v>
      </c>
    </row>
    <row r="8411" spans="1:19" x14ac:dyDescent="0.25">
      <c r="A8411">
        <v>37617692</v>
      </c>
      <c r="B8411" t="s">
        <v>43120</v>
      </c>
      <c r="C8411" s="1" t="s">
        <v>43121</v>
      </c>
      <c r="E8411">
        <v>1</v>
      </c>
      <c r="F8411">
        <v>5</v>
      </c>
      <c r="H8411" t="s">
        <v>43122</v>
      </c>
      <c r="I8411">
        <v>1</v>
      </c>
      <c r="J8411" t="s">
        <v>43123</v>
      </c>
      <c r="K8411" t="s">
        <v>43124</v>
      </c>
      <c r="M8411">
        <v>6419995</v>
      </c>
      <c r="O8411">
        <v>6419995</v>
      </c>
      <c r="P8411">
        <v>1</v>
      </c>
      <c r="Q8411">
        <v>0</v>
      </c>
      <c r="R8411" t="s">
        <v>43125</v>
      </c>
      <c r="S8411">
        <v>1237</v>
      </c>
    </row>
    <row r="8412" spans="1:19" x14ac:dyDescent="0.25">
      <c r="A8412">
        <v>23153419</v>
      </c>
      <c r="B8412" t="s">
        <v>43126</v>
      </c>
      <c r="C8412" s="1" t="s">
        <v>43127</v>
      </c>
      <c r="E8412">
        <v>2</v>
      </c>
      <c r="F8412">
        <v>2</v>
      </c>
      <c r="H8412" t="s">
        <v>43128</v>
      </c>
      <c r="J8412" t="s">
        <v>43129</v>
      </c>
      <c r="K8412" t="s">
        <v>43130</v>
      </c>
      <c r="M8412">
        <v>1350476</v>
      </c>
      <c r="O8412">
        <v>1350476</v>
      </c>
      <c r="P8412">
        <v>1</v>
      </c>
      <c r="Q8412">
        <v>0</v>
      </c>
      <c r="R8412" t="s">
        <v>43131</v>
      </c>
      <c r="S8412">
        <v>578</v>
      </c>
    </row>
    <row r="8413" spans="1:19" x14ac:dyDescent="0.25">
      <c r="A8413">
        <v>31756696</v>
      </c>
      <c r="B8413" t="s">
        <v>43132</v>
      </c>
      <c r="C8413" s="1" t="s">
        <v>43133</v>
      </c>
      <c r="D8413">
        <v>31756859</v>
      </c>
      <c r="E8413">
        <v>3</v>
      </c>
      <c r="F8413">
        <v>0</v>
      </c>
      <c r="H8413" t="s">
        <v>43134</v>
      </c>
      <c r="J8413" t="s">
        <v>43135</v>
      </c>
      <c r="K8413" t="s">
        <v>43136</v>
      </c>
      <c r="M8413">
        <v>2096695</v>
      </c>
      <c r="O8413">
        <v>6491192</v>
      </c>
      <c r="P8413">
        <v>1</v>
      </c>
      <c r="Q8413">
        <v>0</v>
      </c>
      <c r="R8413" t="s">
        <v>43137</v>
      </c>
      <c r="S8413">
        <v>96</v>
      </c>
    </row>
    <row r="8414" spans="1:19" x14ac:dyDescent="0.25">
      <c r="A8414">
        <v>32740048</v>
      </c>
      <c r="B8414" t="s">
        <v>43138</v>
      </c>
      <c r="C8414" s="1" t="s">
        <v>43139</v>
      </c>
      <c r="E8414">
        <v>0</v>
      </c>
      <c r="F8414">
        <v>0</v>
      </c>
      <c r="H8414" t="s">
        <v>43140</v>
      </c>
      <c r="J8414" t="s">
        <v>43140</v>
      </c>
      <c r="O8414">
        <v>3054726</v>
      </c>
      <c r="P8414">
        <v>1</v>
      </c>
      <c r="Q8414">
        <v>1</v>
      </c>
      <c r="R8414" t="s">
        <v>43141</v>
      </c>
      <c r="S8414">
        <v>255</v>
      </c>
    </row>
    <row r="8415" spans="1:19" x14ac:dyDescent="0.25">
      <c r="A8415">
        <v>2301841</v>
      </c>
      <c r="B8415" t="s">
        <v>43142</v>
      </c>
      <c r="C8415" s="1" t="s">
        <v>43143</v>
      </c>
      <c r="D8415">
        <v>2301936</v>
      </c>
      <c r="E8415">
        <v>2</v>
      </c>
      <c r="F8415">
        <v>3</v>
      </c>
      <c r="H8415" t="s">
        <v>43144</v>
      </c>
      <c r="I8415">
        <v>1</v>
      </c>
      <c r="J8415" t="s">
        <v>43145</v>
      </c>
      <c r="K8415" t="s">
        <v>43146</v>
      </c>
      <c r="M8415">
        <v>70604</v>
      </c>
      <c r="O8415">
        <v>157027</v>
      </c>
      <c r="P8415">
        <v>1</v>
      </c>
      <c r="Q8415">
        <v>1</v>
      </c>
      <c r="R8415" t="s">
        <v>43147</v>
      </c>
      <c r="S8415">
        <v>176</v>
      </c>
    </row>
    <row r="8416" spans="1:19" x14ac:dyDescent="0.25">
      <c r="A8416">
        <v>5521864</v>
      </c>
      <c r="B8416" t="s">
        <v>43148</v>
      </c>
      <c r="C8416" s="1" t="s">
        <v>43149</v>
      </c>
      <c r="D8416">
        <v>14931884</v>
      </c>
      <c r="E8416">
        <v>3</v>
      </c>
      <c r="F8416">
        <v>0</v>
      </c>
      <c r="H8416" t="s">
        <v>43150</v>
      </c>
      <c r="I8416">
        <v>0</v>
      </c>
      <c r="J8416" t="s">
        <v>43151</v>
      </c>
      <c r="O8416">
        <v>683159</v>
      </c>
      <c r="P8416">
        <v>1</v>
      </c>
      <c r="Q8416">
        <v>2</v>
      </c>
      <c r="R8416" t="s">
        <v>43152</v>
      </c>
      <c r="S8416">
        <v>598</v>
      </c>
    </row>
    <row r="8417" spans="1:19" x14ac:dyDescent="0.25">
      <c r="A8417">
        <v>15926203</v>
      </c>
      <c r="B8417" t="s">
        <v>43153</v>
      </c>
      <c r="C8417" s="1" t="s">
        <v>43154</v>
      </c>
      <c r="D8417">
        <v>15936632</v>
      </c>
      <c r="E8417">
        <v>4</v>
      </c>
      <c r="F8417">
        <v>0</v>
      </c>
      <c r="H8417" t="s">
        <v>43155</v>
      </c>
      <c r="I8417">
        <v>6</v>
      </c>
      <c r="J8417" t="s">
        <v>43156</v>
      </c>
      <c r="K8417" t="s">
        <v>43157</v>
      </c>
      <c r="M8417">
        <v>41956</v>
      </c>
      <c r="O8417">
        <v>653021</v>
      </c>
      <c r="P8417">
        <v>1</v>
      </c>
      <c r="Q8417">
        <v>18</v>
      </c>
      <c r="R8417" t="s">
        <v>43158</v>
      </c>
      <c r="S8417">
        <v>20958</v>
      </c>
    </row>
    <row r="8418" spans="1:19" x14ac:dyDescent="0.25">
      <c r="A8418">
        <v>18695707</v>
      </c>
      <c r="B8418" t="s">
        <v>43159</v>
      </c>
      <c r="C8418" s="1" t="s">
        <v>43160</v>
      </c>
      <c r="D8418">
        <v>18695731</v>
      </c>
      <c r="E8418">
        <v>5</v>
      </c>
      <c r="F8418">
        <v>0</v>
      </c>
      <c r="H8418" t="s">
        <v>43161</v>
      </c>
      <c r="J8418" t="s">
        <v>43162</v>
      </c>
      <c r="K8418" t="s">
        <v>43162</v>
      </c>
      <c r="M8418">
        <v>107625</v>
      </c>
      <c r="O8418">
        <v>1567429</v>
      </c>
      <c r="P8418">
        <v>1</v>
      </c>
      <c r="Q8418">
        <v>3</v>
      </c>
      <c r="R8418" t="s">
        <v>7728</v>
      </c>
      <c r="S8418">
        <v>2136</v>
      </c>
    </row>
    <row r="8419" spans="1:19" x14ac:dyDescent="0.25">
      <c r="A8419">
        <v>29124661</v>
      </c>
      <c r="B8419" t="s">
        <v>43163</v>
      </c>
      <c r="C8419" s="1" t="s">
        <v>43164</v>
      </c>
      <c r="D8419">
        <v>29125063</v>
      </c>
      <c r="E8419">
        <v>1</v>
      </c>
      <c r="F8419">
        <v>2</v>
      </c>
      <c r="H8419" t="s">
        <v>43165</v>
      </c>
      <c r="J8419" t="s">
        <v>43166</v>
      </c>
      <c r="K8419" t="s">
        <v>43166</v>
      </c>
      <c r="M8419">
        <v>680068</v>
      </c>
      <c r="O8419">
        <v>1854603</v>
      </c>
      <c r="P8419">
        <v>1</v>
      </c>
      <c r="Q8419">
        <v>0</v>
      </c>
      <c r="R8419" t="s">
        <v>43167</v>
      </c>
      <c r="S8419">
        <v>52</v>
      </c>
    </row>
    <row r="8420" spans="1:19" x14ac:dyDescent="0.25">
      <c r="A8420">
        <v>14195725</v>
      </c>
      <c r="B8420" t="s">
        <v>43168</v>
      </c>
      <c r="C8420" s="1" t="s">
        <v>43169</v>
      </c>
      <c r="E8420">
        <v>3</v>
      </c>
      <c r="F8420">
        <v>1</v>
      </c>
      <c r="H8420" t="s">
        <v>43170</v>
      </c>
      <c r="J8420" t="s">
        <v>43171</v>
      </c>
      <c r="O8420">
        <v>1800271</v>
      </c>
      <c r="P8420">
        <v>1</v>
      </c>
      <c r="Q8420">
        <v>1</v>
      </c>
      <c r="R8420" t="s">
        <v>43172</v>
      </c>
      <c r="S8420">
        <v>1145</v>
      </c>
    </row>
    <row r="8421" spans="1:19" x14ac:dyDescent="0.25">
      <c r="A8421">
        <v>44994242</v>
      </c>
      <c r="B8421" t="s">
        <v>43173</v>
      </c>
      <c r="C8421" s="1" t="s">
        <v>43174</v>
      </c>
      <c r="E8421">
        <v>1</v>
      </c>
      <c r="F8421">
        <v>1</v>
      </c>
      <c r="H8421" t="s">
        <v>43175</v>
      </c>
      <c r="J8421" t="s">
        <v>43176</v>
      </c>
      <c r="O8421">
        <v>4962759</v>
      </c>
      <c r="P8421">
        <v>1</v>
      </c>
      <c r="Q8421">
        <v>2</v>
      </c>
      <c r="R8421" t="s">
        <v>43177</v>
      </c>
      <c r="S8421">
        <v>183</v>
      </c>
    </row>
    <row r="8422" spans="1:19" x14ac:dyDescent="0.25">
      <c r="A8422">
        <v>52682164</v>
      </c>
      <c r="B8422" t="s">
        <v>43178</v>
      </c>
      <c r="C8422" s="1" t="s">
        <v>43179</v>
      </c>
      <c r="D8422">
        <v>52682628</v>
      </c>
      <c r="E8422">
        <v>1</v>
      </c>
      <c r="F8422">
        <v>0</v>
      </c>
      <c r="H8422" t="s">
        <v>43180</v>
      </c>
      <c r="I8422">
        <v>1</v>
      </c>
      <c r="J8422" t="s">
        <v>43181</v>
      </c>
      <c r="K8422" t="s">
        <v>43182</v>
      </c>
      <c r="M8422">
        <v>155423</v>
      </c>
      <c r="O8422">
        <v>1507041</v>
      </c>
      <c r="P8422">
        <v>1</v>
      </c>
      <c r="Q8422">
        <v>4</v>
      </c>
      <c r="R8422" t="s">
        <v>5756</v>
      </c>
      <c r="S8422">
        <v>115</v>
      </c>
    </row>
    <row r="8423" spans="1:19" x14ac:dyDescent="0.25">
      <c r="A8423">
        <v>41552318</v>
      </c>
      <c r="B8423" t="s">
        <v>43183</v>
      </c>
      <c r="C8423" s="1" t="s">
        <v>43184</v>
      </c>
      <c r="D8423">
        <v>41552749</v>
      </c>
      <c r="E8423">
        <v>1</v>
      </c>
      <c r="F8423">
        <v>1</v>
      </c>
      <c r="H8423" t="s">
        <v>43185</v>
      </c>
      <c r="J8423" t="s">
        <v>43186</v>
      </c>
      <c r="K8423" t="s">
        <v>43186</v>
      </c>
      <c r="M8423">
        <v>4625829</v>
      </c>
      <c r="O8423">
        <v>780900</v>
      </c>
      <c r="P8423">
        <v>1</v>
      </c>
      <c r="Q8423">
        <v>0</v>
      </c>
      <c r="R8423" t="s">
        <v>43187</v>
      </c>
      <c r="S8423">
        <v>303</v>
      </c>
    </row>
    <row r="8424" spans="1:19" x14ac:dyDescent="0.25">
      <c r="A8424">
        <v>45170077</v>
      </c>
      <c r="B8424" t="s">
        <v>43188</v>
      </c>
      <c r="C8424" s="1" t="s">
        <v>43189</v>
      </c>
      <c r="E8424">
        <v>2</v>
      </c>
      <c r="F8424">
        <v>0</v>
      </c>
      <c r="H8424" t="s">
        <v>43190</v>
      </c>
      <c r="I8424">
        <v>1</v>
      </c>
      <c r="J8424" t="s">
        <v>43191</v>
      </c>
      <c r="K8424" t="s">
        <v>43192</v>
      </c>
      <c r="M8424">
        <v>5640649</v>
      </c>
      <c r="O8424">
        <v>953496</v>
      </c>
      <c r="P8424">
        <v>1</v>
      </c>
      <c r="Q8424">
        <v>0</v>
      </c>
      <c r="R8424" t="s">
        <v>43193</v>
      </c>
      <c r="S8424">
        <v>305</v>
      </c>
    </row>
    <row r="8425" spans="1:19" x14ac:dyDescent="0.25">
      <c r="A8425">
        <v>37143466</v>
      </c>
      <c r="B8425" t="s">
        <v>43194</v>
      </c>
      <c r="C8425" s="1" t="s">
        <v>43195</v>
      </c>
      <c r="D8425">
        <v>37143561</v>
      </c>
      <c r="E8425">
        <v>2</v>
      </c>
      <c r="F8425">
        <v>2</v>
      </c>
      <c r="H8425" t="s">
        <v>43196</v>
      </c>
      <c r="J8425" t="s">
        <v>43197</v>
      </c>
      <c r="O8425">
        <v>5056548</v>
      </c>
      <c r="P8425">
        <v>1</v>
      </c>
      <c r="Q8425">
        <v>0</v>
      </c>
      <c r="R8425" t="s">
        <v>43198</v>
      </c>
      <c r="S8425">
        <v>405</v>
      </c>
    </row>
    <row r="8426" spans="1:19" x14ac:dyDescent="0.25">
      <c r="A8426">
        <v>3424650</v>
      </c>
      <c r="B8426" t="s">
        <v>43199</v>
      </c>
      <c r="C8426" s="1" t="s">
        <v>43200</v>
      </c>
      <c r="D8426">
        <v>3424733</v>
      </c>
      <c r="E8426">
        <v>2</v>
      </c>
      <c r="F8426">
        <v>10</v>
      </c>
      <c r="H8426" t="s">
        <v>43201</v>
      </c>
      <c r="I8426">
        <v>1</v>
      </c>
      <c r="J8426" t="s">
        <v>43202</v>
      </c>
      <c r="O8426">
        <v>140187</v>
      </c>
      <c r="P8426">
        <v>1</v>
      </c>
      <c r="Q8426">
        <v>2</v>
      </c>
      <c r="R8426" t="s">
        <v>43203</v>
      </c>
      <c r="S8426">
        <v>324</v>
      </c>
    </row>
    <row r="8427" spans="1:19" x14ac:dyDescent="0.25">
      <c r="A8427">
        <v>35315538</v>
      </c>
      <c r="B8427" t="s">
        <v>43204</v>
      </c>
      <c r="C8427" s="1" t="s">
        <v>43205</v>
      </c>
      <c r="D8427">
        <v>35316336</v>
      </c>
      <c r="E8427">
        <v>1</v>
      </c>
      <c r="F8427">
        <v>0</v>
      </c>
      <c r="H8427" t="s">
        <v>43206</v>
      </c>
      <c r="J8427" t="s">
        <v>43207</v>
      </c>
      <c r="O8427">
        <v>5485923</v>
      </c>
      <c r="P8427">
        <v>1</v>
      </c>
      <c r="Q8427">
        <v>0</v>
      </c>
      <c r="R8427" t="s">
        <v>43208</v>
      </c>
      <c r="S8427">
        <v>177</v>
      </c>
    </row>
    <row r="8428" spans="1:19" x14ac:dyDescent="0.25">
      <c r="A8428">
        <v>23214341</v>
      </c>
      <c r="B8428" t="s">
        <v>43209</v>
      </c>
      <c r="C8428" s="1" t="s">
        <v>43210</v>
      </c>
      <c r="D8428">
        <v>23216508</v>
      </c>
      <c r="E8428">
        <v>3</v>
      </c>
      <c r="F8428">
        <v>6</v>
      </c>
      <c r="H8428" t="s">
        <v>43211</v>
      </c>
      <c r="J8428" t="s">
        <v>43212</v>
      </c>
      <c r="O8428">
        <v>3488017</v>
      </c>
      <c r="P8428">
        <v>1</v>
      </c>
      <c r="Q8428">
        <v>-4</v>
      </c>
      <c r="R8428" t="s">
        <v>351</v>
      </c>
      <c r="S8428">
        <v>173</v>
      </c>
    </row>
    <row r="8429" spans="1:19" x14ac:dyDescent="0.25">
      <c r="A8429">
        <v>4864602</v>
      </c>
      <c r="B8429" t="s">
        <v>43213</v>
      </c>
      <c r="C8429" s="1" t="s">
        <v>43214</v>
      </c>
      <c r="E8429">
        <v>1</v>
      </c>
      <c r="F8429">
        <v>2</v>
      </c>
      <c r="H8429" t="s">
        <v>43215</v>
      </c>
      <c r="J8429" t="s">
        <v>43216</v>
      </c>
      <c r="K8429" t="s">
        <v>43217</v>
      </c>
      <c r="M8429">
        <v>119477</v>
      </c>
      <c r="O8429">
        <v>589343</v>
      </c>
      <c r="P8429">
        <v>1</v>
      </c>
      <c r="Q8429">
        <v>0</v>
      </c>
      <c r="R8429" t="s">
        <v>40603</v>
      </c>
      <c r="S8429">
        <v>282</v>
      </c>
    </row>
    <row r="8430" spans="1:19" x14ac:dyDescent="0.25">
      <c r="A8430">
        <v>24115815</v>
      </c>
      <c r="B8430" t="s">
        <v>43218</v>
      </c>
      <c r="C8430" s="1" t="s">
        <v>43219</v>
      </c>
      <c r="E8430">
        <v>1</v>
      </c>
      <c r="F8430">
        <v>2</v>
      </c>
      <c r="H8430" t="s">
        <v>43220</v>
      </c>
      <c r="J8430" t="s">
        <v>43221</v>
      </c>
      <c r="K8430" t="s">
        <v>43221</v>
      </c>
      <c r="M8430">
        <v>2405695</v>
      </c>
      <c r="O8430">
        <v>3635743</v>
      </c>
      <c r="P8430">
        <v>1</v>
      </c>
      <c r="Q8430">
        <v>0</v>
      </c>
      <c r="R8430" t="s">
        <v>27550</v>
      </c>
      <c r="S8430">
        <v>457</v>
      </c>
    </row>
    <row r="8431" spans="1:19" x14ac:dyDescent="0.25">
      <c r="A8431">
        <v>16290532</v>
      </c>
      <c r="B8431" t="s">
        <v>43222</v>
      </c>
      <c r="C8431" s="1" t="s">
        <v>43223</v>
      </c>
      <c r="D8431">
        <v>16290602</v>
      </c>
      <c r="E8431">
        <v>2</v>
      </c>
      <c r="F8431">
        <v>2</v>
      </c>
      <c r="H8431" t="s">
        <v>43224</v>
      </c>
      <c r="J8431" t="s">
        <v>43225</v>
      </c>
      <c r="O8431">
        <v>2334099</v>
      </c>
      <c r="P8431">
        <v>1</v>
      </c>
      <c r="Q8431">
        <v>-1</v>
      </c>
      <c r="R8431" t="s">
        <v>351</v>
      </c>
      <c r="S8431">
        <v>67</v>
      </c>
    </row>
    <row r="8432" spans="1:19" x14ac:dyDescent="0.25">
      <c r="A8432">
        <v>47011733</v>
      </c>
      <c r="B8432" t="s">
        <v>43226</v>
      </c>
      <c r="C8432" s="1" t="s">
        <v>43227</v>
      </c>
      <c r="D8432">
        <v>47013921</v>
      </c>
      <c r="E8432">
        <v>1</v>
      </c>
      <c r="F8432">
        <v>1</v>
      </c>
      <c r="H8432" t="s">
        <v>43228</v>
      </c>
      <c r="J8432" t="s">
        <v>43229</v>
      </c>
      <c r="K8432" t="s">
        <v>43229</v>
      </c>
      <c r="M8432">
        <v>3983186</v>
      </c>
      <c r="O8432">
        <v>3983186</v>
      </c>
      <c r="P8432">
        <v>1</v>
      </c>
      <c r="Q8432">
        <v>0</v>
      </c>
      <c r="R8432" t="s">
        <v>43230</v>
      </c>
      <c r="S8432">
        <v>57</v>
      </c>
    </row>
    <row r="8433" spans="1:19" x14ac:dyDescent="0.25">
      <c r="A8433">
        <v>29307858</v>
      </c>
      <c r="B8433" t="s">
        <v>43231</v>
      </c>
      <c r="C8433" t="s">
        <v>43232</v>
      </c>
      <c r="D8433">
        <v>29307987</v>
      </c>
      <c r="E8433">
        <v>1</v>
      </c>
      <c r="F8433">
        <v>3</v>
      </c>
      <c r="H8433" t="s">
        <v>43233</v>
      </c>
      <c r="I8433">
        <v>0</v>
      </c>
      <c r="J8433" t="s">
        <v>43234</v>
      </c>
      <c r="K8433" t="s">
        <v>43234</v>
      </c>
      <c r="M8433">
        <v>4630624</v>
      </c>
      <c r="O8433">
        <v>4630624</v>
      </c>
      <c r="P8433">
        <v>1</v>
      </c>
      <c r="Q8433">
        <v>-3</v>
      </c>
      <c r="R8433" t="s">
        <v>43235</v>
      </c>
      <c r="S8433">
        <v>51</v>
      </c>
    </row>
    <row r="8434" spans="1:19" x14ac:dyDescent="0.25">
      <c r="A8434">
        <v>51333336</v>
      </c>
      <c r="B8434" t="s">
        <v>43236</v>
      </c>
      <c r="C8434" s="1" t="s">
        <v>43237</v>
      </c>
      <c r="D8434">
        <v>51333647</v>
      </c>
      <c r="E8434">
        <v>1</v>
      </c>
      <c r="F8434">
        <v>0</v>
      </c>
      <c r="H8434" t="s">
        <v>43238</v>
      </c>
      <c r="J8434" t="s">
        <v>43239</v>
      </c>
      <c r="O8434">
        <v>5338673</v>
      </c>
      <c r="P8434">
        <v>1</v>
      </c>
      <c r="Q8434">
        <v>0</v>
      </c>
      <c r="R8434" t="s">
        <v>43240</v>
      </c>
      <c r="S8434">
        <v>28</v>
      </c>
    </row>
    <row r="8435" spans="1:19" x14ac:dyDescent="0.25">
      <c r="A8435">
        <v>2997622</v>
      </c>
      <c r="B8435" t="s">
        <v>43241</v>
      </c>
      <c r="C8435" s="1" t="s">
        <v>43242</v>
      </c>
      <c r="E8435">
        <v>6</v>
      </c>
      <c r="F8435">
        <v>3</v>
      </c>
      <c r="H8435" t="s">
        <v>43243</v>
      </c>
      <c r="J8435" t="s">
        <v>43244</v>
      </c>
      <c r="K8435" t="s">
        <v>43245</v>
      </c>
      <c r="M8435">
        <v>40342</v>
      </c>
      <c r="O8435">
        <v>1099180</v>
      </c>
      <c r="P8435">
        <v>1</v>
      </c>
      <c r="Q8435">
        <v>2</v>
      </c>
      <c r="R8435" t="s">
        <v>43246</v>
      </c>
      <c r="S8435">
        <v>350</v>
      </c>
    </row>
    <row r="8436" spans="1:19" x14ac:dyDescent="0.25">
      <c r="A8436">
        <v>8579141</v>
      </c>
      <c r="B8436" t="s">
        <v>43247</v>
      </c>
      <c r="C8436" s="1" t="s">
        <v>43248</v>
      </c>
      <c r="E8436">
        <v>2</v>
      </c>
      <c r="F8436">
        <v>0</v>
      </c>
      <c r="H8436" t="s">
        <v>43249</v>
      </c>
      <c r="J8436" t="s">
        <v>43250</v>
      </c>
      <c r="O8436">
        <v>1084526</v>
      </c>
      <c r="P8436">
        <v>1</v>
      </c>
      <c r="Q8436">
        <v>0</v>
      </c>
      <c r="R8436" t="s">
        <v>7913</v>
      </c>
      <c r="S8436">
        <v>152</v>
      </c>
    </row>
    <row r="8437" spans="1:19" x14ac:dyDescent="0.25">
      <c r="A8437">
        <v>25757802</v>
      </c>
      <c r="B8437" t="s">
        <v>43251</v>
      </c>
      <c r="C8437" s="1" t="s">
        <v>43252</v>
      </c>
      <c r="D8437">
        <v>25760316</v>
      </c>
      <c r="E8437">
        <v>1</v>
      </c>
      <c r="F8437">
        <v>1</v>
      </c>
      <c r="H8437" t="s">
        <v>43253</v>
      </c>
      <c r="J8437" t="s">
        <v>43254</v>
      </c>
      <c r="O8437">
        <v>218349</v>
      </c>
      <c r="P8437">
        <v>1</v>
      </c>
      <c r="Q8437">
        <v>-2</v>
      </c>
      <c r="R8437" t="s">
        <v>43255</v>
      </c>
      <c r="S8437">
        <v>61</v>
      </c>
    </row>
    <row r="8438" spans="1:19" x14ac:dyDescent="0.25">
      <c r="A8438">
        <v>41101915</v>
      </c>
      <c r="B8438" t="s">
        <v>43256</v>
      </c>
      <c r="C8438" s="1" t="s">
        <v>43257</v>
      </c>
      <c r="E8438">
        <v>0</v>
      </c>
      <c r="F8438">
        <v>2</v>
      </c>
      <c r="H8438" t="s">
        <v>43258</v>
      </c>
      <c r="J8438" t="s">
        <v>43259</v>
      </c>
      <c r="K8438" t="s">
        <v>43259</v>
      </c>
      <c r="M8438">
        <v>3233393</v>
      </c>
      <c r="O8438">
        <v>2684196</v>
      </c>
      <c r="P8438">
        <v>1</v>
      </c>
      <c r="Q8438">
        <v>5</v>
      </c>
      <c r="R8438" t="s">
        <v>43260</v>
      </c>
      <c r="S8438">
        <v>225</v>
      </c>
    </row>
    <row r="8439" spans="1:19" x14ac:dyDescent="0.25">
      <c r="A8439">
        <v>14529822</v>
      </c>
      <c r="B8439" t="s">
        <v>43261</v>
      </c>
      <c r="C8439" s="1" t="s">
        <v>43262</v>
      </c>
      <c r="E8439">
        <v>2</v>
      </c>
      <c r="F8439">
        <v>3</v>
      </c>
      <c r="H8439" t="s">
        <v>43263</v>
      </c>
      <c r="J8439" t="s">
        <v>43264</v>
      </c>
      <c r="K8439" t="s">
        <v>43265</v>
      </c>
      <c r="M8439">
        <v>-1</v>
      </c>
      <c r="O8439">
        <v>116546</v>
      </c>
      <c r="P8439">
        <v>1</v>
      </c>
      <c r="Q8439">
        <v>1</v>
      </c>
      <c r="R8439" t="s">
        <v>43266</v>
      </c>
      <c r="S8439">
        <v>2118</v>
      </c>
    </row>
    <row r="8440" spans="1:19" x14ac:dyDescent="0.25">
      <c r="A8440">
        <v>32895476</v>
      </c>
      <c r="B8440" t="s">
        <v>43267</v>
      </c>
      <c r="C8440" s="1" t="s">
        <v>43268</v>
      </c>
      <c r="E8440">
        <v>1</v>
      </c>
      <c r="F8440">
        <v>0</v>
      </c>
      <c r="H8440" t="s">
        <v>43269</v>
      </c>
      <c r="J8440" t="s">
        <v>43270</v>
      </c>
      <c r="O8440">
        <v>2684521</v>
      </c>
      <c r="P8440">
        <v>1</v>
      </c>
      <c r="Q8440">
        <v>0</v>
      </c>
      <c r="R8440" t="s">
        <v>43271</v>
      </c>
      <c r="S8440">
        <v>102</v>
      </c>
    </row>
    <row r="8441" spans="1:19" x14ac:dyDescent="0.25">
      <c r="A8441">
        <v>38504351</v>
      </c>
      <c r="B8441" t="s">
        <v>43272</v>
      </c>
      <c r="C8441" s="1" t="s">
        <v>43273</v>
      </c>
      <c r="E8441">
        <v>0</v>
      </c>
      <c r="F8441">
        <v>2</v>
      </c>
      <c r="H8441" t="s">
        <v>43274</v>
      </c>
      <c r="J8441" t="s">
        <v>43275</v>
      </c>
      <c r="K8441" t="s">
        <v>43275</v>
      </c>
      <c r="M8441">
        <v>2306102</v>
      </c>
      <c r="O8441">
        <v>2306102</v>
      </c>
      <c r="P8441">
        <v>1</v>
      </c>
      <c r="Q8441">
        <v>2</v>
      </c>
      <c r="R8441" t="s">
        <v>43276</v>
      </c>
      <c r="S8441">
        <v>430</v>
      </c>
    </row>
    <row r="8442" spans="1:19" x14ac:dyDescent="0.25">
      <c r="A8442">
        <v>36676311</v>
      </c>
      <c r="B8442" t="s">
        <v>43277</v>
      </c>
      <c r="C8442" s="1" t="s">
        <v>43278</v>
      </c>
      <c r="D8442">
        <v>36676584</v>
      </c>
      <c r="E8442">
        <v>2</v>
      </c>
      <c r="F8442">
        <v>5</v>
      </c>
      <c r="H8442" t="s">
        <v>43279</v>
      </c>
      <c r="J8442" t="s">
        <v>43280</v>
      </c>
      <c r="K8442" t="s">
        <v>43280</v>
      </c>
      <c r="M8442">
        <v>5701145</v>
      </c>
      <c r="O8442">
        <v>5701145</v>
      </c>
      <c r="P8442">
        <v>1</v>
      </c>
      <c r="Q8442">
        <v>0</v>
      </c>
      <c r="R8442" t="s">
        <v>8936</v>
      </c>
      <c r="S8442">
        <v>35</v>
      </c>
    </row>
    <row r="8443" spans="1:19" x14ac:dyDescent="0.25">
      <c r="A8443">
        <v>21105458</v>
      </c>
      <c r="B8443" t="s">
        <v>43281</v>
      </c>
      <c r="C8443" t="s">
        <v>43282</v>
      </c>
      <c r="E8443">
        <v>2</v>
      </c>
      <c r="F8443">
        <v>1</v>
      </c>
      <c r="H8443" t="s">
        <v>43283</v>
      </c>
      <c r="J8443" t="s">
        <v>43284</v>
      </c>
      <c r="O8443">
        <v>2759673</v>
      </c>
      <c r="P8443">
        <v>1</v>
      </c>
      <c r="Q8443">
        <v>1</v>
      </c>
      <c r="R8443" t="s">
        <v>43285</v>
      </c>
      <c r="S8443">
        <v>2003</v>
      </c>
    </row>
    <row r="8444" spans="1:19" x14ac:dyDescent="0.25">
      <c r="A8444">
        <v>9938835</v>
      </c>
      <c r="B8444" t="s">
        <v>43286</v>
      </c>
      <c r="C8444" s="1" t="s">
        <v>43287</v>
      </c>
      <c r="D8444">
        <v>9939882</v>
      </c>
      <c r="E8444">
        <v>3</v>
      </c>
      <c r="F8444">
        <v>2</v>
      </c>
      <c r="H8444" t="s">
        <v>43288</v>
      </c>
      <c r="J8444" t="s">
        <v>43289</v>
      </c>
      <c r="K8444" t="s">
        <v>43290</v>
      </c>
      <c r="M8444">
        <v>-1</v>
      </c>
      <c r="O8444">
        <v>848135</v>
      </c>
      <c r="P8444">
        <v>1</v>
      </c>
      <c r="Q8444">
        <v>2</v>
      </c>
      <c r="R8444" t="s">
        <v>11685</v>
      </c>
      <c r="S8444">
        <v>12551</v>
      </c>
    </row>
    <row r="8445" spans="1:19" x14ac:dyDescent="0.25">
      <c r="A8445">
        <v>39995916</v>
      </c>
      <c r="B8445" t="s">
        <v>43291</v>
      </c>
      <c r="C8445" s="1" t="s">
        <v>43292</v>
      </c>
      <c r="D8445">
        <v>39996106</v>
      </c>
      <c r="E8445">
        <v>1</v>
      </c>
      <c r="F8445">
        <v>0</v>
      </c>
      <c r="H8445" t="s">
        <v>43293</v>
      </c>
      <c r="J8445" t="s">
        <v>43294</v>
      </c>
      <c r="K8445" t="s">
        <v>43295</v>
      </c>
      <c r="M8445">
        <v>320615</v>
      </c>
      <c r="O8445">
        <v>4270567</v>
      </c>
      <c r="P8445">
        <v>1</v>
      </c>
      <c r="Q8445">
        <v>0</v>
      </c>
      <c r="R8445" t="s">
        <v>43296</v>
      </c>
      <c r="S8445">
        <v>164</v>
      </c>
    </row>
    <row r="8446" spans="1:19" x14ac:dyDescent="0.25">
      <c r="A8446">
        <v>22395914</v>
      </c>
      <c r="B8446" t="s">
        <v>43297</v>
      </c>
      <c r="C8446" s="1" t="s">
        <v>43298</v>
      </c>
      <c r="D8446">
        <v>22396742</v>
      </c>
      <c r="E8446">
        <v>3</v>
      </c>
      <c r="F8446">
        <v>10</v>
      </c>
      <c r="H8446" t="s">
        <v>43299</v>
      </c>
      <c r="J8446" t="s">
        <v>43300</v>
      </c>
      <c r="O8446">
        <v>2524121</v>
      </c>
      <c r="P8446">
        <v>1</v>
      </c>
      <c r="Q8446">
        <v>0</v>
      </c>
      <c r="R8446" t="s">
        <v>871</v>
      </c>
      <c r="S8446">
        <v>301</v>
      </c>
    </row>
    <row r="8447" spans="1:19" x14ac:dyDescent="0.25">
      <c r="A8447">
        <v>50832131</v>
      </c>
      <c r="B8447" t="s">
        <v>43301</v>
      </c>
      <c r="C8447" s="1" t="s">
        <v>43302</v>
      </c>
      <c r="D8447">
        <v>50860499</v>
      </c>
      <c r="E8447">
        <v>1</v>
      </c>
      <c r="F8447">
        <v>3</v>
      </c>
      <c r="H8447" t="s">
        <v>43303</v>
      </c>
      <c r="J8447" t="s">
        <v>43304</v>
      </c>
      <c r="O8447">
        <v>1638209</v>
      </c>
      <c r="P8447">
        <v>1</v>
      </c>
      <c r="Q8447">
        <v>0</v>
      </c>
      <c r="R8447" t="s">
        <v>43305</v>
      </c>
      <c r="S8447">
        <v>169</v>
      </c>
    </row>
    <row r="8448" spans="1:19" x14ac:dyDescent="0.25">
      <c r="A8448">
        <v>24841393</v>
      </c>
      <c r="B8448" t="s">
        <v>43306</v>
      </c>
      <c r="C8448" s="1" t="s">
        <v>43307</v>
      </c>
      <c r="D8448">
        <v>24841422</v>
      </c>
      <c r="E8448">
        <v>1</v>
      </c>
      <c r="F8448">
        <v>1</v>
      </c>
      <c r="H8448" t="s">
        <v>43308</v>
      </c>
      <c r="J8448" t="s">
        <v>43309</v>
      </c>
      <c r="K8448" t="s">
        <v>43309</v>
      </c>
      <c r="M8448">
        <v>597983</v>
      </c>
      <c r="O8448">
        <v>597983</v>
      </c>
      <c r="P8448">
        <v>1</v>
      </c>
      <c r="Q8448">
        <v>0</v>
      </c>
      <c r="R8448" t="s">
        <v>43310</v>
      </c>
      <c r="S8448">
        <v>71</v>
      </c>
    </row>
    <row r="8449" spans="1:19" x14ac:dyDescent="0.25">
      <c r="A8449">
        <v>2636143</v>
      </c>
      <c r="B8449" t="s">
        <v>43311</v>
      </c>
      <c r="C8449" s="1" t="s">
        <v>43312</v>
      </c>
      <c r="E8449">
        <v>3</v>
      </c>
      <c r="F8449">
        <v>0</v>
      </c>
      <c r="H8449" t="s">
        <v>43313</v>
      </c>
      <c r="J8449" t="s">
        <v>43314</v>
      </c>
      <c r="O8449">
        <v>34170</v>
      </c>
      <c r="P8449">
        <v>1</v>
      </c>
      <c r="Q8449">
        <v>0</v>
      </c>
      <c r="R8449" t="s">
        <v>43315</v>
      </c>
      <c r="S8449">
        <v>1222</v>
      </c>
    </row>
    <row r="8450" spans="1:19" x14ac:dyDescent="0.25">
      <c r="A8450">
        <v>24332746</v>
      </c>
      <c r="B8450" t="s">
        <v>43316</v>
      </c>
      <c r="C8450" s="1" t="s">
        <v>43317</v>
      </c>
      <c r="D8450">
        <v>24371687</v>
      </c>
      <c r="E8450">
        <v>1</v>
      </c>
      <c r="F8450">
        <v>0</v>
      </c>
      <c r="H8450" t="s">
        <v>43318</v>
      </c>
      <c r="J8450" t="s">
        <v>43319</v>
      </c>
      <c r="K8450" t="s">
        <v>43319</v>
      </c>
      <c r="M8450">
        <v>1435712</v>
      </c>
      <c r="O8450">
        <v>1435712</v>
      </c>
      <c r="P8450">
        <v>1</v>
      </c>
      <c r="Q8450">
        <v>1</v>
      </c>
      <c r="R8450" t="s">
        <v>43320</v>
      </c>
      <c r="S8450">
        <v>226</v>
      </c>
    </row>
    <row r="8451" spans="1:19" x14ac:dyDescent="0.25">
      <c r="A8451">
        <v>634801</v>
      </c>
      <c r="B8451" t="s">
        <v>43321</v>
      </c>
      <c r="C8451" s="1" t="s">
        <v>43322</v>
      </c>
      <c r="D8451">
        <v>634863</v>
      </c>
      <c r="E8451">
        <v>3</v>
      </c>
      <c r="F8451">
        <v>0</v>
      </c>
      <c r="H8451" t="s">
        <v>43323</v>
      </c>
      <c r="J8451" t="s">
        <v>43324</v>
      </c>
      <c r="K8451" t="s">
        <v>43325</v>
      </c>
      <c r="L8451" t="s">
        <v>43326</v>
      </c>
      <c r="M8451">
        <v>5074</v>
      </c>
      <c r="N8451" t="s">
        <v>43326</v>
      </c>
      <c r="O8451">
        <v>5074</v>
      </c>
      <c r="P8451">
        <v>1</v>
      </c>
      <c r="Q8451">
        <v>1</v>
      </c>
      <c r="R8451" t="s">
        <v>43327</v>
      </c>
      <c r="S8451">
        <v>1945</v>
      </c>
    </row>
    <row r="8452" spans="1:19" x14ac:dyDescent="0.25">
      <c r="A8452">
        <v>20637531</v>
      </c>
      <c r="B8452" t="s">
        <v>43328</v>
      </c>
      <c r="C8452" s="1" t="s">
        <v>43329</v>
      </c>
      <c r="D8452">
        <v>20881085</v>
      </c>
      <c r="E8452">
        <v>1</v>
      </c>
      <c r="F8452">
        <v>0</v>
      </c>
      <c r="H8452" t="s">
        <v>43330</v>
      </c>
      <c r="J8452" t="s">
        <v>43331</v>
      </c>
      <c r="K8452" t="s">
        <v>43332</v>
      </c>
      <c r="M8452">
        <v>2997060</v>
      </c>
      <c r="O8452">
        <v>2997060</v>
      </c>
      <c r="P8452">
        <v>1</v>
      </c>
      <c r="Q8452">
        <v>0</v>
      </c>
      <c r="R8452" t="s">
        <v>43333</v>
      </c>
      <c r="S8452">
        <v>1371</v>
      </c>
    </row>
    <row r="8453" spans="1:19" x14ac:dyDescent="0.25">
      <c r="A8453">
        <v>16892916</v>
      </c>
      <c r="B8453" t="s">
        <v>43334</v>
      </c>
      <c r="C8453" s="1" t="s">
        <v>43335</v>
      </c>
      <c r="D8453">
        <v>16893424</v>
      </c>
      <c r="E8453">
        <v>4</v>
      </c>
      <c r="F8453">
        <v>2</v>
      </c>
      <c r="H8453" t="s">
        <v>43336</v>
      </c>
      <c r="J8453" t="s">
        <v>43337</v>
      </c>
      <c r="K8453" t="s">
        <v>43337</v>
      </c>
      <c r="M8453">
        <v>2893376</v>
      </c>
      <c r="N8453" t="s">
        <v>43338</v>
      </c>
      <c r="P8453">
        <v>1</v>
      </c>
      <c r="Q8453">
        <v>3</v>
      </c>
      <c r="R8453" t="s">
        <v>43339</v>
      </c>
      <c r="S8453">
        <v>101</v>
      </c>
    </row>
    <row r="8454" spans="1:19" x14ac:dyDescent="0.25">
      <c r="A8454">
        <v>15049337</v>
      </c>
      <c r="B8454" t="s">
        <v>43340</v>
      </c>
      <c r="C8454" s="1" t="s">
        <v>43341</v>
      </c>
      <c r="D8454">
        <v>15049425</v>
      </c>
      <c r="E8454">
        <v>2</v>
      </c>
      <c r="F8454">
        <v>1</v>
      </c>
      <c r="H8454" t="s">
        <v>43342</v>
      </c>
      <c r="J8454" t="s">
        <v>43343</v>
      </c>
      <c r="O8454">
        <v>1764442</v>
      </c>
      <c r="P8454">
        <v>1</v>
      </c>
      <c r="Q8454">
        <v>0</v>
      </c>
      <c r="R8454" t="s">
        <v>43344</v>
      </c>
      <c r="S8454">
        <v>291</v>
      </c>
    </row>
    <row r="8455" spans="1:19" x14ac:dyDescent="0.25">
      <c r="A8455">
        <v>8785315</v>
      </c>
      <c r="B8455" t="s">
        <v>43345</v>
      </c>
      <c r="C8455" s="1" t="s">
        <v>43346</v>
      </c>
      <c r="D8455">
        <v>8785396</v>
      </c>
      <c r="E8455">
        <v>1</v>
      </c>
      <c r="F8455">
        <v>3</v>
      </c>
      <c r="H8455" t="s">
        <v>43347</v>
      </c>
      <c r="J8455" t="s">
        <v>43348</v>
      </c>
      <c r="O8455">
        <v>337294</v>
      </c>
      <c r="P8455">
        <v>1</v>
      </c>
      <c r="Q8455">
        <v>3</v>
      </c>
      <c r="R8455" t="s">
        <v>43349</v>
      </c>
      <c r="S8455">
        <v>541</v>
      </c>
    </row>
    <row r="8456" spans="1:19" x14ac:dyDescent="0.25">
      <c r="A8456">
        <v>50316886</v>
      </c>
      <c r="B8456" t="s">
        <v>43350</v>
      </c>
      <c r="C8456" s="1" t="s">
        <v>43351</v>
      </c>
      <c r="E8456">
        <v>1</v>
      </c>
      <c r="F8456">
        <v>1</v>
      </c>
      <c r="H8456" t="s">
        <v>43352</v>
      </c>
      <c r="J8456" t="s">
        <v>43353</v>
      </c>
      <c r="K8456" t="s">
        <v>43354</v>
      </c>
      <c r="M8456">
        <v>472495</v>
      </c>
      <c r="O8456">
        <v>422746</v>
      </c>
      <c r="P8456">
        <v>1</v>
      </c>
      <c r="Q8456">
        <v>0</v>
      </c>
      <c r="R8456" t="s">
        <v>43355</v>
      </c>
      <c r="S8456">
        <v>80</v>
      </c>
    </row>
    <row r="8457" spans="1:19" x14ac:dyDescent="0.25">
      <c r="A8457">
        <v>28388614</v>
      </c>
      <c r="B8457" t="s">
        <v>43356</v>
      </c>
      <c r="C8457" s="1" t="s">
        <v>43357</v>
      </c>
      <c r="D8457">
        <v>28405680</v>
      </c>
      <c r="E8457">
        <v>1</v>
      </c>
      <c r="F8457">
        <v>2</v>
      </c>
      <c r="H8457" t="s">
        <v>43358</v>
      </c>
      <c r="J8457" t="s">
        <v>43359</v>
      </c>
      <c r="O8457">
        <v>662490</v>
      </c>
      <c r="P8457">
        <v>1</v>
      </c>
      <c r="Q8457">
        <v>0</v>
      </c>
      <c r="R8457" t="s">
        <v>43360</v>
      </c>
      <c r="S8457">
        <v>240</v>
      </c>
    </row>
    <row r="8458" spans="1:19" x14ac:dyDescent="0.25">
      <c r="A8458">
        <v>8437223</v>
      </c>
      <c r="B8458" t="s">
        <v>43361</v>
      </c>
      <c r="C8458" s="1" t="s">
        <v>43362</v>
      </c>
      <c r="D8458">
        <v>8437356</v>
      </c>
      <c r="E8458">
        <v>2</v>
      </c>
      <c r="F8458">
        <v>5</v>
      </c>
      <c r="H8458" t="s">
        <v>43363</v>
      </c>
      <c r="J8458" t="s">
        <v>43364</v>
      </c>
      <c r="K8458" t="s">
        <v>43364</v>
      </c>
      <c r="M8458">
        <v>1056965</v>
      </c>
      <c r="O8458">
        <v>1056965</v>
      </c>
      <c r="P8458">
        <v>1</v>
      </c>
      <c r="Q8458">
        <v>0</v>
      </c>
      <c r="R8458" t="s">
        <v>43365</v>
      </c>
      <c r="S8458">
        <v>315</v>
      </c>
    </row>
    <row r="8459" spans="1:19" x14ac:dyDescent="0.25">
      <c r="A8459">
        <v>34083931</v>
      </c>
      <c r="B8459" t="s">
        <v>43366</v>
      </c>
      <c r="C8459" s="1" t="s">
        <v>43367</v>
      </c>
      <c r="E8459">
        <v>1</v>
      </c>
      <c r="F8459">
        <v>0</v>
      </c>
      <c r="H8459" t="s">
        <v>43368</v>
      </c>
      <c r="J8459" t="s">
        <v>43369</v>
      </c>
      <c r="K8459" t="s">
        <v>43370</v>
      </c>
      <c r="M8459">
        <v>1330683</v>
      </c>
      <c r="O8459">
        <v>1330683</v>
      </c>
      <c r="P8459">
        <v>1</v>
      </c>
      <c r="Q8459">
        <v>1</v>
      </c>
      <c r="R8459" t="s">
        <v>3266</v>
      </c>
      <c r="S8459">
        <v>34</v>
      </c>
    </row>
    <row r="8460" spans="1:19" x14ac:dyDescent="0.25">
      <c r="A8460">
        <v>45907317</v>
      </c>
      <c r="B8460" t="s">
        <v>43371</v>
      </c>
      <c r="C8460" s="1" t="s">
        <v>43372</v>
      </c>
      <c r="E8460">
        <v>2</v>
      </c>
      <c r="F8460">
        <v>4</v>
      </c>
      <c r="H8460" t="s">
        <v>43373</v>
      </c>
      <c r="I8460">
        <v>3</v>
      </c>
      <c r="J8460" t="s">
        <v>43374</v>
      </c>
      <c r="O8460">
        <v>8156175</v>
      </c>
      <c r="P8460">
        <v>1</v>
      </c>
      <c r="Q8460">
        <v>1</v>
      </c>
      <c r="R8460" t="s">
        <v>43375</v>
      </c>
      <c r="S8460">
        <v>4516</v>
      </c>
    </row>
    <row r="8461" spans="1:19" x14ac:dyDescent="0.25">
      <c r="A8461">
        <v>4080370</v>
      </c>
      <c r="B8461" t="s">
        <v>43376</v>
      </c>
      <c r="C8461" s="1" t="s">
        <v>43377</v>
      </c>
      <c r="D8461">
        <v>4080648</v>
      </c>
      <c r="E8461">
        <v>15</v>
      </c>
      <c r="F8461">
        <v>10</v>
      </c>
      <c r="H8461" t="s">
        <v>43378</v>
      </c>
      <c r="I8461">
        <v>14</v>
      </c>
      <c r="J8461" t="s">
        <v>43379</v>
      </c>
      <c r="K8461" t="s">
        <v>43380</v>
      </c>
      <c r="M8461">
        <v>449902</v>
      </c>
      <c r="O8461">
        <v>127450</v>
      </c>
      <c r="P8461">
        <v>1</v>
      </c>
      <c r="Q8461">
        <v>26</v>
      </c>
      <c r="R8461" t="s">
        <v>6417</v>
      </c>
      <c r="S8461">
        <v>48140</v>
      </c>
    </row>
    <row r="8462" spans="1:19" x14ac:dyDescent="0.25">
      <c r="A8462">
        <v>8138244</v>
      </c>
      <c r="B8462" t="s">
        <v>43381</v>
      </c>
      <c r="C8462" s="1" t="s">
        <v>43382</v>
      </c>
      <c r="D8462">
        <v>8138751</v>
      </c>
      <c r="E8462">
        <v>4</v>
      </c>
      <c r="F8462">
        <v>0</v>
      </c>
      <c r="H8462" t="s">
        <v>43383</v>
      </c>
      <c r="I8462">
        <v>12</v>
      </c>
      <c r="J8462" t="s">
        <v>43384</v>
      </c>
      <c r="K8462" t="s">
        <v>43385</v>
      </c>
      <c r="M8462">
        <v>1119621</v>
      </c>
      <c r="N8462" t="s">
        <v>43386</v>
      </c>
      <c r="P8462">
        <v>1</v>
      </c>
      <c r="Q8462">
        <v>16</v>
      </c>
      <c r="R8462" t="s">
        <v>43387</v>
      </c>
      <c r="S8462">
        <v>63614</v>
      </c>
    </row>
    <row r="8463" spans="1:19" x14ac:dyDescent="0.25">
      <c r="A8463">
        <v>12186090</v>
      </c>
      <c r="B8463" t="s">
        <v>43388</v>
      </c>
      <c r="C8463" s="1" t="s">
        <v>43389</v>
      </c>
      <c r="E8463">
        <v>0</v>
      </c>
      <c r="F8463">
        <v>7</v>
      </c>
      <c r="H8463" t="s">
        <v>43390</v>
      </c>
      <c r="J8463" t="s">
        <v>43390</v>
      </c>
      <c r="O8463">
        <v>1580598</v>
      </c>
      <c r="P8463">
        <v>1</v>
      </c>
      <c r="Q8463">
        <v>0</v>
      </c>
      <c r="R8463" t="s">
        <v>43391</v>
      </c>
      <c r="S8463">
        <v>108</v>
      </c>
    </row>
    <row r="8464" spans="1:19" x14ac:dyDescent="0.25">
      <c r="A8464">
        <v>21690659</v>
      </c>
      <c r="B8464" t="s">
        <v>43392</v>
      </c>
      <c r="C8464" s="1" t="s">
        <v>43393</v>
      </c>
      <c r="E8464">
        <v>4</v>
      </c>
      <c r="F8464">
        <v>0</v>
      </c>
      <c r="H8464" t="s">
        <v>43394</v>
      </c>
      <c r="J8464" t="s">
        <v>43395</v>
      </c>
      <c r="O8464">
        <v>3295032</v>
      </c>
      <c r="P8464">
        <v>1</v>
      </c>
      <c r="Q8464">
        <v>0</v>
      </c>
      <c r="R8464" t="s">
        <v>43396</v>
      </c>
      <c r="S8464">
        <v>2091</v>
      </c>
    </row>
    <row r="8465" spans="1:19" x14ac:dyDescent="0.25">
      <c r="A8465">
        <v>27684957</v>
      </c>
      <c r="B8465" t="s">
        <v>43397</v>
      </c>
      <c r="C8465" t="s">
        <v>43398</v>
      </c>
      <c r="D8465">
        <v>27691641</v>
      </c>
      <c r="E8465">
        <v>1</v>
      </c>
      <c r="F8465">
        <v>2</v>
      </c>
      <c r="H8465" t="s">
        <v>43399</v>
      </c>
      <c r="J8465" t="s">
        <v>43400</v>
      </c>
      <c r="O8465">
        <v>4196642</v>
      </c>
      <c r="P8465">
        <v>1</v>
      </c>
      <c r="Q8465">
        <v>0</v>
      </c>
      <c r="R8465" t="s">
        <v>43401</v>
      </c>
      <c r="S8465">
        <v>43</v>
      </c>
    </row>
    <row r="8466" spans="1:19" x14ac:dyDescent="0.25">
      <c r="A8466">
        <v>33217029</v>
      </c>
      <c r="B8466" t="s">
        <v>43402</v>
      </c>
      <c r="C8466" s="1" t="s">
        <v>43403</v>
      </c>
      <c r="D8466">
        <v>33217037</v>
      </c>
      <c r="E8466">
        <v>1</v>
      </c>
      <c r="F8466">
        <v>4</v>
      </c>
      <c r="H8466" t="s">
        <v>43404</v>
      </c>
      <c r="I8466">
        <v>1</v>
      </c>
      <c r="J8466" t="s">
        <v>43405</v>
      </c>
      <c r="O8466">
        <v>5463199</v>
      </c>
      <c r="P8466">
        <v>1</v>
      </c>
      <c r="Q8466">
        <v>-2</v>
      </c>
      <c r="R8466" t="s">
        <v>759</v>
      </c>
      <c r="S8466">
        <v>3462</v>
      </c>
    </row>
    <row r="8467" spans="1:19" x14ac:dyDescent="0.25">
      <c r="A8467">
        <v>6350534</v>
      </c>
      <c r="B8467" t="s">
        <v>43406</v>
      </c>
      <c r="C8467" s="1" t="s">
        <v>43407</v>
      </c>
      <c r="D8467">
        <v>6350572</v>
      </c>
      <c r="E8467">
        <v>5</v>
      </c>
      <c r="F8467">
        <v>0</v>
      </c>
      <c r="H8467" t="s">
        <v>43408</v>
      </c>
      <c r="J8467" t="s">
        <v>43409</v>
      </c>
      <c r="K8467" t="s">
        <v>43410</v>
      </c>
      <c r="M8467">
        <v>665363</v>
      </c>
      <c r="O8467">
        <v>665363</v>
      </c>
      <c r="P8467">
        <v>1</v>
      </c>
      <c r="Q8467">
        <v>3</v>
      </c>
      <c r="R8467" t="s">
        <v>43411</v>
      </c>
      <c r="S8467">
        <v>331</v>
      </c>
    </row>
    <row r="8468" spans="1:19" x14ac:dyDescent="0.25">
      <c r="A8468">
        <v>43930625</v>
      </c>
      <c r="B8468" t="s">
        <v>43412</v>
      </c>
      <c r="C8468" s="1" t="s">
        <v>43413</v>
      </c>
      <c r="E8468">
        <v>1</v>
      </c>
      <c r="F8468">
        <v>0</v>
      </c>
      <c r="H8468" t="s">
        <v>43414</v>
      </c>
      <c r="J8468" t="s">
        <v>43415</v>
      </c>
      <c r="K8468" t="s">
        <v>43416</v>
      </c>
      <c r="M8468">
        <v>7594486</v>
      </c>
      <c r="O8468">
        <v>4657768</v>
      </c>
      <c r="P8468">
        <v>1</v>
      </c>
      <c r="Q8468">
        <v>0</v>
      </c>
      <c r="R8468" t="s">
        <v>43417</v>
      </c>
      <c r="S8468">
        <v>50</v>
      </c>
    </row>
    <row r="8469" spans="1:19" x14ac:dyDescent="0.25">
      <c r="A8469">
        <v>23364339</v>
      </c>
      <c r="B8469" t="s">
        <v>43418</v>
      </c>
      <c r="C8469" s="1" t="s">
        <v>43419</v>
      </c>
      <c r="D8469">
        <v>23364705</v>
      </c>
      <c r="E8469">
        <v>2</v>
      </c>
      <c r="F8469">
        <v>0</v>
      </c>
      <c r="H8469" t="s">
        <v>43420</v>
      </c>
      <c r="I8469">
        <v>1</v>
      </c>
      <c r="J8469" t="s">
        <v>43421</v>
      </c>
      <c r="K8469" t="s">
        <v>43422</v>
      </c>
      <c r="M8469">
        <v>532495</v>
      </c>
      <c r="O8469">
        <v>532495</v>
      </c>
      <c r="P8469">
        <v>1</v>
      </c>
      <c r="Q8469">
        <v>2</v>
      </c>
      <c r="R8469" t="s">
        <v>43423</v>
      </c>
      <c r="S8469">
        <v>3944</v>
      </c>
    </row>
    <row r="8470" spans="1:19" x14ac:dyDescent="0.25">
      <c r="A8470">
        <v>30546775</v>
      </c>
      <c r="B8470" t="s">
        <v>43424</v>
      </c>
      <c r="C8470" s="1" t="s">
        <v>43425</v>
      </c>
      <c r="D8470">
        <v>30547094</v>
      </c>
      <c r="E8470">
        <v>1</v>
      </c>
      <c r="F8470">
        <v>2</v>
      </c>
      <c r="H8470" t="s">
        <v>43426</v>
      </c>
      <c r="J8470" t="s">
        <v>43427</v>
      </c>
      <c r="O8470">
        <v>3552082</v>
      </c>
      <c r="P8470">
        <v>1</v>
      </c>
      <c r="Q8470">
        <v>1</v>
      </c>
      <c r="R8470" t="s">
        <v>43428</v>
      </c>
      <c r="S8470">
        <v>50</v>
      </c>
    </row>
    <row r="8471" spans="1:19" x14ac:dyDescent="0.25">
      <c r="A8471">
        <v>8936845</v>
      </c>
      <c r="B8471" t="s">
        <v>43429</v>
      </c>
      <c r="C8471" s="1" t="s">
        <v>43430</v>
      </c>
      <c r="D8471">
        <v>8936953</v>
      </c>
      <c r="E8471">
        <v>1</v>
      </c>
      <c r="F8471">
        <v>0</v>
      </c>
      <c r="H8471" t="s">
        <v>43431</v>
      </c>
      <c r="J8471" t="s">
        <v>43432</v>
      </c>
      <c r="K8471" t="s">
        <v>43433</v>
      </c>
      <c r="M8471">
        <v>535871</v>
      </c>
      <c r="O8471">
        <v>868935</v>
      </c>
      <c r="P8471">
        <v>1</v>
      </c>
      <c r="Q8471">
        <v>0</v>
      </c>
      <c r="R8471" t="s">
        <v>43434</v>
      </c>
      <c r="S8471">
        <v>987</v>
      </c>
    </row>
    <row r="8472" spans="1:19" x14ac:dyDescent="0.25">
      <c r="A8472">
        <v>39343448</v>
      </c>
      <c r="B8472" t="s">
        <v>43435</v>
      </c>
      <c r="C8472" s="1" t="s">
        <v>43436</v>
      </c>
      <c r="E8472">
        <v>1</v>
      </c>
      <c r="F8472">
        <v>0</v>
      </c>
      <c r="H8472" t="s">
        <v>43437</v>
      </c>
      <c r="J8472" t="s">
        <v>43438</v>
      </c>
      <c r="K8472" t="s">
        <v>43438</v>
      </c>
      <c r="M8472">
        <v>1033581</v>
      </c>
      <c r="O8472">
        <v>6055037</v>
      </c>
      <c r="P8472">
        <v>1</v>
      </c>
      <c r="Q8472">
        <v>0</v>
      </c>
      <c r="R8472" t="s">
        <v>43439</v>
      </c>
      <c r="S8472">
        <v>22</v>
      </c>
    </row>
    <row r="8473" spans="1:19" x14ac:dyDescent="0.25">
      <c r="A8473">
        <v>22439333</v>
      </c>
      <c r="B8473" t="s">
        <v>43440</v>
      </c>
      <c r="C8473" s="1" t="s">
        <v>43441</v>
      </c>
      <c r="E8473">
        <v>0</v>
      </c>
      <c r="F8473">
        <v>3</v>
      </c>
      <c r="H8473" t="s">
        <v>43442</v>
      </c>
      <c r="J8473" t="s">
        <v>43443</v>
      </c>
      <c r="K8473" t="s">
        <v>43443</v>
      </c>
      <c r="M8473">
        <v>3374978</v>
      </c>
      <c r="O8473">
        <v>3374978</v>
      </c>
      <c r="P8473">
        <v>1</v>
      </c>
      <c r="Q8473">
        <v>0</v>
      </c>
      <c r="R8473" t="s">
        <v>43444</v>
      </c>
      <c r="S8473">
        <v>29</v>
      </c>
    </row>
    <row r="8474" spans="1:19" x14ac:dyDescent="0.25">
      <c r="A8474">
        <v>32178749</v>
      </c>
      <c r="B8474" t="s">
        <v>43445</v>
      </c>
      <c r="C8474" s="1" t="s">
        <v>43446</v>
      </c>
      <c r="D8474">
        <v>32179322</v>
      </c>
      <c r="E8474">
        <v>3</v>
      </c>
      <c r="F8474">
        <v>5</v>
      </c>
      <c r="H8474" t="s">
        <v>43447</v>
      </c>
      <c r="J8474" t="s">
        <v>43448</v>
      </c>
      <c r="K8474" t="s">
        <v>43448</v>
      </c>
      <c r="M8474">
        <v>4248931</v>
      </c>
      <c r="O8474">
        <v>5259591</v>
      </c>
      <c r="P8474">
        <v>1</v>
      </c>
      <c r="Q8474">
        <v>-2</v>
      </c>
      <c r="R8474" t="s">
        <v>43449</v>
      </c>
      <c r="S8474">
        <v>80</v>
      </c>
    </row>
    <row r="8475" spans="1:19" x14ac:dyDescent="0.25">
      <c r="A8475">
        <v>19361549</v>
      </c>
      <c r="B8475" t="s">
        <v>43450</v>
      </c>
      <c r="C8475" s="1" t="s">
        <v>43451</v>
      </c>
      <c r="D8475">
        <v>19361799</v>
      </c>
      <c r="E8475">
        <v>1</v>
      </c>
      <c r="F8475">
        <v>3</v>
      </c>
      <c r="H8475" t="s">
        <v>43452</v>
      </c>
      <c r="J8475" t="s">
        <v>43453</v>
      </c>
      <c r="O8475">
        <v>3941291</v>
      </c>
      <c r="P8475">
        <v>1</v>
      </c>
      <c r="Q8475">
        <v>2</v>
      </c>
      <c r="R8475" t="s">
        <v>43454</v>
      </c>
      <c r="S8475">
        <v>1135</v>
      </c>
    </row>
    <row r="8476" spans="1:19" x14ac:dyDescent="0.25">
      <c r="A8476">
        <v>29089851</v>
      </c>
      <c r="B8476" t="s">
        <v>43455</v>
      </c>
      <c r="C8476" s="1" t="s">
        <v>43456</v>
      </c>
      <c r="D8476">
        <v>29089921</v>
      </c>
      <c r="E8476">
        <v>1</v>
      </c>
      <c r="F8476">
        <v>3</v>
      </c>
      <c r="H8476" t="s">
        <v>43457</v>
      </c>
      <c r="J8476" t="s">
        <v>43458</v>
      </c>
      <c r="O8476">
        <v>1677045</v>
      </c>
      <c r="P8476">
        <v>1</v>
      </c>
      <c r="Q8476">
        <v>0</v>
      </c>
      <c r="R8476" t="s">
        <v>43459</v>
      </c>
      <c r="S8476">
        <v>41</v>
      </c>
    </row>
    <row r="8477" spans="1:19" x14ac:dyDescent="0.25">
      <c r="A8477">
        <v>20828117</v>
      </c>
      <c r="B8477" t="s">
        <v>43460</v>
      </c>
      <c r="C8477" s="1" t="s">
        <v>43461</v>
      </c>
      <c r="D8477">
        <v>20830450</v>
      </c>
      <c r="E8477">
        <v>2</v>
      </c>
      <c r="F8477">
        <v>0</v>
      </c>
      <c r="H8477" t="s">
        <v>43462</v>
      </c>
      <c r="J8477" t="s">
        <v>43463</v>
      </c>
      <c r="K8477" t="s">
        <v>43464</v>
      </c>
      <c r="M8477">
        <v>-1</v>
      </c>
      <c r="O8477">
        <v>1292663</v>
      </c>
      <c r="P8477">
        <v>1</v>
      </c>
      <c r="Q8477">
        <v>1</v>
      </c>
      <c r="R8477" t="s">
        <v>43465</v>
      </c>
      <c r="S8477">
        <v>1862</v>
      </c>
    </row>
    <row r="8478" spans="1:19" x14ac:dyDescent="0.25">
      <c r="A8478">
        <v>43218321</v>
      </c>
      <c r="B8478" t="s">
        <v>43466</v>
      </c>
      <c r="C8478" s="1" t="s">
        <v>43467</v>
      </c>
      <c r="D8478">
        <v>43219699</v>
      </c>
      <c r="E8478">
        <v>1</v>
      </c>
      <c r="F8478">
        <v>0</v>
      </c>
      <c r="H8478" t="s">
        <v>43468</v>
      </c>
      <c r="J8478" t="s">
        <v>43469</v>
      </c>
      <c r="K8478" t="s">
        <v>43470</v>
      </c>
      <c r="M8478">
        <v>2417043</v>
      </c>
      <c r="O8478">
        <v>7741575</v>
      </c>
      <c r="P8478">
        <v>1</v>
      </c>
      <c r="Q8478">
        <v>0</v>
      </c>
      <c r="R8478" t="s">
        <v>43471</v>
      </c>
      <c r="S8478">
        <v>26</v>
      </c>
    </row>
    <row r="8479" spans="1:19" x14ac:dyDescent="0.25">
      <c r="A8479">
        <v>24167853</v>
      </c>
      <c r="B8479" t="s">
        <v>43472</v>
      </c>
      <c r="C8479" s="1" t="s">
        <v>43473</v>
      </c>
      <c r="D8479">
        <v>24169698</v>
      </c>
      <c r="E8479">
        <v>2</v>
      </c>
      <c r="F8479">
        <v>1</v>
      </c>
      <c r="H8479" t="s">
        <v>43474</v>
      </c>
      <c r="J8479" t="s">
        <v>43475</v>
      </c>
      <c r="K8479" t="s">
        <v>43476</v>
      </c>
      <c r="M8479">
        <v>641833</v>
      </c>
      <c r="O8479">
        <v>3730539</v>
      </c>
      <c r="P8479">
        <v>1</v>
      </c>
      <c r="Q8479">
        <v>1</v>
      </c>
      <c r="R8479" t="s">
        <v>43477</v>
      </c>
      <c r="S8479">
        <v>80</v>
      </c>
    </row>
    <row r="8480" spans="1:19" x14ac:dyDescent="0.25">
      <c r="A8480">
        <v>12447063</v>
      </c>
      <c r="B8480" t="s">
        <v>43478</v>
      </c>
      <c r="C8480" s="1" t="s">
        <v>43479</v>
      </c>
      <c r="D8480">
        <v>12447095</v>
      </c>
      <c r="E8480">
        <v>4</v>
      </c>
      <c r="F8480">
        <v>0</v>
      </c>
      <c r="H8480" t="s">
        <v>43480</v>
      </c>
      <c r="J8480" t="s">
        <v>43481</v>
      </c>
      <c r="K8480" t="s">
        <v>43482</v>
      </c>
      <c r="M8480">
        <v>1033591</v>
      </c>
      <c r="O8480">
        <v>1033591</v>
      </c>
      <c r="P8480">
        <v>1</v>
      </c>
      <c r="Q8480">
        <v>0</v>
      </c>
      <c r="R8480" t="s">
        <v>4205</v>
      </c>
      <c r="S8480">
        <v>945</v>
      </c>
    </row>
    <row r="8481" spans="1:19" x14ac:dyDescent="0.25">
      <c r="A8481">
        <v>3770085</v>
      </c>
      <c r="B8481" t="s">
        <v>43483</v>
      </c>
      <c r="C8481" s="1" t="s">
        <v>43484</v>
      </c>
      <c r="D8481">
        <v>3770175</v>
      </c>
      <c r="E8481">
        <v>2</v>
      </c>
      <c r="F8481">
        <v>0</v>
      </c>
      <c r="H8481" t="s">
        <v>43485</v>
      </c>
      <c r="I8481">
        <v>1</v>
      </c>
      <c r="J8481" t="s">
        <v>43486</v>
      </c>
      <c r="O8481">
        <v>286479</v>
      </c>
      <c r="P8481">
        <v>1</v>
      </c>
      <c r="Q8481">
        <v>1</v>
      </c>
      <c r="R8481" t="s">
        <v>43487</v>
      </c>
      <c r="S8481">
        <v>392</v>
      </c>
    </row>
    <row r="8482" spans="1:19" x14ac:dyDescent="0.25">
      <c r="A8482">
        <v>41881970</v>
      </c>
      <c r="B8482" t="s">
        <v>43488</v>
      </c>
      <c r="C8482" s="1" t="s">
        <v>43489</v>
      </c>
      <c r="D8482">
        <v>41883065</v>
      </c>
      <c r="E8482">
        <v>1</v>
      </c>
      <c r="F8482">
        <v>0</v>
      </c>
      <c r="H8482" t="s">
        <v>43490</v>
      </c>
      <c r="J8482" t="s">
        <v>43491</v>
      </c>
      <c r="O8482">
        <v>5208406</v>
      </c>
      <c r="P8482">
        <v>1</v>
      </c>
      <c r="Q8482">
        <v>1</v>
      </c>
      <c r="R8482" t="s">
        <v>43492</v>
      </c>
      <c r="S8482">
        <v>51</v>
      </c>
    </row>
    <row r="8483" spans="1:19" x14ac:dyDescent="0.25">
      <c r="A8483">
        <v>16676468</v>
      </c>
      <c r="B8483" t="s">
        <v>43493</v>
      </c>
      <c r="C8483" s="1" t="s">
        <v>43494</v>
      </c>
      <c r="D8483">
        <v>16676677</v>
      </c>
      <c r="E8483">
        <v>1</v>
      </c>
      <c r="F8483">
        <v>1</v>
      </c>
      <c r="H8483" t="s">
        <v>43495</v>
      </c>
      <c r="J8483" t="s">
        <v>43496</v>
      </c>
      <c r="O8483">
        <v>2380534</v>
      </c>
      <c r="P8483">
        <v>1</v>
      </c>
      <c r="Q8483">
        <v>3</v>
      </c>
      <c r="R8483" t="s">
        <v>43497</v>
      </c>
      <c r="S8483">
        <v>1609</v>
      </c>
    </row>
    <row r="8484" spans="1:19" x14ac:dyDescent="0.25">
      <c r="A8484">
        <v>16356317</v>
      </c>
      <c r="B8484" t="s">
        <v>43498</v>
      </c>
      <c r="C8484" s="1" t="s">
        <v>43499</v>
      </c>
      <c r="E8484">
        <v>2</v>
      </c>
      <c r="F8484">
        <v>2</v>
      </c>
      <c r="H8484" t="s">
        <v>43500</v>
      </c>
      <c r="J8484" t="s">
        <v>43501</v>
      </c>
      <c r="K8484" t="s">
        <v>43502</v>
      </c>
      <c r="M8484">
        <v>960757</v>
      </c>
      <c r="O8484">
        <v>1124941</v>
      </c>
      <c r="P8484">
        <v>1</v>
      </c>
      <c r="Q8484">
        <v>2</v>
      </c>
      <c r="R8484" t="s">
        <v>43503</v>
      </c>
      <c r="S8484">
        <v>598</v>
      </c>
    </row>
    <row r="8485" spans="1:19" x14ac:dyDescent="0.25">
      <c r="A8485">
        <v>41096212</v>
      </c>
      <c r="B8485" t="s">
        <v>43504</v>
      </c>
      <c r="C8485" s="1" t="s">
        <v>43505</v>
      </c>
      <c r="E8485">
        <v>1</v>
      </c>
      <c r="F8485">
        <v>0</v>
      </c>
      <c r="H8485" t="s">
        <v>43506</v>
      </c>
      <c r="I8485">
        <v>1</v>
      </c>
      <c r="J8485" t="s">
        <v>43507</v>
      </c>
      <c r="O8485">
        <v>5526712</v>
      </c>
      <c r="P8485">
        <v>1</v>
      </c>
      <c r="Q8485">
        <v>1</v>
      </c>
      <c r="R8485" t="s">
        <v>43508</v>
      </c>
      <c r="S8485">
        <v>368</v>
      </c>
    </row>
    <row r="8486" spans="1:19" x14ac:dyDescent="0.25">
      <c r="A8486">
        <v>2734719</v>
      </c>
      <c r="B8486" t="s">
        <v>43509</v>
      </c>
      <c r="C8486" t="s">
        <v>43510</v>
      </c>
      <c r="D8486">
        <v>2734727</v>
      </c>
      <c r="E8486">
        <v>3</v>
      </c>
      <c r="F8486">
        <v>0</v>
      </c>
      <c r="H8486" t="s">
        <v>43511</v>
      </c>
      <c r="I8486">
        <v>53</v>
      </c>
      <c r="J8486" t="s">
        <v>43512</v>
      </c>
      <c r="K8486" t="s">
        <v>43513</v>
      </c>
      <c r="M8486">
        <v>1783163</v>
      </c>
      <c r="O8486">
        <v>258355</v>
      </c>
      <c r="P8486">
        <v>1</v>
      </c>
      <c r="Q8486">
        <v>113</v>
      </c>
      <c r="R8486" t="s">
        <v>43514</v>
      </c>
      <c r="S8486">
        <v>127068</v>
      </c>
    </row>
    <row r="8487" spans="1:19" x14ac:dyDescent="0.25">
      <c r="A8487">
        <v>33402581</v>
      </c>
      <c r="B8487" t="s">
        <v>43515</v>
      </c>
      <c r="C8487" s="1" t="s">
        <v>43516</v>
      </c>
      <c r="E8487">
        <v>0</v>
      </c>
      <c r="F8487">
        <v>2</v>
      </c>
      <c r="H8487" t="s">
        <v>43517</v>
      </c>
      <c r="J8487" t="s">
        <v>43518</v>
      </c>
      <c r="K8487" t="s">
        <v>43518</v>
      </c>
      <c r="M8487">
        <v>2227834</v>
      </c>
      <c r="O8487">
        <v>3455448</v>
      </c>
      <c r="P8487">
        <v>1</v>
      </c>
      <c r="Q8487">
        <v>0</v>
      </c>
      <c r="R8487" t="s">
        <v>43519</v>
      </c>
      <c r="S8487">
        <v>93</v>
      </c>
    </row>
    <row r="8488" spans="1:19" x14ac:dyDescent="0.25">
      <c r="A8488">
        <v>48252722</v>
      </c>
      <c r="B8488" t="s">
        <v>43520</v>
      </c>
      <c r="C8488" s="1" t="s">
        <v>43521</v>
      </c>
      <c r="E8488">
        <v>0</v>
      </c>
      <c r="F8488">
        <v>2</v>
      </c>
      <c r="H8488" t="s">
        <v>43522</v>
      </c>
      <c r="J8488" t="s">
        <v>43522</v>
      </c>
      <c r="O8488">
        <v>915729</v>
      </c>
      <c r="P8488">
        <v>1</v>
      </c>
      <c r="Q8488">
        <v>0</v>
      </c>
      <c r="R8488" t="s">
        <v>43523</v>
      </c>
      <c r="S8488">
        <v>14</v>
      </c>
    </row>
    <row r="8489" spans="1:19" x14ac:dyDescent="0.25">
      <c r="A8489">
        <v>40744216</v>
      </c>
      <c r="B8489" t="s">
        <v>43524</v>
      </c>
      <c r="C8489" s="1" t="s">
        <v>43525</v>
      </c>
      <c r="D8489">
        <v>40744422</v>
      </c>
      <c r="E8489">
        <v>5</v>
      </c>
      <c r="F8489">
        <v>2</v>
      </c>
      <c r="H8489" t="s">
        <v>43526</v>
      </c>
      <c r="J8489" t="s">
        <v>43527</v>
      </c>
      <c r="K8489" t="s">
        <v>43528</v>
      </c>
      <c r="M8489">
        <v>-1</v>
      </c>
      <c r="O8489">
        <v>5379206</v>
      </c>
      <c r="P8489">
        <v>1</v>
      </c>
      <c r="Q8489">
        <v>0</v>
      </c>
      <c r="R8489" t="s">
        <v>43529</v>
      </c>
      <c r="S8489">
        <v>996</v>
      </c>
    </row>
    <row r="8490" spans="1:19" x14ac:dyDescent="0.25">
      <c r="A8490">
        <v>43285621</v>
      </c>
      <c r="B8490" t="s">
        <v>43530</v>
      </c>
      <c r="C8490" s="1" t="s">
        <v>43531</v>
      </c>
      <c r="E8490">
        <v>0</v>
      </c>
      <c r="F8490">
        <v>2</v>
      </c>
      <c r="H8490" t="s">
        <v>43532</v>
      </c>
      <c r="J8490" t="s">
        <v>43532</v>
      </c>
      <c r="O8490">
        <v>3025852</v>
      </c>
      <c r="P8490">
        <v>1</v>
      </c>
      <c r="Q8490">
        <v>1</v>
      </c>
      <c r="R8490" t="s">
        <v>43533</v>
      </c>
      <c r="S8490">
        <v>214</v>
      </c>
    </row>
    <row r="8491" spans="1:19" x14ac:dyDescent="0.25">
      <c r="A8491">
        <v>22905334</v>
      </c>
      <c r="B8491" t="s">
        <v>43534</v>
      </c>
      <c r="C8491" s="1" t="s">
        <v>43535</v>
      </c>
      <c r="E8491">
        <v>0</v>
      </c>
      <c r="F8491">
        <v>2</v>
      </c>
      <c r="H8491" t="s">
        <v>43536</v>
      </c>
      <c r="J8491" t="s">
        <v>43536</v>
      </c>
      <c r="O8491">
        <v>1856206</v>
      </c>
      <c r="P8491">
        <v>1</v>
      </c>
      <c r="Q8491">
        <v>0</v>
      </c>
      <c r="R8491" t="s">
        <v>43537</v>
      </c>
      <c r="S8491">
        <v>73</v>
      </c>
    </row>
    <row r="8492" spans="1:19" x14ac:dyDescent="0.25">
      <c r="A8492">
        <v>1112720</v>
      </c>
      <c r="B8492" t="s">
        <v>43538</v>
      </c>
      <c r="C8492" s="1" t="s">
        <v>43539</v>
      </c>
      <c r="D8492">
        <v>1112741</v>
      </c>
      <c r="E8492">
        <v>1</v>
      </c>
      <c r="F8492">
        <v>0</v>
      </c>
      <c r="H8492" t="s">
        <v>43540</v>
      </c>
      <c r="I8492">
        <v>3</v>
      </c>
      <c r="J8492" t="s">
        <v>43541</v>
      </c>
      <c r="K8492" t="s">
        <v>43542</v>
      </c>
      <c r="M8492">
        <v>5640</v>
      </c>
      <c r="O8492">
        <v>136598</v>
      </c>
      <c r="P8492">
        <v>1</v>
      </c>
      <c r="Q8492">
        <v>4</v>
      </c>
      <c r="R8492" t="s">
        <v>43543</v>
      </c>
      <c r="S8492">
        <v>2185</v>
      </c>
    </row>
    <row r="8493" spans="1:19" x14ac:dyDescent="0.25">
      <c r="A8493">
        <v>16819348</v>
      </c>
      <c r="B8493" t="s">
        <v>43544</v>
      </c>
      <c r="C8493" s="1" t="s">
        <v>43545</v>
      </c>
      <c r="D8493">
        <v>17092235</v>
      </c>
      <c r="E8493">
        <v>1</v>
      </c>
      <c r="F8493">
        <v>0</v>
      </c>
      <c r="H8493" t="s">
        <v>43546</v>
      </c>
      <c r="J8493" t="s">
        <v>43547</v>
      </c>
      <c r="K8493" t="s">
        <v>43548</v>
      </c>
      <c r="M8493">
        <v>254477</v>
      </c>
      <c r="O8493">
        <v>2419256</v>
      </c>
      <c r="P8493">
        <v>1</v>
      </c>
      <c r="Q8493">
        <v>0</v>
      </c>
      <c r="R8493" t="s">
        <v>43549</v>
      </c>
      <c r="S8493">
        <v>198</v>
      </c>
    </row>
    <row r="8494" spans="1:19" x14ac:dyDescent="0.25">
      <c r="A8494">
        <v>34874289</v>
      </c>
      <c r="B8494" t="s">
        <v>43550</v>
      </c>
      <c r="C8494" s="1" t="s">
        <v>43551</v>
      </c>
      <c r="D8494">
        <v>34874510</v>
      </c>
      <c r="E8494">
        <v>2</v>
      </c>
      <c r="F8494">
        <v>1</v>
      </c>
      <c r="H8494" t="s">
        <v>43552</v>
      </c>
      <c r="J8494" t="s">
        <v>43553</v>
      </c>
      <c r="O8494">
        <v>653770</v>
      </c>
      <c r="P8494">
        <v>1</v>
      </c>
      <c r="Q8494">
        <v>0</v>
      </c>
      <c r="R8494" t="s">
        <v>43554</v>
      </c>
      <c r="S8494">
        <v>88</v>
      </c>
    </row>
    <row r="8495" spans="1:19" x14ac:dyDescent="0.25">
      <c r="A8495">
        <v>46081878</v>
      </c>
      <c r="B8495" t="s">
        <v>43555</v>
      </c>
      <c r="C8495" s="1" t="s">
        <v>43556</v>
      </c>
      <c r="E8495">
        <v>0</v>
      </c>
      <c r="F8495">
        <v>5</v>
      </c>
      <c r="H8495" t="s">
        <v>43557</v>
      </c>
      <c r="J8495" t="s">
        <v>43557</v>
      </c>
      <c r="O8495">
        <v>5307298</v>
      </c>
      <c r="P8495">
        <v>1</v>
      </c>
      <c r="Q8495">
        <v>0</v>
      </c>
      <c r="R8495" t="s">
        <v>27070</v>
      </c>
      <c r="S8495">
        <v>72</v>
      </c>
    </row>
    <row r="8496" spans="1:19" x14ac:dyDescent="0.25">
      <c r="A8496">
        <v>8789326</v>
      </c>
      <c r="B8496" t="s">
        <v>43558</v>
      </c>
      <c r="C8496" s="1" t="s">
        <v>43559</v>
      </c>
      <c r="E8496">
        <v>1</v>
      </c>
      <c r="F8496">
        <v>0</v>
      </c>
      <c r="H8496" t="s">
        <v>43560</v>
      </c>
      <c r="J8496" t="s">
        <v>43561</v>
      </c>
      <c r="O8496">
        <v>1077717</v>
      </c>
      <c r="P8496">
        <v>1</v>
      </c>
      <c r="Q8496">
        <v>1</v>
      </c>
      <c r="R8496" t="s">
        <v>43562</v>
      </c>
      <c r="S8496">
        <v>444</v>
      </c>
    </row>
    <row r="8497" spans="1:19" x14ac:dyDescent="0.25">
      <c r="A8497">
        <v>3974066</v>
      </c>
      <c r="B8497" t="s">
        <v>43563</v>
      </c>
      <c r="C8497" s="1" t="s">
        <v>43564</v>
      </c>
      <c r="D8497">
        <v>6449254</v>
      </c>
      <c r="E8497">
        <v>1</v>
      </c>
      <c r="F8497">
        <v>0</v>
      </c>
      <c r="H8497" t="s">
        <v>43565</v>
      </c>
      <c r="I8497">
        <v>1</v>
      </c>
      <c r="J8497" t="s">
        <v>43566</v>
      </c>
      <c r="O8497">
        <v>75386</v>
      </c>
      <c r="P8497">
        <v>1</v>
      </c>
      <c r="Q8497">
        <v>0</v>
      </c>
      <c r="R8497" t="s">
        <v>159</v>
      </c>
      <c r="S8497">
        <v>1019</v>
      </c>
    </row>
    <row r="8498" spans="1:19" x14ac:dyDescent="0.25">
      <c r="A8498">
        <v>14097246</v>
      </c>
      <c r="B8498" t="s">
        <v>43567</v>
      </c>
      <c r="C8498" t="s">
        <v>43568</v>
      </c>
      <c r="D8498">
        <v>14100304</v>
      </c>
      <c r="E8498">
        <v>2</v>
      </c>
      <c r="F8498">
        <v>8</v>
      </c>
      <c r="H8498" t="s">
        <v>43569</v>
      </c>
      <c r="I8498">
        <v>2</v>
      </c>
      <c r="J8498" t="s">
        <v>43570</v>
      </c>
      <c r="O8498">
        <v>988445</v>
      </c>
      <c r="P8498">
        <v>1</v>
      </c>
      <c r="Q8498">
        <v>18</v>
      </c>
      <c r="R8498" t="s">
        <v>43571</v>
      </c>
      <c r="S8498">
        <v>3019</v>
      </c>
    </row>
    <row r="8499" spans="1:19" x14ac:dyDescent="0.25">
      <c r="A8499">
        <v>51824776</v>
      </c>
      <c r="B8499" t="s">
        <v>43572</v>
      </c>
      <c r="C8499" s="1" t="s">
        <v>43573</v>
      </c>
      <c r="E8499">
        <v>1</v>
      </c>
      <c r="F8499">
        <v>0</v>
      </c>
      <c r="H8499" t="s">
        <v>43574</v>
      </c>
      <c r="J8499" t="s">
        <v>43575</v>
      </c>
      <c r="O8499">
        <v>2457865</v>
      </c>
      <c r="P8499">
        <v>1</v>
      </c>
      <c r="Q8499">
        <v>0</v>
      </c>
      <c r="R8499" t="s">
        <v>43576</v>
      </c>
      <c r="S8499">
        <v>229</v>
      </c>
    </row>
    <row r="8500" spans="1:19" x14ac:dyDescent="0.25">
      <c r="A8500">
        <v>28546412</v>
      </c>
      <c r="B8500" t="s">
        <v>43577</v>
      </c>
      <c r="C8500" s="1" t="s">
        <v>43578</v>
      </c>
      <c r="D8500">
        <v>28547017</v>
      </c>
      <c r="E8500">
        <v>1</v>
      </c>
      <c r="F8500">
        <v>1</v>
      </c>
      <c r="H8500" t="s">
        <v>43579</v>
      </c>
      <c r="J8500" t="s">
        <v>43580</v>
      </c>
      <c r="K8500" t="s">
        <v>43580</v>
      </c>
      <c r="M8500">
        <v>3532774</v>
      </c>
      <c r="O8500">
        <v>4572604</v>
      </c>
      <c r="P8500">
        <v>1</v>
      </c>
      <c r="Q8500">
        <v>0</v>
      </c>
      <c r="R8500" t="s">
        <v>43581</v>
      </c>
      <c r="S8500">
        <v>39</v>
      </c>
    </row>
    <row r="8501" spans="1:19" x14ac:dyDescent="0.25">
      <c r="A8501">
        <v>32479471</v>
      </c>
      <c r="B8501" t="s">
        <v>43582</v>
      </c>
      <c r="C8501" s="1" t="s">
        <v>43583</v>
      </c>
      <c r="D8501">
        <v>32491133</v>
      </c>
      <c r="E8501">
        <v>1</v>
      </c>
      <c r="F8501">
        <v>0</v>
      </c>
      <c r="H8501" t="s">
        <v>43584</v>
      </c>
      <c r="J8501" t="s">
        <v>43585</v>
      </c>
      <c r="K8501" t="s">
        <v>43586</v>
      </c>
      <c r="M8501">
        <v>560854</v>
      </c>
      <c r="O8501">
        <v>560854</v>
      </c>
      <c r="P8501">
        <v>1</v>
      </c>
      <c r="Q8501">
        <v>0</v>
      </c>
      <c r="R8501" t="s">
        <v>43587</v>
      </c>
      <c r="S8501">
        <v>373</v>
      </c>
    </row>
    <row r="8502" spans="1:19" x14ac:dyDescent="0.25">
      <c r="A8502">
        <v>50118421</v>
      </c>
      <c r="B8502" t="s">
        <v>43588</v>
      </c>
      <c r="C8502" s="1" t="s">
        <v>43589</v>
      </c>
      <c r="E8502">
        <v>0</v>
      </c>
      <c r="F8502">
        <v>2</v>
      </c>
      <c r="H8502" t="s">
        <v>43590</v>
      </c>
      <c r="J8502" t="s">
        <v>43590</v>
      </c>
      <c r="O8502">
        <v>9322618</v>
      </c>
      <c r="P8502">
        <v>1</v>
      </c>
      <c r="Q8502">
        <v>0</v>
      </c>
      <c r="R8502" t="s">
        <v>43591</v>
      </c>
      <c r="S8502">
        <v>8</v>
      </c>
    </row>
    <row r="8503" spans="1:19" x14ac:dyDescent="0.25">
      <c r="A8503">
        <v>51246848</v>
      </c>
      <c r="B8503" t="s">
        <v>43592</v>
      </c>
      <c r="C8503" s="1" t="s">
        <v>43593</v>
      </c>
      <c r="D8503">
        <v>51290421</v>
      </c>
      <c r="E8503">
        <v>1</v>
      </c>
      <c r="F8503">
        <v>5</v>
      </c>
      <c r="H8503" t="s">
        <v>43594</v>
      </c>
      <c r="J8503" t="s">
        <v>43595</v>
      </c>
      <c r="K8503" t="s">
        <v>43595</v>
      </c>
      <c r="M8503">
        <v>5140781</v>
      </c>
      <c r="O8503">
        <v>7535961</v>
      </c>
      <c r="P8503">
        <v>1</v>
      </c>
      <c r="Q8503">
        <v>-1</v>
      </c>
      <c r="R8503" t="s">
        <v>43596</v>
      </c>
      <c r="S8503">
        <v>164</v>
      </c>
    </row>
    <row r="8504" spans="1:19" x14ac:dyDescent="0.25">
      <c r="A8504">
        <v>29076887</v>
      </c>
      <c r="B8504" t="s">
        <v>43597</v>
      </c>
      <c r="C8504" s="1" t="s">
        <v>43598</v>
      </c>
      <c r="D8504">
        <v>29076966</v>
      </c>
      <c r="E8504">
        <v>1</v>
      </c>
      <c r="F8504">
        <v>1</v>
      </c>
      <c r="H8504" t="s">
        <v>43599</v>
      </c>
      <c r="J8504" t="s">
        <v>43600</v>
      </c>
      <c r="K8504" t="s">
        <v>43600</v>
      </c>
      <c r="M8504">
        <v>3025562</v>
      </c>
      <c r="O8504">
        <v>3025562</v>
      </c>
      <c r="P8504">
        <v>1</v>
      </c>
      <c r="Q8504">
        <v>1</v>
      </c>
      <c r="R8504" t="s">
        <v>43601</v>
      </c>
      <c r="S8504">
        <v>40</v>
      </c>
    </row>
    <row r="8505" spans="1:19" x14ac:dyDescent="0.25">
      <c r="A8505">
        <v>30068485</v>
      </c>
      <c r="B8505" t="s">
        <v>43602</v>
      </c>
      <c r="C8505" s="1" t="s">
        <v>43603</v>
      </c>
      <c r="D8505">
        <v>30068629</v>
      </c>
      <c r="E8505">
        <v>1</v>
      </c>
      <c r="F8505">
        <v>0</v>
      </c>
      <c r="H8505" t="s">
        <v>43604</v>
      </c>
      <c r="J8505" t="s">
        <v>43605</v>
      </c>
      <c r="O8505">
        <v>4222376</v>
      </c>
      <c r="P8505">
        <v>1</v>
      </c>
      <c r="Q8505">
        <v>0</v>
      </c>
      <c r="R8505" t="s">
        <v>43606</v>
      </c>
      <c r="S8505">
        <v>81</v>
      </c>
    </row>
    <row r="8506" spans="1:19" x14ac:dyDescent="0.25">
      <c r="A8506">
        <v>10035886</v>
      </c>
      <c r="B8506" t="s">
        <v>43607</v>
      </c>
      <c r="C8506" s="1" t="s">
        <v>43608</v>
      </c>
      <c r="D8506">
        <v>10035978</v>
      </c>
      <c r="E8506">
        <v>2</v>
      </c>
      <c r="F8506">
        <v>1</v>
      </c>
      <c r="H8506" t="s">
        <v>43609</v>
      </c>
      <c r="J8506" t="s">
        <v>43610</v>
      </c>
      <c r="O8506">
        <v>563424</v>
      </c>
      <c r="P8506">
        <v>1</v>
      </c>
      <c r="Q8506">
        <v>0</v>
      </c>
      <c r="R8506" t="s">
        <v>1446</v>
      </c>
      <c r="S8506">
        <v>55</v>
      </c>
    </row>
    <row r="8507" spans="1:19" x14ac:dyDescent="0.25">
      <c r="A8507">
        <v>52194040</v>
      </c>
      <c r="B8507" t="s">
        <v>43611</v>
      </c>
      <c r="C8507" s="1" t="s">
        <v>43612</v>
      </c>
      <c r="E8507">
        <v>1</v>
      </c>
      <c r="F8507">
        <v>0</v>
      </c>
      <c r="H8507" t="s">
        <v>43613</v>
      </c>
      <c r="J8507" t="s">
        <v>43614</v>
      </c>
      <c r="K8507" t="s">
        <v>43614</v>
      </c>
      <c r="M8507">
        <v>807126</v>
      </c>
      <c r="O8507">
        <v>2130365</v>
      </c>
      <c r="P8507">
        <v>1</v>
      </c>
      <c r="Q8507">
        <v>0</v>
      </c>
      <c r="R8507" t="s">
        <v>43615</v>
      </c>
      <c r="S8507">
        <v>19</v>
      </c>
    </row>
    <row r="8508" spans="1:19" x14ac:dyDescent="0.25">
      <c r="A8508">
        <v>43984655</v>
      </c>
      <c r="B8508" t="s">
        <v>43616</v>
      </c>
      <c r="C8508" s="1" t="s">
        <v>43617</v>
      </c>
      <c r="E8508">
        <v>0</v>
      </c>
      <c r="F8508">
        <v>2</v>
      </c>
      <c r="H8508" t="s">
        <v>43618</v>
      </c>
      <c r="J8508" t="s">
        <v>43619</v>
      </c>
      <c r="K8508" t="s">
        <v>43619</v>
      </c>
      <c r="M8508">
        <v>5010254</v>
      </c>
      <c r="O8508">
        <v>5010254</v>
      </c>
      <c r="P8508">
        <v>1</v>
      </c>
      <c r="Q8508">
        <v>0</v>
      </c>
      <c r="R8508" t="s">
        <v>43620</v>
      </c>
      <c r="S8508">
        <v>43</v>
      </c>
    </row>
    <row r="8509" spans="1:19" x14ac:dyDescent="0.25">
      <c r="A8509">
        <v>7141138</v>
      </c>
      <c r="B8509" t="s">
        <v>43621</v>
      </c>
      <c r="C8509" s="1" t="s">
        <v>43622</v>
      </c>
      <c r="D8509">
        <v>7159504</v>
      </c>
      <c r="E8509">
        <v>2</v>
      </c>
      <c r="F8509">
        <v>0</v>
      </c>
      <c r="H8509" t="s">
        <v>43623</v>
      </c>
      <c r="J8509" t="s">
        <v>43624</v>
      </c>
      <c r="O8509">
        <v>787817</v>
      </c>
      <c r="P8509">
        <v>1</v>
      </c>
      <c r="Q8509">
        <v>0</v>
      </c>
      <c r="R8509" t="s">
        <v>43625</v>
      </c>
      <c r="S8509">
        <v>702</v>
      </c>
    </row>
    <row r="8510" spans="1:19" x14ac:dyDescent="0.25">
      <c r="A8510">
        <v>11755951</v>
      </c>
      <c r="B8510" t="s">
        <v>43626</v>
      </c>
      <c r="C8510" s="1" t="s">
        <v>43627</v>
      </c>
      <c r="D8510">
        <v>11763710</v>
      </c>
      <c r="E8510">
        <v>2</v>
      </c>
      <c r="F8510">
        <v>0</v>
      </c>
      <c r="H8510" t="s">
        <v>43628</v>
      </c>
      <c r="I8510">
        <v>1</v>
      </c>
      <c r="J8510" t="s">
        <v>43629</v>
      </c>
      <c r="O8510">
        <v>117839</v>
      </c>
      <c r="P8510">
        <v>1</v>
      </c>
      <c r="Q8510">
        <v>1</v>
      </c>
      <c r="R8510" t="s">
        <v>43630</v>
      </c>
      <c r="S8510">
        <v>2096</v>
      </c>
    </row>
    <row r="8511" spans="1:19" x14ac:dyDescent="0.25">
      <c r="A8511">
        <v>8548781</v>
      </c>
      <c r="B8511" t="s">
        <v>43631</v>
      </c>
      <c r="C8511" s="1" t="s">
        <v>43632</v>
      </c>
      <c r="D8511">
        <v>8548815</v>
      </c>
      <c r="E8511">
        <v>1</v>
      </c>
      <c r="F8511">
        <v>0</v>
      </c>
      <c r="H8511" t="s">
        <v>43633</v>
      </c>
      <c r="J8511" t="s">
        <v>43634</v>
      </c>
      <c r="N8511" t="s">
        <v>43635</v>
      </c>
      <c r="P8511">
        <v>1</v>
      </c>
      <c r="Q8511">
        <v>0</v>
      </c>
      <c r="R8511" t="s">
        <v>43636</v>
      </c>
      <c r="S8511">
        <v>275</v>
      </c>
    </row>
    <row r="8512" spans="1:19" x14ac:dyDescent="0.25">
      <c r="A8512">
        <v>5970721</v>
      </c>
      <c r="B8512" t="s">
        <v>43637</v>
      </c>
      <c r="C8512" s="1" t="s">
        <v>43638</v>
      </c>
      <c r="D8512">
        <v>5970743</v>
      </c>
      <c r="E8512">
        <v>1</v>
      </c>
      <c r="F8512">
        <v>0</v>
      </c>
      <c r="H8512" t="s">
        <v>43639</v>
      </c>
      <c r="I8512">
        <v>1</v>
      </c>
      <c r="J8512" t="s">
        <v>43640</v>
      </c>
      <c r="K8512" t="s">
        <v>43640</v>
      </c>
      <c r="M8512">
        <v>157882</v>
      </c>
      <c r="O8512">
        <v>249571</v>
      </c>
      <c r="P8512">
        <v>1</v>
      </c>
      <c r="Q8512">
        <v>1</v>
      </c>
      <c r="R8512" t="s">
        <v>43641</v>
      </c>
      <c r="S8512">
        <v>4270</v>
      </c>
    </row>
    <row r="8513" spans="1:19" x14ac:dyDescent="0.25">
      <c r="A8513">
        <v>31082818</v>
      </c>
      <c r="B8513" t="s">
        <v>43642</v>
      </c>
      <c r="C8513" s="1" t="s">
        <v>43643</v>
      </c>
      <c r="D8513">
        <v>31082880</v>
      </c>
      <c r="E8513">
        <v>1</v>
      </c>
      <c r="F8513">
        <v>1</v>
      </c>
      <c r="H8513" t="s">
        <v>43644</v>
      </c>
      <c r="J8513" t="s">
        <v>43645</v>
      </c>
      <c r="K8513" t="s">
        <v>43646</v>
      </c>
      <c r="M8513">
        <v>3923281</v>
      </c>
      <c r="O8513">
        <v>4590670</v>
      </c>
      <c r="P8513">
        <v>1</v>
      </c>
      <c r="Q8513">
        <v>1</v>
      </c>
      <c r="R8513" t="s">
        <v>8258</v>
      </c>
      <c r="S8513">
        <v>624</v>
      </c>
    </row>
    <row r="8514" spans="1:19" x14ac:dyDescent="0.25">
      <c r="A8514">
        <v>2311350</v>
      </c>
      <c r="B8514" t="s">
        <v>43647</v>
      </c>
      <c r="C8514" s="1" t="s">
        <v>43648</v>
      </c>
      <c r="D8514">
        <v>2788602</v>
      </c>
      <c r="E8514">
        <v>4</v>
      </c>
      <c r="F8514">
        <v>0</v>
      </c>
      <c r="H8514" t="s">
        <v>43649</v>
      </c>
      <c r="I8514">
        <v>1</v>
      </c>
      <c r="J8514" t="s">
        <v>43650</v>
      </c>
      <c r="O8514">
        <v>48625</v>
      </c>
      <c r="P8514">
        <v>1</v>
      </c>
      <c r="Q8514">
        <v>3</v>
      </c>
      <c r="R8514" t="s">
        <v>43651</v>
      </c>
      <c r="S8514">
        <v>662</v>
      </c>
    </row>
    <row r="8515" spans="1:19" x14ac:dyDescent="0.25">
      <c r="A8515">
        <v>9047326</v>
      </c>
      <c r="B8515" t="s">
        <v>43652</v>
      </c>
      <c r="C8515" s="1" t="s">
        <v>43653</v>
      </c>
      <c r="D8515">
        <v>9141952</v>
      </c>
      <c r="E8515">
        <v>11</v>
      </c>
      <c r="F8515">
        <v>0</v>
      </c>
      <c r="H8515" t="s">
        <v>43654</v>
      </c>
      <c r="I8515">
        <v>5</v>
      </c>
      <c r="J8515" t="s">
        <v>43655</v>
      </c>
      <c r="O8515">
        <v>700180</v>
      </c>
      <c r="P8515">
        <v>1</v>
      </c>
      <c r="Q8515">
        <v>11</v>
      </c>
      <c r="R8515" t="s">
        <v>43656</v>
      </c>
      <c r="S8515">
        <v>7182</v>
      </c>
    </row>
    <row r="8516" spans="1:19" x14ac:dyDescent="0.25">
      <c r="A8516">
        <v>53263940</v>
      </c>
      <c r="B8516" t="s">
        <v>43657</v>
      </c>
      <c r="C8516" s="1" t="s">
        <v>43658</v>
      </c>
      <c r="D8516">
        <v>53264208</v>
      </c>
      <c r="E8516">
        <v>1</v>
      </c>
      <c r="F8516">
        <v>2</v>
      </c>
      <c r="H8516" t="s">
        <v>43659</v>
      </c>
      <c r="J8516" t="s">
        <v>43660</v>
      </c>
      <c r="O8516">
        <v>10530064</v>
      </c>
      <c r="P8516">
        <v>1</v>
      </c>
      <c r="Q8516">
        <v>1</v>
      </c>
      <c r="R8516" t="s">
        <v>43661</v>
      </c>
      <c r="S8516">
        <v>13</v>
      </c>
    </row>
    <row r="8517" spans="1:19" x14ac:dyDescent="0.25">
      <c r="A8517">
        <v>28970655</v>
      </c>
      <c r="B8517" t="s">
        <v>43662</v>
      </c>
      <c r="C8517" s="1" t="s">
        <v>43663</v>
      </c>
      <c r="E8517">
        <v>2</v>
      </c>
      <c r="F8517">
        <v>2</v>
      </c>
      <c r="H8517" t="s">
        <v>43664</v>
      </c>
      <c r="J8517" t="s">
        <v>43665</v>
      </c>
      <c r="K8517" t="s">
        <v>43666</v>
      </c>
      <c r="M8517">
        <v>3287551</v>
      </c>
      <c r="O8517">
        <v>3287551</v>
      </c>
      <c r="P8517">
        <v>1</v>
      </c>
      <c r="Q8517">
        <v>0</v>
      </c>
      <c r="R8517" t="s">
        <v>43667</v>
      </c>
      <c r="S8517">
        <v>1216</v>
      </c>
    </row>
    <row r="8518" spans="1:19" x14ac:dyDescent="0.25">
      <c r="A8518">
        <v>49843293</v>
      </c>
      <c r="B8518" t="s">
        <v>43668</v>
      </c>
      <c r="C8518" s="1" t="s">
        <v>43669</v>
      </c>
      <c r="D8518">
        <v>49872345</v>
      </c>
      <c r="E8518">
        <v>2</v>
      </c>
      <c r="F8518">
        <v>0</v>
      </c>
      <c r="H8518" t="s">
        <v>43670</v>
      </c>
      <c r="J8518" t="s">
        <v>43671</v>
      </c>
      <c r="O8518">
        <v>1447975</v>
      </c>
      <c r="P8518">
        <v>1</v>
      </c>
      <c r="Q8518">
        <v>0</v>
      </c>
      <c r="R8518" t="s">
        <v>43672</v>
      </c>
      <c r="S8518">
        <v>24</v>
      </c>
    </row>
    <row r="8519" spans="1:19" x14ac:dyDescent="0.25">
      <c r="A8519">
        <v>1665971</v>
      </c>
      <c r="B8519" t="s">
        <v>43673</v>
      </c>
      <c r="C8519" t="s">
        <v>43674</v>
      </c>
      <c r="D8519">
        <v>1666303</v>
      </c>
      <c r="E8519">
        <v>2</v>
      </c>
      <c r="F8519">
        <v>0</v>
      </c>
      <c r="H8519" t="s">
        <v>43675</v>
      </c>
      <c r="J8519" t="s">
        <v>43676</v>
      </c>
      <c r="K8519" t="s">
        <v>43677</v>
      </c>
      <c r="M8519">
        <v>225</v>
      </c>
      <c r="O8519">
        <v>164002</v>
      </c>
      <c r="P8519">
        <v>1</v>
      </c>
      <c r="Q8519">
        <v>0</v>
      </c>
      <c r="R8519" t="s">
        <v>1288</v>
      </c>
      <c r="S8519">
        <v>195</v>
      </c>
    </row>
    <row r="8520" spans="1:19" x14ac:dyDescent="0.25">
      <c r="A8520">
        <v>34652077</v>
      </c>
      <c r="B8520" t="s">
        <v>43678</v>
      </c>
      <c r="C8520" s="1" t="s">
        <v>43679</v>
      </c>
      <c r="E8520">
        <v>1</v>
      </c>
      <c r="F8520">
        <v>5</v>
      </c>
      <c r="H8520" t="s">
        <v>43680</v>
      </c>
      <c r="I8520">
        <v>1</v>
      </c>
      <c r="J8520" t="s">
        <v>43681</v>
      </c>
      <c r="K8520" t="s">
        <v>43682</v>
      </c>
      <c r="M8520">
        <v>3395015</v>
      </c>
      <c r="O8520">
        <v>3395015</v>
      </c>
      <c r="P8520">
        <v>1</v>
      </c>
      <c r="Q8520">
        <v>1</v>
      </c>
      <c r="R8520" t="s">
        <v>43683</v>
      </c>
      <c r="S8520">
        <v>886</v>
      </c>
    </row>
    <row r="8521" spans="1:19" x14ac:dyDescent="0.25">
      <c r="A8521">
        <v>39044269</v>
      </c>
      <c r="B8521" t="s">
        <v>43684</v>
      </c>
      <c r="C8521" s="1" t="s">
        <v>43685</v>
      </c>
      <c r="E8521">
        <v>4</v>
      </c>
      <c r="F8521">
        <v>0</v>
      </c>
      <c r="H8521" t="s">
        <v>43686</v>
      </c>
      <c r="J8521" t="s">
        <v>43687</v>
      </c>
      <c r="K8521" t="s">
        <v>43688</v>
      </c>
      <c r="M8521">
        <v>2260777</v>
      </c>
      <c r="O8521">
        <v>2260777</v>
      </c>
      <c r="P8521">
        <v>1</v>
      </c>
      <c r="Q8521">
        <v>8</v>
      </c>
      <c r="R8521" t="s">
        <v>43689</v>
      </c>
      <c r="S8521">
        <v>437</v>
      </c>
    </row>
    <row r="8522" spans="1:19" x14ac:dyDescent="0.25">
      <c r="A8522">
        <v>27482283</v>
      </c>
      <c r="B8522" t="s">
        <v>43690</v>
      </c>
      <c r="C8522" s="1" t="s">
        <v>43691</v>
      </c>
      <c r="E8522">
        <v>2</v>
      </c>
      <c r="F8522">
        <v>3</v>
      </c>
      <c r="H8522" t="s">
        <v>43692</v>
      </c>
      <c r="J8522" t="s">
        <v>43693</v>
      </c>
      <c r="K8522" t="s">
        <v>43693</v>
      </c>
      <c r="M8522">
        <v>1305053</v>
      </c>
      <c r="O8522">
        <v>1305053</v>
      </c>
      <c r="P8522">
        <v>1</v>
      </c>
      <c r="Q8522">
        <v>1</v>
      </c>
      <c r="R8522" t="s">
        <v>43694</v>
      </c>
      <c r="S8522">
        <v>1197</v>
      </c>
    </row>
    <row r="8523" spans="1:19" x14ac:dyDescent="0.25">
      <c r="A8523">
        <v>7869238</v>
      </c>
      <c r="B8523" t="s">
        <v>43695</v>
      </c>
      <c r="C8523" s="1" t="s">
        <v>43696</v>
      </c>
      <c r="E8523">
        <v>1</v>
      </c>
      <c r="F8523">
        <v>1</v>
      </c>
      <c r="H8523" t="s">
        <v>43697</v>
      </c>
      <c r="J8523" t="s">
        <v>43698</v>
      </c>
      <c r="K8523" t="s">
        <v>43699</v>
      </c>
      <c r="M8523">
        <v>76337</v>
      </c>
      <c r="O8523">
        <v>1009940</v>
      </c>
      <c r="P8523">
        <v>1</v>
      </c>
      <c r="Q8523">
        <v>1</v>
      </c>
      <c r="R8523" t="s">
        <v>24543</v>
      </c>
      <c r="S8523">
        <v>254</v>
      </c>
    </row>
    <row r="8524" spans="1:19" x14ac:dyDescent="0.25">
      <c r="A8524">
        <v>10731459</v>
      </c>
      <c r="B8524" t="s">
        <v>43700</v>
      </c>
      <c r="C8524" s="1" t="s">
        <v>43701</v>
      </c>
      <c r="E8524">
        <v>1</v>
      </c>
      <c r="F8524">
        <v>1</v>
      </c>
      <c r="H8524" t="s">
        <v>43702</v>
      </c>
      <c r="J8524" t="s">
        <v>43703</v>
      </c>
      <c r="O8524">
        <v>1081629</v>
      </c>
      <c r="P8524">
        <v>1</v>
      </c>
      <c r="Q8524">
        <v>0</v>
      </c>
      <c r="R8524" t="s">
        <v>43704</v>
      </c>
      <c r="S8524">
        <v>1600</v>
      </c>
    </row>
    <row r="8525" spans="1:19" x14ac:dyDescent="0.25">
      <c r="A8525">
        <v>46832146</v>
      </c>
      <c r="B8525" t="s">
        <v>43705</v>
      </c>
      <c r="C8525" s="1" t="s">
        <v>43706</v>
      </c>
      <c r="D8525">
        <v>46852295</v>
      </c>
      <c r="E8525">
        <v>1</v>
      </c>
      <c r="F8525">
        <v>0</v>
      </c>
      <c r="H8525" t="s">
        <v>43707</v>
      </c>
      <c r="J8525" t="s">
        <v>43708</v>
      </c>
      <c r="K8525" t="s">
        <v>43709</v>
      </c>
      <c r="M8525">
        <v>47589</v>
      </c>
      <c r="O8525">
        <v>2475012</v>
      </c>
      <c r="P8525">
        <v>1</v>
      </c>
      <c r="Q8525">
        <v>0</v>
      </c>
      <c r="R8525" t="s">
        <v>43710</v>
      </c>
      <c r="S8525">
        <v>38</v>
      </c>
    </row>
    <row r="8526" spans="1:19" x14ac:dyDescent="0.25">
      <c r="A8526">
        <v>7317703</v>
      </c>
      <c r="B8526" t="s">
        <v>43711</v>
      </c>
      <c r="C8526" s="1" t="s">
        <v>43712</v>
      </c>
      <c r="E8526">
        <v>1</v>
      </c>
      <c r="F8526">
        <v>2</v>
      </c>
      <c r="H8526" t="s">
        <v>43713</v>
      </c>
      <c r="J8526" t="s">
        <v>43714</v>
      </c>
      <c r="K8526" t="s">
        <v>43714</v>
      </c>
      <c r="M8526">
        <v>635608</v>
      </c>
      <c r="O8526">
        <v>930341</v>
      </c>
      <c r="P8526">
        <v>1</v>
      </c>
      <c r="Q8526">
        <v>0</v>
      </c>
      <c r="R8526" t="s">
        <v>2771</v>
      </c>
      <c r="S8526">
        <v>1011</v>
      </c>
    </row>
    <row r="8527" spans="1:19" x14ac:dyDescent="0.25">
      <c r="A8527">
        <v>4612605</v>
      </c>
      <c r="B8527" t="s">
        <v>43715</v>
      </c>
      <c r="C8527" t="s">
        <v>43716</v>
      </c>
      <c r="D8527">
        <v>4612637</v>
      </c>
      <c r="E8527">
        <v>3</v>
      </c>
      <c r="F8527">
        <v>0</v>
      </c>
      <c r="H8527" t="s">
        <v>43717</v>
      </c>
      <c r="J8527" t="s">
        <v>43718</v>
      </c>
      <c r="O8527">
        <v>497853</v>
      </c>
      <c r="P8527">
        <v>1</v>
      </c>
      <c r="Q8527">
        <v>1</v>
      </c>
      <c r="R8527" t="s">
        <v>43719</v>
      </c>
      <c r="S8527">
        <v>354</v>
      </c>
    </row>
    <row r="8528" spans="1:19" x14ac:dyDescent="0.25">
      <c r="A8528">
        <v>5289726</v>
      </c>
      <c r="B8528" t="s">
        <v>43720</v>
      </c>
      <c r="C8528" s="1" t="s">
        <v>43721</v>
      </c>
      <c r="D8528">
        <v>5289771</v>
      </c>
      <c r="E8528">
        <v>1</v>
      </c>
      <c r="F8528">
        <v>0</v>
      </c>
      <c r="H8528" t="s">
        <v>43722</v>
      </c>
      <c r="I8528">
        <v>1</v>
      </c>
      <c r="J8528" t="s">
        <v>43723</v>
      </c>
      <c r="O8528">
        <v>27528</v>
      </c>
      <c r="P8528">
        <v>1</v>
      </c>
      <c r="Q8528">
        <v>2</v>
      </c>
      <c r="R8528" t="s">
        <v>43724</v>
      </c>
      <c r="S8528">
        <v>2999</v>
      </c>
    </row>
    <row r="8529" spans="1:19" x14ac:dyDescent="0.25">
      <c r="A8529">
        <v>1685536</v>
      </c>
      <c r="B8529" t="s">
        <v>43725</v>
      </c>
      <c r="C8529" t="s">
        <v>43726</v>
      </c>
      <c r="D8529">
        <v>1685745</v>
      </c>
      <c r="E8529">
        <v>3</v>
      </c>
      <c r="F8529">
        <v>1</v>
      </c>
      <c r="H8529" t="s">
        <v>43727</v>
      </c>
      <c r="J8529" t="s">
        <v>43728</v>
      </c>
      <c r="O8529">
        <v>149367</v>
      </c>
      <c r="P8529">
        <v>1</v>
      </c>
      <c r="Q8529">
        <v>1</v>
      </c>
      <c r="R8529" t="s">
        <v>1333</v>
      </c>
      <c r="S8529">
        <v>6157</v>
      </c>
    </row>
    <row r="8530" spans="1:19" x14ac:dyDescent="0.25">
      <c r="A8530">
        <v>6474940</v>
      </c>
      <c r="B8530" t="s">
        <v>43729</v>
      </c>
      <c r="C8530" s="1" t="s">
        <v>43730</v>
      </c>
      <c r="D8530">
        <v>6476009</v>
      </c>
      <c r="E8530">
        <v>2</v>
      </c>
      <c r="F8530">
        <v>0</v>
      </c>
      <c r="H8530" t="s">
        <v>43731</v>
      </c>
      <c r="J8530" t="s">
        <v>43732</v>
      </c>
      <c r="O8530">
        <v>159179</v>
      </c>
      <c r="P8530">
        <v>1</v>
      </c>
      <c r="Q8530">
        <v>2</v>
      </c>
      <c r="R8530" t="s">
        <v>43733</v>
      </c>
      <c r="S8530">
        <v>1821</v>
      </c>
    </row>
    <row r="8531" spans="1:19" x14ac:dyDescent="0.25">
      <c r="A8531">
        <v>46183961</v>
      </c>
      <c r="B8531" t="s">
        <v>43734</v>
      </c>
      <c r="C8531" s="1" t="s">
        <v>43735</v>
      </c>
      <c r="D8531">
        <v>46184211</v>
      </c>
      <c r="E8531">
        <v>1</v>
      </c>
      <c r="F8531">
        <v>1</v>
      </c>
      <c r="H8531" t="s">
        <v>43736</v>
      </c>
      <c r="J8531" t="s">
        <v>43737</v>
      </c>
      <c r="O8531">
        <v>8076933</v>
      </c>
      <c r="P8531">
        <v>1</v>
      </c>
      <c r="Q8531">
        <v>0</v>
      </c>
      <c r="R8531" t="s">
        <v>43738</v>
      </c>
      <c r="S8531">
        <v>312</v>
      </c>
    </row>
    <row r="8532" spans="1:19" x14ac:dyDescent="0.25">
      <c r="A8532">
        <v>3370020</v>
      </c>
      <c r="B8532" t="s">
        <v>43739</v>
      </c>
      <c r="C8532" s="1" t="s">
        <v>43740</v>
      </c>
      <c r="E8532">
        <v>1</v>
      </c>
      <c r="F8532">
        <v>0</v>
      </c>
      <c r="H8532" t="s">
        <v>43741</v>
      </c>
      <c r="J8532" t="s">
        <v>43742</v>
      </c>
      <c r="O8532">
        <v>406526</v>
      </c>
      <c r="P8532">
        <v>1</v>
      </c>
      <c r="Q8532">
        <v>0</v>
      </c>
      <c r="R8532" t="s">
        <v>43743</v>
      </c>
      <c r="S8532">
        <v>1867</v>
      </c>
    </row>
    <row r="8533" spans="1:19" x14ac:dyDescent="0.25">
      <c r="A8533">
        <v>48983911</v>
      </c>
      <c r="B8533" t="s">
        <v>43744</v>
      </c>
      <c r="C8533" s="1" t="s">
        <v>43745</v>
      </c>
      <c r="E8533">
        <v>1</v>
      </c>
      <c r="F8533">
        <v>0</v>
      </c>
      <c r="H8533" t="s">
        <v>43746</v>
      </c>
      <c r="J8533" t="s">
        <v>43747</v>
      </c>
      <c r="O8533">
        <v>1821658</v>
      </c>
      <c r="P8533">
        <v>1</v>
      </c>
      <c r="Q8533">
        <v>0</v>
      </c>
      <c r="R8533" t="s">
        <v>43748</v>
      </c>
      <c r="S8533">
        <v>19</v>
      </c>
    </row>
    <row r="8534" spans="1:19" x14ac:dyDescent="0.25">
      <c r="A8534">
        <v>14637370</v>
      </c>
      <c r="B8534" t="s">
        <v>43749</v>
      </c>
      <c r="C8534" s="1" t="s">
        <v>43750</v>
      </c>
      <c r="D8534">
        <v>14637404</v>
      </c>
      <c r="E8534">
        <v>3</v>
      </c>
      <c r="F8534">
        <v>2</v>
      </c>
      <c r="H8534" t="s">
        <v>43751</v>
      </c>
      <c r="J8534" t="s">
        <v>43752</v>
      </c>
      <c r="K8534" t="s">
        <v>43753</v>
      </c>
      <c r="M8534">
        <v>624551</v>
      </c>
      <c r="O8534">
        <v>1906587</v>
      </c>
      <c r="P8534">
        <v>1</v>
      </c>
      <c r="Q8534">
        <v>0</v>
      </c>
      <c r="R8534" t="s">
        <v>43754</v>
      </c>
      <c r="S8534">
        <v>100</v>
      </c>
    </row>
    <row r="8535" spans="1:19" x14ac:dyDescent="0.25">
      <c r="A8535">
        <v>21475572</v>
      </c>
      <c r="B8535" t="s">
        <v>43755</v>
      </c>
      <c r="C8535" s="1" t="s">
        <v>43756</v>
      </c>
      <c r="E8535">
        <v>3</v>
      </c>
      <c r="F8535">
        <v>6</v>
      </c>
      <c r="H8535" t="s">
        <v>43757</v>
      </c>
      <c r="J8535" t="s">
        <v>43758</v>
      </c>
      <c r="K8535" t="s">
        <v>43758</v>
      </c>
      <c r="M8535">
        <v>263525</v>
      </c>
      <c r="O8535">
        <v>3256457</v>
      </c>
      <c r="P8535">
        <v>1</v>
      </c>
      <c r="Q8535">
        <v>2</v>
      </c>
      <c r="R8535" t="s">
        <v>43759</v>
      </c>
      <c r="S8535">
        <v>130</v>
      </c>
    </row>
    <row r="8536" spans="1:19" x14ac:dyDescent="0.25">
      <c r="A8536">
        <v>25539542</v>
      </c>
      <c r="B8536" t="s">
        <v>43760</v>
      </c>
      <c r="C8536" s="1" t="s">
        <v>43761</v>
      </c>
      <c r="D8536">
        <v>25539574</v>
      </c>
      <c r="E8536">
        <v>1</v>
      </c>
      <c r="F8536">
        <v>0</v>
      </c>
      <c r="H8536" t="s">
        <v>43762</v>
      </c>
      <c r="I8536">
        <v>1</v>
      </c>
      <c r="J8536" t="s">
        <v>43763</v>
      </c>
      <c r="K8536" t="s">
        <v>43763</v>
      </c>
      <c r="M8536">
        <v>3796756</v>
      </c>
      <c r="O8536">
        <v>3796756</v>
      </c>
      <c r="P8536">
        <v>1</v>
      </c>
      <c r="Q8536">
        <v>2</v>
      </c>
      <c r="R8536" t="s">
        <v>43764</v>
      </c>
      <c r="S8536">
        <v>2593</v>
      </c>
    </row>
    <row r="8537" spans="1:19" x14ac:dyDescent="0.25">
      <c r="A8537">
        <v>50858250</v>
      </c>
      <c r="B8537" t="s">
        <v>43765</v>
      </c>
      <c r="C8537" s="1" t="s">
        <v>43766</v>
      </c>
      <c r="E8537">
        <v>0</v>
      </c>
      <c r="F8537">
        <v>1</v>
      </c>
      <c r="H8537" t="s">
        <v>43767</v>
      </c>
      <c r="I8537">
        <v>1</v>
      </c>
      <c r="J8537" t="s">
        <v>43768</v>
      </c>
      <c r="K8537" t="s">
        <v>43768</v>
      </c>
      <c r="M8537">
        <v>4618308</v>
      </c>
      <c r="O8537">
        <v>9914548</v>
      </c>
      <c r="P8537">
        <v>1</v>
      </c>
      <c r="Q8537">
        <v>0</v>
      </c>
      <c r="R8537" t="s">
        <v>43769</v>
      </c>
      <c r="S8537">
        <v>74</v>
      </c>
    </row>
    <row r="8538" spans="1:19" x14ac:dyDescent="0.25">
      <c r="A8538">
        <v>12635236</v>
      </c>
      <c r="B8538" t="s">
        <v>43770</v>
      </c>
      <c r="C8538" s="1" t="s">
        <v>43771</v>
      </c>
      <c r="E8538">
        <v>1</v>
      </c>
      <c r="F8538">
        <v>0</v>
      </c>
      <c r="H8538" t="s">
        <v>43772</v>
      </c>
      <c r="J8538" t="s">
        <v>43773</v>
      </c>
      <c r="K8538" t="s">
        <v>43774</v>
      </c>
      <c r="M8538">
        <v>2032500</v>
      </c>
      <c r="O8538">
        <v>1705486</v>
      </c>
      <c r="P8538">
        <v>1</v>
      </c>
      <c r="Q8538">
        <v>0</v>
      </c>
      <c r="R8538" t="s">
        <v>43775</v>
      </c>
      <c r="S8538">
        <v>262</v>
      </c>
    </row>
    <row r="8539" spans="1:19" x14ac:dyDescent="0.25">
      <c r="A8539">
        <v>53012396</v>
      </c>
      <c r="B8539" t="s">
        <v>43776</v>
      </c>
      <c r="C8539" s="1" t="s">
        <v>43777</v>
      </c>
      <c r="D8539">
        <v>53013481</v>
      </c>
      <c r="E8539">
        <v>1</v>
      </c>
      <c r="F8539">
        <v>2</v>
      </c>
      <c r="H8539" t="s">
        <v>43778</v>
      </c>
      <c r="J8539" t="s">
        <v>43779</v>
      </c>
      <c r="O8539">
        <v>98814</v>
      </c>
      <c r="P8539">
        <v>1</v>
      </c>
      <c r="Q8539">
        <v>1</v>
      </c>
      <c r="R8539" t="s">
        <v>43780</v>
      </c>
      <c r="S8539">
        <v>45</v>
      </c>
    </row>
    <row r="8540" spans="1:19" x14ac:dyDescent="0.25">
      <c r="A8540">
        <v>43988365</v>
      </c>
      <c r="B8540" t="s">
        <v>43781</v>
      </c>
      <c r="C8540" s="1" t="s">
        <v>43782</v>
      </c>
      <c r="D8540">
        <v>44010512</v>
      </c>
      <c r="E8540">
        <v>1</v>
      </c>
      <c r="F8540">
        <v>3</v>
      </c>
      <c r="H8540" t="s">
        <v>43783</v>
      </c>
      <c r="J8540" t="s">
        <v>43784</v>
      </c>
      <c r="O8540">
        <v>3861609</v>
      </c>
      <c r="P8540">
        <v>1</v>
      </c>
      <c r="Q8540">
        <v>0</v>
      </c>
      <c r="R8540" t="s">
        <v>43785</v>
      </c>
      <c r="S8540">
        <v>51</v>
      </c>
    </row>
    <row r="8541" spans="1:19" x14ac:dyDescent="0.25">
      <c r="A8541">
        <v>50173471</v>
      </c>
      <c r="B8541" t="s">
        <v>43786</v>
      </c>
      <c r="C8541" s="1" t="s">
        <v>43787</v>
      </c>
      <c r="E8541">
        <v>1</v>
      </c>
      <c r="F8541">
        <v>4</v>
      </c>
      <c r="H8541" t="s">
        <v>43788</v>
      </c>
      <c r="J8541" t="s">
        <v>43789</v>
      </c>
      <c r="K8541" t="s">
        <v>43790</v>
      </c>
      <c r="M8541">
        <v>180740</v>
      </c>
      <c r="O8541">
        <v>9515720</v>
      </c>
      <c r="P8541">
        <v>1</v>
      </c>
      <c r="Q8541">
        <v>-1</v>
      </c>
      <c r="R8541" t="s">
        <v>43791</v>
      </c>
      <c r="S8541">
        <v>82</v>
      </c>
    </row>
    <row r="8542" spans="1:19" x14ac:dyDescent="0.25">
      <c r="A8542">
        <v>45341289</v>
      </c>
      <c r="B8542" t="s">
        <v>43792</v>
      </c>
      <c r="C8542" s="1" t="s">
        <v>43793</v>
      </c>
      <c r="D8542">
        <v>45341354</v>
      </c>
      <c r="E8542">
        <v>2</v>
      </c>
      <c r="F8542">
        <v>0</v>
      </c>
      <c r="H8542" t="s">
        <v>43794</v>
      </c>
      <c r="J8542" t="s">
        <v>43795</v>
      </c>
      <c r="K8542" t="s">
        <v>43796</v>
      </c>
      <c r="M8542">
        <v>7514635</v>
      </c>
      <c r="O8542">
        <v>5913703</v>
      </c>
      <c r="P8542">
        <v>1</v>
      </c>
      <c r="Q8542">
        <v>1</v>
      </c>
      <c r="R8542" t="s">
        <v>43797</v>
      </c>
      <c r="S8542">
        <v>448</v>
      </c>
    </row>
    <row r="8543" spans="1:19" x14ac:dyDescent="0.25">
      <c r="A8543">
        <v>936569</v>
      </c>
      <c r="B8543" t="s">
        <v>43798</v>
      </c>
      <c r="C8543" s="1" t="s">
        <v>43799</v>
      </c>
      <c r="D8543">
        <v>936632</v>
      </c>
      <c r="E8543">
        <v>7</v>
      </c>
      <c r="F8543">
        <v>1</v>
      </c>
      <c r="H8543" t="s">
        <v>43800</v>
      </c>
      <c r="I8543">
        <v>1</v>
      </c>
      <c r="J8543" t="s">
        <v>43801</v>
      </c>
      <c r="K8543" t="s">
        <v>43802</v>
      </c>
      <c r="M8543">
        <v>102401</v>
      </c>
      <c r="O8543">
        <v>102401</v>
      </c>
      <c r="P8543">
        <v>1</v>
      </c>
      <c r="Q8543">
        <v>11</v>
      </c>
      <c r="R8543" t="s">
        <v>43803</v>
      </c>
      <c r="S8543">
        <v>6170</v>
      </c>
    </row>
    <row r="8544" spans="1:19" x14ac:dyDescent="0.25">
      <c r="A8544">
        <v>4918338</v>
      </c>
      <c r="B8544" t="s">
        <v>43804</v>
      </c>
      <c r="C8544" s="1" t="s">
        <v>43805</v>
      </c>
      <c r="D8544">
        <v>4986927</v>
      </c>
      <c r="E8544">
        <v>1</v>
      </c>
      <c r="F8544">
        <v>2</v>
      </c>
      <c r="H8544" t="s">
        <v>43806</v>
      </c>
      <c r="I8544">
        <v>2</v>
      </c>
      <c r="J8544" t="s">
        <v>43807</v>
      </c>
      <c r="K8544" t="s">
        <v>43808</v>
      </c>
      <c r="M8544">
        <v>17315</v>
      </c>
      <c r="O8544">
        <v>17315</v>
      </c>
      <c r="P8544">
        <v>1</v>
      </c>
      <c r="Q8544">
        <v>1</v>
      </c>
      <c r="R8544" t="s">
        <v>43809</v>
      </c>
      <c r="S8544">
        <v>6037</v>
      </c>
    </row>
    <row r="8545" spans="1:19" x14ac:dyDescent="0.25">
      <c r="A8545">
        <v>45667079</v>
      </c>
      <c r="B8545" t="s">
        <v>43810</v>
      </c>
      <c r="C8545" s="1" t="s">
        <v>43811</v>
      </c>
      <c r="D8545">
        <v>45667261</v>
      </c>
      <c r="E8545">
        <v>1</v>
      </c>
      <c r="F8545">
        <v>0</v>
      </c>
      <c r="H8545" t="s">
        <v>43812</v>
      </c>
      <c r="J8545" t="s">
        <v>43813</v>
      </c>
      <c r="O8545">
        <v>1384715</v>
      </c>
      <c r="P8545">
        <v>1</v>
      </c>
      <c r="Q8545">
        <v>1</v>
      </c>
      <c r="R8545" t="s">
        <v>43814</v>
      </c>
      <c r="S8545">
        <v>148</v>
      </c>
    </row>
    <row r="8546" spans="1:19" x14ac:dyDescent="0.25">
      <c r="A8546">
        <v>36435575</v>
      </c>
      <c r="B8546" t="s">
        <v>43815</v>
      </c>
      <c r="C8546" s="1" t="s">
        <v>43816</v>
      </c>
      <c r="D8546">
        <v>36511549</v>
      </c>
      <c r="E8546">
        <v>1</v>
      </c>
      <c r="F8546">
        <v>0</v>
      </c>
      <c r="H8546" t="s">
        <v>43817</v>
      </c>
      <c r="I8546">
        <v>1</v>
      </c>
      <c r="J8546" t="s">
        <v>43818</v>
      </c>
      <c r="O8546">
        <v>219777</v>
      </c>
      <c r="P8546">
        <v>1</v>
      </c>
      <c r="Q8546">
        <v>8</v>
      </c>
      <c r="R8546" t="s">
        <v>43819</v>
      </c>
      <c r="S8546">
        <v>2853</v>
      </c>
    </row>
    <row r="8547" spans="1:19" x14ac:dyDescent="0.25">
      <c r="A8547">
        <v>17041895</v>
      </c>
      <c r="B8547" t="s">
        <v>43820</v>
      </c>
      <c r="C8547" s="1" t="s">
        <v>43821</v>
      </c>
      <c r="D8547">
        <v>17048269</v>
      </c>
      <c r="E8547">
        <v>2</v>
      </c>
      <c r="F8547">
        <v>0</v>
      </c>
      <c r="H8547" t="s">
        <v>43822</v>
      </c>
      <c r="I8547">
        <v>2</v>
      </c>
      <c r="J8547" t="s">
        <v>43823</v>
      </c>
      <c r="K8547" t="s">
        <v>43824</v>
      </c>
      <c r="M8547">
        <v>1598745</v>
      </c>
      <c r="O8547">
        <v>1598745</v>
      </c>
      <c r="P8547">
        <v>1</v>
      </c>
      <c r="Q8547">
        <v>1</v>
      </c>
      <c r="R8547" t="s">
        <v>43825</v>
      </c>
      <c r="S8547">
        <v>8975</v>
      </c>
    </row>
    <row r="8548" spans="1:19" x14ac:dyDescent="0.25">
      <c r="A8548">
        <v>41444263</v>
      </c>
      <c r="B8548" t="s">
        <v>43826</v>
      </c>
      <c r="C8548" s="1" t="s">
        <v>43827</v>
      </c>
      <c r="E8548">
        <v>1</v>
      </c>
      <c r="F8548">
        <v>5</v>
      </c>
      <c r="H8548" t="s">
        <v>43828</v>
      </c>
      <c r="J8548" t="s">
        <v>43829</v>
      </c>
      <c r="K8548" t="s">
        <v>43830</v>
      </c>
      <c r="M8548">
        <v>2476257</v>
      </c>
      <c r="O8548">
        <v>2476257</v>
      </c>
      <c r="P8548">
        <v>1</v>
      </c>
      <c r="Q8548">
        <v>2</v>
      </c>
      <c r="R8548" t="s">
        <v>43831</v>
      </c>
      <c r="S8548">
        <v>658</v>
      </c>
    </row>
    <row r="8549" spans="1:19" x14ac:dyDescent="0.25">
      <c r="A8549">
        <v>29983353</v>
      </c>
      <c r="B8549" t="s">
        <v>43832</v>
      </c>
      <c r="C8549" s="1" t="s">
        <v>43833</v>
      </c>
      <c r="E8549">
        <v>1</v>
      </c>
      <c r="F8549">
        <v>0</v>
      </c>
      <c r="H8549" t="s">
        <v>43834</v>
      </c>
      <c r="J8549" t="s">
        <v>43835</v>
      </c>
      <c r="O8549">
        <v>3302708</v>
      </c>
      <c r="P8549">
        <v>1</v>
      </c>
      <c r="Q8549">
        <v>0</v>
      </c>
      <c r="R8549" t="s">
        <v>43836</v>
      </c>
      <c r="S8549">
        <v>516</v>
      </c>
    </row>
    <row r="8550" spans="1:19" x14ac:dyDescent="0.25">
      <c r="A8550">
        <v>17785791</v>
      </c>
      <c r="B8550" t="s">
        <v>43837</v>
      </c>
      <c r="C8550" s="1" t="s">
        <v>43838</v>
      </c>
      <c r="D8550">
        <v>17787950</v>
      </c>
      <c r="E8550">
        <v>1</v>
      </c>
      <c r="F8550">
        <v>7</v>
      </c>
      <c r="H8550" t="s">
        <v>43839</v>
      </c>
      <c r="I8550">
        <v>1</v>
      </c>
      <c r="J8550" t="s">
        <v>43840</v>
      </c>
      <c r="K8550" t="s">
        <v>43841</v>
      </c>
      <c r="M8550">
        <v>130886</v>
      </c>
      <c r="O8550">
        <v>130886</v>
      </c>
      <c r="P8550">
        <v>1</v>
      </c>
      <c r="Q8550">
        <v>3</v>
      </c>
      <c r="R8550" t="s">
        <v>43842</v>
      </c>
      <c r="S8550">
        <v>2066</v>
      </c>
    </row>
    <row r="8551" spans="1:19" x14ac:dyDescent="0.25">
      <c r="A8551">
        <v>47753512</v>
      </c>
      <c r="B8551" t="s">
        <v>43843</v>
      </c>
      <c r="C8551" s="1" t="s">
        <v>43844</v>
      </c>
      <c r="E8551">
        <v>0</v>
      </c>
      <c r="F8551">
        <v>0</v>
      </c>
      <c r="H8551" t="s">
        <v>43845</v>
      </c>
      <c r="J8551" t="s">
        <v>43846</v>
      </c>
      <c r="K8551" t="s">
        <v>43846</v>
      </c>
      <c r="M8551">
        <v>3276347</v>
      </c>
      <c r="O8551">
        <v>9083788</v>
      </c>
      <c r="P8551">
        <v>1</v>
      </c>
      <c r="Q8551">
        <v>0</v>
      </c>
      <c r="R8551" t="s">
        <v>43847</v>
      </c>
      <c r="S8551">
        <v>27</v>
      </c>
    </row>
    <row r="8552" spans="1:19" x14ac:dyDescent="0.25">
      <c r="A8552">
        <v>16587957</v>
      </c>
      <c r="B8552" t="s">
        <v>43848</v>
      </c>
      <c r="C8552" s="1" t="s">
        <v>43849</v>
      </c>
      <c r="D8552">
        <v>16591020</v>
      </c>
      <c r="E8552">
        <v>1</v>
      </c>
      <c r="F8552">
        <v>2</v>
      </c>
      <c r="H8552" t="s">
        <v>43850</v>
      </c>
      <c r="J8552" t="s">
        <v>43851</v>
      </c>
      <c r="O8552">
        <v>1055015</v>
      </c>
      <c r="P8552">
        <v>1</v>
      </c>
      <c r="Q8552">
        <v>1</v>
      </c>
      <c r="R8552" t="s">
        <v>43852</v>
      </c>
      <c r="S8552">
        <v>2630</v>
      </c>
    </row>
    <row r="8553" spans="1:19" x14ac:dyDescent="0.25">
      <c r="A8553">
        <v>49762633</v>
      </c>
      <c r="B8553" t="s">
        <v>43853</v>
      </c>
      <c r="C8553" s="1" t="s">
        <v>43854</v>
      </c>
      <c r="E8553">
        <v>1</v>
      </c>
      <c r="F8553">
        <v>0</v>
      </c>
      <c r="H8553" t="s">
        <v>43855</v>
      </c>
      <c r="J8553" t="s">
        <v>43856</v>
      </c>
      <c r="K8553" t="s">
        <v>43857</v>
      </c>
      <c r="M8553">
        <v>5318223</v>
      </c>
      <c r="O8553">
        <v>9627186</v>
      </c>
      <c r="P8553">
        <v>1</v>
      </c>
      <c r="Q8553">
        <v>0</v>
      </c>
      <c r="R8553" t="s">
        <v>43858</v>
      </c>
      <c r="S8553">
        <v>183</v>
      </c>
    </row>
    <row r="8554" spans="1:19" x14ac:dyDescent="0.25">
      <c r="A8554">
        <v>33581080</v>
      </c>
      <c r="B8554" t="s">
        <v>43859</v>
      </c>
      <c r="C8554" t="s">
        <v>43860</v>
      </c>
      <c r="D8554">
        <v>33889609</v>
      </c>
      <c r="E8554">
        <v>1</v>
      </c>
      <c r="F8554">
        <v>0</v>
      </c>
      <c r="H8554" t="s">
        <v>43861</v>
      </c>
      <c r="J8554" t="s">
        <v>43862</v>
      </c>
      <c r="K8554" t="s">
        <v>43863</v>
      </c>
      <c r="M8554">
        <v>1552737</v>
      </c>
      <c r="O8554">
        <v>3833111</v>
      </c>
      <c r="P8554">
        <v>1</v>
      </c>
      <c r="Q8554">
        <v>0</v>
      </c>
      <c r="R8554" t="s">
        <v>43864</v>
      </c>
      <c r="S8554">
        <v>471</v>
      </c>
    </row>
    <row r="8555" spans="1:19" x14ac:dyDescent="0.25">
      <c r="A8555">
        <v>16313936</v>
      </c>
      <c r="B8555" t="s">
        <v>43865</v>
      </c>
      <c r="C8555" s="1" t="s">
        <v>43866</v>
      </c>
      <c r="D8555">
        <v>16326492</v>
      </c>
      <c r="E8555">
        <v>1</v>
      </c>
      <c r="F8555">
        <v>3</v>
      </c>
      <c r="H8555" t="s">
        <v>43867</v>
      </c>
      <c r="J8555" t="s">
        <v>43868</v>
      </c>
      <c r="K8555" t="s">
        <v>43869</v>
      </c>
      <c r="M8555">
        <v>2333467</v>
      </c>
      <c r="O8555">
        <v>2333467</v>
      </c>
      <c r="P8555">
        <v>1</v>
      </c>
      <c r="Q8555">
        <v>1</v>
      </c>
      <c r="R8555" t="s">
        <v>43870</v>
      </c>
      <c r="S8555">
        <v>935</v>
      </c>
    </row>
    <row r="8556" spans="1:19" x14ac:dyDescent="0.25">
      <c r="A8556">
        <v>37868739</v>
      </c>
      <c r="B8556" t="s">
        <v>43871</v>
      </c>
      <c r="C8556" s="1" t="s">
        <v>43872</v>
      </c>
      <c r="D8556">
        <v>41047462</v>
      </c>
      <c r="E8556">
        <v>1</v>
      </c>
      <c r="F8556">
        <v>2</v>
      </c>
      <c r="H8556" t="s">
        <v>43873</v>
      </c>
      <c r="I8556">
        <v>1</v>
      </c>
      <c r="J8556" t="s">
        <v>43874</v>
      </c>
      <c r="O8556">
        <v>4425225</v>
      </c>
      <c r="P8556">
        <v>1</v>
      </c>
      <c r="Q8556">
        <v>3</v>
      </c>
      <c r="R8556" t="s">
        <v>43875</v>
      </c>
      <c r="S8556">
        <v>398</v>
      </c>
    </row>
    <row r="8557" spans="1:19" x14ac:dyDescent="0.25">
      <c r="A8557">
        <v>25126856</v>
      </c>
      <c r="B8557" t="s">
        <v>43876</v>
      </c>
      <c r="C8557" s="1" t="s">
        <v>43877</v>
      </c>
      <c r="D8557">
        <v>25126914</v>
      </c>
      <c r="E8557">
        <v>1</v>
      </c>
      <c r="F8557">
        <v>0</v>
      </c>
      <c r="H8557" t="s">
        <v>43878</v>
      </c>
      <c r="J8557" t="s">
        <v>43879</v>
      </c>
      <c r="O8557">
        <v>506784</v>
      </c>
      <c r="P8557">
        <v>1</v>
      </c>
      <c r="Q8557">
        <v>0</v>
      </c>
      <c r="R8557" t="s">
        <v>43880</v>
      </c>
      <c r="S8557">
        <v>261</v>
      </c>
    </row>
    <row r="8558" spans="1:19" x14ac:dyDescent="0.25">
      <c r="A8558">
        <v>13729559</v>
      </c>
      <c r="B8558" t="s">
        <v>43881</v>
      </c>
      <c r="C8558" s="1" t="s">
        <v>43882</v>
      </c>
      <c r="D8558">
        <v>13729585</v>
      </c>
      <c r="E8558">
        <v>4</v>
      </c>
      <c r="F8558">
        <v>0</v>
      </c>
      <c r="H8558" t="s">
        <v>43883</v>
      </c>
      <c r="I8558">
        <v>0</v>
      </c>
      <c r="J8558" t="s">
        <v>43884</v>
      </c>
      <c r="O8558">
        <v>365298</v>
      </c>
      <c r="P8558">
        <v>1</v>
      </c>
      <c r="Q8558">
        <v>5</v>
      </c>
      <c r="R8558" t="s">
        <v>748</v>
      </c>
      <c r="S8558">
        <v>754</v>
      </c>
    </row>
    <row r="8559" spans="1:19" x14ac:dyDescent="0.25">
      <c r="A8559">
        <v>28456091</v>
      </c>
      <c r="B8559" t="s">
        <v>43885</v>
      </c>
      <c r="C8559" s="1" t="s">
        <v>43886</v>
      </c>
      <c r="D8559">
        <v>28456157</v>
      </c>
      <c r="E8559">
        <v>2</v>
      </c>
      <c r="F8559">
        <v>1</v>
      </c>
      <c r="H8559" t="s">
        <v>43887</v>
      </c>
      <c r="J8559" t="s">
        <v>43888</v>
      </c>
      <c r="O8559">
        <v>1037617</v>
      </c>
      <c r="P8559">
        <v>1</v>
      </c>
      <c r="Q8559">
        <v>-1</v>
      </c>
      <c r="R8559" t="s">
        <v>43889</v>
      </c>
      <c r="S8559">
        <v>493</v>
      </c>
    </row>
    <row r="8560" spans="1:19" x14ac:dyDescent="0.25">
      <c r="A8560">
        <v>48147068</v>
      </c>
      <c r="B8560" t="s">
        <v>43890</v>
      </c>
      <c r="C8560" s="1" t="s">
        <v>43891</v>
      </c>
      <c r="D8560">
        <v>48147939</v>
      </c>
      <c r="E8560">
        <v>1</v>
      </c>
      <c r="F8560">
        <v>2</v>
      </c>
      <c r="H8560" t="s">
        <v>43892</v>
      </c>
      <c r="I8560">
        <v>0</v>
      </c>
      <c r="J8560" t="s">
        <v>43893</v>
      </c>
      <c r="O8560">
        <v>5776597</v>
      </c>
      <c r="P8560">
        <v>1</v>
      </c>
      <c r="Q8560">
        <v>4</v>
      </c>
      <c r="R8560" t="s">
        <v>43894</v>
      </c>
      <c r="S8560">
        <v>508</v>
      </c>
    </row>
    <row r="8561" spans="1:19" x14ac:dyDescent="0.25">
      <c r="A8561">
        <v>40193326</v>
      </c>
      <c r="B8561" t="s">
        <v>43895</v>
      </c>
      <c r="C8561" s="1" t="s">
        <v>43896</v>
      </c>
      <c r="E8561">
        <v>0</v>
      </c>
      <c r="F8561">
        <v>9</v>
      </c>
      <c r="H8561" t="s">
        <v>43897</v>
      </c>
      <c r="J8561" t="s">
        <v>43898</v>
      </c>
      <c r="K8561" t="s">
        <v>43898</v>
      </c>
      <c r="M8561">
        <v>322909</v>
      </c>
      <c r="O8561">
        <v>3732480</v>
      </c>
      <c r="P8561">
        <v>1</v>
      </c>
      <c r="Q8561">
        <v>0</v>
      </c>
      <c r="R8561" t="s">
        <v>43899</v>
      </c>
      <c r="S8561">
        <v>279</v>
      </c>
    </row>
    <row r="8562" spans="1:19" x14ac:dyDescent="0.25">
      <c r="A8562">
        <v>31727532</v>
      </c>
      <c r="B8562" t="s">
        <v>43900</v>
      </c>
      <c r="C8562" s="1" t="s">
        <v>43901</v>
      </c>
      <c r="D8562">
        <v>31727653</v>
      </c>
      <c r="E8562">
        <v>1</v>
      </c>
      <c r="F8562">
        <v>0</v>
      </c>
      <c r="H8562" t="s">
        <v>43902</v>
      </c>
      <c r="I8562">
        <v>0</v>
      </c>
      <c r="J8562" t="s">
        <v>43903</v>
      </c>
      <c r="K8562" t="s">
        <v>43904</v>
      </c>
      <c r="M8562">
        <v>3429954</v>
      </c>
      <c r="O8562">
        <v>3429954</v>
      </c>
      <c r="P8562">
        <v>1</v>
      </c>
      <c r="Q8562">
        <v>0</v>
      </c>
      <c r="R8562" t="s">
        <v>43905</v>
      </c>
      <c r="S8562">
        <v>792</v>
      </c>
    </row>
    <row r="8563" spans="1:19" x14ac:dyDescent="0.25">
      <c r="A8563">
        <v>10453291</v>
      </c>
      <c r="B8563" t="s">
        <v>43906</v>
      </c>
      <c r="C8563" s="1" t="s">
        <v>43907</v>
      </c>
      <c r="D8563">
        <v>10509361</v>
      </c>
      <c r="E8563">
        <v>1</v>
      </c>
      <c r="F8563">
        <v>6</v>
      </c>
      <c r="H8563" t="s">
        <v>43908</v>
      </c>
      <c r="I8563">
        <v>3</v>
      </c>
      <c r="J8563" t="s">
        <v>43909</v>
      </c>
      <c r="K8563" t="s">
        <v>43910</v>
      </c>
      <c r="M8563">
        <v>565191</v>
      </c>
      <c r="O8563">
        <v>565191</v>
      </c>
      <c r="P8563">
        <v>1</v>
      </c>
      <c r="Q8563">
        <v>7</v>
      </c>
      <c r="R8563" t="s">
        <v>7041</v>
      </c>
      <c r="S8563">
        <v>3916</v>
      </c>
    </row>
    <row r="8564" spans="1:19" x14ac:dyDescent="0.25">
      <c r="A8564">
        <v>12420779</v>
      </c>
      <c r="B8564" t="s">
        <v>43911</v>
      </c>
      <c r="C8564" t="s">
        <v>43912</v>
      </c>
      <c r="D8564">
        <v>12420936</v>
      </c>
      <c r="E8564">
        <v>5</v>
      </c>
      <c r="F8564">
        <v>0</v>
      </c>
      <c r="H8564" t="s">
        <v>43913</v>
      </c>
      <c r="J8564" t="s">
        <v>43914</v>
      </c>
      <c r="O8564">
        <v>164171</v>
      </c>
      <c r="P8564">
        <v>1</v>
      </c>
      <c r="Q8564">
        <v>7</v>
      </c>
      <c r="R8564" t="s">
        <v>43915</v>
      </c>
      <c r="S8564">
        <v>4704</v>
      </c>
    </row>
    <row r="8565" spans="1:19" x14ac:dyDescent="0.25">
      <c r="A8565">
        <v>22277969</v>
      </c>
      <c r="B8565" t="s">
        <v>43916</v>
      </c>
      <c r="C8565" s="1" t="s">
        <v>43917</v>
      </c>
      <c r="D8565">
        <v>22278028</v>
      </c>
      <c r="E8565">
        <v>2</v>
      </c>
      <c r="F8565">
        <v>1</v>
      </c>
      <c r="H8565" t="s">
        <v>43918</v>
      </c>
      <c r="J8565" t="s">
        <v>43919</v>
      </c>
      <c r="K8565" t="s">
        <v>43919</v>
      </c>
      <c r="M8565">
        <v>759866</v>
      </c>
      <c r="O8565">
        <v>3044101</v>
      </c>
      <c r="P8565">
        <v>1</v>
      </c>
      <c r="Q8565">
        <v>2</v>
      </c>
      <c r="R8565" t="s">
        <v>43920</v>
      </c>
      <c r="S8565">
        <v>2658</v>
      </c>
    </row>
    <row r="8566" spans="1:19" x14ac:dyDescent="0.25">
      <c r="A8566">
        <v>28587071</v>
      </c>
      <c r="B8566" t="s">
        <v>43921</v>
      </c>
      <c r="C8566" s="1" t="s">
        <v>43922</v>
      </c>
      <c r="D8566">
        <v>28587176</v>
      </c>
      <c r="E8566">
        <v>1</v>
      </c>
      <c r="F8566">
        <v>0</v>
      </c>
      <c r="H8566" t="s">
        <v>43923</v>
      </c>
      <c r="J8566" t="s">
        <v>43924</v>
      </c>
      <c r="O8566">
        <v>1827295</v>
      </c>
      <c r="P8566">
        <v>1</v>
      </c>
      <c r="Q8566">
        <v>0</v>
      </c>
      <c r="R8566" t="s">
        <v>43925</v>
      </c>
      <c r="S8566">
        <v>371</v>
      </c>
    </row>
    <row r="8567" spans="1:19" x14ac:dyDescent="0.25">
      <c r="A8567">
        <v>25604595</v>
      </c>
      <c r="B8567" t="s">
        <v>43926</v>
      </c>
      <c r="C8567" s="1" t="s">
        <v>43927</v>
      </c>
      <c r="D8567">
        <v>25606061</v>
      </c>
      <c r="E8567">
        <v>1</v>
      </c>
      <c r="F8567">
        <v>0</v>
      </c>
      <c r="H8567" t="s">
        <v>43928</v>
      </c>
      <c r="I8567">
        <v>0</v>
      </c>
      <c r="J8567" t="s">
        <v>43929</v>
      </c>
      <c r="K8567" t="s">
        <v>43930</v>
      </c>
      <c r="M8567">
        <v>462627</v>
      </c>
      <c r="O8567">
        <v>3996658</v>
      </c>
      <c r="P8567">
        <v>1</v>
      </c>
      <c r="Q8567">
        <v>0</v>
      </c>
      <c r="R8567" t="s">
        <v>13993</v>
      </c>
      <c r="S8567">
        <v>116</v>
      </c>
    </row>
    <row r="8568" spans="1:19" x14ac:dyDescent="0.25">
      <c r="A8568">
        <v>10441721</v>
      </c>
      <c r="B8568" t="s">
        <v>43931</v>
      </c>
      <c r="C8568" s="1" t="s">
        <v>43932</v>
      </c>
      <c r="D8568">
        <v>10441760</v>
      </c>
      <c r="E8568">
        <v>2</v>
      </c>
      <c r="F8568">
        <v>1</v>
      </c>
      <c r="H8568" t="s">
        <v>43933</v>
      </c>
      <c r="I8568">
        <v>1</v>
      </c>
      <c r="J8568" t="s">
        <v>43934</v>
      </c>
      <c r="K8568" t="s">
        <v>43935</v>
      </c>
      <c r="M8568">
        <v>522663</v>
      </c>
      <c r="O8568">
        <v>253656</v>
      </c>
      <c r="P8568">
        <v>1</v>
      </c>
      <c r="Q8568">
        <v>6</v>
      </c>
      <c r="R8568" t="s">
        <v>20944</v>
      </c>
      <c r="S8568">
        <v>244</v>
      </c>
    </row>
    <row r="8569" spans="1:19" x14ac:dyDescent="0.25">
      <c r="A8569">
        <v>11640221</v>
      </c>
      <c r="B8569" t="s">
        <v>43936</v>
      </c>
      <c r="C8569" s="1" t="s">
        <v>43937</v>
      </c>
      <c r="D8569">
        <v>11640443</v>
      </c>
      <c r="E8569">
        <v>3</v>
      </c>
      <c r="F8569">
        <v>3</v>
      </c>
      <c r="H8569" t="s">
        <v>43938</v>
      </c>
      <c r="J8569" t="s">
        <v>43939</v>
      </c>
      <c r="O8569">
        <v>769917</v>
      </c>
      <c r="P8569">
        <v>1</v>
      </c>
      <c r="Q8569">
        <v>2</v>
      </c>
      <c r="R8569" t="s">
        <v>43940</v>
      </c>
      <c r="S8569">
        <v>2753</v>
      </c>
    </row>
    <row r="8570" spans="1:19" x14ac:dyDescent="0.25">
      <c r="A8570">
        <v>38504861</v>
      </c>
      <c r="B8570" t="s">
        <v>43941</v>
      </c>
      <c r="C8570" t="s">
        <v>43942</v>
      </c>
      <c r="E8570">
        <v>1</v>
      </c>
      <c r="F8570">
        <v>0</v>
      </c>
      <c r="H8570" t="s">
        <v>43943</v>
      </c>
      <c r="J8570" t="s">
        <v>43944</v>
      </c>
      <c r="O8570">
        <v>6349403</v>
      </c>
      <c r="P8570">
        <v>1</v>
      </c>
      <c r="Q8570">
        <v>1</v>
      </c>
      <c r="R8570" t="s">
        <v>43945</v>
      </c>
      <c r="S8570">
        <v>28</v>
      </c>
    </row>
    <row r="8571" spans="1:19" x14ac:dyDescent="0.25">
      <c r="A8571">
        <v>50706840</v>
      </c>
      <c r="B8571" t="s">
        <v>43946</v>
      </c>
      <c r="C8571" s="1" t="s">
        <v>43947</v>
      </c>
      <c r="E8571">
        <v>0</v>
      </c>
      <c r="F8571">
        <v>8</v>
      </c>
      <c r="H8571" t="s">
        <v>43948</v>
      </c>
      <c r="J8571" t="s">
        <v>43948</v>
      </c>
      <c r="O8571">
        <v>7393803</v>
      </c>
      <c r="P8571">
        <v>1</v>
      </c>
      <c r="Q8571">
        <v>1</v>
      </c>
      <c r="R8571" t="s">
        <v>43949</v>
      </c>
      <c r="S8571">
        <v>56</v>
      </c>
    </row>
    <row r="8572" spans="1:19" x14ac:dyDescent="0.25">
      <c r="A8572">
        <v>42011186</v>
      </c>
      <c r="B8572" t="s">
        <v>43950</v>
      </c>
      <c r="C8572" s="1" t="s">
        <v>43951</v>
      </c>
      <c r="E8572">
        <v>0</v>
      </c>
      <c r="F8572">
        <v>2</v>
      </c>
      <c r="H8572" t="s">
        <v>43952</v>
      </c>
      <c r="J8572" t="s">
        <v>43953</v>
      </c>
      <c r="K8572" t="s">
        <v>43953</v>
      </c>
      <c r="M8572">
        <v>2035354</v>
      </c>
      <c r="O8572">
        <v>7507765</v>
      </c>
      <c r="P8572">
        <v>1</v>
      </c>
      <c r="Q8572">
        <v>0</v>
      </c>
      <c r="R8572" t="s">
        <v>43954</v>
      </c>
      <c r="S8572">
        <v>63</v>
      </c>
    </row>
    <row r="8573" spans="1:19" x14ac:dyDescent="0.25">
      <c r="A8573">
        <v>34246169</v>
      </c>
      <c r="B8573" t="s">
        <v>43955</v>
      </c>
      <c r="C8573" s="1" t="s">
        <v>43956</v>
      </c>
      <c r="E8573">
        <v>0</v>
      </c>
      <c r="F8573">
        <v>2</v>
      </c>
      <c r="H8573" t="s">
        <v>43957</v>
      </c>
      <c r="J8573" t="s">
        <v>43958</v>
      </c>
      <c r="K8573" t="s">
        <v>43958</v>
      </c>
      <c r="M8573">
        <v>5166645</v>
      </c>
      <c r="O8573">
        <v>5673325</v>
      </c>
      <c r="P8573">
        <v>1</v>
      </c>
      <c r="Q8573">
        <v>0</v>
      </c>
      <c r="R8573" t="s">
        <v>43959</v>
      </c>
      <c r="S8573">
        <v>23</v>
      </c>
    </row>
    <row r="8574" spans="1:19" x14ac:dyDescent="0.25">
      <c r="A8574">
        <v>18132400</v>
      </c>
      <c r="B8574" t="s">
        <v>43960</v>
      </c>
      <c r="C8574" s="1" t="s">
        <v>43961</v>
      </c>
      <c r="D8574">
        <v>18132528</v>
      </c>
      <c r="E8574">
        <v>3</v>
      </c>
      <c r="F8574">
        <v>0</v>
      </c>
      <c r="H8574" t="s">
        <v>43962</v>
      </c>
      <c r="J8574" t="s">
        <v>43963</v>
      </c>
      <c r="O8574">
        <v>123213</v>
      </c>
      <c r="P8574">
        <v>1</v>
      </c>
      <c r="Q8574">
        <v>1</v>
      </c>
      <c r="R8574" t="s">
        <v>1288</v>
      </c>
      <c r="S8574">
        <v>253</v>
      </c>
    </row>
    <row r="8575" spans="1:19" x14ac:dyDescent="0.25">
      <c r="A8575">
        <v>42037326</v>
      </c>
      <c r="B8575" t="s">
        <v>43964</v>
      </c>
      <c r="C8575" s="1" t="s">
        <v>43965</v>
      </c>
      <c r="E8575">
        <v>0</v>
      </c>
      <c r="F8575">
        <v>1</v>
      </c>
      <c r="H8575" t="s">
        <v>43966</v>
      </c>
      <c r="J8575" t="s">
        <v>43966</v>
      </c>
      <c r="O8575">
        <v>6743352</v>
      </c>
      <c r="P8575">
        <v>1</v>
      </c>
      <c r="Q8575">
        <v>1</v>
      </c>
      <c r="R8575" t="s">
        <v>9013</v>
      </c>
      <c r="S8575">
        <v>24</v>
      </c>
    </row>
    <row r="8576" spans="1:19" x14ac:dyDescent="0.25">
      <c r="A8576">
        <v>52120229</v>
      </c>
      <c r="B8576" t="s">
        <v>43967</v>
      </c>
      <c r="C8576" s="1" t="s">
        <v>43968</v>
      </c>
      <c r="E8576">
        <v>0</v>
      </c>
      <c r="F8576">
        <v>1</v>
      </c>
      <c r="H8576" t="s">
        <v>43969</v>
      </c>
      <c r="J8576" t="s">
        <v>43969</v>
      </c>
      <c r="O8576">
        <v>8481019</v>
      </c>
      <c r="P8576">
        <v>1</v>
      </c>
      <c r="Q8576">
        <v>1</v>
      </c>
      <c r="R8576" t="s">
        <v>43970</v>
      </c>
      <c r="S8576">
        <v>29</v>
      </c>
    </row>
    <row r="8577" spans="1:19" x14ac:dyDescent="0.25">
      <c r="A8577">
        <v>34887404</v>
      </c>
      <c r="B8577" t="s">
        <v>43971</v>
      </c>
      <c r="C8577" s="1" t="s">
        <v>43972</v>
      </c>
      <c r="D8577">
        <v>34888829</v>
      </c>
      <c r="E8577">
        <v>1</v>
      </c>
      <c r="F8577">
        <v>0</v>
      </c>
      <c r="H8577" t="s">
        <v>43973</v>
      </c>
      <c r="J8577" t="s">
        <v>43974</v>
      </c>
      <c r="O8577">
        <v>3460523</v>
      </c>
      <c r="P8577">
        <v>1</v>
      </c>
      <c r="Q8577">
        <v>1</v>
      </c>
      <c r="R8577" t="s">
        <v>43975</v>
      </c>
      <c r="S8577">
        <v>68</v>
      </c>
    </row>
    <row r="8578" spans="1:19" x14ac:dyDescent="0.25">
      <c r="A8578">
        <v>10431729</v>
      </c>
      <c r="B8578" t="s">
        <v>43976</v>
      </c>
      <c r="C8578" s="1" t="s">
        <v>43977</v>
      </c>
      <c r="D8578">
        <v>10431934</v>
      </c>
      <c r="E8578">
        <v>3</v>
      </c>
      <c r="F8578">
        <v>5</v>
      </c>
      <c r="H8578" t="s">
        <v>43978</v>
      </c>
      <c r="J8578" t="s">
        <v>43979</v>
      </c>
      <c r="K8578" t="s">
        <v>43979</v>
      </c>
      <c r="M8578">
        <v>319265</v>
      </c>
      <c r="O8578">
        <v>319265</v>
      </c>
      <c r="P8578">
        <v>1</v>
      </c>
      <c r="Q8578">
        <v>0</v>
      </c>
      <c r="R8578" t="s">
        <v>43980</v>
      </c>
      <c r="S8578">
        <v>1077</v>
      </c>
    </row>
    <row r="8579" spans="1:19" x14ac:dyDescent="0.25">
      <c r="A8579">
        <v>4070760</v>
      </c>
      <c r="B8579" t="s">
        <v>43981</v>
      </c>
      <c r="C8579" s="1" t="s">
        <v>43982</v>
      </c>
      <c r="E8579">
        <v>4</v>
      </c>
      <c r="F8579">
        <v>3</v>
      </c>
      <c r="H8579" t="s">
        <v>43983</v>
      </c>
      <c r="J8579" t="s">
        <v>43984</v>
      </c>
      <c r="O8579">
        <v>398561</v>
      </c>
      <c r="P8579">
        <v>1</v>
      </c>
      <c r="Q8579">
        <v>0</v>
      </c>
      <c r="R8579" t="s">
        <v>43985</v>
      </c>
      <c r="S8579">
        <v>374</v>
      </c>
    </row>
    <row r="8580" spans="1:19" x14ac:dyDescent="0.25">
      <c r="A8580">
        <v>53230942</v>
      </c>
      <c r="B8580" t="s">
        <v>43986</v>
      </c>
      <c r="C8580" s="1" t="s">
        <v>43987</v>
      </c>
      <c r="E8580">
        <v>0</v>
      </c>
      <c r="F8580">
        <v>4</v>
      </c>
      <c r="H8580" t="s">
        <v>43988</v>
      </c>
      <c r="J8580" t="s">
        <v>43988</v>
      </c>
      <c r="O8580">
        <v>9884180</v>
      </c>
      <c r="P8580">
        <v>1</v>
      </c>
      <c r="Q8580">
        <v>0</v>
      </c>
      <c r="R8580" t="s">
        <v>43989</v>
      </c>
      <c r="S8580">
        <v>13</v>
      </c>
    </row>
    <row r="8581" spans="1:19" x14ac:dyDescent="0.25">
      <c r="A8581">
        <v>26069498</v>
      </c>
      <c r="B8581" t="s">
        <v>43990</v>
      </c>
      <c r="C8581" s="1" t="s">
        <v>43991</v>
      </c>
      <c r="E8581">
        <v>1</v>
      </c>
      <c r="F8581">
        <v>0</v>
      </c>
      <c r="H8581" t="s">
        <v>43992</v>
      </c>
      <c r="J8581" t="s">
        <v>43993</v>
      </c>
      <c r="O8581">
        <v>3990532</v>
      </c>
      <c r="P8581">
        <v>1</v>
      </c>
      <c r="Q8581">
        <v>1</v>
      </c>
      <c r="R8581" t="s">
        <v>43994</v>
      </c>
      <c r="S8581">
        <v>1439</v>
      </c>
    </row>
    <row r="8582" spans="1:19" x14ac:dyDescent="0.25">
      <c r="A8582">
        <v>34716426</v>
      </c>
      <c r="B8582" t="s">
        <v>43995</v>
      </c>
      <c r="C8582" s="1" t="s">
        <v>43996</v>
      </c>
      <c r="E8582">
        <v>0</v>
      </c>
      <c r="F8582">
        <v>8</v>
      </c>
      <c r="H8582" t="s">
        <v>43997</v>
      </c>
      <c r="J8582" t="s">
        <v>43997</v>
      </c>
      <c r="O8582">
        <v>5383066</v>
      </c>
      <c r="P8582">
        <v>1</v>
      </c>
      <c r="Q8582">
        <v>0</v>
      </c>
      <c r="R8582" t="s">
        <v>43998</v>
      </c>
      <c r="S8582">
        <v>662</v>
      </c>
    </row>
    <row r="8583" spans="1:19" x14ac:dyDescent="0.25">
      <c r="A8583">
        <v>14513242</v>
      </c>
      <c r="B8583" t="s">
        <v>43999</v>
      </c>
      <c r="C8583" s="1" t="s">
        <v>44000</v>
      </c>
      <c r="D8583">
        <v>14719920</v>
      </c>
      <c r="E8583">
        <v>1</v>
      </c>
      <c r="F8583">
        <v>0</v>
      </c>
      <c r="H8583" t="s">
        <v>44001</v>
      </c>
      <c r="J8583" t="s">
        <v>44002</v>
      </c>
      <c r="O8583">
        <v>21388</v>
      </c>
      <c r="P8583">
        <v>1</v>
      </c>
      <c r="Q8583">
        <v>0</v>
      </c>
      <c r="R8583" t="s">
        <v>44003</v>
      </c>
      <c r="S8583">
        <v>84</v>
      </c>
    </row>
    <row r="8584" spans="1:19" x14ac:dyDescent="0.25">
      <c r="A8584">
        <v>33028965</v>
      </c>
      <c r="B8584" t="s">
        <v>44004</v>
      </c>
      <c r="C8584" s="1" t="s">
        <v>44005</v>
      </c>
      <c r="E8584">
        <v>0</v>
      </c>
      <c r="F8584">
        <v>3</v>
      </c>
      <c r="H8584" t="s">
        <v>44006</v>
      </c>
      <c r="J8584" t="s">
        <v>44006</v>
      </c>
      <c r="O8584">
        <v>5307178</v>
      </c>
      <c r="P8584">
        <v>1</v>
      </c>
      <c r="Q8584">
        <v>1</v>
      </c>
      <c r="R8584" t="s">
        <v>44007</v>
      </c>
      <c r="S8584">
        <v>2020</v>
      </c>
    </row>
    <row r="8585" spans="1:19" x14ac:dyDescent="0.25">
      <c r="A8585">
        <v>30464786</v>
      </c>
      <c r="B8585" t="s">
        <v>44008</v>
      </c>
      <c r="C8585" s="1" t="s">
        <v>44009</v>
      </c>
      <c r="D8585">
        <v>30466306</v>
      </c>
      <c r="E8585">
        <v>1</v>
      </c>
      <c r="F8585">
        <v>1</v>
      </c>
      <c r="H8585" t="s">
        <v>44010</v>
      </c>
      <c r="J8585" t="s">
        <v>44011</v>
      </c>
      <c r="K8585" t="s">
        <v>44012</v>
      </c>
      <c r="M8585">
        <v>3576110</v>
      </c>
      <c r="O8585">
        <v>1349083</v>
      </c>
      <c r="P8585">
        <v>1</v>
      </c>
      <c r="Q8585">
        <v>0</v>
      </c>
      <c r="R8585" t="s">
        <v>7728</v>
      </c>
      <c r="S8585">
        <v>96</v>
      </c>
    </row>
    <row r="8586" spans="1:19" x14ac:dyDescent="0.25">
      <c r="A8586">
        <v>1007596</v>
      </c>
      <c r="B8586" t="s">
        <v>44013</v>
      </c>
      <c r="C8586" t="s">
        <v>44014</v>
      </c>
      <c r="D8586">
        <v>1007603</v>
      </c>
      <c r="E8586">
        <v>7</v>
      </c>
      <c r="F8586">
        <v>1</v>
      </c>
      <c r="H8586" t="s">
        <v>44015</v>
      </c>
      <c r="J8586" t="s">
        <v>44016</v>
      </c>
      <c r="K8586" t="s">
        <v>44016</v>
      </c>
      <c r="M8586">
        <v>53587</v>
      </c>
      <c r="O8586">
        <v>81394</v>
      </c>
      <c r="P8586">
        <v>1</v>
      </c>
      <c r="Q8586">
        <v>1</v>
      </c>
      <c r="R8586" t="s">
        <v>44017</v>
      </c>
      <c r="S8586">
        <v>515</v>
      </c>
    </row>
    <row r="8587" spans="1:19" x14ac:dyDescent="0.25">
      <c r="A8587">
        <v>10016909</v>
      </c>
      <c r="B8587" t="s">
        <v>44018</v>
      </c>
      <c r="C8587" s="1" t="s">
        <v>44019</v>
      </c>
      <c r="D8587">
        <v>10022845</v>
      </c>
      <c r="E8587">
        <v>3</v>
      </c>
      <c r="F8587">
        <v>6</v>
      </c>
      <c r="H8587" t="s">
        <v>44020</v>
      </c>
      <c r="I8587">
        <v>4</v>
      </c>
      <c r="J8587" t="s">
        <v>44021</v>
      </c>
      <c r="K8587" t="s">
        <v>44022</v>
      </c>
      <c r="M8587">
        <v>1113715</v>
      </c>
      <c r="O8587">
        <v>1113715</v>
      </c>
      <c r="P8587">
        <v>1</v>
      </c>
      <c r="Q8587">
        <v>9</v>
      </c>
      <c r="R8587" t="s">
        <v>44023</v>
      </c>
      <c r="S8587">
        <v>729</v>
      </c>
    </row>
    <row r="8588" spans="1:19" x14ac:dyDescent="0.25">
      <c r="A8588">
        <v>31733669</v>
      </c>
      <c r="B8588" t="s">
        <v>44024</v>
      </c>
      <c r="C8588" s="1" t="s">
        <v>44025</v>
      </c>
      <c r="E8588">
        <v>0</v>
      </c>
      <c r="F8588">
        <v>0</v>
      </c>
      <c r="H8588" t="s">
        <v>44026</v>
      </c>
      <c r="J8588" t="s">
        <v>44026</v>
      </c>
      <c r="O8588">
        <v>2887584</v>
      </c>
      <c r="P8588">
        <v>1</v>
      </c>
      <c r="Q8588">
        <v>1</v>
      </c>
      <c r="R8588" t="s">
        <v>44027</v>
      </c>
      <c r="S8588">
        <v>39</v>
      </c>
    </row>
    <row r="8589" spans="1:19" x14ac:dyDescent="0.25">
      <c r="A8589">
        <v>5289774</v>
      </c>
      <c r="B8589" t="s">
        <v>44028</v>
      </c>
      <c r="C8589" s="1" t="s">
        <v>44029</v>
      </c>
      <c r="D8589">
        <v>5289828</v>
      </c>
      <c r="E8589">
        <v>7</v>
      </c>
      <c r="F8589">
        <v>9</v>
      </c>
      <c r="H8589" t="s">
        <v>44030</v>
      </c>
      <c r="I8589">
        <v>2</v>
      </c>
      <c r="J8589" t="s">
        <v>44031</v>
      </c>
      <c r="K8589" t="s">
        <v>44031</v>
      </c>
      <c r="M8589">
        <v>4284627</v>
      </c>
      <c r="O8589">
        <v>509868</v>
      </c>
      <c r="P8589">
        <v>1</v>
      </c>
      <c r="Q8589">
        <v>9</v>
      </c>
      <c r="R8589" t="s">
        <v>44032</v>
      </c>
      <c r="S8589">
        <v>11377</v>
      </c>
    </row>
    <row r="8590" spans="1:19" x14ac:dyDescent="0.25">
      <c r="A8590">
        <v>35753254</v>
      </c>
      <c r="B8590" t="s">
        <v>44033</v>
      </c>
      <c r="C8590" s="1" t="s">
        <v>44034</v>
      </c>
      <c r="D8590">
        <v>35754179</v>
      </c>
      <c r="E8590">
        <v>1</v>
      </c>
      <c r="F8590">
        <v>2</v>
      </c>
      <c r="H8590" t="s">
        <v>44035</v>
      </c>
      <c r="J8590" t="s">
        <v>44036</v>
      </c>
      <c r="O8590">
        <v>3746339</v>
      </c>
      <c r="P8590">
        <v>1</v>
      </c>
      <c r="Q8590">
        <v>1</v>
      </c>
      <c r="R8590" t="s">
        <v>44037</v>
      </c>
      <c r="S8590">
        <v>279</v>
      </c>
    </row>
    <row r="8591" spans="1:19" x14ac:dyDescent="0.25">
      <c r="A8591">
        <v>38786773</v>
      </c>
      <c r="B8591" t="s">
        <v>44038</v>
      </c>
      <c r="C8591" s="1" t="s">
        <v>44039</v>
      </c>
      <c r="E8591">
        <v>1</v>
      </c>
      <c r="F8591">
        <v>2</v>
      </c>
      <c r="H8591" t="s">
        <v>44040</v>
      </c>
      <c r="J8591" t="s">
        <v>44041</v>
      </c>
      <c r="O8591">
        <v>3737058</v>
      </c>
      <c r="P8591">
        <v>1</v>
      </c>
      <c r="Q8591">
        <v>0</v>
      </c>
      <c r="R8591" t="s">
        <v>44042</v>
      </c>
      <c r="S8591">
        <v>315</v>
      </c>
    </row>
    <row r="8592" spans="1:19" x14ac:dyDescent="0.25">
      <c r="A8592">
        <v>11834925</v>
      </c>
      <c r="B8592" t="s">
        <v>44043</v>
      </c>
      <c r="C8592" s="1" t="s">
        <v>44044</v>
      </c>
      <c r="E8592">
        <v>0</v>
      </c>
      <c r="F8592">
        <v>4</v>
      </c>
      <c r="H8592" t="s">
        <v>44045</v>
      </c>
      <c r="J8592" t="s">
        <v>44046</v>
      </c>
      <c r="K8592" t="s">
        <v>44046</v>
      </c>
      <c r="M8592">
        <v>316644</v>
      </c>
      <c r="O8592">
        <v>1574939</v>
      </c>
      <c r="P8592">
        <v>1</v>
      </c>
      <c r="Q8592">
        <v>0</v>
      </c>
      <c r="R8592" t="s">
        <v>44047</v>
      </c>
      <c r="S8592">
        <v>303</v>
      </c>
    </row>
    <row r="8593" spans="1:19" x14ac:dyDescent="0.25">
      <c r="A8593">
        <v>4000002</v>
      </c>
      <c r="B8593" t="s">
        <v>44048</v>
      </c>
      <c r="C8593" s="1" t="s">
        <v>44049</v>
      </c>
      <c r="D8593">
        <v>4000732</v>
      </c>
      <c r="E8593">
        <v>1</v>
      </c>
      <c r="F8593">
        <v>5</v>
      </c>
      <c r="H8593" t="s">
        <v>44050</v>
      </c>
      <c r="I8593">
        <v>0</v>
      </c>
      <c r="J8593" t="s">
        <v>44051</v>
      </c>
      <c r="O8593">
        <v>63074</v>
      </c>
      <c r="P8593">
        <v>1</v>
      </c>
      <c r="Q8593">
        <v>2</v>
      </c>
      <c r="R8593" t="s">
        <v>44052</v>
      </c>
      <c r="S8593">
        <v>304</v>
      </c>
    </row>
    <row r="8594" spans="1:19" x14ac:dyDescent="0.25">
      <c r="A8594">
        <v>19952367</v>
      </c>
      <c r="B8594" t="s">
        <v>44053</v>
      </c>
      <c r="C8594" s="1" t="s">
        <v>44054</v>
      </c>
      <c r="D8594">
        <v>19952777</v>
      </c>
      <c r="E8594">
        <v>3</v>
      </c>
      <c r="F8594">
        <v>0</v>
      </c>
      <c r="H8594" t="s">
        <v>44055</v>
      </c>
      <c r="J8594" t="s">
        <v>44056</v>
      </c>
      <c r="K8594" t="s">
        <v>44056</v>
      </c>
      <c r="M8594">
        <v>1907902</v>
      </c>
      <c r="O8594">
        <v>1907902</v>
      </c>
      <c r="P8594">
        <v>1</v>
      </c>
      <c r="Q8594">
        <v>5</v>
      </c>
      <c r="R8594" t="s">
        <v>7825</v>
      </c>
      <c r="S8594">
        <v>339</v>
      </c>
    </row>
    <row r="8595" spans="1:19" x14ac:dyDescent="0.25">
      <c r="A8595">
        <v>22421293</v>
      </c>
      <c r="B8595" t="s">
        <v>44057</v>
      </c>
      <c r="C8595" s="1" t="s">
        <v>44058</v>
      </c>
      <c r="E8595">
        <v>0</v>
      </c>
      <c r="F8595">
        <v>2</v>
      </c>
      <c r="H8595" t="s">
        <v>44059</v>
      </c>
      <c r="J8595" t="s">
        <v>44060</v>
      </c>
      <c r="K8595" t="s">
        <v>44060</v>
      </c>
      <c r="M8595">
        <v>4370109</v>
      </c>
      <c r="O8595">
        <v>1574294</v>
      </c>
      <c r="P8595">
        <v>1</v>
      </c>
      <c r="Q8595">
        <v>0</v>
      </c>
      <c r="R8595" t="s">
        <v>44061</v>
      </c>
      <c r="S8595">
        <v>54</v>
      </c>
    </row>
    <row r="8596" spans="1:19" x14ac:dyDescent="0.25">
      <c r="A8596">
        <v>19805234</v>
      </c>
      <c r="B8596" t="s">
        <v>44062</v>
      </c>
      <c r="C8596" s="1" t="s">
        <v>44063</v>
      </c>
      <c r="D8596">
        <v>19805370</v>
      </c>
      <c r="E8596">
        <v>1</v>
      </c>
      <c r="F8596">
        <v>6</v>
      </c>
      <c r="H8596" t="s">
        <v>44064</v>
      </c>
      <c r="J8596" t="s">
        <v>44065</v>
      </c>
      <c r="O8596">
        <v>2801037</v>
      </c>
      <c r="P8596">
        <v>1</v>
      </c>
      <c r="Q8596">
        <v>1</v>
      </c>
      <c r="R8596" t="s">
        <v>18377</v>
      </c>
      <c r="S8596">
        <v>106</v>
      </c>
    </row>
    <row r="8597" spans="1:19" x14ac:dyDescent="0.25">
      <c r="A8597">
        <v>40679279</v>
      </c>
      <c r="B8597" t="s">
        <v>44066</v>
      </c>
      <c r="C8597" s="1" t="s">
        <v>44067</v>
      </c>
      <c r="D8597">
        <v>40679894</v>
      </c>
      <c r="E8597">
        <v>1</v>
      </c>
      <c r="F8597">
        <v>0</v>
      </c>
      <c r="H8597" t="s">
        <v>44068</v>
      </c>
      <c r="J8597" t="s">
        <v>44069</v>
      </c>
      <c r="O8597">
        <v>5699130</v>
      </c>
      <c r="P8597">
        <v>1</v>
      </c>
      <c r="Q8597">
        <v>0</v>
      </c>
      <c r="R8597" t="s">
        <v>44070</v>
      </c>
      <c r="S8597">
        <v>133</v>
      </c>
    </row>
    <row r="8598" spans="1:19" x14ac:dyDescent="0.25">
      <c r="A8598">
        <v>24608682</v>
      </c>
      <c r="B8598" t="s">
        <v>44071</v>
      </c>
      <c r="C8598" s="1" t="s">
        <v>44072</v>
      </c>
      <c r="E8598">
        <v>1</v>
      </c>
      <c r="F8598">
        <v>0</v>
      </c>
      <c r="H8598" t="s">
        <v>44073</v>
      </c>
      <c r="J8598" t="s">
        <v>44074</v>
      </c>
      <c r="K8598" t="s">
        <v>44075</v>
      </c>
      <c r="M8598">
        <v>1019630</v>
      </c>
      <c r="O8598">
        <v>3559118</v>
      </c>
      <c r="P8598">
        <v>1</v>
      </c>
      <c r="Q8598">
        <v>0</v>
      </c>
      <c r="R8598" t="s">
        <v>44076</v>
      </c>
      <c r="S8598">
        <v>129</v>
      </c>
    </row>
    <row r="8599" spans="1:19" x14ac:dyDescent="0.25">
      <c r="A8599">
        <v>27301849</v>
      </c>
      <c r="B8599" t="s">
        <v>44077</v>
      </c>
      <c r="C8599" s="1" t="s">
        <v>44078</v>
      </c>
      <c r="E8599">
        <v>1</v>
      </c>
      <c r="F8599">
        <v>0</v>
      </c>
      <c r="H8599" t="s">
        <v>44079</v>
      </c>
      <c r="J8599" t="s">
        <v>44080</v>
      </c>
      <c r="O8599">
        <v>454421</v>
      </c>
      <c r="P8599">
        <v>1</v>
      </c>
      <c r="Q8599">
        <v>1</v>
      </c>
      <c r="R8599" t="s">
        <v>44081</v>
      </c>
      <c r="S8599">
        <v>168</v>
      </c>
    </row>
    <row r="8600" spans="1:19" x14ac:dyDescent="0.25">
      <c r="A8600">
        <v>8577660</v>
      </c>
      <c r="B8600" t="s">
        <v>44082</v>
      </c>
      <c r="C8600" s="1" t="s">
        <v>44083</v>
      </c>
      <c r="D8600">
        <v>8578934</v>
      </c>
      <c r="E8600">
        <v>2</v>
      </c>
      <c r="F8600">
        <v>3</v>
      </c>
      <c r="H8600" t="s">
        <v>44084</v>
      </c>
      <c r="I8600">
        <v>1</v>
      </c>
      <c r="J8600" t="s">
        <v>44085</v>
      </c>
      <c r="K8600" t="s">
        <v>44086</v>
      </c>
      <c r="M8600">
        <v>428073</v>
      </c>
      <c r="O8600">
        <v>428073</v>
      </c>
      <c r="P8600">
        <v>1</v>
      </c>
      <c r="Q8600">
        <v>3</v>
      </c>
      <c r="R8600" t="s">
        <v>44087</v>
      </c>
      <c r="S8600">
        <v>4400</v>
      </c>
    </row>
    <row r="8601" spans="1:19" x14ac:dyDescent="0.25">
      <c r="A8601">
        <v>52873121</v>
      </c>
      <c r="B8601" t="s">
        <v>44088</v>
      </c>
      <c r="C8601" s="1" t="s">
        <v>44089</v>
      </c>
      <c r="D8601">
        <v>52873466</v>
      </c>
      <c r="E8601">
        <v>1</v>
      </c>
      <c r="F8601">
        <v>3</v>
      </c>
      <c r="H8601" t="s">
        <v>44090</v>
      </c>
      <c r="J8601" t="s">
        <v>44091</v>
      </c>
      <c r="K8601" t="s">
        <v>44092</v>
      </c>
      <c r="M8601">
        <v>2717521</v>
      </c>
      <c r="O8601">
        <v>2717521</v>
      </c>
      <c r="P8601">
        <v>1</v>
      </c>
      <c r="Q8601">
        <v>1</v>
      </c>
      <c r="R8601" t="s">
        <v>44093</v>
      </c>
      <c r="S8601">
        <v>37</v>
      </c>
    </row>
    <row r="8602" spans="1:19" x14ac:dyDescent="0.25">
      <c r="A8602">
        <v>16463186</v>
      </c>
      <c r="B8602" t="s">
        <v>44094</v>
      </c>
      <c r="C8602" s="1" t="s">
        <v>44095</v>
      </c>
      <c r="D8602">
        <v>16463208</v>
      </c>
      <c r="E8602">
        <v>1</v>
      </c>
      <c r="F8602">
        <v>1</v>
      </c>
      <c r="H8602" t="s">
        <v>44096</v>
      </c>
      <c r="J8602" t="s">
        <v>44097</v>
      </c>
      <c r="K8602" t="s">
        <v>44097</v>
      </c>
      <c r="M8602">
        <v>249624</v>
      </c>
      <c r="O8602">
        <v>2107754</v>
      </c>
      <c r="P8602">
        <v>1</v>
      </c>
      <c r="Q8602">
        <v>1</v>
      </c>
      <c r="R8602" t="s">
        <v>989</v>
      </c>
      <c r="S8602">
        <v>3347</v>
      </c>
    </row>
    <row r="8603" spans="1:19" x14ac:dyDescent="0.25">
      <c r="A8603">
        <v>39048272</v>
      </c>
      <c r="B8603" t="s">
        <v>44098</v>
      </c>
      <c r="C8603" s="1" t="s">
        <v>44099</v>
      </c>
      <c r="E8603">
        <v>0</v>
      </c>
      <c r="F8603">
        <v>7</v>
      </c>
      <c r="H8603" t="s">
        <v>44100</v>
      </c>
      <c r="J8603" t="s">
        <v>44101</v>
      </c>
      <c r="K8603" t="s">
        <v>44102</v>
      </c>
      <c r="M8603">
        <v>-1</v>
      </c>
      <c r="O8603">
        <v>6284997</v>
      </c>
      <c r="P8603">
        <v>1</v>
      </c>
      <c r="Q8603">
        <v>0</v>
      </c>
      <c r="R8603" t="s">
        <v>44103</v>
      </c>
      <c r="S8603">
        <v>315</v>
      </c>
    </row>
    <row r="8604" spans="1:19" x14ac:dyDescent="0.25">
      <c r="A8604">
        <v>25201345</v>
      </c>
      <c r="B8604" t="s">
        <v>44104</v>
      </c>
      <c r="C8604" s="1" t="s">
        <v>44105</v>
      </c>
      <c r="E8604">
        <v>1</v>
      </c>
      <c r="F8604">
        <v>1</v>
      </c>
      <c r="H8604" t="s">
        <v>44106</v>
      </c>
      <c r="J8604" t="s">
        <v>44107</v>
      </c>
      <c r="O8604">
        <v>3163213</v>
      </c>
      <c r="P8604">
        <v>1</v>
      </c>
      <c r="Q8604">
        <v>0</v>
      </c>
      <c r="R8604" t="s">
        <v>44108</v>
      </c>
      <c r="S8604">
        <v>480</v>
      </c>
    </row>
    <row r="8605" spans="1:19" x14ac:dyDescent="0.25">
      <c r="A8605">
        <v>10846061</v>
      </c>
      <c r="B8605" t="s">
        <v>44109</v>
      </c>
      <c r="C8605" s="1" t="s">
        <v>44110</v>
      </c>
      <c r="D8605">
        <v>10848110</v>
      </c>
      <c r="E8605">
        <v>1</v>
      </c>
      <c r="F8605">
        <v>0</v>
      </c>
      <c r="H8605" t="s">
        <v>44111</v>
      </c>
      <c r="J8605" t="s">
        <v>44112</v>
      </c>
      <c r="K8605" t="s">
        <v>44112</v>
      </c>
      <c r="M8605">
        <v>63678</v>
      </c>
      <c r="O8605">
        <v>63678</v>
      </c>
      <c r="P8605">
        <v>1</v>
      </c>
      <c r="Q8605">
        <v>-1</v>
      </c>
      <c r="R8605" t="s">
        <v>44113</v>
      </c>
      <c r="S8605">
        <v>58</v>
      </c>
    </row>
    <row r="8606" spans="1:19" x14ac:dyDescent="0.25">
      <c r="A8606">
        <v>31800157</v>
      </c>
      <c r="B8606" t="s">
        <v>44114</v>
      </c>
      <c r="C8606" s="1" t="s">
        <v>44115</v>
      </c>
      <c r="E8606">
        <v>1</v>
      </c>
      <c r="F8606">
        <v>5</v>
      </c>
      <c r="H8606" t="s">
        <v>44116</v>
      </c>
      <c r="J8606" t="s">
        <v>44117</v>
      </c>
      <c r="O8606">
        <v>5171728</v>
      </c>
      <c r="P8606">
        <v>1</v>
      </c>
      <c r="Q8606">
        <v>0</v>
      </c>
      <c r="R8606" t="s">
        <v>44118</v>
      </c>
      <c r="S8606">
        <v>101</v>
      </c>
    </row>
    <row r="8607" spans="1:19" x14ac:dyDescent="0.25">
      <c r="A8607">
        <v>11908599</v>
      </c>
      <c r="B8607" t="s">
        <v>44119</v>
      </c>
      <c r="C8607" s="1" t="s">
        <v>44120</v>
      </c>
      <c r="D8607">
        <v>11910304</v>
      </c>
      <c r="E8607">
        <v>2</v>
      </c>
      <c r="F8607">
        <v>0</v>
      </c>
      <c r="H8607" t="s">
        <v>44121</v>
      </c>
      <c r="J8607" t="s">
        <v>44122</v>
      </c>
      <c r="O8607">
        <v>1417267</v>
      </c>
      <c r="P8607">
        <v>1</v>
      </c>
      <c r="Q8607">
        <v>1</v>
      </c>
      <c r="R8607" t="s">
        <v>35261</v>
      </c>
      <c r="S8607">
        <v>2140</v>
      </c>
    </row>
    <row r="8608" spans="1:19" x14ac:dyDescent="0.25">
      <c r="A8608">
        <v>4071517</v>
      </c>
      <c r="B8608" t="s">
        <v>44123</v>
      </c>
      <c r="C8608" s="1" t="s">
        <v>44124</v>
      </c>
      <c r="D8608">
        <v>4071543</v>
      </c>
      <c r="E8608">
        <v>1</v>
      </c>
      <c r="F8608">
        <v>1</v>
      </c>
      <c r="H8608" t="s">
        <v>44125</v>
      </c>
      <c r="J8608" t="s">
        <v>44126</v>
      </c>
      <c r="K8608" t="s">
        <v>44127</v>
      </c>
      <c r="M8608">
        <v>-1</v>
      </c>
      <c r="O8608">
        <v>198183</v>
      </c>
      <c r="P8608">
        <v>1</v>
      </c>
      <c r="Q8608">
        <v>0</v>
      </c>
      <c r="R8608" t="s">
        <v>44128</v>
      </c>
      <c r="S8608">
        <v>426</v>
      </c>
    </row>
    <row r="8609" spans="1:19" x14ac:dyDescent="0.25">
      <c r="A8609">
        <v>40518048</v>
      </c>
      <c r="B8609" t="s">
        <v>44129</v>
      </c>
      <c r="C8609" s="1" t="s">
        <v>44130</v>
      </c>
      <c r="D8609">
        <v>40530559</v>
      </c>
      <c r="E8609">
        <v>1</v>
      </c>
      <c r="F8609">
        <v>0</v>
      </c>
      <c r="H8609" t="s">
        <v>44131</v>
      </c>
      <c r="J8609" t="s">
        <v>44132</v>
      </c>
      <c r="O8609">
        <v>840069</v>
      </c>
      <c r="P8609">
        <v>1</v>
      </c>
      <c r="Q8609">
        <v>0</v>
      </c>
      <c r="R8609" t="s">
        <v>44133</v>
      </c>
      <c r="S8609">
        <v>207</v>
      </c>
    </row>
    <row r="8610" spans="1:19" x14ac:dyDescent="0.25">
      <c r="A8610">
        <v>37238152</v>
      </c>
      <c r="B8610" t="s">
        <v>44134</v>
      </c>
      <c r="C8610" s="1" t="s">
        <v>44135</v>
      </c>
      <c r="D8610">
        <v>37238182</v>
      </c>
      <c r="E8610">
        <v>2</v>
      </c>
      <c r="F8610">
        <v>0</v>
      </c>
      <c r="H8610" t="s">
        <v>44136</v>
      </c>
      <c r="J8610" t="s">
        <v>44137</v>
      </c>
      <c r="O8610">
        <v>6336968</v>
      </c>
      <c r="P8610">
        <v>1</v>
      </c>
      <c r="Q8610">
        <v>1</v>
      </c>
      <c r="R8610" t="s">
        <v>2722</v>
      </c>
      <c r="S8610">
        <v>25</v>
      </c>
    </row>
    <row r="8611" spans="1:19" x14ac:dyDescent="0.25">
      <c r="A8611">
        <v>11812089</v>
      </c>
      <c r="B8611" t="s">
        <v>44138</v>
      </c>
      <c r="C8611" s="1" t="s">
        <v>44139</v>
      </c>
      <c r="D8611">
        <v>11812178</v>
      </c>
      <c r="E8611">
        <v>1</v>
      </c>
      <c r="F8611">
        <v>0</v>
      </c>
      <c r="H8611" t="s">
        <v>44140</v>
      </c>
      <c r="I8611">
        <v>1</v>
      </c>
      <c r="J8611" t="s">
        <v>44141</v>
      </c>
      <c r="O8611">
        <v>838209</v>
      </c>
      <c r="P8611">
        <v>1</v>
      </c>
      <c r="Q8611">
        <v>2</v>
      </c>
      <c r="R8611" t="s">
        <v>2494</v>
      </c>
      <c r="S8611">
        <v>985</v>
      </c>
    </row>
    <row r="8612" spans="1:19" x14ac:dyDescent="0.25">
      <c r="A8612">
        <v>25619214</v>
      </c>
      <c r="B8612" t="s">
        <v>44142</v>
      </c>
      <c r="C8612" s="1" t="s">
        <v>44143</v>
      </c>
      <c r="D8612">
        <v>25619276</v>
      </c>
      <c r="E8612">
        <v>1</v>
      </c>
      <c r="F8612">
        <v>6</v>
      </c>
      <c r="H8612" t="s">
        <v>44144</v>
      </c>
      <c r="J8612" t="s">
        <v>44145</v>
      </c>
      <c r="K8612" t="s">
        <v>44146</v>
      </c>
      <c r="M8612">
        <v>3929712</v>
      </c>
      <c r="O8612">
        <v>3929712</v>
      </c>
      <c r="P8612">
        <v>1</v>
      </c>
      <c r="Q8612">
        <v>-2</v>
      </c>
      <c r="R8612" t="s">
        <v>8946</v>
      </c>
      <c r="S8612">
        <v>217</v>
      </c>
    </row>
    <row r="8613" spans="1:19" x14ac:dyDescent="0.25">
      <c r="A8613">
        <v>31486354</v>
      </c>
      <c r="B8613" t="s">
        <v>44147</v>
      </c>
      <c r="C8613" s="1" t="s">
        <v>44148</v>
      </c>
      <c r="D8613">
        <v>31486559</v>
      </c>
      <c r="E8613">
        <v>1</v>
      </c>
      <c r="F8613">
        <v>11</v>
      </c>
      <c r="H8613" t="s">
        <v>44149</v>
      </c>
      <c r="I8613">
        <v>1</v>
      </c>
      <c r="J8613" t="s">
        <v>44150</v>
      </c>
      <c r="K8613" t="s">
        <v>44150</v>
      </c>
      <c r="M8613">
        <v>4220035</v>
      </c>
      <c r="O8613">
        <v>4220035</v>
      </c>
      <c r="P8613">
        <v>1</v>
      </c>
      <c r="Q8613">
        <v>2</v>
      </c>
      <c r="R8613" t="s">
        <v>351</v>
      </c>
      <c r="S8613">
        <v>507</v>
      </c>
    </row>
    <row r="8614" spans="1:19" x14ac:dyDescent="0.25">
      <c r="A8614">
        <v>47453545</v>
      </c>
      <c r="B8614" t="s">
        <v>44151</v>
      </c>
      <c r="C8614" s="1" t="s">
        <v>44152</v>
      </c>
      <c r="E8614">
        <v>1</v>
      </c>
      <c r="F8614">
        <v>2</v>
      </c>
      <c r="H8614" t="s">
        <v>44153</v>
      </c>
      <c r="J8614" t="s">
        <v>44154</v>
      </c>
      <c r="O8614">
        <v>7578814</v>
      </c>
      <c r="P8614">
        <v>1</v>
      </c>
      <c r="Q8614">
        <v>0</v>
      </c>
      <c r="R8614" t="s">
        <v>1754</v>
      </c>
      <c r="S8614">
        <v>276</v>
      </c>
    </row>
    <row r="8615" spans="1:19" x14ac:dyDescent="0.25">
      <c r="A8615">
        <v>35924435</v>
      </c>
      <c r="B8615" t="s">
        <v>44155</v>
      </c>
      <c r="C8615" s="1" t="s">
        <v>44156</v>
      </c>
      <c r="D8615">
        <v>35924471</v>
      </c>
      <c r="E8615">
        <v>1</v>
      </c>
      <c r="F8615">
        <v>0</v>
      </c>
      <c r="H8615" t="s">
        <v>44157</v>
      </c>
      <c r="J8615" t="s">
        <v>44158</v>
      </c>
      <c r="O8615">
        <v>4279696</v>
      </c>
      <c r="P8615">
        <v>1</v>
      </c>
      <c r="Q8615">
        <v>0</v>
      </c>
      <c r="R8615" t="s">
        <v>16161</v>
      </c>
      <c r="S8615">
        <v>245</v>
      </c>
    </row>
    <row r="8616" spans="1:19" x14ac:dyDescent="0.25">
      <c r="A8616">
        <v>25692493</v>
      </c>
      <c r="B8616" t="s">
        <v>44159</v>
      </c>
      <c r="C8616" t="s">
        <v>44160</v>
      </c>
      <c r="E8616">
        <v>0</v>
      </c>
      <c r="F8616">
        <v>3</v>
      </c>
      <c r="H8616" t="s">
        <v>44161</v>
      </c>
      <c r="I8616">
        <v>1</v>
      </c>
      <c r="J8616" t="s">
        <v>44162</v>
      </c>
      <c r="K8616" t="s">
        <v>44162</v>
      </c>
      <c r="M8616">
        <v>759866</v>
      </c>
      <c r="O8616">
        <v>2202778</v>
      </c>
      <c r="P8616">
        <v>1</v>
      </c>
      <c r="Q8616">
        <v>3</v>
      </c>
      <c r="R8616" t="s">
        <v>44163</v>
      </c>
      <c r="S8616">
        <v>1329</v>
      </c>
    </row>
    <row r="8617" spans="1:19" x14ac:dyDescent="0.25">
      <c r="A8617">
        <v>10454112</v>
      </c>
      <c r="B8617" t="s">
        <v>44164</v>
      </c>
      <c r="C8617" s="1" t="s">
        <v>44165</v>
      </c>
      <c r="E8617">
        <v>1</v>
      </c>
      <c r="F8617">
        <v>1</v>
      </c>
      <c r="H8617" t="s">
        <v>44166</v>
      </c>
      <c r="J8617" t="s">
        <v>44167</v>
      </c>
      <c r="O8617">
        <v>774386</v>
      </c>
      <c r="P8617">
        <v>1</v>
      </c>
      <c r="Q8617">
        <v>0</v>
      </c>
      <c r="R8617" t="s">
        <v>1359</v>
      </c>
      <c r="S8617">
        <v>53</v>
      </c>
    </row>
    <row r="8618" spans="1:19" x14ac:dyDescent="0.25">
      <c r="A8618">
        <v>17972496</v>
      </c>
      <c r="B8618" t="s">
        <v>44168</v>
      </c>
      <c r="C8618" s="1" t="s">
        <v>44169</v>
      </c>
      <c r="E8618">
        <v>1</v>
      </c>
      <c r="F8618">
        <v>1</v>
      </c>
      <c r="H8618" t="s">
        <v>44170</v>
      </c>
      <c r="I8618">
        <v>2</v>
      </c>
      <c r="J8618" t="s">
        <v>44171</v>
      </c>
      <c r="K8618" t="s">
        <v>44172</v>
      </c>
      <c r="M8618">
        <v>216074</v>
      </c>
      <c r="O8618">
        <v>2476540</v>
      </c>
      <c r="P8618">
        <v>1</v>
      </c>
      <c r="Q8618">
        <v>8</v>
      </c>
      <c r="R8618" t="s">
        <v>213</v>
      </c>
      <c r="S8618">
        <v>8200</v>
      </c>
    </row>
    <row r="8619" spans="1:19" x14ac:dyDescent="0.25">
      <c r="A8619">
        <v>49819539</v>
      </c>
      <c r="B8619" t="s">
        <v>44173</v>
      </c>
      <c r="C8619" s="1" t="s">
        <v>44174</v>
      </c>
      <c r="E8619">
        <v>1</v>
      </c>
      <c r="F8619">
        <v>0</v>
      </c>
      <c r="H8619" t="s">
        <v>44175</v>
      </c>
      <c r="J8619" t="s">
        <v>44176</v>
      </c>
      <c r="O8619">
        <v>9641142</v>
      </c>
      <c r="P8619">
        <v>1</v>
      </c>
      <c r="Q8619">
        <v>1</v>
      </c>
      <c r="R8619" t="s">
        <v>44177</v>
      </c>
      <c r="S8619">
        <v>186</v>
      </c>
    </row>
    <row r="8620" spans="1:19" x14ac:dyDescent="0.25">
      <c r="A8620">
        <v>16560678</v>
      </c>
      <c r="B8620" t="s">
        <v>44178</v>
      </c>
      <c r="C8620" s="1" t="s">
        <v>44179</v>
      </c>
      <c r="D8620">
        <v>16569533</v>
      </c>
      <c r="E8620">
        <v>2</v>
      </c>
      <c r="F8620">
        <v>8</v>
      </c>
      <c r="H8620" t="s">
        <v>44180</v>
      </c>
      <c r="J8620" t="s">
        <v>44181</v>
      </c>
      <c r="K8620" t="s">
        <v>44182</v>
      </c>
      <c r="M8620">
        <v>1030598</v>
      </c>
      <c r="O8620">
        <v>1030598</v>
      </c>
      <c r="P8620">
        <v>1</v>
      </c>
      <c r="Q8620">
        <v>1</v>
      </c>
      <c r="R8620" t="s">
        <v>44183</v>
      </c>
      <c r="S8620">
        <v>294</v>
      </c>
    </row>
    <row r="8621" spans="1:19" x14ac:dyDescent="0.25">
      <c r="A8621">
        <v>52411646</v>
      </c>
      <c r="B8621" t="s">
        <v>44184</v>
      </c>
      <c r="C8621" s="1" t="s">
        <v>44185</v>
      </c>
      <c r="D8621">
        <v>53035223</v>
      </c>
      <c r="E8621">
        <v>2</v>
      </c>
      <c r="F8621">
        <v>10</v>
      </c>
      <c r="H8621" t="s">
        <v>44186</v>
      </c>
      <c r="I8621">
        <v>0</v>
      </c>
      <c r="J8621" t="s">
        <v>44187</v>
      </c>
      <c r="O8621">
        <v>1340587</v>
      </c>
      <c r="P8621">
        <v>1</v>
      </c>
      <c r="Q8621">
        <v>3</v>
      </c>
      <c r="R8621" t="s">
        <v>44188</v>
      </c>
      <c r="S8621">
        <v>162</v>
      </c>
    </row>
    <row r="8622" spans="1:19" x14ac:dyDescent="0.25">
      <c r="A8622">
        <v>19321638</v>
      </c>
      <c r="B8622" t="s">
        <v>44189</v>
      </c>
      <c r="C8622" s="1" t="s">
        <v>44190</v>
      </c>
      <c r="D8622">
        <v>19321727</v>
      </c>
      <c r="E8622">
        <v>1</v>
      </c>
      <c r="F8622">
        <v>2</v>
      </c>
      <c r="H8622" t="s">
        <v>44191</v>
      </c>
      <c r="J8622" t="s">
        <v>44192</v>
      </c>
      <c r="O8622">
        <v>791664</v>
      </c>
      <c r="P8622">
        <v>1</v>
      </c>
      <c r="Q8622">
        <v>1</v>
      </c>
      <c r="R8622" t="s">
        <v>24134</v>
      </c>
      <c r="S8622">
        <v>2063</v>
      </c>
    </row>
    <row r="8623" spans="1:19" x14ac:dyDescent="0.25">
      <c r="A8623">
        <v>817521</v>
      </c>
      <c r="B8623" t="s">
        <v>44193</v>
      </c>
      <c r="C8623" s="1" t="s">
        <v>44194</v>
      </c>
      <c r="D8623">
        <v>817542</v>
      </c>
      <c r="E8623">
        <v>6</v>
      </c>
      <c r="F8623">
        <v>0</v>
      </c>
      <c r="H8623" t="s">
        <v>44195</v>
      </c>
      <c r="J8623" t="s">
        <v>44196</v>
      </c>
      <c r="O8623">
        <v>100008</v>
      </c>
      <c r="P8623">
        <v>1</v>
      </c>
      <c r="Q8623">
        <v>0</v>
      </c>
      <c r="R8623" t="s">
        <v>2122</v>
      </c>
      <c r="S8623">
        <v>1861</v>
      </c>
    </row>
    <row r="8624" spans="1:19" x14ac:dyDescent="0.25">
      <c r="A8624">
        <v>29014548</v>
      </c>
      <c r="B8624" t="s">
        <v>44197</v>
      </c>
      <c r="C8624" s="1" t="s">
        <v>44198</v>
      </c>
      <c r="D8624">
        <v>29014650</v>
      </c>
      <c r="E8624">
        <v>1</v>
      </c>
      <c r="F8624">
        <v>1</v>
      </c>
      <c r="H8624" t="s">
        <v>44199</v>
      </c>
      <c r="J8624" t="s">
        <v>44200</v>
      </c>
      <c r="O8624">
        <v>861807</v>
      </c>
      <c r="P8624">
        <v>1</v>
      </c>
      <c r="Q8624">
        <v>2</v>
      </c>
      <c r="R8624" t="s">
        <v>44201</v>
      </c>
      <c r="S8624">
        <v>351</v>
      </c>
    </row>
    <row r="8625" spans="1:19" x14ac:dyDescent="0.25">
      <c r="A8625">
        <v>19677979</v>
      </c>
      <c r="B8625" t="s">
        <v>44202</v>
      </c>
      <c r="C8625" s="1" t="s">
        <v>44203</v>
      </c>
      <c r="E8625">
        <v>1</v>
      </c>
      <c r="F8625">
        <v>7</v>
      </c>
      <c r="H8625" t="s">
        <v>44204</v>
      </c>
      <c r="J8625" t="s">
        <v>44205</v>
      </c>
      <c r="K8625" t="s">
        <v>44205</v>
      </c>
      <c r="M8625">
        <v>1264018</v>
      </c>
      <c r="O8625">
        <v>1264018</v>
      </c>
      <c r="P8625">
        <v>1</v>
      </c>
      <c r="Q8625">
        <v>0</v>
      </c>
      <c r="R8625" t="s">
        <v>44206</v>
      </c>
      <c r="S8625">
        <v>122</v>
      </c>
    </row>
    <row r="8626" spans="1:19" x14ac:dyDescent="0.25">
      <c r="A8626">
        <v>7756698</v>
      </c>
      <c r="B8626" t="s">
        <v>44207</v>
      </c>
      <c r="C8626" s="1" t="s">
        <v>44208</v>
      </c>
      <c r="E8626">
        <v>1</v>
      </c>
      <c r="F8626">
        <v>1</v>
      </c>
      <c r="H8626" t="s">
        <v>44209</v>
      </c>
      <c r="J8626" t="s">
        <v>44210</v>
      </c>
      <c r="K8626" t="s">
        <v>44211</v>
      </c>
      <c r="M8626">
        <v>179125</v>
      </c>
      <c r="O8626">
        <v>26130</v>
      </c>
      <c r="P8626">
        <v>1</v>
      </c>
      <c r="Q8626">
        <v>0</v>
      </c>
      <c r="R8626" t="s">
        <v>1359</v>
      </c>
      <c r="S8626">
        <v>71</v>
      </c>
    </row>
    <row r="8627" spans="1:19" x14ac:dyDescent="0.25">
      <c r="A8627">
        <v>35371154</v>
      </c>
      <c r="B8627" t="s">
        <v>44212</v>
      </c>
      <c r="C8627" s="1" t="s">
        <v>44213</v>
      </c>
      <c r="E8627">
        <v>3</v>
      </c>
      <c r="F8627">
        <v>5</v>
      </c>
      <c r="H8627" t="s">
        <v>44214</v>
      </c>
      <c r="J8627" t="s">
        <v>44215</v>
      </c>
      <c r="K8627" t="s">
        <v>44215</v>
      </c>
      <c r="M8627">
        <v>5763881</v>
      </c>
      <c r="O8627">
        <v>5763881</v>
      </c>
      <c r="P8627">
        <v>1</v>
      </c>
      <c r="Q8627">
        <v>2</v>
      </c>
      <c r="R8627" t="s">
        <v>2122</v>
      </c>
      <c r="S8627">
        <v>79</v>
      </c>
    </row>
    <row r="8628" spans="1:19" x14ac:dyDescent="0.25">
      <c r="A8628">
        <v>49841489</v>
      </c>
      <c r="B8628" t="s">
        <v>44216</v>
      </c>
      <c r="C8628" s="1" t="s">
        <v>44217</v>
      </c>
      <c r="E8628">
        <v>1</v>
      </c>
      <c r="F8628">
        <v>4</v>
      </c>
      <c r="H8628" t="s">
        <v>44218</v>
      </c>
      <c r="J8628" t="s">
        <v>44219</v>
      </c>
      <c r="O8628">
        <v>8085526</v>
      </c>
      <c r="P8628">
        <v>1</v>
      </c>
      <c r="Q8628">
        <v>-1</v>
      </c>
      <c r="R8628" t="s">
        <v>229</v>
      </c>
      <c r="S8628">
        <v>40</v>
      </c>
    </row>
    <row r="8629" spans="1:19" x14ac:dyDescent="0.25">
      <c r="A8629">
        <v>11257491</v>
      </c>
      <c r="B8629" t="s">
        <v>44220</v>
      </c>
      <c r="C8629" s="1" t="s">
        <v>44221</v>
      </c>
      <c r="D8629">
        <v>11257606</v>
      </c>
      <c r="E8629">
        <v>2</v>
      </c>
      <c r="F8629">
        <v>3</v>
      </c>
      <c r="H8629" t="s">
        <v>44222</v>
      </c>
      <c r="I8629">
        <v>0</v>
      </c>
      <c r="J8629" t="s">
        <v>44223</v>
      </c>
      <c r="K8629" t="s">
        <v>44223</v>
      </c>
      <c r="M8629">
        <v>1301972</v>
      </c>
      <c r="O8629">
        <v>1434837</v>
      </c>
      <c r="P8629">
        <v>1</v>
      </c>
      <c r="Q8629">
        <v>1</v>
      </c>
      <c r="R8629" t="s">
        <v>44224</v>
      </c>
      <c r="S8629">
        <v>4295</v>
      </c>
    </row>
    <row r="8630" spans="1:19" x14ac:dyDescent="0.25">
      <c r="A8630">
        <v>10329885</v>
      </c>
      <c r="B8630" t="s">
        <v>44225</v>
      </c>
      <c r="C8630" s="1" t="s">
        <v>44226</v>
      </c>
      <c r="D8630">
        <v>10396805</v>
      </c>
      <c r="E8630">
        <v>2</v>
      </c>
      <c r="F8630">
        <v>4</v>
      </c>
      <c r="H8630" t="s">
        <v>44227</v>
      </c>
      <c r="J8630" t="s">
        <v>44228</v>
      </c>
      <c r="K8630" t="s">
        <v>44229</v>
      </c>
      <c r="M8630">
        <v>600516</v>
      </c>
      <c r="O8630">
        <v>600516</v>
      </c>
      <c r="P8630">
        <v>1</v>
      </c>
      <c r="Q8630">
        <v>1</v>
      </c>
      <c r="R8630" t="s">
        <v>44230</v>
      </c>
      <c r="S8630">
        <v>179</v>
      </c>
    </row>
    <row r="8631" spans="1:19" x14ac:dyDescent="0.25">
      <c r="A8631">
        <v>23236041</v>
      </c>
      <c r="B8631" t="s">
        <v>44231</v>
      </c>
      <c r="C8631" t="s">
        <v>44232</v>
      </c>
      <c r="D8631">
        <v>23239162</v>
      </c>
      <c r="E8631">
        <v>1</v>
      </c>
      <c r="F8631">
        <v>1</v>
      </c>
      <c r="H8631" t="s">
        <v>44233</v>
      </c>
      <c r="J8631" t="s">
        <v>44234</v>
      </c>
      <c r="O8631">
        <v>2822134</v>
      </c>
      <c r="P8631">
        <v>1</v>
      </c>
      <c r="Q8631">
        <v>0</v>
      </c>
      <c r="R8631" t="s">
        <v>44235</v>
      </c>
      <c r="S8631">
        <v>69</v>
      </c>
    </row>
    <row r="8632" spans="1:19" x14ac:dyDescent="0.25">
      <c r="A8632">
        <v>17292173</v>
      </c>
      <c r="B8632" t="s">
        <v>44236</v>
      </c>
      <c r="C8632" s="1" t="s">
        <v>44237</v>
      </c>
      <c r="E8632">
        <v>1</v>
      </c>
      <c r="F8632">
        <v>3</v>
      </c>
      <c r="H8632" t="s">
        <v>44238</v>
      </c>
      <c r="J8632" t="s">
        <v>44239</v>
      </c>
      <c r="K8632" t="s">
        <v>44240</v>
      </c>
      <c r="M8632">
        <v>1449792</v>
      </c>
      <c r="O8632">
        <v>1449792</v>
      </c>
      <c r="P8632">
        <v>1</v>
      </c>
      <c r="Q8632">
        <v>0</v>
      </c>
      <c r="R8632" t="s">
        <v>44241</v>
      </c>
      <c r="S8632">
        <v>116</v>
      </c>
    </row>
    <row r="8633" spans="1:19" x14ac:dyDescent="0.25">
      <c r="A8633">
        <v>17031474</v>
      </c>
      <c r="B8633" t="s">
        <v>44242</v>
      </c>
      <c r="C8633" s="1" t="s">
        <v>44243</v>
      </c>
      <c r="E8633">
        <v>3</v>
      </c>
      <c r="F8633">
        <v>8</v>
      </c>
      <c r="H8633" t="s">
        <v>44244</v>
      </c>
      <c r="I8633">
        <v>2</v>
      </c>
      <c r="J8633" t="s">
        <v>44245</v>
      </c>
      <c r="K8633" t="s">
        <v>44246</v>
      </c>
      <c r="M8633">
        <v>-1</v>
      </c>
      <c r="O8633">
        <v>1003899</v>
      </c>
      <c r="P8633">
        <v>1</v>
      </c>
      <c r="Q8633">
        <v>2</v>
      </c>
      <c r="R8633" t="s">
        <v>44247</v>
      </c>
      <c r="S8633">
        <v>156</v>
      </c>
    </row>
    <row r="8634" spans="1:19" x14ac:dyDescent="0.25">
      <c r="A8634">
        <v>52007875</v>
      </c>
      <c r="B8634" t="s">
        <v>44248</v>
      </c>
      <c r="C8634" s="1" t="s">
        <v>44249</v>
      </c>
      <c r="E8634">
        <v>0</v>
      </c>
      <c r="F8634">
        <v>2</v>
      </c>
      <c r="H8634" t="s">
        <v>44250</v>
      </c>
      <c r="J8634" t="s">
        <v>44250</v>
      </c>
      <c r="O8634">
        <v>9575810</v>
      </c>
      <c r="P8634">
        <v>1</v>
      </c>
      <c r="Q8634">
        <v>0</v>
      </c>
      <c r="R8634" t="s">
        <v>44251</v>
      </c>
      <c r="S8634">
        <v>200</v>
      </c>
    </row>
    <row r="8635" spans="1:19" x14ac:dyDescent="0.25">
      <c r="A8635">
        <v>52656222</v>
      </c>
      <c r="B8635" t="s">
        <v>44252</v>
      </c>
      <c r="C8635" s="1" t="s">
        <v>44253</v>
      </c>
      <c r="E8635">
        <v>1</v>
      </c>
      <c r="F8635">
        <v>0</v>
      </c>
      <c r="H8635" t="s">
        <v>44254</v>
      </c>
      <c r="J8635" t="s">
        <v>44255</v>
      </c>
      <c r="K8635" t="s">
        <v>44255</v>
      </c>
      <c r="M8635">
        <v>988738</v>
      </c>
      <c r="O8635">
        <v>988738</v>
      </c>
      <c r="P8635">
        <v>1</v>
      </c>
      <c r="Q8635">
        <v>1</v>
      </c>
      <c r="R8635" t="s">
        <v>44256</v>
      </c>
      <c r="S8635">
        <v>45</v>
      </c>
    </row>
    <row r="8636" spans="1:19" x14ac:dyDescent="0.25">
      <c r="A8636">
        <v>48227660</v>
      </c>
      <c r="B8636" t="s">
        <v>44257</v>
      </c>
      <c r="C8636" s="1" t="s">
        <v>44258</v>
      </c>
      <c r="E8636">
        <v>1</v>
      </c>
      <c r="F8636">
        <v>0</v>
      </c>
      <c r="H8636" t="s">
        <v>44259</v>
      </c>
      <c r="J8636" t="s">
        <v>44260</v>
      </c>
      <c r="K8636" t="s">
        <v>44261</v>
      </c>
      <c r="M8636">
        <v>4420255</v>
      </c>
      <c r="O8636">
        <v>4420255</v>
      </c>
      <c r="P8636">
        <v>1</v>
      </c>
      <c r="Q8636">
        <v>1</v>
      </c>
      <c r="R8636" t="s">
        <v>44262</v>
      </c>
      <c r="S8636">
        <v>42</v>
      </c>
    </row>
    <row r="8637" spans="1:19" x14ac:dyDescent="0.25">
      <c r="A8637">
        <v>45747307</v>
      </c>
      <c r="B8637" t="s">
        <v>44263</v>
      </c>
      <c r="C8637" s="1" t="s">
        <v>44264</v>
      </c>
      <c r="D8637">
        <v>45747464</v>
      </c>
      <c r="E8637">
        <v>1</v>
      </c>
      <c r="F8637">
        <v>10</v>
      </c>
      <c r="H8637" t="s">
        <v>44265</v>
      </c>
      <c r="J8637" t="s">
        <v>44266</v>
      </c>
      <c r="O8637">
        <v>7307846</v>
      </c>
      <c r="P8637">
        <v>1</v>
      </c>
      <c r="Q8637">
        <v>0</v>
      </c>
      <c r="R8637" t="s">
        <v>44267</v>
      </c>
      <c r="S8637">
        <v>91</v>
      </c>
    </row>
    <row r="8638" spans="1:19" x14ac:dyDescent="0.25">
      <c r="A8638">
        <v>6187574</v>
      </c>
      <c r="B8638" t="s">
        <v>44268</v>
      </c>
      <c r="C8638" s="1" t="s">
        <v>44269</v>
      </c>
      <c r="E8638">
        <v>1</v>
      </c>
      <c r="F8638">
        <v>0</v>
      </c>
      <c r="H8638" t="s">
        <v>44270</v>
      </c>
      <c r="I8638">
        <v>5</v>
      </c>
      <c r="J8638" t="s">
        <v>44271</v>
      </c>
      <c r="K8638" t="s">
        <v>44272</v>
      </c>
      <c r="M8638">
        <v>154011</v>
      </c>
      <c r="O8638">
        <v>154011</v>
      </c>
      <c r="P8638">
        <v>1</v>
      </c>
      <c r="Q8638">
        <v>6</v>
      </c>
      <c r="R8638" t="s">
        <v>44273</v>
      </c>
      <c r="S8638">
        <v>9505</v>
      </c>
    </row>
    <row r="8639" spans="1:19" x14ac:dyDescent="0.25">
      <c r="A8639">
        <v>47706240</v>
      </c>
      <c r="B8639" t="s">
        <v>44274</v>
      </c>
      <c r="C8639" s="1" t="s">
        <v>44275</v>
      </c>
      <c r="D8639">
        <v>47706453</v>
      </c>
      <c r="E8639">
        <v>3</v>
      </c>
      <c r="F8639">
        <v>1</v>
      </c>
      <c r="H8639" t="s">
        <v>44276</v>
      </c>
      <c r="I8639">
        <v>0</v>
      </c>
      <c r="J8639" t="s">
        <v>44277</v>
      </c>
      <c r="K8639" t="s">
        <v>44278</v>
      </c>
      <c r="M8639">
        <v>7669809</v>
      </c>
      <c r="O8639">
        <v>7072412</v>
      </c>
      <c r="P8639">
        <v>1</v>
      </c>
      <c r="Q8639">
        <v>3</v>
      </c>
      <c r="R8639" t="s">
        <v>40502</v>
      </c>
      <c r="S8639">
        <v>127</v>
      </c>
    </row>
    <row r="8640" spans="1:19" x14ac:dyDescent="0.25">
      <c r="A8640">
        <v>27195329</v>
      </c>
      <c r="B8640" t="s">
        <v>44279</v>
      </c>
      <c r="C8640" s="1" t="s">
        <v>44280</v>
      </c>
      <c r="D8640">
        <v>27195438</v>
      </c>
      <c r="E8640">
        <v>1</v>
      </c>
      <c r="F8640">
        <v>0</v>
      </c>
      <c r="H8640" t="s">
        <v>44281</v>
      </c>
      <c r="J8640" t="s">
        <v>44282</v>
      </c>
      <c r="O8640">
        <v>2750563</v>
      </c>
      <c r="P8640">
        <v>1</v>
      </c>
      <c r="Q8640">
        <v>1</v>
      </c>
      <c r="R8640" t="s">
        <v>44283</v>
      </c>
      <c r="S8640">
        <v>113</v>
      </c>
    </row>
    <row r="8641" spans="1:19" x14ac:dyDescent="0.25">
      <c r="A8641">
        <v>35299596</v>
      </c>
      <c r="B8641" t="s">
        <v>44284</v>
      </c>
      <c r="C8641" s="1" t="s">
        <v>44285</v>
      </c>
      <c r="E8641">
        <v>5</v>
      </c>
      <c r="F8641">
        <v>8</v>
      </c>
      <c r="H8641" t="s">
        <v>44286</v>
      </c>
      <c r="J8641" t="s">
        <v>44287</v>
      </c>
      <c r="K8641" t="s">
        <v>44288</v>
      </c>
      <c r="M8641">
        <v>4797804</v>
      </c>
      <c r="O8641">
        <v>4797804</v>
      </c>
      <c r="P8641">
        <v>1</v>
      </c>
      <c r="Q8641">
        <v>0</v>
      </c>
      <c r="R8641" t="s">
        <v>44289</v>
      </c>
      <c r="S8641">
        <v>1161</v>
      </c>
    </row>
    <row r="8642" spans="1:19" x14ac:dyDescent="0.25">
      <c r="A8642">
        <v>19883470</v>
      </c>
      <c r="B8642" t="s">
        <v>44290</v>
      </c>
      <c r="C8642" s="1" t="s">
        <v>44291</v>
      </c>
      <c r="E8642">
        <v>1</v>
      </c>
      <c r="F8642">
        <v>0</v>
      </c>
      <c r="H8642" t="s">
        <v>44292</v>
      </c>
      <c r="J8642" t="s">
        <v>44293</v>
      </c>
      <c r="K8642" t="s">
        <v>44293</v>
      </c>
      <c r="M8642">
        <v>4370109</v>
      </c>
      <c r="O8642">
        <v>2974944</v>
      </c>
      <c r="P8642">
        <v>1</v>
      </c>
      <c r="Q8642">
        <v>0</v>
      </c>
      <c r="R8642" t="s">
        <v>44294</v>
      </c>
      <c r="S8642">
        <v>416</v>
      </c>
    </row>
    <row r="8643" spans="1:19" x14ac:dyDescent="0.25">
      <c r="A8643">
        <v>31524493</v>
      </c>
      <c r="B8643" t="s">
        <v>44295</v>
      </c>
      <c r="C8643" s="1" t="s">
        <v>44296</v>
      </c>
      <c r="D8643">
        <v>31524912</v>
      </c>
      <c r="E8643">
        <v>2</v>
      </c>
      <c r="F8643">
        <v>0</v>
      </c>
      <c r="H8643" t="s">
        <v>44297</v>
      </c>
      <c r="J8643" t="s">
        <v>44298</v>
      </c>
      <c r="K8643" t="s">
        <v>44298</v>
      </c>
      <c r="M8643">
        <v>4472840</v>
      </c>
      <c r="O8643">
        <v>4703698</v>
      </c>
      <c r="P8643">
        <v>1</v>
      </c>
      <c r="Q8643">
        <v>0</v>
      </c>
      <c r="R8643" t="s">
        <v>44299</v>
      </c>
      <c r="S8643">
        <v>57</v>
      </c>
    </row>
    <row r="8644" spans="1:19" x14ac:dyDescent="0.25">
      <c r="A8644">
        <v>2175054</v>
      </c>
      <c r="B8644" t="s">
        <v>44300</v>
      </c>
      <c r="C8644" s="1" t="s">
        <v>44301</v>
      </c>
      <c r="D8644">
        <v>2178026</v>
      </c>
      <c r="E8644">
        <v>2</v>
      </c>
      <c r="F8644">
        <v>5</v>
      </c>
      <c r="H8644" t="s">
        <v>44302</v>
      </c>
      <c r="J8644" t="s">
        <v>44303</v>
      </c>
      <c r="K8644" t="s">
        <v>44304</v>
      </c>
      <c r="M8644">
        <v>25749</v>
      </c>
      <c r="O8644">
        <v>25749</v>
      </c>
      <c r="P8644">
        <v>1</v>
      </c>
      <c r="Q8644">
        <v>1</v>
      </c>
      <c r="R8644" t="s">
        <v>44305</v>
      </c>
      <c r="S8644">
        <v>391</v>
      </c>
    </row>
    <row r="8645" spans="1:19" x14ac:dyDescent="0.25">
      <c r="A8645">
        <v>50988312</v>
      </c>
      <c r="B8645" t="s">
        <v>44306</v>
      </c>
      <c r="C8645" s="1" t="s">
        <v>44307</v>
      </c>
      <c r="D8645">
        <v>50988882</v>
      </c>
      <c r="E8645">
        <v>1</v>
      </c>
      <c r="F8645">
        <v>1</v>
      </c>
      <c r="H8645" t="s">
        <v>44308</v>
      </c>
      <c r="J8645" t="s">
        <v>44309</v>
      </c>
      <c r="O8645">
        <v>9508958</v>
      </c>
      <c r="P8645">
        <v>1</v>
      </c>
      <c r="Q8645">
        <v>0</v>
      </c>
      <c r="R8645" t="s">
        <v>229</v>
      </c>
      <c r="S8645">
        <v>135</v>
      </c>
    </row>
    <row r="8646" spans="1:19" x14ac:dyDescent="0.25">
      <c r="A8646">
        <v>37107710</v>
      </c>
      <c r="B8646" t="s">
        <v>44310</v>
      </c>
      <c r="C8646" s="1" t="s">
        <v>44311</v>
      </c>
      <c r="E8646">
        <v>0</v>
      </c>
      <c r="F8646">
        <v>0</v>
      </c>
      <c r="H8646" t="s">
        <v>44312</v>
      </c>
      <c r="J8646" t="s">
        <v>44312</v>
      </c>
      <c r="O8646">
        <v>6233393</v>
      </c>
      <c r="P8646">
        <v>1</v>
      </c>
      <c r="Q8646">
        <v>2</v>
      </c>
      <c r="R8646" t="s">
        <v>7041</v>
      </c>
      <c r="S8646">
        <v>143</v>
      </c>
    </row>
    <row r="8647" spans="1:19" x14ac:dyDescent="0.25">
      <c r="A8647">
        <v>2825207</v>
      </c>
      <c r="B8647" t="s">
        <v>44313</v>
      </c>
      <c r="C8647" s="1" t="s">
        <v>44314</v>
      </c>
      <c r="E8647">
        <v>2</v>
      </c>
      <c r="F8647">
        <v>1</v>
      </c>
      <c r="H8647" t="s">
        <v>44315</v>
      </c>
      <c r="J8647" t="s">
        <v>44316</v>
      </c>
      <c r="K8647" t="s">
        <v>44317</v>
      </c>
      <c r="M8647">
        <v>49246</v>
      </c>
      <c r="O8647">
        <v>139951</v>
      </c>
      <c r="P8647">
        <v>1</v>
      </c>
      <c r="Q8647">
        <v>1</v>
      </c>
      <c r="R8647" t="s">
        <v>44318</v>
      </c>
      <c r="S8647">
        <v>974</v>
      </c>
    </row>
    <row r="8648" spans="1:19" x14ac:dyDescent="0.25">
      <c r="A8648">
        <v>20029603</v>
      </c>
      <c r="B8648" t="s">
        <v>44319</v>
      </c>
      <c r="C8648" s="1" t="s">
        <v>44320</v>
      </c>
      <c r="D8648">
        <v>20029669</v>
      </c>
      <c r="E8648">
        <v>2</v>
      </c>
      <c r="F8648">
        <v>0</v>
      </c>
      <c r="H8648" t="s">
        <v>44321</v>
      </c>
      <c r="J8648" t="s">
        <v>44322</v>
      </c>
      <c r="O8648">
        <v>892448</v>
      </c>
      <c r="P8648">
        <v>1</v>
      </c>
      <c r="Q8648">
        <v>0</v>
      </c>
      <c r="R8648" t="s">
        <v>44323</v>
      </c>
      <c r="S8648">
        <v>225</v>
      </c>
    </row>
    <row r="8649" spans="1:19" x14ac:dyDescent="0.25">
      <c r="A8649">
        <v>10544405</v>
      </c>
      <c r="B8649" t="s">
        <v>44324</v>
      </c>
      <c r="C8649" s="1" t="s">
        <v>44325</v>
      </c>
      <c r="E8649">
        <v>0</v>
      </c>
      <c r="F8649">
        <v>3</v>
      </c>
      <c r="H8649" t="s">
        <v>44326</v>
      </c>
      <c r="J8649" t="s">
        <v>44326</v>
      </c>
      <c r="O8649">
        <v>544847</v>
      </c>
      <c r="P8649">
        <v>1</v>
      </c>
      <c r="Q8649">
        <v>0</v>
      </c>
      <c r="R8649" t="s">
        <v>44327</v>
      </c>
      <c r="S8649">
        <v>186</v>
      </c>
    </row>
    <row r="8650" spans="1:19" x14ac:dyDescent="0.25">
      <c r="A8650">
        <v>36592280</v>
      </c>
      <c r="B8650" t="s">
        <v>44328</v>
      </c>
      <c r="C8650" s="1" t="s">
        <v>44329</v>
      </c>
      <c r="D8650">
        <v>36592467</v>
      </c>
      <c r="E8650">
        <v>1</v>
      </c>
      <c r="F8650">
        <v>0</v>
      </c>
      <c r="H8650" t="s">
        <v>44330</v>
      </c>
      <c r="I8650">
        <v>1</v>
      </c>
      <c r="J8650" t="s">
        <v>44331</v>
      </c>
      <c r="O8650">
        <v>3839441</v>
      </c>
      <c r="P8650">
        <v>1</v>
      </c>
      <c r="Q8650">
        <v>1</v>
      </c>
      <c r="R8650" t="s">
        <v>44332</v>
      </c>
      <c r="S8650">
        <v>50</v>
      </c>
    </row>
    <row r="8651" spans="1:19" x14ac:dyDescent="0.25">
      <c r="A8651">
        <v>21717068</v>
      </c>
      <c r="B8651" t="s">
        <v>44333</v>
      </c>
      <c r="C8651" s="1" t="s">
        <v>44334</v>
      </c>
      <c r="D8651">
        <v>21832484</v>
      </c>
      <c r="E8651">
        <v>1</v>
      </c>
      <c r="F8651">
        <v>8</v>
      </c>
      <c r="H8651" t="s">
        <v>44335</v>
      </c>
      <c r="J8651" t="s">
        <v>44336</v>
      </c>
      <c r="O8651">
        <v>2246120</v>
      </c>
      <c r="P8651">
        <v>1</v>
      </c>
      <c r="Q8651">
        <v>1</v>
      </c>
      <c r="R8651" t="s">
        <v>44337</v>
      </c>
      <c r="S8651">
        <v>730</v>
      </c>
    </row>
    <row r="8652" spans="1:19" x14ac:dyDescent="0.25">
      <c r="A8652">
        <v>18910301</v>
      </c>
      <c r="B8652" t="s">
        <v>44338</v>
      </c>
      <c r="C8652" s="1" t="s">
        <v>44339</v>
      </c>
      <c r="E8652">
        <v>1</v>
      </c>
      <c r="F8652">
        <v>0</v>
      </c>
      <c r="H8652" t="s">
        <v>44340</v>
      </c>
      <c r="J8652" t="s">
        <v>44341</v>
      </c>
      <c r="K8652" t="s">
        <v>44342</v>
      </c>
      <c r="M8652">
        <v>2183804</v>
      </c>
      <c r="O8652">
        <v>2632818</v>
      </c>
      <c r="P8652">
        <v>1</v>
      </c>
      <c r="Q8652">
        <v>0</v>
      </c>
      <c r="R8652" t="s">
        <v>44343</v>
      </c>
      <c r="S8652">
        <v>1023</v>
      </c>
    </row>
    <row r="8653" spans="1:19" x14ac:dyDescent="0.25">
      <c r="A8653">
        <v>36756619</v>
      </c>
      <c r="B8653" t="s">
        <v>44344</v>
      </c>
      <c r="C8653" s="1" t="s">
        <v>44345</v>
      </c>
      <c r="E8653">
        <v>1</v>
      </c>
      <c r="F8653">
        <v>2</v>
      </c>
      <c r="H8653" t="s">
        <v>44346</v>
      </c>
      <c r="J8653" t="s">
        <v>44347</v>
      </c>
      <c r="O8653">
        <v>6189606</v>
      </c>
      <c r="P8653">
        <v>1</v>
      </c>
      <c r="Q8653">
        <v>0</v>
      </c>
      <c r="R8653" t="s">
        <v>44348</v>
      </c>
      <c r="S8653">
        <v>154</v>
      </c>
    </row>
    <row r="8654" spans="1:19" x14ac:dyDescent="0.25">
      <c r="A8654">
        <v>43852869</v>
      </c>
      <c r="B8654" t="s">
        <v>44349</v>
      </c>
      <c r="C8654" s="1" t="s">
        <v>44350</v>
      </c>
      <c r="E8654">
        <v>0</v>
      </c>
      <c r="F8654">
        <v>4</v>
      </c>
      <c r="H8654" t="s">
        <v>44351</v>
      </c>
      <c r="J8654" t="s">
        <v>44352</v>
      </c>
      <c r="K8654" t="s">
        <v>44352</v>
      </c>
      <c r="M8654">
        <v>1324</v>
      </c>
      <c r="O8654">
        <v>7956416</v>
      </c>
      <c r="P8654">
        <v>1</v>
      </c>
      <c r="Q8654">
        <v>0</v>
      </c>
      <c r="R8654" t="s">
        <v>44353</v>
      </c>
      <c r="S8654">
        <v>44</v>
      </c>
    </row>
    <row r="8655" spans="1:19" x14ac:dyDescent="0.25">
      <c r="A8655">
        <v>14559442</v>
      </c>
      <c r="B8655" t="s">
        <v>44354</v>
      </c>
      <c r="C8655" s="1" t="s">
        <v>44355</v>
      </c>
      <c r="D8655">
        <v>14568035</v>
      </c>
      <c r="E8655">
        <v>1</v>
      </c>
      <c r="F8655">
        <v>10</v>
      </c>
      <c r="H8655" t="s">
        <v>44356</v>
      </c>
      <c r="J8655" t="s">
        <v>44357</v>
      </c>
      <c r="O8655">
        <v>1049693</v>
      </c>
      <c r="P8655">
        <v>1</v>
      </c>
      <c r="Q8655">
        <v>3</v>
      </c>
      <c r="R8655" t="s">
        <v>44358</v>
      </c>
      <c r="S8655">
        <v>248</v>
      </c>
    </row>
    <row r="8656" spans="1:19" x14ac:dyDescent="0.25">
      <c r="A8656">
        <v>8970490</v>
      </c>
      <c r="B8656" t="s">
        <v>44359</v>
      </c>
      <c r="C8656" s="1" t="s">
        <v>44360</v>
      </c>
      <c r="E8656">
        <v>1</v>
      </c>
      <c r="F8656">
        <v>3</v>
      </c>
      <c r="H8656" t="s">
        <v>44361</v>
      </c>
      <c r="J8656" t="s">
        <v>44362</v>
      </c>
      <c r="K8656" t="s">
        <v>44363</v>
      </c>
      <c r="M8656">
        <v>722783</v>
      </c>
      <c r="O8656">
        <v>1143563</v>
      </c>
      <c r="P8656">
        <v>1</v>
      </c>
      <c r="Q8656">
        <v>1</v>
      </c>
      <c r="R8656" t="s">
        <v>44364</v>
      </c>
      <c r="S8656">
        <v>182</v>
      </c>
    </row>
    <row r="8657" spans="1:19" x14ac:dyDescent="0.25">
      <c r="A8657">
        <v>42007265</v>
      </c>
      <c r="B8657" t="s">
        <v>44365</v>
      </c>
      <c r="C8657" s="1" t="s">
        <v>44366</v>
      </c>
      <c r="E8657">
        <v>0</v>
      </c>
      <c r="F8657">
        <v>0</v>
      </c>
      <c r="H8657" t="s">
        <v>44367</v>
      </c>
      <c r="I8657">
        <v>0</v>
      </c>
      <c r="J8657" t="s">
        <v>44368</v>
      </c>
      <c r="K8657" t="s">
        <v>44368</v>
      </c>
      <c r="M8657">
        <v>23528</v>
      </c>
      <c r="O8657">
        <v>1610628</v>
      </c>
      <c r="P8657">
        <v>1</v>
      </c>
      <c r="Q8657">
        <v>3</v>
      </c>
      <c r="R8657" t="s">
        <v>44369</v>
      </c>
      <c r="S8657">
        <v>2490</v>
      </c>
    </row>
    <row r="8658" spans="1:19" x14ac:dyDescent="0.25">
      <c r="A8658">
        <v>80307</v>
      </c>
      <c r="B8658" t="s">
        <v>44370</v>
      </c>
      <c r="C8658" s="1" t="s">
        <v>44371</v>
      </c>
      <c r="D8658">
        <v>84489</v>
      </c>
      <c r="E8658">
        <v>5</v>
      </c>
      <c r="F8658">
        <v>0</v>
      </c>
      <c r="H8658" t="s">
        <v>44372</v>
      </c>
      <c r="J8658" t="s">
        <v>44373</v>
      </c>
      <c r="N8658" t="s">
        <v>44374</v>
      </c>
      <c r="O8658">
        <v>426</v>
      </c>
      <c r="P8658">
        <v>1</v>
      </c>
      <c r="Q8658">
        <v>3</v>
      </c>
      <c r="R8658" t="s">
        <v>44375</v>
      </c>
      <c r="S8658">
        <v>813</v>
      </c>
    </row>
    <row r="8659" spans="1:19" x14ac:dyDescent="0.25">
      <c r="A8659">
        <v>48610383</v>
      </c>
      <c r="B8659" t="s">
        <v>44376</v>
      </c>
      <c r="C8659" s="1" t="s">
        <v>44377</v>
      </c>
      <c r="E8659">
        <v>0</v>
      </c>
      <c r="F8659">
        <v>0</v>
      </c>
      <c r="H8659" t="s">
        <v>44378</v>
      </c>
      <c r="J8659" t="s">
        <v>44378</v>
      </c>
      <c r="O8659">
        <v>6678345</v>
      </c>
      <c r="P8659">
        <v>1</v>
      </c>
      <c r="Q8659">
        <v>0</v>
      </c>
      <c r="R8659" t="s">
        <v>44379</v>
      </c>
      <c r="S8659">
        <v>50</v>
      </c>
    </row>
    <row r="8660" spans="1:19" x14ac:dyDescent="0.25">
      <c r="A8660">
        <v>15684193</v>
      </c>
      <c r="B8660" t="s">
        <v>44380</v>
      </c>
      <c r="C8660" s="1" t="s">
        <v>44381</v>
      </c>
      <c r="D8660">
        <v>15689019</v>
      </c>
      <c r="E8660">
        <v>5</v>
      </c>
      <c r="F8660">
        <v>0</v>
      </c>
      <c r="H8660" t="s">
        <v>44382</v>
      </c>
      <c r="I8660">
        <v>2</v>
      </c>
      <c r="J8660" t="s">
        <v>44383</v>
      </c>
      <c r="O8660">
        <v>766543</v>
      </c>
      <c r="P8660">
        <v>1</v>
      </c>
      <c r="Q8660">
        <v>3</v>
      </c>
      <c r="R8660" t="s">
        <v>44384</v>
      </c>
      <c r="S8660">
        <v>1620</v>
      </c>
    </row>
    <row r="8661" spans="1:19" x14ac:dyDescent="0.25">
      <c r="A8661">
        <v>8147516</v>
      </c>
      <c r="B8661" t="s">
        <v>44385</v>
      </c>
      <c r="C8661" s="1" t="s">
        <v>44386</v>
      </c>
      <c r="D8661">
        <v>8150225</v>
      </c>
      <c r="E8661">
        <v>1</v>
      </c>
      <c r="F8661">
        <v>0</v>
      </c>
      <c r="H8661" t="s">
        <v>44387</v>
      </c>
      <c r="J8661" t="s">
        <v>44388</v>
      </c>
      <c r="O8661">
        <v>909501</v>
      </c>
      <c r="P8661">
        <v>1</v>
      </c>
      <c r="Q8661">
        <v>0</v>
      </c>
      <c r="R8661" t="s">
        <v>44389</v>
      </c>
      <c r="S8661">
        <v>158</v>
      </c>
    </row>
    <row r="8662" spans="1:19" x14ac:dyDescent="0.25">
      <c r="A8662">
        <v>15718925</v>
      </c>
      <c r="B8662" t="s">
        <v>44390</v>
      </c>
      <c r="C8662" s="1" t="s">
        <v>44391</v>
      </c>
      <c r="E8662">
        <v>1</v>
      </c>
      <c r="F8662">
        <v>0</v>
      </c>
      <c r="H8662" t="s">
        <v>44392</v>
      </c>
      <c r="J8662" t="s">
        <v>44393</v>
      </c>
      <c r="K8662" t="s">
        <v>44394</v>
      </c>
      <c r="M8662">
        <v>1121309</v>
      </c>
      <c r="O8662">
        <v>1121309</v>
      </c>
      <c r="P8662">
        <v>1</v>
      </c>
      <c r="Q8662">
        <v>0</v>
      </c>
      <c r="R8662" t="s">
        <v>44395</v>
      </c>
      <c r="S8662">
        <v>884</v>
      </c>
    </row>
    <row r="8663" spans="1:19" x14ac:dyDescent="0.25">
      <c r="A8663">
        <v>49575278</v>
      </c>
      <c r="B8663" t="s">
        <v>44396</v>
      </c>
      <c r="C8663" s="1" t="s">
        <v>44397</v>
      </c>
      <c r="E8663">
        <v>1</v>
      </c>
      <c r="F8663">
        <v>13</v>
      </c>
      <c r="H8663" t="s">
        <v>44398</v>
      </c>
      <c r="J8663" t="s">
        <v>44399</v>
      </c>
      <c r="K8663" t="s">
        <v>44400</v>
      </c>
      <c r="M8663">
        <v>1000551</v>
      </c>
      <c r="O8663">
        <v>9329101</v>
      </c>
      <c r="P8663">
        <v>1</v>
      </c>
      <c r="Q8663">
        <v>-3</v>
      </c>
      <c r="R8663" t="s">
        <v>44401</v>
      </c>
      <c r="S8663">
        <v>72</v>
      </c>
    </row>
    <row r="8664" spans="1:19" x14ac:dyDescent="0.25">
      <c r="A8664">
        <v>18217329</v>
      </c>
      <c r="B8664" t="s">
        <v>44402</v>
      </c>
      <c r="C8664" s="1" t="s">
        <v>44403</v>
      </c>
      <c r="D8664">
        <v>18217612</v>
      </c>
      <c r="E8664">
        <v>2</v>
      </c>
      <c r="F8664">
        <v>2</v>
      </c>
      <c r="H8664" t="s">
        <v>44404</v>
      </c>
      <c r="J8664" t="s">
        <v>44405</v>
      </c>
      <c r="O8664">
        <v>472501</v>
      </c>
      <c r="P8664">
        <v>1</v>
      </c>
      <c r="Q8664">
        <v>1</v>
      </c>
      <c r="R8664" t="s">
        <v>44406</v>
      </c>
      <c r="S8664">
        <v>288</v>
      </c>
    </row>
    <row r="8665" spans="1:19" x14ac:dyDescent="0.25">
      <c r="A8665">
        <v>30711991</v>
      </c>
      <c r="B8665" t="s">
        <v>44407</v>
      </c>
      <c r="C8665" s="1" t="s">
        <v>44408</v>
      </c>
      <c r="D8665">
        <v>30718338</v>
      </c>
      <c r="E8665">
        <v>1</v>
      </c>
      <c r="F8665">
        <v>0</v>
      </c>
      <c r="H8665" t="s">
        <v>44409</v>
      </c>
      <c r="I8665">
        <v>4</v>
      </c>
      <c r="J8665" t="s">
        <v>44410</v>
      </c>
      <c r="K8665" t="s">
        <v>44411</v>
      </c>
      <c r="M8665">
        <v>709671</v>
      </c>
      <c r="O8665">
        <v>3270417</v>
      </c>
      <c r="P8665">
        <v>1</v>
      </c>
      <c r="Q8665">
        <v>1</v>
      </c>
      <c r="R8665" t="s">
        <v>44412</v>
      </c>
      <c r="S8665">
        <v>757</v>
      </c>
    </row>
    <row r="8666" spans="1:19" x14ac:dyDescent="0.25">
      <c r="A8666">
        <v>7872589</v>
      </c>
      <c r="B8666" t="s">
        <v>44413</v>
      </c>
      <c r="C8666" s="1" t="s">
        <v>44414</v>
      </c>
      <c r="D8666">
        <v>7872685</v>
      </c>
      <c r="E8666">
        <v>5</v>
      </c>
      <c r="F8666">
        <v>0</v>
      </c>
      <c r="H8666" t="s">
        <v>44415</v>
      </c>
      <c r="I8666">
        <v>18</v>
      </c>
      <c r="J8666" t="s">
        <v>44416</v>
      </c>
      <c r="K8666" t="s">
        <v>44417</v>
      </c>
      <c r="M8666">
        <v>1407</v>
      </c>
      <c r="O8666">
        <v>1407</v>
      </c>
      <c r="P8666">
        <v>1</v>
      </c>
      <c r="Q8666">
        <v>59</v>
      </c>
      <c r="R8666" t="s">
        <v>44418</v>
      </c>
      <c r="S8666">
        <v>68483</v>
      </c>
    </row>
    <row r="8667" spans="1:19" x14ac:dyDescent="0.25">
      <c r="A8667">
        <v>41860262</v>
      </c>
      <c r="B8667" t="s">
        <v>44419</v>
      </c>
      <c r="C8667" t="s">
        <v>44420</v>
      </c>
      <c r="E8667">
        <v>2</v>
      </c>
      <c r="F8667">
        <v>0</v>
      </c>
      <c r="H8667" t="s">
        <v>44421</v>
      </c>
      <c r="I8667">
        <v>1</v>
      </c>
      <c r="J8667" t="s">
        <v>44422</v>
      </c>
      <c r="O8667">
        <v>6493497</v>
      </c>
      <c r="P8667">
        <v>1</v>
      </c>
      <c r="Q8667">
        <v>0</v>
      </c>
      <c r="R8667" t="s">
        <v>44423</v>
      </c>
      <c r="S8667">
        <v>404</v>
      </c>
    </row>
    <row r="8668" spans="1:19" x14ac:dyDescent="0.25">
      <c r="A8668">
        <v>26087642</v>
      </c>
      <c r="B8668" t="s">
        <v>44424</v>
      </c>
      <c r="C8668" s="1" t="s">
        <v>44425</v>
      </c>
      <c r="E8668">
        <v>2</v>
      </c>
      <c r="F8668">
        <v>0</v>
      </c>
      <c r="H8668" t="s">
        <v>44426</v>
      </c>
      <c r="J8668" t="s">
        <v>44427</v>
      </c>
      <c r="O8668">
        <v>792580</v>
      </c>
      <c r="P8668">
        <v>1</v>
      </c>
      <c r="Q8668">
        <v>1</v>
      </c>
      <c r="R8668" t="s">
        <v>9985</v>
      </c>
      <c r="S8668">
        <v>93</v>
      </c>
    </row>
    <row r="8669" spans="1:19" x14ac:dyDescent="0.25">
      <c r="A8669">
        <v>31751555</v>
      </c>
      <c r="B8669" t="s">
        <v>44428</v>
      </c>
      <c r="C8669" s="1" t="s">
        <v>44429</v>
      </c>
      <c r="D8669">
        <v>31751989</v>
      </c>
      <c r="E8669">
        <v>1</v>
      </c>
      <c r="F8669">
        <v>1</v>
      </c>
      <c r="H8669" t="s">
        <v>44430</v>
      </c>
      <c r="J8669" t="s">
        <v>44431</v>
      </c>
      <c r="O8669">
        <v>4554781</v>
      </c>
      <c r="P8669">
        <v>1</v>
      </c>
      <c r="Q8669">
        <v>0</v>
      </c>
      <c r="R8669" t="s">
        <v>44432</v>
      </c>
      <c r="S8669">
        <v>85</v>
      </c>
    </row>
    <row r="8670" spans="1:19" x14ac:dyDescent="0.25">
      <c r="A8670">
        <v>47235256</v>
      </c>
      <c r="B8670" t="s">
        <v>44433</v>
      </c>
      <c r="C8670" s="1" t="s">
        <v>44434</v>
      </c>
      <c r="D8670">
        <v>47235368</v>
      </c>
      <c r="E8670">
        <v>1</v>
      </c>
      <c r="F8670">
        <v>0</v>
      </c>
      <c r="H8670" t="s">
        <v>44435</v>
      </c>
      <c r="I8670">
        <v>1</v>
      </c>
      <c r="J8670" t="s">
        <v>44436</v>
      </c>
      <c r="O8670">
        <v>4018268</v>
      </c>
      <c r="P8670">
        <v>1</v>
      </c>
      <c r="Q8670">
        <v>2</v>
      </c>
      <c r="R8670" t="s">
        <v>37695</v>
      </c>
      <c r="S8670">
        <v>5693</v>
      </c>
    </row>
    <row r="8671" spans="1:19" x14ac:dyDescent="0.25">
      <c r="A8671">
        <v>43389118</v>
      </c>
      <c r="B8671" t="s">
        <v>44437</v>
      </c>
      <c r="C8671" s="1" t="s">
        <v>44438</v>
      </c>
      <c r="E8671">
        <v>2</v>
      </c>
      <c r="F8671">
        <v>3</v>
      </c>
      <c r="H8671" t="s">
        <v>44439</v>
      </c>
      <c r="J8671" t="s">
        <v>44440</v>
      </c>
      <c r="K8671" t="s">
        <v>44440</v>
      </c>
      <c r="M8671">
        <v>15168</v>
      </c>
      <c r="O8671">
        <v>5005698</v>
      </c>
      <c r="P8671">
        <v>1</v>
      </c>
      <c r="Q8671">
        <v>-3</v>
      </c>
      <c r="R8671" t="s">
        <v>6108</v>
      </c>
      <c r="S8671">
        <v>40</v>
      </c>
    </row>
    <row r="8672" spans="1:19" x14ac:dyDescent="0.25">
      <c r="A8672">
        <v>42481474</v>
      </c>
      <c r="B8672" t="s">
        <v>44441</v>
      </c>
      <c r="C8672" s="1" t="s">
        <v>44442</v>
      </c>
      <c r="E8672">
        <v>1</v>
      </c>
      <c r="F8672">
        <v>0</v>
      </c>
      <c r="H8672" t="s">
        <v>44443</v>
      </c>
      <c r="J8672" t="s">
        <v>44444</v>
      </c>
      <c r="O8672">
        <v>7628699</v>
      </c>
      <c r="P8672">
        <v>1</v>
      </c>
      <c r="Q8672">
        <v>1</v>
      </c>
      <c r="R8672" t="s">
        <v>1446</v>
      </c>
      <c r="S8672">
        <v>41</v>
      </c>
    </row>
    <row r="8673" spans="1:19" x14ac:dyDescent="0.25">
      <c r="A8673">
        <v>38600632</v>
      </c>
      <c r="B8673" t="s">
        <v>44445</v>
      </c>
      <c r="C8673" s="1" t="s">
        <v>44446</v>
      </c>
      <c r="E8673">
        <v>1</v>
      </c>
      <c r="F8673">
        <v>1</v>
      </c>
      <c r="H8673" t="s">
        <v>44447</v>
      </c>
      <c r="J8673" t="s">
        <v>44448</v>
      </c>
      <c r="O8673">
        <v>3037819</v>
      </c>
      <c r="P8673">
        <v>1</v>
      </c>
      <c r="Q8673">
        <v>1</v>
      </c>
      <c r="R8673" t="s">
        <v>44449</v>
      </c>
      <c r="S8673">
        <v>950</v>
      </c>
    </row>
    <row r="8674" spans="1:19" x14ac:dyDescent="0.25">
      <c r="A8674">
        <v>23243001</v>
      </c>
      <c r="B8674" t="s">
        <v>44450</v>
      </c>
      <c r="C8674" s="1" t="s">
        <v>44451</v>
      </c>
      <c r="D8674">
        <v>23243109</v>
      </c>
      <c r="E8674">
        <v>4</v>
      </c>
      <c r="F8674">
        <v>0</v>
      </c>
      <c r="H8674" t="s">
        <v>44452</v>
      </c>
      <c r="J8674" t="s">
        <v>44453</v>
      </c>
      <c r="K8674" t="s">
        <v>44454</v>
      </c>
      <c r="M8674">
        <v>1080354</v>
      </c>
      <c r="O8674">
        <v>1987119</v>
      </c>
      <c r="P8674">
        <v>1</v>
      </c>
      <c r="Q8674">
        <v>3</v>
      </c>
      <c r="R8674" t="s">
        <v>44455</v>
      </c>
      <c r="S8674">
        <v>7443</v>
      </c>
    </row>
    <row r="8675" spans="1:19" x14ac:dyDescent="0.25">
      <c r="A8675">
        <v>14405482</v>
      </c>
      <c r="B8675" t="s">
        <v>44456</v>
      </c>
      <c r="C8675" s="1" t="s">
        <v>44457</v>
      </c>
      <c r="D8675">
        <v>14408524</v>
      </c>
      <c r="E8675">
        <v>2</v>
      </c>
      <c r="F8675">
        <v>1</v>
      </c>
      <c r="H8675" t="s">
        <v>44458</v>
      </c>
      <c r="I8675">
        <v>0</v>
      </c>
      <c r="J8675" t="s">
        <v>44459</v>
      </c>
      <c r="K8675" t="s">
        <v>44460</v>
      </c>
      <c r="M8675">
        <v>1524533</v>
      </c>
      <c r="O8675">
        <v>1524533</v>
      </c>
      <c r="P8675">
        <v>1</v>
      </c>
      <c r="Q8675">
        <v>0</v>
      </c>
      <c r="R8675" t="s">
        <v>15065</v>
      </c>
      <c r="S8675">
        <v>2673</v>
      </c>
    </row>
    <row r="8676" spans="1:19" x14ac:dyDescent="0.25">
      <c r="A8676">
        <v>50587922</v>
      </c>
      <c r="B8676" t="s">
        <v>44461</v>
      </c>
      <c r="C8676" s="1" t="s">
        <v>44462</v>
      </c>
      <c r="E8676">
        <v>0</v>
      </c>
      <c r="F8676">
        <v>3</v>
      </c>
      <c r="H8676" t="s">
        <v>44463</v>
      </c>
      <c r="J8676" t="s">
        <v>44464</v>
      </c>
      <c r="K8676" t="s">
        <v>44464</v>
      </c>
      <c r="M8676">
        <v>7619676</v>
      </c>
      <c r="O8676">
        <v>7619676</v>
      </c>
      <c r="P8676">
        <v>1</v>
      </c>
      <c r="Q8676">
        <v>0</v>
      </c>
      <c r="R8676" t="s">
        <v>3969</v>
      </c>
      <c r="S8676">
        <v>31</v>
      </c>
    </row>
    <row r="8677" spans="1:19" x14ac:dyDescent="0.25">
      <c r="A8677">
        <v>50652231</v>
      </c>
      <c r="B8677" t="s">
        <v>44465</v>
      </c>
      <c r="C8677" s="1" t="s">
        <v>44466</v>
      </c>
      <c r="E8677">
        <v>1</v>
      </c>
      <c r="F8677">
        <v>4</v>
      </c>
      <c r="H8677" t="s">
        <v>44467</v>
      </c>
      <c r="J8677" t="s">
        <v>44468</v>
      </c>
      <c r="K8677" t="s">
        <v>44468</v>
      </c>
      <c r="M8677">
        <v>8704593</v>
      </c>
      <c r="O8677">
        <v>8704593</v>
      </c>
      <c r="P8677">
        <v>1</v>
      </c>
      <c r="Q8677">
        <v>1</v>
      </c>
      <c r="R8677" t="s">
        <v>44469</v>
      </c>
      <c r="S8677">
        <v>39</v>
      </c>
    </row>
    <row r="8678" spans="1:19" x14ac:dyDescent="0.25">
      <c r="A8678">
        <v>6794145</v>
      </c>
      <c r="B8678" t="s">
        <v>44470</v>
      </c>
      <c r="C8678" t="s">
        <v>44471</v>
      </c>
      <c r="D8678">
        <v>6794176</v>
      </c>
      <c r="E8678">
        <v>1</v>
      </c>
      <c r="F8678">
        <v>0</v>
      </c>
      <c r="H8678" t="s">
        <v>44472</v>
      </c>
      <c r="J8678" t="s">
        <v>44473</v>
      </c>
      <c r="K8678" t="s">
        <v>44473</v>
      </c>
      <c r="M8678">
        <v>564377</v>
      </c>
      <c r="O8678">
        <v>564377</v>
      </c>
      <c r="P8678">
        <v>1</v>
      </c>
      <c r="Q8678">
        <v>0</v>
      </c>
      <c r="R8678" t="s">
        <v>44474</v>
      </c>
      <c r="S8678">
        <v>122</v>
      </c>
    </row>
    <row r="8679" spans="1:19" x14ac:dyDescent="0.25">
      <c r="A8679">
        <v>30128517</v>
      </c>
      <c r="B8679" t="s">
        <v>44475</v>
      </c>
      <c r="C8679" s="1" t="s">
        <v>44476</v>
      </c>
      <c r="E8679">
        <v>5</v>
      </c>
      <c r="F8679">
        <v>3</v>
      </c>
      <c r="H8679" t="s">
        <v>44477</v>
      </c>
      <c r="I8679">
        <v>2</v>
      </c>
      <c r="J8679" t="s">
        <v>44478</v>
      </c>
      <c r="K8679" t="s">
        <v>44479</v>
      </c>
      <c r="M8679">
        <v>-1</v>
      </c>
      <c r="O8679">
        <v>520050</v>
      </c>
      <c r="P8679">
        <v>1</v>
      </c>
      <c r="Q8679">
        <v>5</v>
      </c>
      <c r="R8679" t="s">
        <v>44480</v>
      </c>
      <c r="S8679">
        <v>3046</v>
      </c>
    </row>
    <row r="8680" spans="1:19" x14ac:dyDescent="0.25">
      <c r="A8680">
        <v>7870629</v>
      </c>
      <c r="B8680" t="s">
        <v>44481</v>
      </c>
      <c r="C8680" s="1" t="s">
        <v>44482</v>
      </c>
      <c r="D8680">
        <v>9105953</v>
      </c>
      <c r="E8680">
        <v>2</v>
      </c>
      <c r="F8680">
        <v>4</v>
      </c>
      <c r="H8680" t="s">
        <v>44483</v>
      </c>
      <c r="J8680" t="s">
        <v>44484</v>
      </c>
      <c r="K8680" t="s">
        <v>44485</v>
      </c>
      <c r="M8680">
        <v>335631</v>
      </c>
      <c r="O8680">
        <v>335631</v>
      </c>
      <c r="P8680">
        <v>1</v>
      </c>
      <c r="Q8680">
        <v>1</v>
      </c>
      <c r="R8680" t="s">
        <v>44486</v>
      </c>
      <c r="S8680">
        <v>1547</v>
      </c>
    </row>
    <row r="8681" spans="1:19" x14ac:dyDescent="0.25">
      <c r="A8681">
        <v>2905857</v>
      </c>
      <c r="B8681" t="s">
        <v>44487</v>
      </c>
      <c r="C8681" s="1" t="s">
        <v>44488</v>
      </c>
      <c r="D8681">
        <v>2906952</v>
      </c>
      <c r="E8681">
        <v>1</v>
      </c>
      <c r="F8681">
        <v>0</v>
      </c>
      <c r="H8681" t="s">
        <v>44489</v>
      </c>
      <c r="I8681">
        <v>2</v>
      </c>
      <c r="J8681" t="s">
        <v>44490</v>
      </c>
      <c r="K8681" t="s">
        <v>44490</v>
      </c>
      <c r="M8681">
        <v>4370109</v>
      </c>
      <c r="O8681">
        <v>152089</v>
      </c>
      <c r="P8681">
        <v>1</v>
      </c>
      <c r="Q8681">
        <v>5</v>
      </c>
      <c r="R8681" t="s">
        <v>44491</v>
      </c>
      <c r="S8681">
        <v>8571</v>
      </c>
    </row>
    <row r="8682" spans="1:19" x14ac:dyDescent="0.25">
      <c r="A8682">
        <v>14043585</v>
      </c>
      <c r="B8682" t="s">
        <v>44492</v>
      </c>
      <c r="C8682" s="1" t="s">
        <v>44493</v>
      </c>
      <c r="D8682">
        <v>14060104</v>
      </c>
      <c r="E8682">
        <v>3</v>
      </c>
      <c r="F8682">
        <v>5</v>
      </c>
      <c r="H8682" t="s">
        <v>44494</v>
      </c>
      <c r="I8682">
        <v>1</v>
      </c>
      <c r="J8682" t="s">
        <v>44495</v>
      </c>
      <c r="K8682" t="s">
        <v>44496</v>
      </c>
      <c r="M8682">
        <v>822711</v>
      </c>
      <c r="O8682">
        <v>1530292</v>
      </c>
      <c r="P8682">
        <v>1</v>
      </c>
      <c r="Q8682">
        <v>2</v>
      </c>
      <c r="R8682" t="s">
        <v>44497</v>
      </c>
      <c r="S8682">
        <v>930</v>
      </c>
    </row>
    <row r="8683" spans="1:19" x14ac:dyDescent="0.25">
      <c r="A8683">
        <v>39465596</v>
      </c>
      <c r="B8683" t="s">
        <v>44498</v>
      </c>
      <c r="C8683" s="1" t="s">
        <v>44499</v>
      </c>
      <c r="D8683">
        <v>39465705</v>
      </c>
      <c r="E8683">
        <v>2</v>
      </c>
      <c r="F8683">
        <v>1</v>
      </c>
      <c r="H8683" t="s">
        <v>44500</v>
      </c>
      <c r="J8683" t="s">
        <v>44501</v>
      </c>
      <c r="O8683">
        <v>4519895</v>
      </c>
      <c r="P8683">
        <v>1</v>
      </c>
      <c r="Q8683">
        <v>5</v>
      </c>
      <c r="R8683" t="s">
        <v>44502</v>
      </c>
      <c r="S8683">
        <v>674</v>
      </c>
    </row>
    <row r="8684" spans="1:19" x14ac:dyDescent="0.25">
      <c r="A8684">
        <v>27771510</v>
      </c>
      <c r="B8684" t="s">
        <v>44503</v>
      </c>
      <c r="C8684" s="1" t="s">
        <v>44504</v>
      </c>
      <c r="D8684">
        <v>27923106</v>
      </c>
      <c r="E8684">
        <v>3</v>
      </c>
      <c r="F8684">
        <v>4</v>
      </c>
      <c r="H8684" t="s">
        <v>44505</v>
      </c>
      <c r="I8684">
        <v>3</v>
      </c>
      <c r="J8684" t="s">
        <v>44506</v>
      </c>
      <c r="K8684" t="s">
        <v>44507</v>
      </c>
      <c r="M8684">
        <v>2766176</v>
      </c>
      <c r="O8684">
        <v>2766176</v>
      </c>
      <c r="P8684">
        <v>1</v>
      </c>
      <c r="Q8684">
        <v>7</v>
      </c>
      <c r="R8684" t="s">
        <v>44508</v>
      </c>
      <c r="S8684">
        <v>630</v>
      </c>
    </row>
    <row r="8685" spans="1:19" x14ac:dyDescent="0.25">
      <c r="A8685">
        <v>48514628</v>
      </c>
      <c r="B8685" t="s">
        <v>44509</v>
      </c>
      <c r="C8685" s="1" t="s">
        <v>44510</v>
      </c>
      <c r="D8685">
        <v>48515370</v>
      </c>
      <c r="E8685">
        <v>4</v>
      </c>
      <c r="F8685">
        <v>0</v>
      </c>
      <c r="H8685" t="s">
        <v>44511</v>
      </c>
      <c r="J8685" t="s">
        <v>44512</v>
      </c>
      <c r="O8685">
        <v>8786803</v>
      </c>
      <c r="P8685">
        <v>1</v>
      </c>
      <c r="Q8685">
        <v>1</v>
      </c>
      <c r="R8685" t="s">
        <v>1446</v>
      </c>
      <c r="S8685">
        <v>58</v>
      </c>
    </row>
    <row r="8686" spans="1:19" x14ac:dyDescent="0.25">
      <c r="A8686">
        <v>28867128</v>
      </c>
      <c r="B8686" t="s">
        <v>44513</v>
      </c>
      <c r="C8686" s="1" t="s">
        <v>44514</v>
      </c>
      <c r="D8686">
        <v>28867399</v>
      </c>
      <c r="E8686">
        <v>1</v>
      </c>
      <c r="F8686">
        <v>0</v>
      </c>
      <c r="H8686" t="s">
        <v>44515</v>
      </c>
      <c r="J8686" t="s">
        <v>44516</v>
      </c>
      <c r="O8686">
        <v>2280418</v>
      </c>
      <c r="P8686">
        <v>1</v>
      </c>
      <c r="Q8686">
        <v>0</v>
      </c>
      <c r="R8686" t="s">
        <v>44517</v>
      </c>
      <c r="S8686">
        <v>576</v>
      </c>
    </row>
    <row r="8687" spans="1:19" x14ac:dyDescent="0.25">
      <c r="A8687">
        <v>20248387</v>
      </c>
      <c r="B8687" t="s">
        <v>44518</v>
      </c>
      <c r="C8687" s="1" t="s">
        <v>44519</v>
      </c>
      <c r="E8687">
        <v>1</v>
      </c>
      <c r="F8687">
        <v>5</v>
      </c>
      <c r="H8687" t="s">
        <v>44520</v>
      </c>
      <c r="J8687" t="s">
        <v>44521</v>
      </c>
      <c r="K8687" t="s">
        <v>44522</v>
      </c>
      <c r="M8687">
        <v>3042719</v>
      </c>
      <c r="O8687">
        <v>3042719</v>
      </c>
      <c r="P8687">
        <v>1</v>
      </c>
      <c r="Q8687">
        <v>0</v>
      </c>
      <c r="R8687" t="s">
        <v>351</v>
      </c>
      <c r="S8687">
        <v>77</v>
      </c>
    </row>
    <row r="8688" spans="1:19" x14ac:dyDescent="0.25">
      <c r="A8688">
        <v>18765097</v>
      </c>
      <c r="B8688" t="s">
        <v>44523</v>
      </c>
      <c r="C8688" s="1" t="s">
        <v>44524</v>
      </c>
      <c r="D8688">
        <v>18767501</v>
      </c>
      <c r="E8688">
        <v>2</v>
      </c>
      <c r="F8688">
        <v>14</v>
      </c>
      <c r="H8688" t="s">
        <v>44525</v>
      </c>
      <c r="I8688">
        <v>2</v>
      </c>
      <c r="J8688" t="s">
        <v>44526</v>
      </c>
      <c r="K8688" t="s">
        <v>44527</v>
      </c>
      <c r="M8688">
        <v>1641845</v>
      </c>
      <c r="O8688">
        <v>1641845</v>
      </c>
      <c r="P8688">
        <v>1</v>
      </c>
      <c r="Q8688">
        <v>18</v>
      </c>
      <c r="R8688" t="s">
        <v>44528</v>
      </c>
      <c r="S8688">
        <v>864</v>
      </c>
    </row>
    <row r="8689" spans="1:19" x14ac:dyDescent="0.25">
      <c r="A8689">
        <v>9063775</v>
      </c>
      <c r="B8689" t="s">
        <v>44529</v>
      </c>
      <c r="C8689" s="1" t="s">
        <v>44530</v>
      </c>
      <c r="D8689">
        <v>9066100</v>
      </c>
      <c r="E8689">
        <v>1</v>
      </c>
      <c r="F8689">
        <v>0</v>
      </c>
      <c r="H8689" t="s">
        <v>44531</v>
      </c>
      <c r="J8689" t="s">
        <v>44532</v>
      </c>
      <c r="O8689">
        <v>304380</v>
      </c>
      <c r="P8689">
        <v>1</v>
      </c>
      <c r="Q8689">
        <v>1</v>
      </c>
      <c r="R8689" t="s">
        <v>44533</v>
      </c>
      <c r="S8689">
        <v>1935</v>
      </c>
    </row>
    <row r="8690" spans="1:19" x14ac:dyDescent="0.25">
      <c r="A8690">
        <v>31725998</v>
      </c>
      <c r="B8690" t="s">
        <v>44534</v>
      </c>
      <c r="C8690" s="1" t="s">
        <v>44535</v>
      </c>
      <c r="E8690">
        <v>1</v>
      </c>
      <c r="F8690">
        <v>2</v>
      </c>
      <c r="H8690" t="s">
        <v>44536</v>
      </c>
      <c r="J8690" t="s">
        <v>44537</v>
      </c>
      <c r="K8690" t="s">
        <v>44538</v>
      </c>
      <c r="M8690">
        <v>5153168</v>
      </c>
      <c r="O8690">
        <v>5153168</v>
      </c>
      <c r="P8690">
        <v>1</v>
      </c>
      <c r="Q8690">
        <v>1</v>
      </c>
      <c r="R8690" t="s">
        <v>27379</v>
      </c>
      <c r="S8690">
        <v>313</v>
      </c>
    </row>
    <row r="8691" spans="1:19" x14ac:dyDescent="0.25">
      <c r="A8691">
        <v>50207172</v>
      </c>
      <c r="B8691" t="s">
        <v>44539</v>
      </c>
      <c r="C8691" t="s">
        <v>44540</v>
      </c>
      <c r="D8691">
        <v>50209577</v>
      </c>
      <c r="E8691">
        <v>1</v>
      </c>
      <c r="F8691">
        <v>4</v>
      </c>
      <c r="H8691" t="s">
        <v>44541</v>
      </c>
      <c r="J8691" t="s">
        <v>44542</v>
      </c>
      <c r="K8691" t="s">
        <v>44542</v>
      </c>
      <c r="M8691">
        <v>8637293</v>
      </c>
      <c r="O8691">
        <v>8637293</v>
      </c>
      <c r="P8691">
        <v>1</v>
      </c>
      <c r="Q8691">
        <v>0</v>
      </c>
      <c r="R8691" t="s">
        <v>44543</v>
      </c>
      <c r="S8691">
        <v>82</v>
      </c>
    </row>
    <row r="8692" spans="1:19" x14ac:dyDescent="0.25">
      <c r="A8692">
        <v>23621317</v>
      </c>
      <c r="B8692" t="s">
        <v>44544</v>
      </c>
      <c r="C8692" s="1" t="s">
        <v>44545</v>
      </c>
      <c r="E8692">
        <v>2</v>
      </c>
      <c r="F8692">
        <v>1</v>
      </c>
      <c r="H8692" t="s">
        <v>44546</v>
      </c>
      <c r="J8692" t="s">
        <v>44547</v>
      </c>
      <c r="K8692" t="s">
        <v>44548</v>
      </c>
      <c r="M8692">
        <v>-1</v>
      </c>
      <c r="O8692">
        <v>2953822</v>
      </c>
      <c r="P8692">
        <v>1</v>
      </c>
      <c r="Q8692">
        <v>2</v>
      </c>
      <c r="R8692" t="s">
        <v>44549</v>
      </c>
      <c r="S8692">
        <v>1872</v>
      </c>
    </row>
    <row r="8693" spans="1:19" x14ac:dyDescent="0.25">
      <c r="A8693">
        <v>18937801</v>
      </c>
      <c r="B8693" t="s">
        <v>44550</v>
      </c>
      <c r="C8693" s="1" t="s">
        <v>44551</v>
      </c>
      <c r="D8693">
        <v>18938121</v>
      </c>
      <c r="E8693">
        <v>2</v>
      </c>
      <c r="F8693">
        <v>2</v>
      </c>
      <c r="H8693" t="s">
        <v>44552</v>
      </c>
      <c r="J8693" t="s">
        <v>44553</v>
      </c>
      <c r="O8693">
        <v>2416662</v>
      </c>
      <c r="P8693">
        <v>1</v>
      </c>
      <c r="Q8693">
        <v>1</v>
      </c>
      <c r="R8693" t="s">
        <v>44554</v>
      </c>
      <c r="S8693">
        <v>2127</v>
      </c>
    </row>
    <row r="8694" spans="1:19" x14ac:dyDescent="0.25">
      <c r="A8694">
        <v>47686181</v>
      </c>
      <c r="B8694" t="s">
        <v>44555</v>
      </c>
      <c r="C8694" s="1" t="s">
        <v>44556</v>
      </c>
      <c r="D8694">
        <v>47693316</v>
      </c>
      <c r="E8694">
        <v>1</v>
      </c>
      <c r="F8694">
        <v>0</v>
      </c>
      <c r="H8694" t="s">
        <v>44557</v>
      </c>
      <c r="I8694">
        <v>1</v>
      </c>
      <c r="J8694" t="s">
        <v>44558</v>
      </c>
      <c r="O8694">
        <v>8242299</v>
      </c>
      <c r="P8694">
        <v>1</v>
      </c>
      <c r="Q8694">
        <v>1</v>
      </c>
      <c r="R8694" t="s">
        <v>44559</v>
      </c>
      <c r="S8694">
        <v>282</v>
      </c>
    </row>
    <row r="8695" spans="1:19" x14ac:dyDescent="0.25">
      <c r="A8695">
        <v>46032861</v>
      </c>
      <c r="B8695" t="s">
        <v>44560</v>
      </c>
      <c r="C8695" s="1" t="s">
        <v>44561</v>
      </c>
      <c r="E8695">
        <v>0</v>
      </c>
      <c r="F8695">
        <v>2</v>
      </c>
      <c r="H8695" t="s">
        <v>44562</v>
      </c>
      <c r="J8695" t="s">
        <v>44563</v>
      </c>
      <c r="O8695">
        <v>8557309</v>
      </c>
      <c r="P8695">
        <v>1</v>
      </c>
      <c r="Q8695">
        <v>0</v>
      </c>
      <c r="R8695" t="s">
        <v>44564</v>
      </c>
      <c r="S8695">
        <v>23</v>
      </c>
    </row>
    <row r="8696" spans="1:19" x14ac:dyDescent="0.25">
      <c r="A8696">
        <v>25316798</v>
      </c>
      <c r="B8696" t="s">
        <v>44565</v>
      </c>
      <c r="C8696" s="1" t="s">
        <v>44566</v>
      </c>
      <c r="E8696">
        <v>3</v>
      </c>
      <c r="F8696">
        <v>4</v>
      </c>
      <c r="H8696" t="s">
        <v>44567</v>
      </c>
      <c r="J8696" t="s">
        <v>44568</v>
      </c>
      <c r="K8696" t="s">
        <v>44569</v>
      </c>
      <c r="M8696">
        <v>207421</v>
      </c>
      <c r="O8696">
        <v>2674303</v>
      </c>
      <c r="P8696">
        <v>1</v>
      </c>
      <c r="Q8696">
        <v>2</v>
      </c>
      <c r="R8696" t="s">
        <v>44570</v>
      </c>
      <c r="S8696">
        <v>1500</v>
      </c>
    </row>
    <row r="8697" spans="1:19" x14ac:dyDescent="0.25">
      <c r="A8697">
        <v>21782374</v>
      </c>
      <c r="B8697" t="s">
        <v>44571</v>
      </c>
      <c r="C8697" s="1" t="s">
        <v>44572</v>
      </c>
      <c r="D8697">
        <v>21784881</v>
      </c>
      <c r="E8697">
        <v>1</v>
      </c>
      <c r="F8697">
        <v>4</v>
      </c>
      <c r="H8697" t="s">
        <v>44573</v>
      </c>
      <c r="J8697" t="s">
        <v>44574</v>
      </c>
      <c r="O8697">
        <v>1317014</v>
      </c>
      <c r="P8697">
        <v>1</v>
      </c>
      <c r="Q8697">
        <v>1</v>
      </c>
      <c r="R8697" t="s">
        <v>44575</v>
      </c>
      <c r="S8697">
        <v>168</v>
      </c>
    </row>
    <row r="8698" spans="1:19" x14ac:dyDescent="0.25">
      <c r="A8698">
        <v>36361818</v>
      </c>
      <c r="B8698" t="s">
        <v>44576</v>
      </c>
      <c r="C8698" s="1" t="s">
        <v>44577</v>
      </c>
      <c r="E8698">
        <v>1</v>
      </c>
      <c r="F8698">
        <v>2</v>
      </c>
      <c r="H8698" t="s">
        <v>44578</v>
      </c>
      <c r="J8698" t="s">
        <v>44579</v>
      </c>
      <c r="K8698" t="s">
        <v>44580</v>
      </c>
      <c r="M8698">
        <v>3520686</v>
      </c>
      <c r="O8698">
        <v>3520686</v>
      </c>
      <c r="P8698">
        <v>1</v>
      </c>
      <c r="Q8698">
        <v>1</v>
      </c>
      <c r="R8698" t="s">
        <v>44581</v>
      </c>
      <c r="S8698">
        <v>165</v>
      </c>
    </row>
    <row r="8699" spans="1:19" x14ac:dyDescent="0.25">
      <c r="A8699">
        <v>15401298</v>
      </c>
      <c r="B8699" t="s">
        <v>44582</v>
      </c>
      <c r="C8699" s="1" t="s">
        <v>44583</v>
      </c>
      <c r="D8699">
        <v>15401567</v>
      </c>
      <c r="E8699">
        <v>1</v>
      </c>
      <c r="F8699">
        <v>0</v>
      </c>
      <c r="H8699" t="s">
        <v>44584</v>
      </c>
      <c r="J8699" t="s">
        <v>44585</v>
      </c>
      <c r="K8699" t="s">
        <v>44586</v>
      </c>
      <c r="M8699">
        <v>605129</v>
      </c>
      <c r="O8699">
        <v>2074818</v>
      </c>
      <c r="P8699">
        <v>1</v>
      </c>
      <c r="Q8699">
        <v>3</v>
      </c>
      <c r="R8699" t="s">
        <v>44587</v>
      </c>
      <c r="S8699">
        <v>417</v>
      </c>
    </row>
    <row r="8700" spans="1:19" x14ac:dyDescent="0.25">
      <c r="A8700">
        <v>9988087</v>
      </c>
      <c r="B8700" t="s">
        <v>44588</v>
      </c>
      <c r="C8700" s="1" t="s">
        <v>44589</v>
      </c>
      <c r="D8700">
        <v>10001492</v>
      </c>
      <c r="E8700">
        <v>1</v>
      </c>
      <c r="F8700">
        <v>0</v>
      </c>
      <c r="H8700" t="s">
        <v>44590</v>
      </c>
      <c r="J8700" t="s">
        <v>44591</v>
      </c>
      <c r="O8700">
        <v>355044</v>
      </c>
      <c r="P8700">
        <v>1</v>
      </c>
      <c r="Q8700">
        <v>0</v>
      </c>
      <c r="R8700" t="s">
        <v>44592</v>
      </c>
      <c r="S8700">
        <v>1206</v>
      </c>
    </row>
    <row r="8701" spans="1:19" x14ac:dyDescent="0.25">
      <c r="A8701">
        <v>43966940</v>
      </c>
      <c r="B8701" t="s">
        <v>44593</v>
      </c>
      <c r="C8701" s="1" t="s">
        <v>44594</v>
      </c>
      <c r="D8701">
        <v>43967605</v>
      </c>
      <c r="E8701">
        <v>2</v>
      </c>
      <c r="F8701">
        <v>5</v>
      </c>
      <c r="H8701" t="s">
        <v>44595</v>
      </c>
      <c r="J8701" t="s">
        <v>44596</v>
      </c>
      <c r="O8701">
        <v>8010800</v>
      </c>
      <c r="P8701">
        <v>1</v>
      </c>
      <c r="Q8701">
        <v>-1</v>
      </c>
      <c r="R8701" t="s">
        <v>44597</v>
      </c>
      <c r="S8701">
        <v>56</v>
      </c>
    </row>
    <row r="8702" spans="1:19" x14ac:dyDescent="0.25">
      <c r="A8702">
        <v>13737120</v>
      </c>
      <c r="B8702" t="s">
        <v>44598</v>
      </c>
      <c r="C8702" s="1" t="s">
        <v>44599</v>
      </c>
      <c r="D8702">
        <v>13737398</v>
      </c>
      <c r="E8702">
        <v>1</v>
      </c>
      <c r="F8702">
        <v>3</v>
      </c>
      <c r="H8702" t="s">
        <v>44600</v>
      </c>
      <c r="J8702" t="s">
        <v>44601</v>
      </c>
      <c r="K8702" t="s">
        <v>44601</v>
      </c>
      <c r="M8702">
        <v>759866</v>
      </c>
      <c r="O8702">
        <v>1881217</v>
      </c>
      <c r="P8702">
        <v>1</v>
      </c>
      <c r="Q8702">
        <v>1</v>
      </c>
      <c r="R8702" t="s">
        <v>44602</v>
      </c>
      <c r="S8702">
        <v>144</v>
      </c>
    </row>
    <row r="8703" spans="1:19" x14ac:dyDescent="0.25">
      <c r="A8703">
        <v>30106199</v>
      </c>
      <c r="B8703" t="s">
        <v>44603</v>
      </c>
      <c r="C8703" s="1" t="s">
        <v>44604</v>
      </c>
      <c r="E8703">
        <v>1</v>
      </c>
      <c r="F8703">
        <v>3</v>
      </c>
      <c r="H8703" t="s">
        <v>44605</v>
      </c>
      <c r="J8703" t="s">
        <v>44606</v>
      </c>
      <c r="K8703" t="s">
        <v>44607</v>
      </c>
      <c r="M8703">
        <v>4520649</v>
      </c>
      <c r="O8703">
        <v>4520649</v>
      </c>
      <c r="P8703">
        <v>1</v>
      </c>
      <c r="Q8703">
        <v>1</v>
      </c>
      <c r="R8703" t="s">
        <v>44608</v>
      </c>
      <c r="S8703">
        <v>1914</v>
      </c>
    </row>
    <row r="8704" spans="1:19" x14ac:dyDescent="0.25">
      <c r="A8704">
        <v>48767975</v>
      </c>
      <c r="B8704" t="s">
        <v>44609</v>
      </c>
      <c r="C8704" s="1" t="s">
        <v>44610</v>
      </c>
      <c r="E8704">
        <v>0</v>
      </c>
      <c r="F8704">
        <v>7</v>
      </c>
      <c r="H8704" t="s">
        <v>44611</v>
      </c>
      <c r="J8704" t="s">
        <v>44612</v>
      </c>
      <c r="K8704" t="s">
        <v>44612</v>
      </c>
      <c r="M8704">
        <v>4420967</v>
      </c>
      <c r="O8704">
        <v>3762730</v>
      </c>
      <c r="P8704">
        <v>1</v>
      </c>
      <c r="Q8704">
        <v>0</v>
      </c>
      <c r="R8704" t="s">
        <v>44613</v>
      </c>
      <c r="S8704">
        <v>206</v>
      </c>
    </row>
    <row r="8705" spans="1:19" x14ac:dyDescent="0.25">
      <c r="A8705">
        <v>29083329</v>
      </c>
      <c r="B8705" t="s">
        <v>44614</v>
      </c>
      <c r="C8705" s="1" t="s">
        <v>44615</v>
      </c>
      <c r="D8705">
        <v>29088533</v>
      </c>
      <c r="E8705">
        <v>1</v>
      </c>
      <c r="F8705">
        <v>1</v>
      </c>
      <c r="H8705" t="s">
        <v>44616</v>
      </c>
      <c r="J8705" t="s">
        <v>44617</v>
      </c>
      <c r="O8705">
        <v>4677486</v>
      </c>
      <c r="P8705">
        <v>1</v>
      </c>
      <c r="Q8705">
        <v>0</v>
      </c>
      <c r="R8705" t="s">
        <v>44618</v>
      </c>
      <c r="S8705">
        <v>133</v>
      </c>
    </row>
    <row r="8706" spans="1:19" x14ac:dyDescent="0.25">
      <c r="A8706">
        <v>23026590</v>
      </c>
      <c r="B8706" t="s">
        <v>44619</v>
      </c>
      <c r="C8706" s="1" t="s">
        <v>44620</v>
      </c>
      <c r="E8706">
        <v>1</v>
      </c>
      <c r="F8706">
        <v>1</v>
      </c>
      <c r="H8706" t="s">
        <v>44621</v>
      </c>
      <c r="J8706" t="s">
        <v>44622</v>
      </c>
      <c r="O8706">
        <v>1447048</v>
      </c>
      <c r="P8706">
        <v>1</v>
      </c>
      <c r="Q8706">
        <v>3</v>
      </c>
      <c r="R8706" t="s">
        <v>44623</v>
      </c>
      <c r="S8706">
        <v>4606</v>
      </c>
    </row>
    <row r="8707" spans="1:19" x14ac:dyDescent="0.25">
      <c r="A8707">
        <v>16728518</v>
      </c>
      <c r="B8707" t="s">
        <v>44624</v>
      </c>
      <c r="C8707" s="1" t="s">
        <v>44625</v>
      </c>
      <c r="E8707">
        <v>0</v>
      </c>
      <c r="F8707">
        <v>3</v>
      </c>
      <c r="H8707" t="s">
        <v>44626</v>
      </c>
      <c r="J8707" t="s">
        <v>44627</v>
      </c>
      <c r="K8707" t="s">
        <v>44627</v>
      </c>
      <c r="M8707">
        <v>4370109</v>
      </c>
      <c r="O8707">
        <v>1590171</v>
      </c>
      <c r="P8707">
        <v>1</v>
      </c>
      <c r="Q8707">
        <v>0</v>
      </c>
      <c r="R8707" t="s">
        <v>44628</v>
      </c>
      <c r="S8707">
        <v>210</v>
      </c>
    </row>
    <row r="8708" spans="1:19" x14ac:dyDescent="0.25">
      <c r="A8708">
        <v>35920855</v>
      </c>
      <c r="B8708" t="s">
        <v>44629</v>
      </c>
      <c r="C8708" s="1" t="s">
        <v>44630</v>
      </c>
      <c r="D8708">
        <v>35921047</v>
      </c>
      <c r="E8708">
        <v>1</v>
      </c>
      <c r="F8708">
        <v>0</v>
      </c>
      <c r="H8708" t="s">
        <v>44631</v>
      </c>
      <c r="J8708" t="s">
        <v>44632</v>
      </c>
      <c r="O8708">
        <v>3612829</v>
      </c>
      <c r="P8708">
        <v>1</v>
      </c>
      <c r="Q8708">
        <v>3</v>
      </c>
      <c r="R8708" t="s">
        <v>44633</v>
      </c>
      <c r="S8708">
        <v>429</v>
      </c>
    </row>
    <row r="8709" spans="1:19" x14ac:dyDescent="0.25">
      <c r="A8709">
        <v>10378294</v>
      </c>
      <c r="B8709" t="s">
        <v>44634</v>
      </c>
      <c r="C8709" s="1" t="s">
        <v>44635</v>
      </c>
      <c r="E8709">
        <v>2</v>
      </c>
      <c r="F8709">
        <v>1</v>
      </c>
      <c r="H8709" t="s">
        <v>44636</v>
      </c>
      <c r="I8709">
        <v>0</v>
      </c>
      <c r="J8709" t="s">
        <v>44637</v>
      </c>
      <c r="O8709">
        <v>140899</v>
      </c>
      <c r="P8709">
        <v>1</v>
      </c>
      <c r="Q8709">
        <v>-1</v>
      </c>
      <c r="R8709" t="s">
        <v>44638</v>
      </c>
      <c r="S8709">
        <v>131</v>
      </c>
    </row>
    <row r="8710" spans="1:19" x14ac:dyDescent="0.25">
      <c r="A8710">
        <v>43836212</v>
      </c>
      <c r="B8710" t="s">
        <v>44639</v>
      </c>
      <c r="C8710" s="1" t="s">
        <v>44640</v>
      </c>
      <c r="D8710">
        <v>43836873</v>
      </c>
      <c r="E8710">
        <v>1</v>
      </c>
      <c r="F8710">
        <v>1</v>
      </c>
      <c r="H8710" t="s">
        <v>44641</v>
      </c>
      <c r="J8710" t="s">
        <v>44642</v>
      </c>
      <c r="K8710" t="s">
        <v>44643</v>
      </c>
      <c r="M8710">
        <v>7977485</v>
      </c>
      <c r="O8710">
        <v>7977485</v>
      </c>
      <c r="P8710">
        <v>1</v>
      </c>
      <c r="Q8710">
        <v>0</v>
      </c>
      <c r="R8710" t="s">
        <v>44644</v>
      </c>
      <c r="S8710">
        <v>298</v>
      </c>
    </row>
    <row r="8711" spans="1:19" x14ac:dyDescent="0.25">
      <c r="A8711">
        <v>21747665</v>
      </c>
      <c r="B8711" t="s">
        <v>44645</v>
      </c>
      <c r="C8711" s="1" t="s">
        <v>44646</v>
      </c>
      <c r="E8711">
        <v>1</v>
      </c>
      <c r="F8711">
        <v>0</v>
      </c>
      <c r="H8711" t="s">
        <v>44647</v>
      </c>
      <c r="J8711" t="s">
        <v>44648</v>
      </c>
      <c r="O8711">
        <v>1821904</v>
      </c>
      <c r="P8711">
        <v>1</v>
      </c>
      <c r="Q8711">
        <v>0</v>
      </c>
      <c r="R8711" t="s">
        <v>44649</v>
      </c>
      <c r="S8711">
        <v>203</v>
      </c>
    </row>
    <row r="8712" spans="1:19" x14ac:dyDescent="0.25">
      <c r="A8712">
        <v>34917098</v>
      </c>
      <c r="B8712" t="s">
        <v>44650</v>
      </c>
      <c r="C8712" s="1" t="s">
        <v>44651</v>
      </c>
      <c r="E8712">
        <v>2</v>
      </c>
      <c r="F8712">
        <v>2</v>
      </c>
      <c r="H8712" t="s">
        <v>44652</v>
      </c>
      <c r="J8712" t="s">
        <v>44653</v>
      </c>
      <c r="K8712" t="s">
        <v>44654</v>
      </c>
      <c r="M8712">
        <v>4006291</v>
      </c>
      <c r="O8712">
        <v>4006291</v>
      </c>
      <c r="P8712">
        <v>1</v>
      </c>
      <c r="Q8712">
        <v>1</v>
      </c>
      <c r="R8712" t="s">
        <v>44655</v>
      </c>
      <c r="S8712">
        <v>658</v>
      </c>
    </row>
    <row r="8713" spans="1:19" x14ac:dyDescent="0.25">
      <c r="A8713">
        <v>25882460</v>
      </c>
      <c r="B8713" t="s">
        <v>44656</v>
      </c>
      <c r="C8713" s="1" t="s">
        <v>44657</v>
      </c>
      <c r="E8713">
        <v>1</v>
      </c>
      <c r="F8713">
        <v>2</v>
      </c>
      <c r="H8713" t="s">
        <v>44658</v>
      </c>
      <c r="J8713" t="s">
        <v>44659</v>
      </c>
      <c r="O8713">
        <v>1287554</v>
      </c>
      <c r="P8713">
        <v>1</v>
      </c>
      <c r="Q8713">
        <v>0</v>
      </c>
      <c r="R8713" t="s">
        <v>44660</v>
      </c>
      <c r="S8713">
        <v>211</v>
      </c>
    </row>
    <row r="8714" spans="1:19" x14ac:dyDescent="0.25">
      <c r="A8714">
        <v>48355962</v>
      </c>
      <c r="B8714" t="s">
        <v>44661</v>
      </c>
      <c r="C8714" s="1" t="s">
        <v>44662</v>
      </c>
      <c r="E8714">
        <v>0</v>
      </c>
      <c r="F8714">
        <v>1</v>
      </c>
      <c r="H8714" t="s">
        <v>44663</v>
      </c>
      <c r="J8714" t="s">
        <v>44664</v>
      </c>
      <c r="K8714" t="s">
        <v>44664</v>
      </c>
      <c r="M8714">
        <v>7071069</v>
      </c>
      <c r="O8714">
        <v>7071069</v>
      </c>
      <c r="P8714">
        <v>1</v>
      </c>
      <c r="Q8714">
        <v>0</v>
      </c>
      <c r="R8714" t="s">
        <v>44665</v>
      </c>
      <c r="S8714">
        <v>168</v>
      </c>
    </row>
    <row r="8715" spans="1:19" x14ac:dyDescent="0.25">
      <c r="A8715">
        <v>3250143</v>
      </c>
      <c r="B8715" t="s">
        <v>44666</v>
      </c>
      <c r="C8715" s="1" t="s">
        <v>44667</v>
      </c>
      <c r="E8715">
        <v>2</v>
      </c>
      <c r="F8715">
        <v>4</v>
      </c>
      <c r="H8715" t="s">
        <v>44668</v>
      </c>
      <c r="I8715">
        <v>2</v>
      </c>
      <c r="J8715" t="s">
        <v>44669</v>
      </c>
      <c r="O8715">
        <v>388989</v>
      </c>
      <c r="P8715">
        <v>1</v>
      </c>
      <c r="Q8715">
        <v>4</v>
      </c>
      <c r="R8715" t="s">
        <v>2847</v>
      </c>
      <c r="S8715">
        <v>9944</v>
      </c>
    </row>
    <row r="8716" spans="1:19" x14ac:dyDescent="0.25">
      <c r="A8716">
        <v>36080024</v>
      </c>
      <c r="B8716" t="s">
        <v>44670</v>
      </c>
      <c r="C8716" s="1" t="s">
        <v>44671</v>
      </c>
      <c r="E8716">
        <v>0</v>
      </c>
      <c r="F8716">
        <v>3</v>
      </c>
      <c r="H8716" t="s">
        <v>44672</v>
      </c>
      <c r="J8716" t="s">
        <v>44673</v>
      </c>
      <c r="K8716" t="s">
        <v>44673</v>
      </c>
      <c r="M8716">
        <v>5414452</v>
      </c>
      <c r="O8716">
        <v>1866676</v>
      </c>
      <c r="P8716">
        <v>1</v>
      </c>
      <c r="Q8716">
        <v>0</v>
      </c>
      <c r="R8716" t="s">
        <v>44674</v>
      </c>
      <c r="S8716">
        <v>42</v>
      </c>
    </row>
    <row r="8717" spans="1:19" x14ac:dyDescent="0.25">
      <c r="A8717">
        <v>39599331</v>
      </c>
      <c r="B8717" t="s">
        <v>44675</v>
      </c>
      <c r="C8717" s="1" t="s">
        <v>44676</v>
      </c>
      <c r="E8717">
        <v>1</v>
      </c>
      <c r="F8717">
        <v>1</v>
      </c>
      <c r="H8717" t="s">
        <v>44677</v>
      </c>
      <c r="J8717" t="s">
        <v>44678</v>
      </c>
      <c r="O8717">
        <v>6491291</v>
      </c>
      <c r="P8717">
        <v>1</v>
      </c>
      <c r="Q8717">
        <v>0</v>
      </c>
      <c r="R8717" t="s">
        <v>44679</v>
      </c>
      <c r="S8717">
        <v>239</v>
      </c>
    </row>
    <row r="8718" spans="1:19" x14ac:dyDescent="0.25">
      <c r="A8718">
        <v>27164778</v>
      </c>
      <c r="B8718" t="s">
        <v>44680</v>
      </c>
      <c r="C8718" s="1" t="s">
        <v>44681</v>
      </c>
      <c r="E8718">
        <v>3</v>
      </c>
      <c r="F8718">
        <v>7</v>
      </c>
      <c r="H8718" t="s">
        <v>44682</v>
      </c>
      <c r="J8718" t="s">
        <v>44683</v>
      </c>
      <c r="K8718" t="s">
        <v>44684</v>
      </c>
      <c r="L8718" t="s">
        <v>44685</v>
      </c>
      <c r="N8718" t="s">
        <v>44685</v>
      </c>
      <c r="P8718">
        <v>1</v>
      </c>
      <c r="Q8718">
        <v>0</v>
      </c>
      <c r="R8718" t="s">
        <v>8946</v>
      </c>
      <c r="S8718">
        <v>2138</v>
      </c>
    </row>
    <row r="8719" spans="1:19" x14ac:dyDescent="0.25">
      <c r="A8719">
        <v>21082005</v>
      </c>
      <c r="B8719" t="s">
        <v>44686</v>
      </c>
      <c r="C8719" s="1" t="s">
        <v>44687</v>
      </c>
      <c r="D8719">
        <v>21082438</v>
      </c>
      <c r="E8719">
        <v>2</v>
      </c>
      <c r="F8719">
        <v>3</v>
      </c>
      <c r="H8719" t="s">
        <v>44688</v>
      </c>
      <c r="J8719" t="s">
        <v>44689</v>
      </c>
      <c r="K8719" t="s">
        <v>44690</v>
      </c>
      <c r="M8719">
        <v>-1</v>
      </c>
      <c r="O8719">
        <v>287948</v>
      </c>
      <c r="P8719">
        <v>1</v>
      </c>
      <c r="Q8719">
        <v>0</v>
      </c>
      <c r="R8719" t="s">
        <v>44691</v>
      </c>
      <c r="S8719">
        <v>234</v>
      </c>
    </row>
    <row r="8720" spans="1:19" x14ac:dyDescent="0.25">
      <c r="A8720">
        <v>32751508</v>
      </c>
      <c r="B8720" t="s">
        <v>44692</v>
      </c>
      <c r="C8720" s="1" t="s">
        <v>44693</v>
      </c>
      <c r="D8720">
        <v>32751590</v>
      </c>
      <c r="E8720">
        <v>2</v>
      </c>
      <c r="F8720">
        <v>2</v>
      </c>
      <c r="H8720" t="s">
        <v>44694</v>
      </c>
      <c r="J8720" t="s">
        <v>44695</v>
      </c>
      <c r="K8720" t="s">
        <v>44696</v>
      </c>
      <c r="M8720">
        <v>4767343</v>
      </c>
      <c r="O8720">
        <v>5369453</v>
      </c>
      <c r="P8720">
        <v>1</v>
      </c>
      <c r="Q8720">
        <v>-1</v>
      </c>
      <c r="R8720" t="s">
        <v>44697</v>
      </c>
      <c r="S8720">
        <v>23</v>
      </c>
    </row>
    <row r="8721" spans="1:19" x14ac:dyDescent="0.25">
      <c r="A8721">
        <v>6240221</v>
      </c>
      <c r="B8721" t="s">
        <v>44698</v>
      </c>
      <c r="C8721" s="1" t="s">
        <v>44699</v>
      </c>
      <c r="E8721">
        <v>3</v>
      </c>
      <c r="F8721">
        <v>2</v>
      </c>
      <c r="H8721" t="s">
        <v>44700</v>
      </c>
      <c r="J8721" t="s">
        <v>44701</v>
      </c>
      <c r="O8721">
        <v>222758</v>
      </c>
      <c r="P8721">
        <v>1</v>
      </c>
      <c r="Q8721">
        <v>10</v>
      </c>
      <c r="R8721" t="s">
        <v>44702</v>
      </c>
      <c r="S8721">
        <v>2608</v>
      </c>
    </row>
    <row r="8722" spans="1:19" x14ac:dyDescent="0.25">
      <c r="A8722">
        <v>24921258</v>
      </c>
      <c r="B8722" t="s">
        <v>44703</v>
      </c>
      <c r="C8722" s="1" t="s">
        <v>44704</v>
      </c>
      <c r="D8722">
        <v>24922078</v>
      </c>
      <c r="E8722">
        <v>3</v>
      </c>
      <c r="F8722">
        <v>4</v>
      </c>
      <c r="H8722" t="s">
        <v>44705</v>
      </c>
      <c r="J8722" t="s">
        <v>44706</v>
      </c>
      <c r="K8722" t="s">
        <v>44707</v>
      </c>
      <c r="M8722">
        <v>3870555</v>
      </c>
      <c r="O8722">
        <v>3870555</v>
      </c>
      <c r="P8722">
        <v>1</v>
      </c>
      <c r="Q8722">
        <v>1</v>
      </c>
      <c r="R8722" t="s">
        <v>44708</v>
      </c>
      <c r="S8722">
        <v>440</v>
      </c>
    </row>
    <row r="8723" spans="1:19" x14ac:dyDescent="0.25">
      <c r="A8723">
        <v>16783576</v>
      </c>
      <c r="B8723" t="s">
        <v>44709</v>
      </c>
      <c r="C8723" s="1" t="s">
        <v>44710</v>
      </c>
      <c r="E8723">
        <v>1</v>
      </c>
      <c r="F8723">
        <v>1</v>
      </c>
      <c r="H8723" t="s">
        <v>44711</v>
      </c>
      <c r="J8723" t="s">
        <v>44712</v>
      </c>
      <c r="O8723">
        <v>2418223</v>
      </c>
      <c r="P8723">
        <v>1</v>
      </c>
      <c r="Q8723">
        <v>0</v>
      </c>
      <c r="R8723" t="s">
        <v>10547</v>
      </c>
      <c r="S8723">
        <v>313</v>
      </c>
    </row>
    <row r="8724" spans="1:19" x14ac:dyDescent="0.25">
      <c r="A8724">
        <v>19387104</v>
      </c>
      <c r="B8724" t="s">
        <v>44713</v>
      </c>
      <c r="C8724" s="1" t="s">
        <v>44714</v>
      </c>
      <c r="D8724">
        <v>19387694</v>
      </c>
      <c r="E8724">
        <v>1</v>
      </c>
      <c r="F8724">
        <v>1</v>
      </c>
      <c r="H8724" t="s">
        <v>44715</v>
      </c>
      <c r="I8724">
        <v>2</v>
      </c>
      <c r="J8724" t="s">
        <v>44716</v>
      </c>
      <c r="O8724">
        <v>16050</v>
      </c>
      <c r="P8724">
        <v>1</v>
      </c>
      <c r="Q8724">
        <v>2</v>
      </c>
      <c r="R8724" t="s">
        <v>44717</v>
      </c>
      <c r="S8724">
        <v>922</v>
      </c>
    </row>
    <row r="8725" spans="1:19" x14ac:dyDescent="0.25">
      <c r="A8725">
        <v>36083647</v>
      </c>
      <c r="B8725" t="s">
        <v>44718</v>
      </c>
      <c r="C8725" s="1" t="s">
        <v>44719</v>
      </c>
      <c r="D8725">
        <v>36084399</v>
      </c>
      <c r="E8725">
        <v>6</v>
      </c>
      <c r="F8725">
        <v>2</v>
      </c>
      <c r="H8725" t="s">
        <v>44720</v>
      </c>
      <c r="J8725" t="s">
        <v>44721</v>
      </c>
      <c r="K8725" t="s">
        <v>44722</v>
      </c>
      <c r="M8725">
        <v>2501410</v>
      </c>
      <c r="O8725">
        <v>5381460</v>
      </c>
      <c r="P8725">
        <v>1</v>
      </c>
      <c r="Q8725">
        <v>0</v>
      </c>
      <c r="R8725" t="s">
        <v>33251</v>
      </c>
      <c r="S8725">
        <v>482</v>
      </c>
    </row>
    <row r="8726" spans="1:19" x14ac:dyDescent="0.25">
      <c r="A8726">
        <v>12917770</v>
      </c>
      <c r="B8726" t="s">
        <v>44723</v>
      </c>
      <c r="C8726" t="s">
        <v>44724</v>
      </c>
      <c r="E8726">
        <v>1</v>
      </c>
      <c r="F8726">
        <v>0</v>
      </c>
      <c r="H8726" t="s">
        <v>44725</v>
      </c>
      <c r="J8726" t="s">
        <v>44726</v>
      </c>
      <c r="O8726">
        <v>1305405</v>
      </c>
      <c r="P8726">
        <v>1</v>
      </c>
      <c r="Q8726">
        <v>0</v>
      </c>
      <c r="R8726" t="s">
        <v>44727</v>
      </c>
      <c r="S8726">
        <v>690</v>
      </c>
    </row>
    <row r="8727" spans="1:19" x14ac:dyDescent="0.25">
      <c r="A8727">
        <v>50738777</v>
      </c>
      <c r="B8727" t="s">
        <v>44728</v>
      </c>
      <c r="C8727" s="1" t="s">
        <v>44729</v>
      </c>
      <c r="E8727">
        <v>0</v>
      </c>
      <c r="F8727">
        <v>0</v>
      </c>
      <c r="H8727" t="s">
        <v>44730</v>
      </c>
      <c r="J8727" t="s">
        <v>44731</v>
      </c>
      <c r="K8727" t="s">
        <v>44731</v>
      </c>
      <c r="M8727">
        <v>606664</v>
      </c>
      <c r="O8727">
        <v>606664</v>
      </c>
      <c r="P8727">
        <v>1</v>
      </c>
      <c r="Q8727">
        <v>0</v>
      </c>
      <c r="R8727" t="s">
        <v>44732</v>
      </c>
      <c r="S8727">
        <v>17</v>
      </c>
    </row>
    <row r="8728" spans="1:19" x14ac:dyDescent="0.25">
      <c r="A8728">
        <v>27000474</v>
      </c>
      <c r="B8728" t="s">
        <v>44733</v>
      </c>
      <c r="C8728" s="1" t="s">
        <v>44734</v>
      </c>
      <c r="D8728">
        <v>27002051</v>
      </c>
      <c r="E8728">
        <v>1</v>
      </c>
      <c r="F8728">
        <v>8</v>
      </c>
      <c r="H8728" t="s">
        <v>44735</v>
      </c>
      <c r="J8728" t="s">
        <v>44736</v>
      </c>
      <c r="O8728">
        <v>2535024</v>
      </c>
      <c r="P8728">
        <v>1</v>
      </c>
      <c r="Q8728">
        <v>1</v>
      </c>
      <c r="R8728" t="s">
        <v>44737</v>
      </c>
      <c r="S8728">
        <v>1121</v>
      </c>
    </row>
    <row r="8729" spans="1:19" x14ac:dyDescent="0.25">
      <c r="A8729">
        <v>51135727</v>
      </c>
      <c r="B8729" t="s">
        <v>44738</v>
      </c>
      <c r="C8729" s="1" t="s">
        <v>44739</v>
      </c>
      <c r="E8729">
        <v>1</v>
      </c>
      <c r="F8729">
        <v>1</v>
      </c>
      <c r="H8729" t="s">
        <v>44740</v>
      </c>
      <c r="J8729" t="s">
        <v>44741</v>
      </c>
      <c r="O8729">
        <v>7980050</v>
      </c>
      <c r="P8729">
        <v>1</v>
      </c>
      <c r="Q8729">
        <v>0</v>
      </c>
      <c r="R8729" t="s">
        <v>44742</v>
      </c>
      <c r="S8729">
        <v>53</v>
      </c>
    </row>
    <row r="8730" spans="1:19" x14ac:dyDescent="0.25">
      <c r="A8730">
        <v>46714746</v>
      </c>
      <c r="B8730" t="s">
        <v>44743</v>
      </c>
      <c r="C8730" s="1" t="s">
        <v>44744</v>
      </c>
      <c r="D8730">
        <v>46715177</v>
      </c>
      <c r="E8730">
        <v>1</v>
      </c>
      <c r="F8730">
        <v>1</v>
      </c>
      <c r="H8730" t="s">
        <v>44745</v>
      </c>
      <c r="J8730" t="s">
        <v>44746</v>
      </c>
      <c r="O8730">
        <v>8528643</v>
      </c>
      <c r="P8730">
        <v>1</v>
      </c>
      <c r="Q8730">
        <v>0</v>
      </c>
      <c r="R8730" t="s">
        <v>7825</v>
      </c>
      <c r="S8730">
        <v>26</v>
      </c>
    </row>
    <row r="8731" spans="1:19" x14ac:dyDescent="0.25">
      <c r="A8731">
        <v>45389528</v>
      </c>
      <c r="B8731" t="s">
        <v>44747</v>
      </c>
      <c r="C8731" s="1" t="s">
        <v>44748</v>
      </c>
      <c r="E8731">
        <v>1</v>
      </c>
      <c r="F8731">
        <v>4</v>
      </c>
      <c r="H8731" t="s">
        <v>44749</v>
      </c>
      <c r="J8731" t="s">
        <v>44750</v>
      </c>
      <c r="O8731">
        <v>126537</v>
      </c>
      <c r="P8731">
        <v>1</v>
      </c>
      <c r="Q8731">
        <v>0</v>
      </c>
      <c r="R8731" t="s">
        <v>44751</v>
      </c>
      <c r="S8731">
        <v>46</v>
      </c>
    </row>
    <row r="8732" spans="1:19" x14ac:dyDescent="0.25">
      <c r="A8732">
        <v>43039029</v>
      </c>
      <c r="B8732" t="s">
        <v>44752</v>
      </c>
      <c r="C8732" s="1" t="s">
        <v>44753</v>
      </c>
      <c r="E8732">
        <v>0</v>
      </c>
      <c r="F8732">
        <v>2</v>
      </c>
      <c r="H8732" t="s">
        <v>44754</v>
      </c>
      <c r="J8732" t="s">
        <v>44754</v>
      </c>
      <c r="O8732">
        <v>4931868</v>
      </c>
      <c r="P8732">
        <v>1</v>
      </c>
      <c r="Q8732">
        <v>0</v>
      </c>
      <c r="R8732" t="s">
        <v>44755</v>
      </c>
      <c r="S8732">
        <v>29</v>
      </c>
    </row>
    <row r="8733" spans="1:19" x14ac:dyDescent="0.25">
      <c r="A8733">
        <v>2687048</v>
      </c>
      <c r="B8733" t="s">
        <v>44756</v>
      </c>
      <c r="C8733" s="1" t="s">
        <v>44757</v>
      </c>
      <c r="D8733">
        <v>2687175</v>
      </c>
      <c r="E8733">
        <v>2</v>
      </c>
      <c r="F8733">
        <v>4</v>
      </c>
      <c r="H8733" t="s">
        <v>44758</v>
      </c>
      <c r="I8733">
        <v>1</v>
      </c>
      <c r="J8733" t="s">
        <v>44759</v>
      </c>
      <c r="K8733" t="s">
        <v>44759</v>
      </c>
      <c r="M8733">
        <v>41956</v>
      </c>
      <c r="O8733">
        <v>41956</v>
      </c>
      <c r="P8733">
        <v>1</v>
      </c>
      <c r="Q8733">
        <v>8</v>
      </c>
      <c r="R8733" t="s">
        <v>44760</v>
      </c>
      <c r="S8733">
        <v>6348</v>
      </c>
    </row>
    <row r="8734" spans="1:19" x14ac:dyDescent="0.25">
      <c r="A8734">
        <v>51617578</v>
      </c>
      <c r="B8734" t="s">
        <v>44761</v>
      </c>
      <c r="C8734" s="1" t="s">
        <v>44762</v>
      </c>
      <c r="D8734">
        <v>51617731</v>
      </c>
      <c r="E8734">
        <v>1</v>
      </c>
      <c r="F8734">
        <v>2</v>
      </c>
      <c r="H8734" t="s">
        <v>44763</v>
      </c>
      <c r="I8734">
        <v>1</v>
      </c>
      <c r="J8734" t="s">
        <v>44764</v>
      </c>
      <c r="K8734" t="s">
        <v>44765</v>
      </c>
      <c r="M8734">
        <v>1000551</v>
      </c>
      <c r="O8734">
        <v>8627559</v>
      </c>
      <c r="P8734">
        <v>1</v>
      </c>
      <c r="Q8734">
        <v>0</v>
      </c>
      <c r="R8734" t="s">
        <v>44766</v>
      </c>
      <c r="S8734">
        <v>31</v>
      </c>
    </row>
    <row r="8735" spans="1:19" x14ac:dyDescent="0.25">
      <c r="A8735">
        <v>8622919</v>
      </c>
      <c r="B8735" t="s">
        <v>44767</v>
      </c>
      <c r="C8735" s="1" t="s">
        <v>44768</v>
      </c>
      <c r="D8735">
        <v>8622929</v>
      </c>
      <c r="E8735">
        <v>3</v>
      </c>
      <c r="F8735">
        <v>0</v>
      </c>
      <c r="H8735" t="s">
        <v>44769</v>
      </c>
      <c r="J8735" t="s">
        <v>44770</v>
      </c>
      <c r="K8735" t="s">
        <v>44771</v>
      </c>
      <c r="M8735">
        <v>613208</v>
      </c>
      <c r="O8735">
        <v>613208</v>
      </c>
      <c r="P8735">
        <v>1</v>
      </c>
      <c r="Q8735">
        <v>0</v>
      </c>
      <c r="R8735" t="s">
        <v>44772</v>
      </c>
      <c r="S8735">
        <v>1669</v>
      </c>
    </row>
    <row r="8736" spans="1:19" x14ac:dyDescent="0.25">
      <c r="A8736">
        <v>48264253</v>
      </c>
      <c r="B8736" t="s">
        <v>44773</v>
      </c>
      <c r="C8736" s="1" t="s">
        <v>44774</v>
      </c>
      <c r="E8736">
        <v>1</v>
      </c>
      <c r="F8736">
        <v>4</v>
      </c>
      <c r="H8736" t="s">
        <v>44775</v>
      </c>
      <c r="J8736" t="s">
        <v>44776</v>
      </c>
      <c r="O8736">
        <v>8424561</v>
      </c>
      <c r="P8736">
        <v>1</v>
      </c>
      <c r="Q8736">
        <v>0</v>
      </c>
      <c r="R8736" t="s">
        <v>44777</v>
      </c>
      <c r="S8736">
        <v>165</v>
      </c>
    </row>
    <row r="8737" spans="1:19" x14ac:dyDescent="0.25">
      <c r="A8737">
        <v>24039223</v>
      </c>
      <c r="B8737" t="s">
        <v>44778</v>
      </c>
      <c r="C8737" t="s">
        <v>44779</v>
      </c>
      <c r="D8737">
        <v>24247234</v>
      </c>
      <c r="E8737">
        <v>1</v>
      </c>
      <c r="F8737">
        <v>0</v>
      </c>
      <c r="H8737" t="s">
        <v>44780</v>
      </c>
      <c r="J8737" t="s">
        <v>44781</v>
      </c>
      <c r="O8737">
        <v>2152061</v>
      </c>
      <c r="P8737">
        <v>1</v>
      </c>
      <c r="Q8737">
        <v>1</v>
      </c>
      <c r="R8737" t="s">
        <v>44782</v>
      </c>
      <c r="S8737">
        <v>93</v>
      </c>
    </row>
    <row r="8738" spans="1:19" x14ac:dyDescent="0.25">
      <c r="A8738">
        <v>42720295</v>
      </c>
      <c r="B8738" t="s">
        <v>44783</v>
      </c>
      <c r="C8738" s="1" t="s">
        <v>44784</v>
      </c>
      <c r="E8738">
        <v>1</v>
      </c>
      <c r="F8738">
        <v>1</v>
      </c>
      <c r="H8738" t="s">
        <v>44785</v>
      </c>
      <c r="J8738" t="s">
        <v>44786</v>
      </c>
      <c r="K8738" t="s">
        <v>44787</v>
      </c>
      <c r="M8738">
        <v>4273813</v>
      </c>
      <c r="O8738">
        <v>4273813</v>
      </c>
      <c r="P8738">
        <v>1</v>
      </c>
      <c r="Q8738">
        <v>0</v>
      </c>
      <c r="R8738" t="s">
        <v>44788</v>
      </c>
      <c r="S8738">
        <v>74</v>
      </c>
    </row>
    <row r="8739" spans="1:19" x14ac:dyDescent="0.25">
      <c r="A8739">
        <v>39907578</v>
      </c>
      <c r="B8739" t="s">
        <v>44789</v>
      </c>
      <c r="C8739" s="1" t="s">
        <v>44790</v>
      </c>
      <c r="D8739">
        <v>39907611</v>
      </c>
      <c r="E8739">
        <v>2</v>
      </c>
      <c r="F8739">
        <v>4</v>
      </c>
      <c r="H8739" t="s">
        <v>44791</v>
      </c>
      <c r="J8739" t="s">
        <v>44792</v>
      </c>
      <c r="K8739" t="s">
        <v>44792</v>
      </c>
      <c r="M8739">
        <v>5422458</v>
      </c>
      <c r="O8739">
        <v>2338488</v>
      </c>
      <c r="P8739">
        <v>1</v>
      </c>
      <c r="Q8739">
        <v>1</v>
      </c>
      <c r="R8739" t="s">
        <v>44793</v>
      </c>
      <c r="S8739">
        <v>79</v>
      </c>
    </row>
    <row r="8740" spans="1:19" x14ac:dyDescent="0.25">
      <c r="A8740">
        <v>44464608</v>
      </c>
      <c r="B8740" t="s">
        <v>44794</v>
      </c>
      <c r="C8740" s="1" t="s">
        <v>44795</v>
      </c>
      <c r="E8740">
        <v>0</v>
      </c>
      <c r="F8740">
        <v>3</v>
      </c>
      <c r="H8740" t="s">
        <v>44796</v>
      </c>
      <c r="J8740" t="s">
        <v>44797</v>
      </c>
      <c r="K8740" t="s">
        <v>44797</v>
      </c>
      <c r="M8740">
        <v>2303202</v>
      </c>
      <c r="O8740">
        <v>304661</v>
      </c>
      <c r="P8740">
        <v>1</v>
      </c>
      <c r="Q8740">
        <v>0</v>
      </c>
      <c r="R8740" t="s">
        <v>44798</v>
      </c>
      <c r="S8740">
        <v>238</v>
      </c>
    </row>
    <row r="8741" spans="1:19" x14ac:dyDescent="0.25">
      <c r="A8741">
        <v>33842685</v>
      </c>
      <c r="B8741" t="s">
        <v>44799</v>
      </c>
      <c r="C8741" s="1" t="s">
        <v>44800</v>
      </c>
      <c r="E8741">
        <v>0</v>
      </c>
      <c r="F8741">
        <v>7</v>
      </c>
      <c r="H8741" t="s">
        <v>44801</v>
      </c>
      <c r="J8741" t="s">
        <v>44802</v>
      </c>
      <c r="K8741" t="s">
        <v>44802</v>
      </c>
      <c r="M8741">
        <v>3552770</v>
      </c>
      <c r="O8741">
        <v>5588874</v>
      </c>
      <c r="P8741">
        <v>1</v>
      </c>
      <c r="Q8741">
        <v>0</v>
      </c>
      <c r="R8741" t="s">
        <v>759</v>
      </c>
      <c r="S8741">
        <v>704</v>
      </c>
    </row>
    <row r="8742" spans="1:19" x14ac:dyDescent="0.25">
      <c r="A8742">
        <v>28138494</v>
      </c>
      <c r="B8742" t="s">
        <v>44803</v>
      </c>
      <c r="C8742" s="1" t="s">
        <v>44804</v>
      </c>
      <c r="D8742">
        <v>28141520</v>
      </c>
      <c r="E8742">
        <v>1</v>
      </c>
      <c r="F8742">
        <v>1</v>
      </c>
      <c r="H8742" t="s">
        <v>44805</v>
      </c>
      <c r="I8742">
        <v>3</v>
      </c>
      <c r="J8742" t="s">
        <v>44806</v>
      </c>
      <c r="K8742" t="s">
        <v>44806</v>
      </c>
      <c r="M8742">
        <v>709606</v>
      </c>
      <c r="O8742">
        <v>709606</v>
      </c>
      <c r="P8742">
        <v>1</v>
      </c>
      <c r="Q8742">
        <v>5</v>
      </c>
      <c r="R8742" t="s">
        <v>44807</v>
      </c>
      <c r="S8742">
        <v>1442</v>
      </c>
    </row>
    <row r="8743" spans="1:19" x14ac:dyDescent="0.25">
      <c r="A8743">
        <v>42398032</v>
      </c>
      <c r="B8743" t="s">
        <v>44808</v>
      </c>
      <c r="C8743" s="1" t="s">
        <v>44809</v>
      </c>
      <c r="E8743">
        <v>4</v>
      </c>
      <c r="F8743">
        <v>4</v>
      </c>
      <c r="H8743" t="s">
        <v>44810</v>
      </c>
      <c r="J8743" t="s">
        <v>44811</v>
      </c>
      <c r="K8743" t="s">
        <v>44812</v>
      </c>
      <c r="M8743">
        <v>773228</v>
      </c>
      <c r="O8743">
        <v>7606266</v>
      </c>
      <c r="P8743">
        <v>1</v>
      </c>
      <c r="Q8743">
        <v>0</v>
      </c>
      <c r="R8743" t="s">
        <v>44813</v>
      </c>
      <c r="S8743">
        <v>419</v>
      </c>
    </row>
    <row r="8744" spans="1:19" x14ac:dyDescent="0.25">
      <c r="A8744">
        <v>28040883</v>
      </c>
      <c r="B8744" t="s">
        <v>44814</v>
      </c>
      <c r="C8744" s="1" t="s">
        <v>44815</v>
      </c>
      <c r="D8744">
        <v>28041025</v>
      </c>
      <c r="E8744">
        <v>1</v>
      </c>
      <c r="F8744">
        <v>1</v>
      </c>
      <c r="H8744" t="s">
        <v>44816</v>
      </c>
      <c r="J8744" t="s">
        <v>44817</v>
      </c>
      <c r="O8744">
        <v>3551775</v>
      </c>
      <c r="P8744">
        <v>1</v>
      </c>
      <c r="Q8744">
        <v>8</v>
      </c>
      <c r="R8744" t="s">
        <v>44818</v>
      </c>
      <c r="S8744">
        <v>4085</v>
      </c>
    </row>
    <row r="8745" spans="1:19" x14ac:dyDescent="0.25">
      <c r="A8745">
        <v>31130852</v>
      </c>
      <c r="B8745" t="s">
        <v>44819</v>
      </c>
      <c r="C8745" s="1" t="s">
        <v>44820</v>
      </c>
      <c r="E8745">
        <v>0</v>
      </c>
      <c r="F8745">
        <v>5</v>
      </c>
      <c r="H8745" t="s">
        <v>44821</v>
      </c>
      <c r="J8745" t="s">
        <v>44822</v>
      </c>
      <c r="K8745" t="s">
        <v>44822</v>
      </c>
      <c r="M8745">
        <v>5059954</v>
      </c>
      <c r="O8745">
        <v>5059954</v>
      </c>
      <c r="P8745">
        <v>1</v>
      </c>
      <c r="Q8745">
        <v>0</v>
      </c>
      <c r="R8745" t="s">
        <v>13191</v>
      </c>
      <c r="S8745">
        <v>411</v>
      </c>
    </row>
    <row r="8746" spans="1:19" x14ac:dyDescent="0.25">
      <c r="A8746">
        <v>40005665</v>
      </c>
      <c r="B8746" t="s">
        <v>44823</v>
      </c>
      <c r="C8746" s="1" t="s">
        <v>44824</v>
      </c>
      <c r="D8746">
        <v>40005778</v>
      </c>
      <c r="E8746">
        <v>7</v>
      </c>
      <c r="F8746">
        <v>3</v>
      </c>
      <c r="H8746" t="s">
        <v>44825</v>
      </c>
      <c r="J8746" t="s">
        <v>44826</v>
      </c>
      <c r="K8746" t="s">
        <v>44826</v>
      </c>
      <c r="M8746">
        <v>4127481</v>
      </c>
      <c r="O8746">
        <v>4127481</v>
      </c>
      <c r="P8746">
        <v>1</v>
      </c>
      <c r="Q8746">
        <v>0</v>
      </c>
      <c r="R8746" t="s">
        <v>44827</v>
      </c>
      <c r="S8746">
        <v>328</v>
      </c>
    </row>
    <row r="8747" spans="1:19" x14ac:dyDescent="0.25">
      <c r="A8747">
        <v>1533871</v>
      </c>
      <c r="B8747" t="s">
        <v>44828</v>
      </c>
      <c r="C8747" s="1" t="s">
        <v>44829</v>
      </c>
      <c r="D8747">
        <v>1533970</v>
      </c>
      <c r="E8747">
        <v>5</v>
      </c>
      <c r="F8747">
        <v>1</v>
      </c>
      <c r="H8747" t="s">
        <v>44830</v>
      </c>
      <c r="I8747">
        <v>0</v>
      </c>
      <c r="J8747" t="s">
        <v>44831</v>
      </c>
      <c r="K8747" t="s">
        <v>44832</v>
      </c>
      <c r="M8747">
        <v>136428</v>
      </c>
      <c r="O8747">
        <v>136428</v>
      </c>
      <c r="P8747">
        <v>1</v>
      </c>
      <c r="Q8747">
        <v>8</v>
      </c>
      <c r="R8747" t="s">
        <v>44833</v>
      </c>
      <c r="S8747">
        <v>20733</v>
      </c>
    </row>
    <row r="8748" spans="1:19" x14ac:dyDescent="0.25">
      <c r="A8748">
        <v>30822929</v>
      </c>
      <c r="B8748" t="s">
        <v>44834</v>
      </c>
      <c r="C8748" s="1" t="s">
        <v>44835</v>
      </c>
      <c r="E8748">
        <v>0</v>
      </c>
      <c r="F8748">
        <v>2</v>
      </c>
      <c r="H8748" t="s">
        <v>44836</v>
      </c>
      <c r="J8748" t="s">
        <v>44837</v>
      </c>
      <c r="K8748" t="s">
        <v>44837</v>
      </c>
      <c r="M8748">
        <v>3097112</v>
      </c>
      <c r="O8748">
        <v>3097112</v>
      </c>
      <c r="P8748">
        <v>1</v>
      </c>
      <c r="Q8748">
        <v>0</v>
      </c>
      <c r="R8748" t="s">
        <v>44838</v>
      </c>
      <c r="S8748">
        <v>235</v>
      </c>
    </row>
    <row r="8749" spans="1:19" x14ac:dyDescent="0.25">
      <c r="A8749">
        <v>2673758</v>
      </c>
      <c r="B8749" t="s">
        <v>44839</v>
      </c>
      <c r="C8749" s="1" t="s">
        <v>44840</v>
      </c>
      <c r="D8749">
        <v>2677510</v>
      </c>
      <c r="E8749">
        <v>4</v>
      </c>
      <c r="F8749">
        <v>0</v>
      </c>
      <c r="H8749" t="s">
        <v>44841</v>
      </c>
      <c r="J8749" t="s">
        <v>44842</v>
      </c>
      <c r="O8749">
        <v>278816</v>
      </c>
      <c r="P8749">
        <v>1</v>
      </c>
      <c r="Q8749">
        <v>0</v>
      </c>
      <c r="R8749" t="s">
        <v>44843</v>
      </c>
      <c r="S8749">
        <v>315</v>
      </c>
    </row>
    <row r="8750" spans="1:19" x14ac:dyDescent="0.25">
      <c r="A8750">
        <v>998875</v>
      </c>
      <c r="B8750" t="s">
        <v>44844</v>
      </c>
      <c r="C8750" s="1" t="s">
        <v>44845</v>
      </c>
      <c r="D8750">
        <v>998884</v>
      </c>
      <c r="E8750">
        <v>3</v>
      </c>
      <c r="F8750">
        <v>2</v>
      </c>
      <c r="H8750" t="s">
        <v>44846</v>
      </c>
      <c r="I8750">
        <v>3</v>
      </c>
      <c r="J8750" t="s">
        <v>44847</v>
      </c>
      <c r="O8750">
        <v>388548</v>
      </c>
      <c r="P8750">
        <v>1</v>
      </c>
      <c r="Q8750">
        <v>13</v>
      </c>
      <c r="R8750" t="s">
        <v>819</v>
      </c>
      <c r="S8750">
        <v>22148</v>
      </c>
    </row>
    <row r="8751" spans="1:19" x14ac:dyDescent="0.25">
      <c r="A8751">
        <v>36685994</v>
      </c>
      <c r="B8751" t="s">
        <v>44848</v>
      </c>
      <c r="C8751" s="1" t="s">
        <v>44849</v>
      </c>
      <c r="E8751">
        <v>3</v>
      </c>
      <c r="F8751">
        <v>1</v>
      </c>
      <c r="H8751" t="s">
        <v>44850</v>
      </c>
      <c r="J8751" t="s">
        <v>44851</v>
      </c>
      <c r="K8751" t="s">
        <v>44852</v>
      </c>
      <c r="M8751">
        <v>3744289</v>
      </c>
      <c r="O8751">
        <v>6190456</v>
      </c>
      <c r="P8751">
        <v>1</v>
      </c>
      <c r="Q8751">
        <v>0</v>
      </c>
      <c r="R8751" t="s">
        <v>413</v>
      </c>
      <c r="S8751">
        <v>66</v>
      </c>
    </row>
    <row r="8752" spans="1:19" x14ac:dyDescent="0.25">
      <c r="A8752">
        <v>34950604</v>
      </c>
      <c r="B8752" t="s">
        <v>44853</v>
      </c>
      <c r="C8752" s="1" t="s">
        <v>44854</v>
      </c>
      <c r="E8752">
        <v>1</v>
      </c>
      <c r="F8752">
        <v>1</v>
      </c>
      <c r="H8752" t="s">
        <v>44855</v>
      </c>
      <c r="J8752" t="s">
        <v>44856</v>
      </c>
      <c r="O8752">
        <v>122353</v>
      </c>
      <c r="P8752">
        <v>1</v>
      </c>
      <c r="Q8752">
        <v>0</v>
      </c>
      <c r="R8752" t="s">
        <v>9179</v>
      </c>
      <c r="S8752">
        <v>94</v>
      </c>
    </row>
    <row r="8753" spans="1:19" x14ac:dyDescent="0.25">
      <c r="A8753">
        <v>41038379</v>
      </c>
      <c r="B8753" t="s">
        <v>44857</v>
      </c>
      <c r="C8753" s="1" t="s">
        <v>44858</v>
      </c>
      <c r="E8753">
        <v>2</v>
      </c>
      <c r="F8753">
        <v>0</v>
      </c>
      <c r="H8753" t="s">
        <v>44859</v>
      </c>
      <c r="J8753" t="s">
        <v>44860</v>
      </c>
      <c r="O8753">
        <v>2346063</v>
      </c>
      <c r="P8753">
        <v>1</v>
      </c>
      <c r="Q8753">
        <v>0</v>
      </c>
      <c r="R8753" t="s">
        <v>44861</v>
      </c>
      <c r="S8753">
        <v>444</v>
      </c>
    </row>
    <row r="8754" spans="1:19" x14ac:dyDescent="0.25">
      <c r="A8754">
        <v>39415316</v>
      </c>
      <c r="B8754" t="s">
        <v>44862</v>
      </c>
      <c r="C8754" s="1" t="s">
        <v>44863</v>
      </c>
      <c r="E8754">
        <v>1</v>
      </c>
      <c r="F8754">
        <v>4</v>
      </c>
      <c r="H8754" t="s">
        <v>44864</v>
      </c>
      <c r="J8754" t="s">
        <v>44865</v>
      </c>
      <c r="K8754" t="s">
        <v>44866</v>
      </c>
      <c r="M8754">
        <v>4414323</v>
      </c>
      <c r="O8754">
        <v>4414323</v>
      </c>
      <c r="P8754">
        <v>1</v>
      </c>
      <c r="Q8754">
        <v>0</v>
      </c>
      <c r="R8754" t="s">
        <v>17236</v>
      </c>
      <c r="S8754">
        <v>90</v>
      </c>
    </row>
    <row r="8755" spans="1:19" x14ac:dyDescent="0.25">
      <c r="A8755">
        <v>52458355</v>
      </c>
      <c r="B8755" t="s">
        <v>44867</v>
      </c>
      <c r="C8755" s="1" t="s">
        <v>44868</v>
      </c>
      <c r="D8755">
        <v>52458443</v>
      </c>
      <c r="E8755">
        <v>3</v>
      </c>
      <c r="F8755">
        <v>1</v>
      </c>
      <c r="H8755" t="s">
        <v>44869</v>
      </c>
      <c r="J8755" t="s">
        <v>44870</v>
      </c>
      <c r="K8755" t="s">
        <v>44871</v>
      </c>
      <c r="M8755">
        <v>10401137</v>
      </c>
      <c r="O8755">
        <v>10401137</v>
      </c>
      <c r="P8755">
        <v>1</v>
      </c>
      <c r="Q8755">
        <v>0</v>
      </c>
      <c r="R8755" t="s">
        <v>44872</v>
      </c>
      <c r="S8755">
        <v>31</v>
      </c>
    </row>
    <row r="8756" spans="1:19" x14ac:dyDescent="0.25">
      <c r="A8756">
        <v>32663841</v>
      </c>
      <c r="B8756" t="s">
        <v>44873</v>
      </c>
      <c r="C8756" s="1" t="s">
        <v>44874</v>
      </c>
      <c r="D8756">
        <v>32664031</v>
      </c>
      <c r="E8756">
        <v>3</v>
      </c>
      <c r="F8756">
        <v>7</v>
      </c>
      <c r="H8756" t="s">
        <v>44875</v>
      </c>
      <c r="J8756" t="s">
        <v>44876</v>
      </c>
      <c r="K8756" t="s">
        <v>44877</v>
      </c>
      <c r="M8756">
        <v>2729887</v>
      </c>
      <c r="O8756">
        <v>2729887</v>
      </c>
      <c r="P8756">
        <v>1</v>
      </c>
      <c r="Q8756">
        <v>-1</v>
      </c>
      <c r="R8756" t="s">
        <v>17914</v>
      </c>
      <c r="S8756">
        <v>64</v>
      </c>
    </row>
    <row r="8757" spans="1:19" x14ac:dyDescent="0.25">
      <c r="A8757">
        <v>5810882</v>
      </c>
      <c r="B8757" t="s">
        <v>44878</v>
      </c>
      <c r="C8757" s="1" t="s">
        <v>44879</v>
      </c>
      <c r="D8757">
        <v>5811130</v>
      </c>
      <c r="E8757">
        <v>2</v>
      </c>
      <c r="F8757">
        <v>4</v>
      </c>
      <c r="H8757" t="s">
        <v>44880</v>
      </c>
      <c r="J8757" t="s">
        <v>44881</v>
      </c>
      <c r="K8757" t="s">
        <v>44882</v>
      </c>
      <c r="M8757">
        <v>467453</v>
      </c>
      <c r="O8757">
        <v>467453</v>
      </c>
      <c r="P8757">
        <v>1</v>
      </c>
      <c r="Q8757">
        <v>2</v>
      </c>
      <c r="R8757" t="s">
        <v>44883</v>
      </c>
      <c r="S8757">
        <v>808</v>
      </c>
    </row>
    <row r="8758" spans="1:19" x14ac:dyDescent="0.25">
      <c r="A8758">
        <v>3271521</v>
      </c>
      <c r="B8758" t="s">
        <v>44884</v>
      </c>
      <c r="C8758" s="1" t="s">
        <v>44885</v>
      </c>
      <c r="D8758">
        <v>3271566</v>
      </c>
      <c r="E8758">
        <v>1</v>
      </c>
      <c r="F8758">
        <v>2</v>
      </c>
      <c r="H8758" t="s">
        <v>44886</v>
      </c>
      <c r="I8758">
        <v>1</v>
      </c>
      <c r="J8758" t="s">
        <v>44887</v>
      </c>
      <c r="O8758">
        <v>21318</v>
      </c>
      <c r="P8758">
        <v>1</v>
      </c>
      <c r="Q8758">
        <v>5</v>
      </c>
      <c r="R8758" t="s">
        <v>44888</v>
      </c>
      <c r="S8758">
        <v>5605</v>
      </c>
    </row>
    <row r="8759" spans="1:19" x14ac:dyDescent="0.25">
      <c r="A8759">
        <v>51969654</v>
      </c>
      <c r="B8759" t="s">
        <v>44889</v>
      </c>
      <c r="C8759" s="1" t="s">
        <v>44890</v>
      </c>
      <c r="E8759">
        <v>2</v>
      </c>
      <c r="F8759">
        <v>5</v>
      </c>
      <c r="H8759" t="s">
        <v>44891</v>
      </c>
      <c r="J8759" t="s">
        <v>44892</v>
      </c>
      <c r="K8759" t="s">
        <v>44892</v>
      </c>
      <c r="M8759">
        <v>4099593</v>
      </c>
      <c r="O8759">
        <v>10260369</v>
      </c>
      <c r="P8759">
        <v>1</v>
      </c>
      <c r="Q8759">
        <v>0</v>
      </c>
      <c r="R8759" t="s">
        <v>44893</v>
      </c>
      <c r="S8759">
        <v>18</v>
      </c>
    </row>
    <row r="8760" spans="1:19" x14ac:dyDescent="0.25">
      <c r="A8760">
        <v>34916774</v>
      </c>
      <c r="B8760" t="s">
        <v>44894</v>
      </c>
      <c r="C8760" s="1" t="s">
        <v>44895</v>
      </c>
      <c r="E8760">
        <v>0</v>
      </c>
      <c r="F8760">
        <v>0</v>
      </c>
      <c r="H8760" t="s">
        <v>44896</v>
      </c>
      <c r="I8760">
        <v>2</v>
      </c>
      <c r="J8760" t="s">
        <v>44897</v>
      </c>
      <c r="K8760" t="s">
        <v>44897</v>
      </c>
      <c r="M8760">
        <v>428073</v>
      </c>
      <c r="O8760">
        <v>428073</v>
      </c>
      <c r="P8760">
        <v>1</v>
      </c>
      <c r="Q8760">
        <v>1</v>
      </c>
      <c r="R8760" t="s">
        <v>44898</v>
      </c>
      <c r="S8760">
        <v>110</v>
      </c>
    </row>
    <row r="8761" spans="1:19" x14ac:dyDescent="0.25">
      <c r="A8761">
        <v>6619035</v>
      </c>
      <c r="B8761" t="s">
        <v>44899</v>
      </c>
      <c r="C8761" s="1" t="s">
        <v>44900</v>
      </c>
      <c r="E8761">
        <v>5</v>
      </c>
      <c r="F8761">
        <v>1</v>
      </c>
      <c r="H8761" t="s">
        <v>44901</v>
      </c>
      <c r="J8761" t="s">
        <v>44902</v>
      </c>
      <c r="K8761" t="s">
        <v>44902</v>
      </c>
      <c r="M8761">
        <v>228755</v>
      </c>
      <c r="O8761">
        <v>829044</v>
      </c>
      <c r="P8761">
        <v>1</v>
      </c>
      <c r="Q8761">
        <v>0</v>
      </c>
      <c r="R8761" t="s">
        <v>44903</v>
      </c>
      <c r="S8761">
        <v>818</v>
      </c>
    </row>
    <row r="8762" spans="1:19" x14ac:dyDescent="0.25">
      <c r="A8762">
        <v>50299537</v>
      </c>
      <c r="B8762" t="s">
        <v>44904</v>
      </c>
      <c r="C8762" s="1" t="s">
        <v>44905</v>
      </c>
      <c r="E8762">
        <v>0</v>
      </c>
      <c r="F8762">
        <v>1</v>
      </c>
      <c r="H8762" t="s">
        <v>44906</v>
      </c>
      <c r="J8762" t="s">
        <v>44906</v>
      </c>
      <c r="O8762">
        <v>9778338</v>
      </c>
      <c r="P8762">
        <v>1</v>
      </c>
      <c r="Q8762">
        <v>1</v>
      </c>
      <c r="R8762" t="s">
        <v>44907</v>
      </c>
      <c r="S8762">
        <v>85</v>
      </c>
    </row>
    <row r="8763" spans="1:19" x14ac:dyDescent="0.25">
      <c r="A8763">
        <v>10223486</v>
      </c>
      <c r="B8763" t="s">
        <v>44908</v>
      </c>
      <c r="C8763" s="1" t="s">
        <v>44909</v>
      </c>
      <c r="D8763">
        <v>10223599</v>
      </c>
      <c r="E8763">
        <v>3</v>
      </c>
      <c r="F8763">
        <v>6</v>
      </c>
      <c r="H8763" t="s">
        <v>44910</v>
      </c>
      <c r="J8763" t="s">
        <v>44911</v>
      </c>
      <c r="K8763" t="s">
        <v>44912</v>
      </c>
      <c r="M8763">
        <v>198536</v>
      </c>
      <c r="O8763">
        <v>1343285</v>
      </c>
      <c r="P8763">
        <v>1</v>
      </c>
      <c r="Q8763">
        <v>0</v>
      </c>
      <c r="R8763" t="s">
        <v>24070</v>
      </c>
      <c r="S8763">
        <v>95</v>
      </c>
    </row>
    <row r="8764" spans="1:19" x14ac:dyDescent="0.25">
      <c r="A8764">
        <v>19500358</v>
      </c>
      <c r="B8764" t="s">
        <v>44913</v>
      </c>
      <c r="C8764" s="1" t="s">
        <v>44914</v>
      </c>
      <c r="E8764">
        <v>2</v>
      </c>
      <c r="F8764">
        <v>0</v>
      </c>
      <c r="H8764" t="s">
        <v>44915</v>
      </c>
      <c r="J8764" t="s">
        <v>44916</v>
      </c>
      <c r="O8764">
        <v>2065696</v>
      </c>
      <c r="P8764">
        <v>1</v>
      </c>
      <c r="Q8764">
        <v>0</v>
      </c>
      <c r="R8764" t="s">
        <v>44917</v>
      </c>
      <c r="S8764">
        <v>53</v>
      </c>
    </row>
    <row r="8765" spans="1:19" x14ac:dyDescent="0.25">
      <c r="A8765">
        <v>12142413</v>
      </c>
      <c r="B8765" t="s">
        <v>44918</v>
      </c>
      <c r="C8765" t="s">
        <v>44919</v>
      </c>
      <c r="D8765">
        <v>12143594</v>
      </c>
      <c r="E8765">
        <v>1</v>
      </c>
      <c r="F8765">
        <v>1</v>
      </c>
      <c r="H8765" t="s">
        <v>44920</v>
      </c>
      <c r="J8765" t="s">
        <v>44921</v>
      </c>
      <c r="O8765">
        <v>2127394</v>
      </c>
      <c r="P8765">
        <v>1</v>
      </c>
      <c r="Q8765">
        <v>0</v>
      </c>
      <c r="R8765" t="s">
        <v>44922</v>
      </c>
      <c r="S8765">
        <v>167</v>
      </c>
    </row>
    <row r="8766" spans="1:19" x14ac:dyDescent="0.25">
      <c r="A8766">
        <v>22918910</v>
      </c>
      <c r="B8766" t="s">
        <v>44923</v>
      </c>
      <c r="C8766" s="1" t="s">
        <v>44924</v>
      </c>
      <c r="E8766">
        <v>0</v>
      </c>
      <c r="F8766">
        <v>3</v>
      </c>
      <c r="H8766" t="s">
        <v>44925</v>
      </c>
      <c r="J8766" t="s">
        <v>44925</v>
      </c>
      <c r="O8766">
        <v>3430490</v>
      </c>
      <c r="P8766">
        <v>1</v>
      </c>
      <c r="Q8766">
        <v>0</v>
      </c>
      <c r="R8766" t="s">
        <v>44926</v>
      </c>
      <c r="S8766">
        <v>970</v>
      </c>
    </row>
    <row r="8767" spans="1:19" x14ac:dyDescent="0.25">
      <c r="A8767">
        <v>38910027</v>
      </c>
      <c r="B8767" t="s">
        <v>44927</v>
      </c>
      <c r="C8767" s="1" t="s">
        <v>44928</v>
      </c>
      <c r="E8767">
        <v>1</v>
      </c>
      <c r="F8767">
        <v>1</v>
      </c>
      <c r="H8767" t="s">
        <v>44929</v>
      </c>
      <c r="J8767" t="s">
        <v>44930</v>
      </c>
      <c r="K8767" t="s">
        <v>44930</v>
      </c>
      <c r="M8767">
        <v>4639920</v>
      </c>
      <c r="O8767">
        <v>4639920</v>
      </c>
      <c r="P8767">
        <v>1</v>
      </c>
      <c r="Q8767">
        <v>0</v>
      </c>
      <c r="R8767" t="s">
        <v>44931</v>
      </c>
      <c r="S8767">
        <v>266</v>
      </c>
    </row>
    <row r="8768" spans="1:19" x14ac:dyDescent="0.25">
      <c r="A8768">
        <v>2246838</v>
      </c>
      <c r="B8768" t="s">
        <v>44932</v>
      </c>
      <c r="C8768" t="s">
        <v>44933</v>
      </c>
      <c r="E8768">
        <v>1</v>
      </c>
      <c r="F8768">
        <v>1</v>
      </c>
      <c r="H8768" t="s">
        <v>44934</v>
      </c>
      <c r="J8768" t="s">
        <v>44935</v>
      </c>
      <c r="O8768">
        <v>202875</v>
      </c>
      <c r="P8768">
        <v>1</v>
      </c>
      <c r="Q8768">
        <v>0</v>
      </c>
      <c r="R8768" t="s">
        <v>44936</v>
      </c>
      <c r="S8768">
        <v>1050</v>
      </c>
    </row>
    <row r="8769" spans="1:19" x14ac:dyDescent="0.25">
      <c r="A8769">
        <v>34573813</v>
      </c>
      <c r="B8769" t="s">
        <v>44937</v>
      </c>
      <c r="C8769" t="s">
        <v>44938</v>
      </c>
      <c r="D8769">
        <v>34574451</v>
      </c>
      <c r="E8769">
        <v>2</v>
      </c>
      <c r="F8769">
        <v>2</v>
      </c>
      <c r="H8769" t="s">
        <v>44939</v>
      </c>
      <c r="J8769" t="s">
        <v>44940</v>
      </c>
      <c r="O8769">
        <v>5739720</v>
      </c>
      <c r="P8769">
        <v>1</v>
      </c>
      <c r="Q8769">
        <v>-3</v>
      </c>
      <c r="R8769" t="s">
        <v>413</v>
      </c>
      <c r="S8769">
        <v>695</v>
      </c>
    </row>
    <row r="8770" spans="1:19" x14ac:dyDescent="0.25">
      <c r="A8770">
        <v>39373483</v>
      </c>
      <c r="B8770" t="s">
        <v>44941</v>
      </c>
      <c r="C8770" s="1" t="s">
        <v>44942</v>
      </c>
      <c r="D8770">
        <v>39373518</v>
      </c>
      <c r="E8770">
        <v>3</v>
      </c>
      <c r="F8770">
        <v>2</v>
      </c>
      <c r="H8770" t="s">
        <v>44943</v>
      </c>
      <c r="J8770" t="s">
        <v>44944</v>
      </c>
      <c r="K8770" t="s">
        <v>44944</v>
      </c>
      <c r="M8770">
        <v>6737471</v>
      </c>
      <c r="O8770">
        <v>6802894</v>
      </c>
      <c r="P8770">
        <v>1</v>
      </c>
      <c r="Q8770">
        <v>-3</v>
      </c>
      <c r="R8770" t="s">
        <v>44945</v>
      </c>
      <c r="S8770">
        <v>50</v>
      </c>
    </row>
    <row r="8771" spans="1:19" x14ac:dyDescent="0.25">
      <c r="A8771">
        <v>18432509</v>
      </c>
      <c r="B8771" t="s">
        <v>44946</v>
      </c>
      <c r="C8771" s="1" t="s">
        <v>44947</v>
      </c>
      <c r="D8771">
        <v>18432992</v>
      </c>
      <c r="E8771">
        <v>1</v>
      </c>
      <c r="F8771">
        <v>0</v>
      </c>
      <c r="H8771" t="s">
        <v>44948</v>
      </c>
      <c r="J8771" t="s">
        <v>44949</v>
      </c>
      <c r="O8771">
        <v>1730638</v>
      </c>
      <c r="P8771">
        <v>1</v>
      </c>
      <c r="Q8771">
        <v>0</v>
      </c>
      <c r="R8771" t="s">
        <v>44950</v>
      </c>
      <c r="S8771">
        <v>309</v>
      </c>
    </row>
    <row r="8772" spans="1:19" x14ac:dyDescent="0.25">
      <c r="A8772">
        <v>29537249</v>
      </c>
      <c r="B8772" t="s">
        <v>44951</v>
      </c>
      <c r="C8772" s="1" t="s">
        <v>44952</v>
      </c>
      <c r="D8772">
        <v>29540072</v>
      </c>
      <c r="E8772">
        <v>1</v>
      </c>
      <c r="F8772">
        <v>2</v>
      </c>
      <c r="H8772" t="s">
        <v>44953</v>
      </c>
      <c r="J8772" t="s">
        <v>44954</v>
      </c>
      <c r="K8772" t="s">
        <v>44955</v>
      </c>
      <c r="M8772">
        <v>-1</v>
      </c>
      <c r="O8772">
        <v>613155</v>
      </c>
      <c r="P8772">
        <v>1</v>
      </c>
      <c r="Q8772">
        <v>3</v>
      </c>
      <c r="R8772" t="s">
        <v>44956</v>
      </c>
      <c r="S8772">
        <v>1167</v>
      </c>
    </row>
    <row r="8773" spans="1:19" x14ac:dyDescent="0.25">
      <c r="A8773">
        <v>26436362</v>
      </c>
      <c r="B8773" t="s">
        <v>44957</v>
      </c>
      <c r="C8773" s="1" t="s">
        <v>44958</v>
      </c>
      <c r="D8773">
        <v>26436863</v>
      </c>
      <c r="E8773">
        <v>1</v>
      </c>
      <c r="F8773">
        <v>1</v>
      </c>
      <c r="H8773" t="s">
        <v>44959</v>
      </c>
      <c r="I8773">
        <v>1</v>
      </c>
      <c r="J8773" t="s">
        <v>44960</v>
      </c>
      <c r="K8773" t="s">
        <v>44961</v>
      </c>
      <c r="M8773">
        <v>2395796</v>
      </c>
      <c r="O8773">
        <v>2975510</v>
      </c>
      <c r="P8773">
        <v>1</v>
      </c>
      <c r="Q8773">
        <v>9</v>
      </c>
      <c r="R8773" t="s">
        <v>14896</v>
      </c>
      <c r="S8773">
        <v>1779</v>
      </c>
    </row>
    <row r="8774" spans="1:19" x14ac:dyDescent="0.25">
      <c r="A8774">
        <v>38030695</v>
      </c>
      <c r="B8774" t="s">
        <v>44962</v>
      </c>
      <c r="C8774" s="1" t="s">
        <v>44963</v>
      </c>
      <c r="E8774">
        <v>0</v>
      </c>
      <c r="F8774">
        <v>3</v>
      </c>
      <c r="H8774" t="s">
        <v>44964</v>
      </c>
      <c r="J8774" t="s">
        <v>44964</v>
      </c>
      <c r="K8774" t="s">
        <v>44965</v>
      </c>
      <c r="M8774">
        <v>-1</v>
      </c>
      <c r="O8774">
        <v>2262522</v>
      </c>
      <c r="P8774">
        <v>1</v>
      </c>
      <c r="Q8774">
        <v>0</v>
      </c>
      <c r="R8774" t="s">
        <v>1359</v>
      </c>
      <c r="S8774">
        <v>289</v>
      </c>
    </row>
    <row r="8775" spans="1:19" x14ac:dyDescent="0.25">
      <c r="A8775">
        <v>47357961</v>
      </c>
      <c r="B8775" t="s">
        <v>44966</v>
      </c>
      <c r="C8775" t="s">
        <v>44967</v>
      </c>
      <c r="D8775">
        <v>47358226</v>
      </c>
      <c r="E8775">
        <v>2</v>
      </c>
      <c r="F8775">
        <v>1</v>
      </c>
      <c r="H8775" t="s">
        <v>44968</v>
      </c>
      <c r="J8775" t="s">
        <v>44969</v>
      </c>
      <c r="K8775" t="s">
        <v>44969</v>
      </c>
      <c r="M8775">
        <v>2444023</v>
      </c>
      <c r="O8775">
        <v>2444023</v>
      </c>
      <c r="P8775">
        <v>1</v>
      </c>
      <c r="Q8775">
        <v>0</v>
      </c>
      <c r="R8775" t="s">
        <v>44970</v>
      </c>
      <c r="S8775">
        <v>35</v>
      </c>
    </row>
    <row r="8776" spans="1:19" x14ac:dyDescent="0.25">
      <c r="A8776">
        <v>39241835</v>
      </c>
      <c r="B8776" t="s">
        <v>44971</v>
      </c>
      <c r="C8776" s="1" t="s">
        <v>44972</v>
      </c>
      <c r="E8776">
        <v>1</v>
      </c>
      <c r="F8776">
        <v>5</v>
      </c>
      <c r="H8776" t="s">
        <v>44973</v>
      </c>
      <c r="J8776" t="s">
        <v>44974</v>
      </c>
      <c r="K8776" t="s">
        <v>44975</v>
      </c>
      <c r="M8776">
        <v>3636601</v>
      </c>
      <c r="O8776">
        <v>6181306</v>
      </c>
      <c r="P8776">
        <v>1</v>
      </c>
      <c r="Q8776">
        <v>0</v>
      </c>
      <c r="R8776" t="s">
        <v>351</v>
      </c>
      <c r="S8776">
        <v>428</v>
      </c>
    </row>
    <row r="8777" spans="1:19" x14ac:dyDescent="0.25">
      <c r="A8777">
        <v>28139653</v>
      </c>
      <c r="B8777" t="s">
        <v>44976</v>
      </c>
      <c r="C8777" t="s">
        <v>44977</v>
      </c>
      <c r="D8777">
        <v>28146171</v>
      </c>
      <c r="E8777">
        <v>1</v>
      </c>
      <c r="F8777">
        <v>4</v>
      </c>
      <c r="H8777" t="s">
        <v>44978</v>
      </c>
      <c r="J8777" t="s">
        <v>44979</v>
      </c>
      <c r="K8777" t="s">
        <v>44979</v>
      </c>
      <c r="M8777">
        <v>2065611</v>
      </c>
      <c r="O8777">
        <v>3426448</v>
      </c>
      <c r="P8777">
        <v>1</v>
      </c>
      <c r="Q8777">
        <v>1</v>
      </c>
      <c r="R8777" t="s">
        <v>44980</v>
      </c>
      <c r="S8777">
        <v>929</v>
      </c>
    </row>
    <row r="8778" spans="1:19" x14ac:dyDescent="0.25">
      <c r="A8778">
        <v>36857692</v>
      </c>
      <c r="B8778" t="s">
        <v>44981</v>
      </c>
      <c r="C8778" s="1" t="s">
        <v>44982</v>
      </c>
      <c r="E8778">
        <v>0</v>
      </c>
      <c r="F8778">
        <v>4</v>
      </c>
      <c r="H8778" t="s">
        <v>44983</v>
      </c>
      <c r="J8778" t="s">
        <v>44984</v>
      </c>
      <c r="K8778" t="s">
        <v>44984</v>
      </c>
      <c r="M8778">
        <v>2606208</v>
      </c>
      <c r="O8778">
        <v>2606208</v>
      </c>
      <c r="P8778">
        <v>1</v>
      </c>
      <c r="Q8778">
        <v>0</v>
      </c>
      <c r="R8778" t="s">
        <v>44985</v>
      </c>
      <c r="S8778">
        <v>111</v>
      </c>
    </row>
    <row r="8779" spans="1:19" x14ac:dyDescent="0.25">
      <c r="A8779">
        <v>18229444</v>
      </c>
      <c r="B8779" t="s">
        <v>44986</v>
      </c>
      <c r="C8779" s="1" t="s">
        <v>44987</v>
      </c>
      <c r="E8779">
        <v>2</v>
      </c>
      <c r="F8779">
        <v>3</v>
      </c>
      <c r="H8779" t="s">
        <v>44988</v>
      </c>
      <c r="J8779" t="s">
        <v>44989</v>
      </c>
      <c r="K8779" t="s">
        <v>44990</v>
      </c>
      <c r="M8779">
        <v>682495</v>
      </c>
      <c r="O8779">
        <v>1103606</v>
      </c>
      <c r="P8779">
        <v>1</v>
      </c>
      <c r="Q8779">
        <v>0</v>
      </c>
      <c r="R8779" t="s">
        <v>44991</v>
      </c>
      <c r="S8779">
        <v>309</v>
      </c>
    </row>
    <row r="8780" spans="1:19" x14ac:dyDescent="0.25">
      <c r="A8780">
        <v>44856508</v>
      </c>
      <c r="B8780" t="s">
        <v>44992</v>
      </c>
      <c r="C8780" s="1" t="s">
        <v>44993</v>
      </c>
      <c r="D8780">
        <v>44856584</v>
      </c>
      <c r="E8780">
        <v>1</v>
      </c>
      <c r="F8780">
        <v>0</v>
      </c>
      <c r="H8780" t="s">
        <v>44994</v>
      </c>
      <c r="J8780" t="s">
        <v>44995</v>
      </c>
      <c r="K8780" t="s">
        <v>44996</v>
      </c>
      <c r="M8780">
        <v>7345804</v>
      </c>
      <c r="O8780">
        <v>7345804</v>
      </c>
      <c r="P8780">
        <v>1</v>
      </c>
      <c r="Q8780">
        <v>0</v>
      </c>
      <c r="R8780" t="s">
        <v>44997</v>
      </c>
      <c r="S8780">
        <v>28</v>
      </c>
    </row>
    <row r="8781" spans="1:19" x14ac:dyDescent="0.25">
      <c r="A8781">
        <v>52570143</v>
      </c>
      <c r="B8781" t="s">
        <v>44998</v>
      </c>
      <c r="C8781" s="1" t="s">
        <v>44999</v>
      </c>
      <c r="D8781">
        <v>52573457</v>
      </c>
      <c r="E8781">
        <v>1</v>
      </c>
      <c r="F8781">
        <v>2</v>
      </c>
      <c r="H8781" t="s">
        <v>45000</v>
      </c>
      <c r="J8781" t="s">
        <v>45001</v>
      </c>
      <c r="K8781" t="s">
        <v>45002</v>
      </c>
      <c r="M8781">
        <v>10434058</v>
      </c>
      <c r="O8781">
        <v>10434058</v>
      </c>
      <c r="P8781">
        <v>1</v>
      </c>
      <c r="Q8781">
        <v>1</v>
      </c>
      <c r="R8781" t="s">
        <v>45003</v>
      </c>
      <c r="S8781">
        <v>156</v>
      </c>
    </row>
    <row r="8782" spans="1:19" x14ac:dyDescent="0.25">
      <c r="A8782">
        <v>26414375</v>
      </c>
      <c r="B8782" t="s">
        <v>45004</v>
      </c>
      <c r="C8782" t="s">
        <v>45005</v>
      </c>
      <c r="E8782">
        <v>0</v>
      </c>
      <c r="F8782">
        <v>2</v>
      </c>
      <c r="H8782" t="s">
        <v>45006</v>
      </c>
      <c r="J8782" t="s">
        <v>45006</v>
      </c>
      <c r="O8782">
        <v>3411908</v>
      </c>
      <c r="P8782">
        <v>1</v>
      </c>
      <c r="Q8782">
        <v>0</v>
      </c>
      <c r="R8782" t="s">
        <v>45007</v>
      </c>
      <c r="S8782">
        <v>31</v>
      </c>
    </row>
    <row r="8783" spans="1:19" x14ac:dyDescent="0.25">
      <c r="A8783">
        <v>23471650</v>
      </c>
      <c r="B8783" t="s">
        <v>45008</v>
      </c>
      <c r="C8783" s="1" t="s">
        <v>45009</v>
      </c>
      <c r="D8783">
        <v>23471975</v>
      </c>
      <c r="E8783">
        <v>1</v>
      </c>
      <c r="F8783">
        <v>1</v>
      </c>
      <c r="H8783" t="s">
        <v>45010</v>
      </c>
      <c r="I8783">
        <v>1</v>
      </c>
      <c r="J8783" t="s">
        <v>45011</v>
      </c>
      <c r="K8783" t="s">
        <v>45011</v>
      </c>
      <c r="M8783">
        <v>1505120</v>
      </c>
      <c r="O8783">
        <v>3604061</v>
      </c>
      <c r="P8783">
        <v>1</v>
      </c>
      <c r="Q8783">
        <v>1</v>
      </c>
      <c r="R8783" t="s">
        <v>1466</v>
      </c>
      <c r="S8783">
        <v>921</v>
      </c>
    </row>
    <row r="8784" spans="1:19" x14ac:dyDescent="0.25">
      <c r="A8784">
        <v>4700232</v>
      </c>
      <c r="B8784" t="s">
        <v>45012</v>
      </c>
      <c r="C8784" s="1" t="s">
        <v>45013</v>
      </c>
      <c r="D8784">
        <v>4700244</v>
      </c>
      <c r="E8784">
        <v>1</v>
      </c>
      <c r="F8784">
        <v>0</v>
      </c>
      <c r="H8784" t="s">
        <v>45014</v>
      </c>
      <c r="I8784">
        <v>1</v>
      </c>
      <c r="J8784" t="s">
        <v>45015</v>
      </c>
      <c r="K8784" t="s">
        <v>45015</v>
      </c>
      <c r="M8784">
        <v>886887</v>
      </c>
      <c r="O8784">
        <v>30453</v>
      </c>
      <c r="P8784">
        <v>1</v>
      </c>
      <c r="Q8784">
        <v>0</v>
      </c>
      <c r="R8784" t="s">
        <v>45016</v>
      </c>
      <c r="S8784">
        <v>343</v>
      </c>
    </row>
    <row r="8785" spans="1:19" x14ac:dyDescent="0.25">
      <c r="A8785">
        <v>1023624</v>
      </c>
      <c r="B8785" t="s">
        <v>45017</v>
      </c>
      <c r="C8785" s="1" t="s">
        <v>45018</v>
      </c>
      <c r="D8785">
        <v>1023627</v>
      </c>
      <c r="E8785">
        <v>1</v>
      </c>
      <c r="F8785">
        <v>3</v>
      </c>
      <c r="G8785" t="s">
        <v>45019</v>
      </c>
      <c r="H8785" t="s">
        <v>45020</v>
      </c>
      <c r="J8785" t="s">
        <v>45021</v>
      </c>
      <c r="K8785" t="s">
        <v>45022</v>
      </c>
      <c r="M8785">
        <v>-1</v>
      </c>
      <c r="O8785">
        <v>53236</v>
      </c>
      <c r="P8785">
        <v>1</v>
      </c>
      <c r="Q8785">
        <v>0</v>
      </c>
      <c r="R8785" t="s">
        <v>45023</v>
      </c>
      <c r="S8785">
        <v>615</v>
      </c>
    </row>
    <row r="8786" spans="1:19" x14ac:dyDescent="0.25">
      <c r="A8786">
        <v>21975472</v>
      </c>
      <c r="B8786" t="s">
        <v>45024</v>
      </c>
      <c r="C8786" s="1" t="s">
        <v>45025</v>
      </c>
      <c r="D8786">
        <v>21975574</v>
      </c>
      <c r="E8786">
        <v>1</v>
      </c>
      <c r="F8786">
        <v>2</v>
      </c>
      <c r="H8786" t="s">
        <v>45026</v>
      </c>
      <c r="I8786">
        <v>0</v>
      </c>
      <c r="J8786" t="s">
        <v>45027</v>
      </c>
      <c r="K8786" t="s">
        <v>45028</v>
      </c>
      <c r="M8786">
        <v>627492</v>
      </c>
      <c r="O8786">
        <v>627492</v>
      </c>
      <c r="P8786">
        <v>1</v>
      </c>
      <c r="Q8786">
        <v>2</v>
      </c>
      <c r="R8786" t="s">
        <v>45029</v>
      </c>
      <c r="S8786">
        <v>9064</v>
      </c>
    </row>
    <row r="8787" spans="1:19" x14ac:dyDescent="0.25">
      <c r="A8787">
        <v>10952615</v>
      </c>
      <c r="B8787" t="s">
        <v>45030</v>
      </c>
      <c r="C8787" s="1" t="s">
        <v>45031</v>
      </c>
      <c r="D8787">
        <v>10952633</v>
      </c>
      <c r="E8787">
        <v>12</v>
      </c>
      <c r="F8787">
        <v>1</v>
      </c>
      <c r="H8787" t="s">
        <v>45032</v>
      </c>
      <c r="I8787">
        <v>16</v>
      </c>
      <c r="J8787" t="s">
        <v>45033</v>
      </c>
      <c r="K8787" t="s">
        <v>45034</v>
      </c>
      <c r="M8787">
        <v>819662</v>
      </c>
      <c r="O8787">
        <v>819662</v>
      </c>
      <c r="P8787">
        <v>1</v>
      </c>
      <c r="Q8787">
        <v>101</v>
      </c>
      <c r="R8787" t="s">
        <v>989</v>
      </c>
      <c r="S8787">
        <v>154480</v>
      </c>
    </row>
    <row r="8788" spans="1:19" x14ac:dyDescent="0.25">
      <c r="A8788">
        <v>10555737</v>
      </c>
      <c r="B8788" t="s">
        <v>45035</v>
      </c>
      <c r="C8788" s="1" t="s">
        <v>45036</v>
      </c>
      <c r="E8788">
        <v>2</v>
      </c>
      <c r="F8788">
        <v>0</v>
      </c>
      <c r="H8788" t="s">
        <v>45037</v>
      </c>
      <c r="J8788" t="s">
        <v>45038</v>
      </c>
      <c r="K8788" t="s">
        <v>45039</v>
      </c>
      <c r="M8788">
        <v>574419</v>
      </c>
      <c r="O8788">
        <v>574419</v>
      </c>
      <c r="P8788">
        <v>1</v>
      </c>
      <c r="Q8788">
        <v>1</v>
      </c>
      <c r="R8788" t="s">
        <v>45040</v>
      </c>
      <c r="S8788">
        <v>2259</v>
      </c>
    </row>
    <row r="8789" spans="1:19" x14ac:dyDescent="0.25">
      <c r="A8789">
        <v>16535992</v>
      </c>
      <c r="B8789" t="s">
        <v>45041</v>
      </c>
      <c r="C8789" s="1" t="s">
        <v>45042</v>
      </c>
      <c r="D8789">
        <v>16536019</v>
      </c>
      <c r="E8789">
        <v>1</v>
      </c>
      <c r="F8789">
        <v>0</v>
      </c>
      <c r="H8789" t="s">
        <v>45043</v>
      </c>
      <c r="J8789" t="s">
        <v>45044</v>
      </c>
      <c r="O8789">
        <v>2229864</v>
      </c>
      <c r="P8789">
        <v>1</v>
      </c>
      <c r="Q8789">
        <v>0</v>
      </c>
      <c r="R8789" t="s">
        <v>45045</v>
      </c>
      <c r="S8789">
        <v>57</v>
      </c>
    </row>
    <row r="8790" spans="1:19" x14ac:dyDescent="0.25">
      <c r="A8790">
        <v>40962620</v>
      </c>
      <c r="B8790" t="s">
        <v>45046</v>
      </c>
      <c r="C8790" s="1" t="s">
        <v>45047</v>
      </c>
      <c r="E8790">
        <v>1</v>
      </c>
      <c r="F8790">
        <v>1</v>
      </c>
      <c r="H8790" t="s">
        <v>45048</v>
      </c>
      <c r="I8790">
        <v>1</v>
      </c>
      <c r="J8790" t="s">
        <v>45049</v>
      </c>
      <c r="K8790" t="s">
        <v>45049</v>
      </c>
      <c r="M8790">
        <v>761095</v>
      </c>
      <c r="O8790">
        <v>5908241</v>
      </c>
      <c r="P8790">
        <v>1</v>
      </c>
      <c r="Q8790">
        <v>1</v>
      </c>
      <c r="R8790" t="s">
        <v>45050</v>
      </c>
      <c r="S8790">
        <v>49</v>
      </c>
    </row>
    <row r="8791" spans="1:19" x14ac:dyDescent="0.25">
      <c r="A8791">
        <v>2691145</v>
      </c>
      <c r="B8791" t="s">
        <v>45051</v>
      </c>
      <c r="C8791" s="1" t="s">
        <v>45052</v>
      </c>
      <c r="D8791">
        <v>2697592</v>
      </c>
      <c r="E8791">
        <v>1</v>
      </c>
      <c r="F8791">
        <v>0</v>
      </c>
      <c r="H8791" t="s">
        <v>45053</v>
      </c>
      <c r="I8791">
        <v>1</v>
      </c>
      <c r="J8791" t="s">
        <v>45054</v>
      </c>
      <c r="K8791" t="s">
        <v>45054</v>
      </c>
      <c r="M8791">
        <v>75500</v>
      </c>
      <c r="O8791">
        <v>168614</v>
      </c>
      <c r="P8791">
        <v>1</v>
      </c>
      <c r="Q8791">
        <v>1</v>
      </c>
      <c r="R8791" t="s">
        <v>45055</v>
      </c>
      <c r="S8791">
        <v>241</v>
      </c>
    </row>
    <row r="8792" spans="1:19" x14ac:dyDescent="0.25">
      <c r="A8792">
        <v>5045081</v>
      </c>
      <c r="B8792" t="s">
        <v>45056</v>
      </c>
      <c r="C8792" t="s">
        <v>45057</v>
      </c>
      <c r="D8792">
        <v>5045122</v>
      </c>
      <c r="E8792">
        <v>1</v>
      </c>
      <c r="F8792">
        <v>0</v>
      </c>
      <c r="H8792" t="s">
        <v>45058</v>
      </c>
      <c r="I8792">
        <v>1</v>
      </c>
      <c r="J8792" t="s">
        <v>45059</v>
      </c>
      <c r="O8792">
        <v>478296</v>
      </c>
      <c r="P8792">
        <v>1</v>
      </c>
      <c r="Q8792">
        <v>1</v>
      </c>
      <c r="R8792" t="s">
        <v>12514</v>
      </c>
      <c r="S8792">
        <v>457</v>
      </c>
    </row>
    <row r="8793" spans="1:19" x14ac:dyDescent="0.25">
      <c r="A8793">
        <v>22867047</v>
      </c>
      <c r="B8793" t="s">
        <v>45060</v>
      </c>
      <c r="C8793" s="1" t="s">
        <v>45061</v>
      </c>
      <c r="D8793">
        <v>22867190</v>
      </c>
      <c r="E8793">
        <v>1</v>
      </c>
      <c r="F8793">
        <v>1</v>
      </c>
      <c r="H8793" t="s">
        <v>45062</v>
      </c>
      <c r="J8793" t="s">
        <v>45063</v>
      </c>
      <c r="K8793" t="s">
        <v>45064</v>
      </c>
      <c r="M8793">
        <v>2167582</v>
      </c>
      <c r="O8793">
        <v>2167582</v>
      </c>
      <c r="P8793">
        <v>1</v>
      </c>
      <c r="Q8793">
        <v>0</v>
      </c>
      <c r="R8793" t="s">
        <v>45065</v>
      </c>
      <c r="S8793">
        <v>763</v>
      </c>
    </row>
    <row r="8794" spans="1:19" x14ac:dyDescent="0.25">
      <c r="A8794">
        <v>22527116</v>
      </c>
      <c r="B8794" t="s">
        <v>45066</v>
      </c>
      <c r="C8794" s="1" t="s">
        <v>45067</v>
      </c>
      <c r="D8794">
        <v>22527844</v>
      </c>
      <c r="E8794">
        <v>1</v>
      </c>
      <c r="F8794">
        <v>4</v>
      </c>
      <c r="H8794" t="s">
        <v>45068</v>
      </c>
      <c r="I8794">
        <v>1</v>
      </c>
      <c r="J8794" t="s">
        <v>45069</v>
      </c>
      <c r="K8794" t="s">
        <v>45069</v>
      </c>
      <c r="M8794">
        <v>1053352</v>
      </c>
      <c r="O8794">
        <v>1680183</v>
      </c>
      <c r="P8794">
        <v>1</v>
      </c>
      <c r="Q8794">
        <v>1</v>
      </c>
      <c r="R8794" t="s">
        <v>2722</v>
      </c>
      <c r="S8794">
        <v>84</v>
      </c>
    </row>
    <row r="8795" spans="1:19" x14ac:dyDescent="0.25">
      <c r="A8795">
        <v>21208924</v>
      </c>
      <c r="B8795" t="s">
        <v>45070</v>
      </c>
      <c r="C8795" s="1" t="s">
        <v>45071</v>
      </c>
      <c r="D8795">
        <v>21214679</v>
      </c>
      <c r="E8795">
        <v>1</v>
      </c>
      <c r="F8795">
        <v>3</v>
      </c>
      <c r="H8795" t="s">
        <v>45072</v>
      </c>
      <c r="J8795" t="s">
        <v>45073</v>
      </c>
      <c r="K8795" t="s">
        <v>45073</v>
      </c>
      <c r="M8795">
        <v>881229</v>
      </c>
      <c r="O8795">
        <v>3210659</v>
      </c>
      <c r="P8795">
        <v>1</v>
      </c>
      <c r="Q8795">
        <v>1</v>
      </c>
      <c r="R8795" t="s">
        <v>45074</v>
      </c>
      <c r="S8795">
        <v>158</v>
      </c>
    </row>
    <row r="8796" spans="1:19" x14ac:dyDescent="0.25">
      <c r="A8796">
        <v>17461483</v>
      </c>
      <c r="B8796" t="s">
        <v>45075</v>
      </c>
      <c r="C8796" s="1" t="s">
        <v>45076</v>
      </c>
      <c r="E8796">
        <v>2</v>
      </c>
      <c r="F8796">
        <v>4</v>
      </c>
      <c r="H8796" t="s">
        <v>45077</v>
      </c>
      <c r="J8796" t="s">
        <v>45078</v>
      </c>
      <c r="K8796" t="s">
        <v>45078</v>
      </c>
      <c r="M8796">
        <v>134204</v>
      </c>
      <c r="O8796">
        <v>2376998</v>
      </c>
      <c r="P8796">
        <v>1</v>
      </c>
      <c r="Q8796">
        <v>0</v>
      </c>
      <c r="R8796" t="s">
        <v>45079</v>
      </c>
      <c r="S8796">
        <v>304</v>
      </c>
    </row>
    <row r="8797" spans="1:19" x14ac:dyDescent="0.25">
      <c r="A8797">
        <v>6265490</v>
      </c>
      <c r="B8797" t="s">
        <v>45080</v>
      </c>
      <c r="C8797" s="1" t="s">
        <v>45081</v>
      </c>
      <c r="D8797">
        <v>6265705</v>
      </c>
      <c r="E8797">
        <v>2</v>
      </c>
      <c r="F8797">
        <v>0</v>
      </c>
      <c r="H8797" t="s">
        <v>45082</v>
      </c>
      <c r="J8797" t="s">
        <v>45083</v>
      </c>
      <c r="K8797" t="s">
        <v>45084</v>
      </c>
      <c r="M8797">
        <v>404395</v>
      </c>
      <c r="O8797">
        <v>404395</v>
      </c>
      <c r="P8797">
        <v>1</v>
      </c>
      <c r="Q8797">
        <v>7</v>
      </c>
      <c r="R8797" t="s">
        <v>25979</v>
      </c>
      <c r="S8797">
        <v>6956</v>
      </c>
    </row>
    <row r="8798" spans="1:19" x14ac:dyDescent="0.25">
      <c r="A8798">
        <v>36325485</v>
      </c>
      <c r="B8798" t="s">
        <v>45085</v>
      </c>
      <c r="C8798" s="1" t="s">
        <v>45086</v>
      </c>
      <c r="E8798">
        <v>6</v>
      </c>
      <c r="F8798">
        <v>6</v>
      </c>
      <c r="H8798" t="s">
        <v>45087</v>
      </c>
      <c r="J8798" t="s">
        <v>45088</v>
      </c>
      <c r="K8798" t="s">
        <v>45088</v>
      </c>
      <c r="M8798">
        <v>4518274</v>
      </c>
      <c r="O8798">
        <v>5728001</v>
      </c>
      <c r="P8798">
        <v>1</v>
      </c>
      <c r="Q8798">
        <v>-1</v>
      </c>
      <c r="R8798" t="s">
        <v>45089</v>
      </c>
      <c r="S8798">
        <v>923</v>
      </c>
    </row>
    <row r="8799" spans="1:19" x14ac:dyDescent="0.25">
      <c r="A8799">
        <v>14491322</v>
      </c>
      <c r="B8799" t="s">
        <v>45090</v>
      </c>
      <c r="C8799" s="1" t="s">
        <v>45091</v>
      </c>
      <c r="D8799">
        <v>14491387</v>
      </c>
      <c r="E8799">
        <v>2</v>
      </c>
      <c r="F8799">
        <v>1</v>
      </c>
      <c r="H8799" t="s">
        <v>45092</v>
      </c>
      <c r="I8799">
        <v>9</v>
      </c>
      <c r="J8799" t="s">
        <v>45093</v>
      </c>
      <c r="O8799">
        <v>1754038</v>
      </c>
      <c r="P8799">
        <v>1</v>
      </c>
      <c r="Q8799">
        <v>20</v>
      </c>
      <c r="R8799" t="s">
        <v>45094</v>
      </c>
      <c r="S8799">
        <v>102499</v>
      </c>
    </row>
    <row r="8800" spans="1:19" x14ac:dyDescent="0.25">
      <c r="A8800">
        <v>11143129</v>
      </c>
      <c r="B8800" t="s">
        <v>45095</v>
      </c>
      <c r="C8800" s="1" t="s">
        <v>45096</v>
      </c>
      <c r="E8800">
        <v>1</v>
      </c>
      <c r="F8800">
        <v>0</v>
      </c>
      <c r="H8800" t="s">
        <v>45097</v>
      </c>
      <c r="J8800" t="s">
        <v>45098</v>
      </c>
      <c r="O8800">
        <v>397019</v>
      </c>
      <c r="P8800">
        <v>1</v>
      </c>
      <c r="Q8800">
        <v>3</v>
      </c>
      <c r="R8800" t="s">
        <v>42321</v>
      </c>
      <c r="S8800">
        <v>1705</v>
      </c>
    </row>
    <row r="8801" spans="1:19" x14ac:dyDescent="0.25">
      <c r="A8801">
        <v>52102370</v>
      </c>
      <c r="B8801" t="s">
        <v>45099</v>
      </c>
      <c r="C8801" s="1" t="s">
        <v>45100</v>
      </c>
      <c r="E8801">
        <v>1</v>
      </c>
      <c r="F8801">
        <v>6</v>
      </c>
      <c r="H8801" t="s">
        <v>45101</v>
      </c>
      <c r="J8801" t="s">
        <v>45102</v>
      </c>
      <c r="K8801" t="s">
        <v>45103</v>
      </c>
      <c r="M8801">
        <v>5827778</v>
      </c>
      <c r="O8801">
        <v>10255920</v>
      </c>
      <c r="P8801">
        <v>1</v>
      </c>
      <c r="Q8801">
        <v>-2</v>
      </c>
      <c r="R8801" t="s">
        <v>759</v>
      </c>
      <c r="S8801">
        <v>78</v>
      </c>
    </row>
    <row r="8802" spans="1:19" x14ac:dyDescent="0.25">
      <c r="A8802">
        <v>18432490</v>
      </c>
      <c r="B8802" t="s">
        <v>45104</v>
      </c>
      <c r="C8802" s="1" t="s">
        <v>45105</v>
      </c>
      <c r="D8802">
        <v>18433701</v>
      </c>
      <c r="E8802">
        <v>1</v>
      </c>
      <c r="F8802">
        <v>0</v>
      </c>
      <c r="H8802" t="s">
        <v>45106</v>
      </c>
      <c r="J8802" t="s">
        <v>45107</v>
      </c>
      <c r="K8802" t="s">
        <v>45108</v>
      </c>
      <c r="M8802">
        <v>2630033</v>
      </c>
      <c r="O8802">
        <v>2630033</v>
      </c>
      <c r="P8802">
        <v>1</v>
      </c>
      <c r="Q8802">
        <v>0</v>
      </c>
      <c r="R8802" t="s">
        <v>45109</v>
      </c>
      <c r="S8802">
        <v>244</v>
      </c>
    </row>
    <row r="8803" spans="1:19" x14ac:dyDescent="0.25">
      <c r="A8803">
        <v>25786467</v>
      </c>
      <c r="B8803" t="s">
        <v>45110</v>
      </c>
      <c r="C8803" s="1" t="s">
        <v>45111</v>
      </c>
      <c r="D8803">
        <v>25786564</v>
      </c>
      <c r="E8803">
        <v>3</v>
      </c>
      <c r="F8803">
        <v>2</v>
      </c>
      <c r="H8803" t="s">
        <v>45112</v>
      </c>
      <c r="J8803" t="s">
        <v>45113</v>
      </c>
      <c r="K8803" t="s">
        <v>45113</v>
      </c>
      <c r="M8803">
        <v>3366929</v>
      </c>
      <c r="N8803" t="s">
        <v>45114</v>
      </c>
      <c r="P8803">
        <v>1</v>
      </c>
      <c r="Q8803">
        <v>0</v>
      </c>
      <c r="R8803" t="s">
        <v>14343</v>
      </c>
      <c r="S8803">
        <v>470</v>
      </c>
    </row>
    <row r="8804" spans="1:19" x14ac:dyDescent="0.25">
      <c r="A8804">
        <v>17583163</v>
      </c>
      <c r="B8804" t="s">
        <v>45115</v>
      </c>
      <c r="C8804" s="1" t="s">
        <v>45116</v>
      </c>
      <c r="D8804">
        <v>17589483</v>
      </c>
      <c r="E8804">
        <v>1</v>
      </c>
      <c r="F8804">
        <v>1</v>
      </c>
      <c r="H8804" t="s">
        <v>45117</v>
      </c>
      <c r="J8804" t="s">
        <v>45118</v>
      </c>
      <c r="K8804" t="s">
        <v>45119</v>
      </c>
      <c r="M8804">
        <v>1946</v>
      </c>
      <c r="O8804">
        <v>1946</v>
      </c>
      <c r="P8804">
        <v>1</v>
      </c>
      <c r="Q8804">
        <v>3</v>
      </c>
      <c r="R8804" t="s">
        <v>45120</v>
      </c>
      <c r="S8804">
        <v>1693</v>
      </c>
    </row>
    <row r="8805" spans="1:19" x14ac:dyDescent="0.25">
      <c r="A8805">
        <v>43067649</v>
      </c>
      <c r="B8805" t="s">
        <v>45121</v>
      </c>
      <c r="C8805" s="1" t="s">
        <v>45122</v>
      </c>
      <c r="D8805">
        <v>43067739</v>
      </c>
      <c r="E8805">
        <v>2</v>
      </c>
      <c r="F8805">
        <v>5</v>
      </c>
      <c r="H8805" t="s">
        <v>45123</v>
      </c>
      <c r="J8805" t="s">
        <v>45124</v>
      </c>
      <c r="K8805" t="s">
        <v>45125</v>
      </c>
      <c r="M8805">
        <v>3890632</v>
      </c>
      <c r="O8805">
        <v>4762030</v>
      </c>
      <c r="P8805">
        <v>1</v>
      </c>
      <c r="Q8805">
        <v>-1</v>
      </c>
      <c r="R8805" t="s">
        <v>351</v>
      </c>
      <c r="S8805">
        <v>113</v>
      </c>
    </row>
    <row r="8806" spans="1:19" x14ac:dyDescent="0.25">
      <c r="A8806">
        <v>11869833</v>
      </c>
      <c r="B8806" t="s">
        <v>45126</v>
      </c>
      <c r="C8806" s="1" t="s">
        <v>45127</v>
      </c>
      <c r="E8806">
        <v>0</v>
      </c>
      <c r="F8806">
        <v>0</v>
      </c>
      <c r="H8806" t="s">
        <v>45128</v>
      </c>
      <c r="I8806">
        <v>1</v>
      </c>
      <c r="J8806" t="s">
        <v>45129</v>
      </c>
      <c r="O8806">
        <v>1090166</v>
      </c>
      <c r="P8806">
        <v>1</v>
      </c>
      <c r="Q8806">
        <v>2</v>
      </c>
      <c r="R8806" t="s">
        <v>45130</v>
      </c>
      <c r="S8806">
        <v>195</v>
      </c>
    </row>
    <row r="8807" spans="1:19" x14ac:dyDescent="0.25">
      <c r="A8807">
        <v>37658322</v>
      </c>
      <c r="B8807" t="s">
        <v>45131</v>
      </c>
      <c r="C8807" s="1" t="s">
        <v>45132</v>
      </c>
      <c r="D8807">
        <v>37658398</v>
      </c>
      <c r="E8807">
        <v>1</v>
      </c>
      <c r="F8807">
        <v>5</v>
      </c>
      <c r="H8807" t="s">
        <v>45133</v>
      </c>
      <c r="J8807" t="s">
        <v>45134</v>
      </c>
      <c r="O8807">
        <v>6373152</v>
      </c>
      <c r="P8807">
        <v>1</v>
      </c>
      <c r="Q8807">
        <v>1</v>
      </c>
      <c r="R8807" t="s">
        <v>45135</v>
      </c>
      <c r="S8807">
        <v>102</v>
      </c>
    </row>
    <row r="8808" spans="1:19" x14ac:dyDescent="0.25">
      <c r="A8808">
        <v>20354063</v>
      </c>
      <c r="B8808" t="s">
        <v>45136</v>
      </c>
      <c r="C8808" s="1" t="s">
        <v>45137</v>
      </c>
      <c r="E8808">
        <v>1</v>
      </c>
      <c r="F8808">
        <v>0</v>
      </c>
      <c r="H8808" t="s">
        <v>45138</v>
      </c>
      <c r="J8808" t="s">
        <v>45139</v>
      </c>
      <c r="K8808" t="s">
        <v>45140</v>
      </c>
      <c r="M8808">
        <v>4227</v>
      </c>
      <c r="O8808">
        <v>4227</v>
      </c>
      <c r="P8808">
        <v>1</v>
      </c>
      <c r="Q8808">
        <v>2</v>
      </c>
      <c r="R8808" t="s">
        <v>45141</v>
      </c>
      <c r="S8808">
        <v>419</v>
      </c>
    </row>
    <row r="8809" spans="1:19" x14ac:dyDescent="0.25">
      <c r="A8809">
        <v>39729480</v>
      </c>
      <c r="B8809" t="s">
        <v>45142</v>
      </c>
      <c r="C8809" s="1" t="s">
        <v>45143</v>
      </c>
      <c r="E8809">
        <v>3</v>
      </c>
      <c r="F8809">
        <v>4</v>
      </c>
      <c r="H8809" t="s">
        <v>45144</v>
      </c>
      <c r="J8809" t="s">
        <v>45145</v>
      </c>
      <c r="K8809" t="s">
        <v>45146</v>
      </c>
      <c r="M8809">
        <v>1654265</v>
      </c>
      <c r="N8809" t="s">
        <v>45147</v>
      </c>
      <c r="P8809">
        <v>1</v>
      </c>
      <c r="Q8809">
        <v>1</v>
      </c>
      <c r="R8809" t="s">
        <v>45148</v>
      </c>
      <c r="S8809">
        <v>2106</v>
      </c>
    </row>
    <row r="8810" spans="1:19" x14ac:dyDescent="0.25">
      <c r="A8810">
        <v>46912584</v>
      </c>
      <c r="B8810" t="s">
        <v>45149</v>
      </c>
      <c r="C8810" t="s">
        <v>45150</v>
      </c>
      <c r="E8810">
        <v>1</v>
      </c>
      <c r="F8810">
        <v>0</v>
      </c>
      <c r="H8810" t="s">
        <v>45151</v>
      </c>
      <c r="J8810" t="s">
        <v>45152</v>
      </c>
      <c r="O8810">
        <v>8825778</v>
      </c>
      <c r="P8810">
        <v>1</v>
      </c>
      <c r="Q8810">
        <v>0</v>
      </c>
      <c r="R8810" t="s">
        <v>45153</v>
      </c>
      <c r="S8810">
        <v>34</v>
      </c>
    </row>
    <row r="8811" spans="1:19" x14ac:dyDescent="0.25">
      <c r="A8811">
        <v>33995022</v>
      </c>
      <c r="B8811" t="s">
        <v>45154</v>
      </c>
      <c r="C8811" s="1" t="s">
        <v>45155</v>
      </c>
      <c r="D8811">
        <v>33996027</v>
      </c>
      <c r="E8811">
        <v>1</v>
      </c>
      <c r="F8811">
        <v>0</v>
      </c>
      <c r="H8811" t="s">
        <v>45156</v>
      </c>
      <c r="J8811" t="s">
        <v>45157</v>
      </c>
      <c r="O8811">
        <v>3664241</v>
      </c>
      <c r="P8811">
        <v>1</v>
      </c>
      <c r="Q8811">
        <v>2</v>
      </c>
      <c r="R8811" t="s">
        <v>45158</v>
      </c>
      <c r="S8811">
        <v>97</v>
      </c>
    </row>
    <row r="8812" spans="1:19" x14ac:dyDescent="0.25">
      <c r="A8812">
        <v>29840875</v>
      </c>
      <c r="B8812" t="s">
        <v>45159</v>
      </c>
      <c r="C8812" s="1" t="s">
        <v>45160</v>
      </c>
      <c r="E8812">
        <v>4</v>
      </c>
      <c r="F8812">
        <v>3</v>
      </c>
      <c r="H8812" t="s">
        <v>45161</v>
      </c>
      <c r="J8812" t="s">
        <v>45162</v>
      </c>
      <c r="K8812" t="s">
        <v>45162</v>
      </c>
      <c r="M8812">
        <v>1765642</v>
      </c>
      <c r="O8812">
        <v>4559167</v>
      </c>
      <c r="P8812">
        <v>1</v>
      </c>
      <c r="Q8812">
        <v>2</v>
      </c>
      <c r="R8812" t="s">
        <v>1446</v>
      </c>
      <c r="S8812">
        <v>81</v>
      </c>
    </row>
    <row r="8813" spans="1:19" x14ac:dyDescent="0.25">
      <c r="A8813">
        <v>23070896</v>
      </c>
      <c r="B8813" t="s">
        <v>45163</v>
      </c>
      <c r="C8813" t="s">
        <v>45164</v>
      </c>
      <c r="E8813">
        <v>0</v>
      </c>
      <c r="F8813">
        <v>2</v>
      </c>
      <c r="H8813" t="s">
        <v>45165</v>
      </c>
      <c r="J8813" t="s">
        <v>45165</v>
      </c>
      <c r="O8813">
        <v>875317</v>
      </c>
      <c r="P8813">
        <v>1</v>
      </c>
      <c r="Q8813">
        <v>2</v>
      </c>
      <c r="R8813" t="s">
        <v>45166</v>
      </c>
      <c r="S8813">
        <v>39</v>
      </c>
    </row>
    <row r="8814" spans="1:19" x14ac:dyDescent="0.25">
      <c r="A8814">
        <v>14273290</v>
      </c>
      <c r="B8814" t="s">
        <v>45167</v>
      </c>
      <c r="C8814" t="s">
        <v>45168</v>
      </c>
      <c r="D8814">
        <v>14326838</v>
      </c>
      <c r="E8814">
        <v>1</v>
      </c>
      <c r="F8814">
        <v>0</v>
      </c>
      <c r="H8814" t="s">
        <v>45169</v>
      </c>
      <c r="J8814" t="s">
        <v>45170</v>
      </c>
      <c r="O8814">
        <v>1484168</v>
      </c>
      <c r="P8814">
        <v>1</v>
      </c>
      <c r="Q8814">
        <v>1</v>
      </c>
      <c r="R8814" t="s">
        <v>45171</v>
      </c>
      <c r="S8814">
        <v>493</v>
      </c>
    </row>
    <row r="8815" spans="1:19" x14ac:dyDescent="0.25">
      <c r="A8815">
        <v>11375895</v>
      </c>
      <c r="B8815" t="s">
        <v>45172</v>
      </c>
      <c r="C8815" s="1" t="s">
        <v>45173</v>
      </c>
      <c r="E8815">
        <v>2</v>
      </c>
      <c r="F8815">
        <v>5</v>
      </c>
      <c r="H8815" t="s">
        <v>45174</v>
      </c>
      <c r="J8815" t="s">
        <v>45175</v>
      </c>
      <c r="O8815">
        <v>1508797</v>
      </c>
      <c r="P8815">
        <v>1</v>
      </c>
      <c r="Q8815">
        <v>0</v>
      </c>
      <c r="R8815" t="s">
        <v>8946</v>
      </c>
      <c r="S8815">
        <v>512</v>
      </c>
    </row>
    <row r="8816" spans="1:19" x14ac:dyDescent="0.25">
      <c r="A8816">
        <v>2443628</v>
      </c>
      <c r="B8816" t="s">
        <v>45176</v>
      </c>
      <c r="C8816" s="1" t="s">
        <v>45177</v>
      </c>
      <c r="E8816">
        <v>2</v>
      </c>
      <c r="F8816">
        <v>0</v>
      </c>
      <c r="H8816" t="s">
        <v>45178</v>
      </c>
      <c r="I8816">
        <v>1</v>
      </c>
      <c r="J8816" t="s">
        <v>45179</v>
      </c>
      <c r="K8816" t="s">
        <v>45179</v>
      </c>
      <c r="M8816">
        <v>84074</v>
      </c>
      <c r="O8816">
        <v>84074</v>
      </c>
      <c r="P8816">
        <v>1</v>
      </c>
      <c r="Q8816">
        <v>5</v>
      </c>
      <c r="R8816" t="s">
        <v>10727</v>
      </c>
      <c r="S8816">
        <v>1862</v>
      </c>
    </row>
    <row r="8817" spans="1:19" x14ac:dyDescent="0.25">
      <c r="A8817">
        <v>446971</v>
      </c>
      <c r="B8817" t="s">
        <v>45180</v>
      </c>
      <c r="C8817" s="1" t="s">
        <v>45181</v>
      </c>
      <c r="D8817">
        <v>447045</v>
      </c>
      <c r="E8817">
        <v>1</v>
      </c>
      <c r="F8817">
        <v>0</v>
      </c>
      <c r="H8817" t="s">
        <v>45182</v>
      </c>
      <c r="J8817" t="s">
        <v>45183</v>
      </c>
      <c r="N8817" t="s">
        <v>45184</v>
      </c>
      <c r="O8817">
        <v>47036</v>
      </c>
      <c r="P8817">
        <v>1</v>
      </c>
      <c r="Q8817">
        <v>0</v>
      </c>
      <c r="R8817" t="s">
        <v>45185</v>
      </c>
      <c r="S8817">
        <v>392</v>
      </c>
    </row>
    <row r="8818" spans="1:19" x14ac:dyDescent="0.25">
      <c r="A8818">
        <v>20439071</v>
      </c>
      <c r="B8818" t="s">
        <v>45186</v>
      </c>
      <c r="C8818" s="1" t="s">
        <v>45187</v>
      </c>
      <c r="D8818">
        <v>20450749</v>
      </c>
      <c r="E8818">
        <v>1</v>
      </c>
      <c r="F8818">
        <v>0</v>
      </c>
      <c r="H8818" t="s">
        <v>45188</v>
      </c>
      <c r="I8818">
        <v>1</v>
      </c>
      <c r="J8818" t="s">
        <v>45189</v>
      </c>
      <c r="O8818">
        <v>2873357</v>
      </c>
      <c r="P8818">
        <v>1</v>
      </c>
      <c r="Q8818">
        <v>1</v>
      </c>
      <c r="R8818" t="s">
        <v>45190</v>
      </c>
      <c r="S8818">
        <v>1070</v>
      </c>
    </row>
    <row r="8819" spans="1:19" x14ac:dyDescent="0.25">
      <c r="A8819">
        <v>12195594</v>
      </c>
      <c r="B8819" t="s">
        <v>45191</v>
      </c>
      <c r="C8819" s="1" t="s">
        <v>45192</v>
      </c>
      <c r="D8819">
        <v>12195637</v>
      </c>
      <c r="E8819">
        <v>3</v>
      </c>
      <c r="F8819">
        <v>0</v>
      </c>
      <c r="H8819" t="s">
        <v>45193</v>
      </c>
      <c r="J8819" t="s">
        <v>45194</v>
      </c>
      <c r="O8819">
        <v>1622461</v>
      </c>
      <c r="P8819">
        <v>1</v>
      </c>
      <c r="Q8819">
        <v>0</v>
      </c>
      <c r="R8819" t="s">
        <v>27201</v>
      </c>
      <c r="S8819">
        <v>2001</v>
      </c>
    </row>
    <row r="8820" spans="1:19" x14ac:dyDescent="0.25">
      <c r="A8820">
        <v>27987091</v>
      </c>
      <c r="B8820" t="s">
        <v>45195</v>
      </c>
      <c r="C8820" s="1" t="s">
        <v>45196</v>
      </c>
      <c r="E8820">
        <v>3</v>
      </c>
      <c r="F8820">
        <v>9</v>
      </c>
      <c r="H8820" t="s">
        <v>45197</v>
      </c>
      <c r="J8820" t="s">
        <v>45198</v>
      </c>
      <c r="O8820">
        <v>2320298</v>
      </c>
      <c r="P8820">
        <v>1</v>
      </c>
      <c r="Q8820">
        <v>7</v>
      </c>
      <c r="R8820" t="s">
        <v>45199</v>
      </c>
      <c r="S8820">
        <v>22279</v>
      </c>
    </row>
    <row r="8821" spans="1:19" x14ac:dyDescent="0.25">
      <c r="A8821">
        <v>45522240</v>
      </c>
      <c r="B8821" t="s">
        <v>45200</v>
      </c>
      <c r="C8821" s="1" t="s">
        <v>45201</v>
      </c>
      <c r="E8821">
        <v>5</v>
      </c>
      <c r="F8821">
        <v>6</v>
      </c>
      <c r="H8821" t="s">
        <v>45202</v>
      </c>
      <c r="J8821" t="s">
        <v>45203</v>
      </c>
      <c r="O8821">
        <v>8212060</v>
      </c>
      <c r="P8821">
        <v>1</v>
      </c>
      <c r="Q8821">
        <v>0</v>
      </c>
      <c r="R8821" t="s">
        <v>45204</v>
      </c>
      <c r="S8821">
        <v>990</v>
      </c>
    </row>
    <row r="8822" spans="1:19" x14ac:dyDescent="0.25">
      <c r="A8822">
        <v>8295645</v>
      </c>
      <c r="B8822" t="s">
        <v>45205</v>
      </c>
      <c r="C8822" t="s">
        <v>45206</v>
      </c>
      <c r="D8822">
        <v>8295693</v>
      </c>
      <c r="E8822">
        <v>1</v>
      </c>
      <c r="F8822">
        <v>0</v>
      </c>
      <c r="H8822" t="s">
        <v>45207</v>
      </c>
      <c r="J8822" t="s">
        <v>45208</v>
      </c>
      <c r="K8822" t="s">
        <v>45209</v>
      </c>
      <c r="M8822">
        <v>160206</v>
      </c>
      <c r="O8822">
        <v>695344</v>
      </c>
      <c r="P8822">
        <v>1</v>
      </c>
      <c r="Q8822">
        <v>6</v>
      </c>
      <c r="R8822" t="s">
        <v>45210</v>
      </c>
      <c r="S8822">
        <v>842</v>
      </c>
    </row>
    <row r="8823" spans="1:19" x14ac:dyDescent="0.25">
      <c r="A8823">
        <v>7389735</v>
      </c>
      <c r="B8823" t="s">
        <v>45211</v>
      </c>
      <c r="C8823" s="1" t="s">
        <v>45212</v>
      </c>
      <c r="D8823">
        <v>7389858</v>
      </c>
      <c r="E8823">
        <v>2</v>
      </c>
      <c r="F8823">
        <v>4</v>
      </c>
      <c r="H8823" t="s">
        <v>45213</v>
      </c>
      <c r="I8823">
        <v>1</v>
      </c>
      <c r="J8823" t="s">
        <v>45214</v>
      </c>
      <c r="O8823">
        <v>558243</v>
      </c>
      <c r="P8823">
        <v>1</v>
      </c>
      <c r="Q8823">
        <v>6</v>
      </c>
      <c r="R8823" t="s">
        <v>23150</v>
      </c>
      <c r="S8823">
        <v>6405</v>
      </c>
    </row>
    <row r="8824" spans="1:19" x14ac:dyDescent="0.25">
      <c r="A8824">
        <v>6368903</v>
      </c>
      <c r="B8824" t="s">
        <v>45215</v>
      </c>
      <c r="C8824" s="1" t="s">
        <v>45216</v>
      </c>
      <c r="D8824">
        <v>6368976</v>
      </c>
      <c r="E8824">
        <v>2</v>
      </c>
      <c r="F8824">
        <v>1</v>
      </c>
      <c r="H8824" t="s">
        <v>45217</v>
      </c>
      <c r="J8824" t="s">
        <v>45218</v>
      </c>
      <c r="K8824" t="s">
        <v>45219</v>
      </c>
      <c r="M8824">
        <v>495452</v>
      </c>
      <c r="O8824">
        <v>495452</v>
      </c>
      <c r="P8824">
        <v>1</v>
      </c>
      <c r="Q8824">
        <v>0</v>
      </c>
      <c r="R8824" t="s">
        <v>45220</v>
      </c>
      <c r="S8824">
        <v>652</v>
      </c>
    </row>
    <row r="8825" spans="1:19" x14ac:dyDescent="0.25">
      <c r="A8825">
        <v>32620538</v>
      </c>
      <c r="B8825" t="s">
        <v>45221</v>
      </c>
      <c r="C8825" s="1" t="s">
        <v>45222</v>
      </c>
      <c r="E8825">
        <v>2</v>
      </c>
      <c r="F8825">
        <v>2</v>
      </c>
      <c r="H8825" t="s">
        <v>45223</v>
      </c>
      <c r="J8825" t="s">
        <v>45224</v>
      </c>
      <c r="O8825">
        <v>5314307</v>
      </c>
      <c r="P8825">
        <v>1</v>
      </c>
      <c r="Q8825">
        <v>0</v>
      </c>
      <c r="R8825" t="s">
        <v>30448</v>
      </c>
      <c r="S8825">
        <v>107</v>
      </c>
    </row>
    <row r="8826" spans="1:19" x14ac:dyDescent="0.25">
      <c r="A8826">
        <v>37509926</v>
      </c>
      <c r="B8826" t="s">
        <v>45225</v>
      </c>
      <c r="C8826" s="1" t="s">
        <v>45226</v>
      </c>
      <c r="D8826">
        <v>37509976</v>
      </c>
      <c r="E8826">
        <v>3</v>
      </c>
      <c r="F8826">
        <v>2</v>
      </c>
      <c r="H8826" t="s">
        <v>45227</v>
      </c>
      <c r="J8826" t="s">
        <v>45228</v>
      </c>
      <c r="O8826">
        <v>6396575</v>
      </c>
      <c r="P8826">
        <v>1</v>
      </c>
      <c r="Q8826">
        <v>0</v>
      </c>
      <c r="R8826" t="s">
        <v>42597</v>
      </c>
      <c r="S8826">
        <v>31</v>
      </c>
    </row>
    <row r="8827" spans="1:19" x14ac:dyDescent="0.25">
      <c r="A8827">
        <v>28783750</v>
      </c>
      <c r="B8827" t="s">
        <v>45229</v>
      </c>
      <c r="C8827" s="1" t="s">
        <v>45230</v>
      </c>
      <c r="D8827">
        <v>28783781</v>
      </c>
      <c r="E8827">
        <v>1</v>
      </c>
      <c r="F8827">
        <v>0</v>
      </c>
      <c r="H8827" t="s">
        <v>45231</v>
      </c>
      <c r="J8827" t="s">
        <v>45232</v>
      </c>
      <c r="O8827">
        <v>2958278</v>
      </c>
      <c r="P8827">
        <v>1</v>
      </c>
      <c r="Q8827">
        <v>0</v>
      </c>
      <c r="R8827" t="s">
        <v>4991</v>
      </c>
      <c r="S8827">
        <v>160</v>
      </c>
    </row>
    <row r="8828" spans="1:19" x14ac:dyDescent="0.25">
      <c r="A8828">
        <v>40674393</v>
      </c>
      <c r="B8828" t="s">
        <v>45233</v>
      </c>
      <c r="C8828" s="1" t="s">
        <v>45234</v>
      </c>
      <c r="E8828">
        <v>5</v>
      </c>
      <c r="F8828">
        <v>10</v>
      </c>
      <c r="H8828" t="s">
        <v>45235</v>
      </c>
      <c r="I8828">
        <v>19</v>
      </c>
      <c r="J8828" t="s">
        <v>45236</v>
      </c>
      <c r="K8828" t="s">
        <v>45237</v>
      </c>
      <c r="M8828">
        <v>41071</v>
      </c>
      <c r="O8828">
        <v>2349045</v>
      </c>
      <c r="P8828">
        <v>1</v>
      </c>
      <c r="Q8828">
        <v>94</v>
      </c>
      <c r="R8828" t="s">
        <v>45238</v>
      </c>
      <c r="S8828">
        <v>15845</v>
      </c>
    </row>
    <row r="8829" spans="1:19" x14ac:dyDescent="0.25">
      <c r="A8829">
        <v>53249889</v>
      </c>
      <c r="B8829" t="s">
        <v>45239</v>
      </c>
      <c r="C8829" s="1" t="s">
        <v>45240</v>
      </c>
      <c r="E8829">
        <v>0</v>
      </c>
      <c r="F8829">
        <v>5</v>
      </c>
      <c r="H8829" t="s">
        <v>45241</v>
      </c>
      <c r="J8829" t="s">
        <v>45241</v>
      </c>
      <c r="O8829">
        <v>5919568</v>
      </c>
      <c r="P8829">
        <v>1</v>
      </c>
      <c r="Q8829">
        <v>0</v>
      </c>
      <c r="R8829" t="s">
        <v>45242</v>
      </c>
      <c r="S8829">
        <v>29</v>
      </c>
    </row>
    <row r="8830" spans="1:19" x14ac:dyDescent="0.25">
      <c r="A8830">
        <v>2972614</v>
      </c>
      <c r="B8830" t="s">
        <v>45243</v>
      </c>
      <c r="C8830" s="1" t="s">
        <v>45244</v>
      </c>
      <c r="E8830">
        <v>1</v>
      </c>
      <c r="F8830">
        <v>0</v>
      </c>
      <c r="H8830" t="s">
        <v>45245</v>
      </c>
      <c r="J8830" t="s">
        <v>45246</v>
      </c>
      <c r="O8830">
        <v>223863</v>
      </c>
      <c r="P8830">
        <v>1</v>
      </c>
      <c r="Q8830">
        <v>1</v>
      </c>
      <c r="R8830" t="s">
        <v>9673</v>
      </c>
      <c r="S8830">
        <v>522</v>
      </c>
    </row>
    <row r="8831" spans="1:19" x14ac:dyDescent="0.25">
      <c r="A8831">
        <v>23286924</v>
      </c>
      <c r="B8831" t="s">
        <v>45247</v>
      </c>
      <c r="C8831" s="1" t="s">
        <v>45248</v>
      </c>
      <c r="D8831">
        <v>23288132</v>
      </c>
      <c r="E8831">
        <v>1</v>
      </c>
      <c r="F8831">
        <v>1</v>
      </c>
      <c r="H8831" t="s">
        <v>45249</v>
      </c>
      <c r="I8831">
        <v>1</v>
      </c>
      <c r="J8831" t="s">
        <v>45250</v>
      </c>
      <c r="O8831">
        <v>1658526</v>
      </c>
      <c r="P8831">
        <v>1</v>
      </c>
      <c r="Q8831">
        <v>2</v>
      </c>
      <c r="R8831" t="s">
        <v>45251</v>
      </c>
      <c r="S8831">
        <v>200</v>
      </c>
    </row>
    <row r="8832" spans="1:19" x14ac:dyDescent="0.25">
      <c r="A8832">
        <v>19091146</v>
      </c>
      <c r="B8832" t="s">
        <v>45252</v>
      </c>
      <c r="C8832" s="1" t="s">
        <v>45253</v>
      </c>
      <c r="D8832">
        <v>19095081</v>
      </c>
      <c r="E8832">
        <v>1</v>
      </c>
      <c r="F8832">
        <v>5</v>
      </c>
      <c r="H8832" t="s">
        <v>45254</v>
      </c>
      <c r="J8832" t="s">
        <v>45255</v>
      </c>
      <c r="O8832">
        <v>2720287</v>
      </c>
      <c r="P8832">
        <v>1</v>
      </c>
      <c r="Q8832">
        <v>0</v>
      </c>
      <c r="R8832" t="s">
        <v>3266</v>
      </c>
      <c r="S8832">
        <v>578</v>
      </c>
    </row>
    <row r="8833" spans="1:19" x14ac:dyDescent="0.25">
      <c r="A8833">
        <v>21276274</v>
      </c>
      <c r="B8833" t="s">
        <v>45256</v>
      </c>
      <c r="C8833" s="1" t="s">
        <v>45257</v>
      </c>
      <c r="D8833">
        <v>21276864</v>
      </c>
      <c r="E8833">
        <v>2</v>
      </c>
      <c r="F8833">
        <v>2</v>
      </c>
      <c r="H8833" t="s">
        <v>45258</v>
      </c>
      <c r="J8833" t="s">
        <v>45259</v>
      </c>
      <c r="K8833" t="s">
        <v>45260</v>
      </c>
      <c r="L8833" t="s">
        <v>45261</v>
      </c>
      <c r="N8833" t="s">
        <v>45261</v>
      </c>
      <c r="P8833">
        <v>1</v>
      </c>
      <c r="Q8833">
        <v>0</v>
      </c>
      <c r="R8833" t="s">
        <v>45262</v>
      </c>
      <c r="S8833">
        <v>182</v>
      </c>
    </row>
    <row r="8834" spans="1:19" x14ac:dyDescent="0.25">
      <c r="A8834">
        <v>15631027</v>
      </c>
      <c r="B8834" t="s">
        <v>45263</v>
      </c>
      <c r="C8834" s="1" t="s">
        <v>45264</v>
      </c>
      <c r="E8834">
        <v>2</v>
      </c>
      <c r="F8834">
        <v>0</v>
      </c>
      <c r="H8834" t="s">
        <v>45265</v>
      </c>
      <c r="I8834">
        <v>0</v>
      </c>
      <c r="J8834" t="s">
        <v>45266</v>
      </c>
      <c r="K8834" t="s">
        <v>45267</v>
      </c>
      <c r="M8834">
        <v>1145390</v>
      </c>
      <c r="O8834">
        <v>629702</v>
      </c>
      <c r="P8834">
        <v>1</v>
      </c>
      <c r="Q8834">
        <v>2</v>
      </c>
      <c r="R8834" t="s">
        <v>45268</v>
      </c>
      <c r="S8834">
        <v>361</v>
      </c>
    </row>
    <row r="8835" spans="1:19" x14ac:dyDescent="0.25">
      <c r="A8835">
        <v>22872088</v>
      </c>
      <c r="B8835" t="s">
        <v>45269</v>
      </c>
      <c r="C8835" s="1" t="s">
        <v>45270</v>
      </c>
      <c r="E8835">
        <v>2</v>
      </c>
      <c r="F8835">
        <v>0</v>
      </c>
      <c r="H8835" t="s">
        <v>45271</v>
      </c>
      <c r="I8835">
        <v>3</v>
      </c>
      <c r="J8835" t="s">
        <v>45272</v>
      </c>
      <c r="O8835">
        <v>1795643</v>
      </c>
      <c r="P8835">
        <v>1</v>
      </c>
      <c r="Q8835">
        <v>3</v>
      </c>
      <c r="R8835" t="s">
        <v>45273</v>
      </c>
      <c r="S8835">
        <v>3680</v>
      </c>
    </row>
    <row r="8836" spans="1:19" x14ac:dyDescent="0.25">
      <c r="A8836">
        <v>24472122</v>
      </c>
      <c r="B8836" t="s">
        <v>45274</v>
      </c>
      <c r="C8836" s="1" t="s">
        <v>45275</v>
      </c>
      <c r="D8836">
        <v>24472134</v>
      </c>
      <c r="E8836">
        <v>1</v>
      </c>
      <c r="F8836">
        <v>1</v>
      </c>
      <c r="H8836" t="s">
        <v>45276</v>
      </c>
      <c r="J8836" t="s">
        <v>45277</v>
      </c>
      <c r="O8836">
        <v>3404390</v>
      </c>
      <c r="P8836">
        <v>1</v>
      </c>
      <c r="Q8836">
        <v>0</v>
      </c>
      <c r="R8836" t="s">
        <v>2122</v>
      </c>
      <c r="S8836">
        <v>35</v>
      </c>
    </row>
    <row r="8837" spans="1:19" x14ac:dyDescent="0.25">
      <c r="A8837">
        <v>28371485</v>
      </c>
      <c r="B8837" t="s">
        <v>45278</v>
      </c>
      <c r="C8837" s="1" t="s">
        <v>45279</v>
      </c>
      <c r="E8837">
        <v>1</v>
      </c>
      <c r="F8837">
        <v>17</v>
      </c>
      <c r="H8837" t="s">
        <v>45280</v>
      </c>
      <c r="I8837">
        <v>0</v>
      </c>
      <c r="J8837" t="s">
        <v>45281</v>
      </c>
      <c r="K8837" t="s">
        <v>45282</v>
      </c>
      <c r="M8837">
        <v>4538256</v>
      </c>
      <c r="O8837">
        <v>4538256</v>
      </c>
      <c r="P8837">
        <v>1</v>
      </c>
      <c r="Q8837">
        <v>2</v>
      </c>
      <c r="R8837" t="s">
        <v>45283</v>
      </c>
      <c r="S8837">
        <v>2253</v>
      </c>
    </row>
    <row r="8838" spans="1:19" x14ac:dyDescent="0.25">
      <c r="A8838">
        <v>5260731</v>
      </c>
      <c r="B8838" t="s">
        <v>45284</v>
      </c>
      <c r="C8838" t="s">
        <v>45285</v>
      </c>
      <c r="D8838">
        <v>5260783</v>
      </c>
      <c r="E8838">
        <v>1</v>
      </c>
      <c r="F8838">
        <v>0</v>
      </c>
      <c r="H8838" t="s">
        <v>45286</v>
      </c>
      <c r="I8838">
        <v>1</v>
      </c>
      <c r="J8838" t="s">
        <v>45287</v>
      </c>
      <c r="K8838" t="s">
        <v>45287</v>
      </c>
      <c r="M8838">
        <v>1921</v>
      </c>
      <c r="O8838">
        <v>157332</v>
      </c>
      <c r="P8838">
        <v>1</v>
      </c>
      <c r="Q8838">
        <v>2</v>
      </c>
      <c r="R8838" t="s">
        <v>45288</v>
      </c>
      <c r="S8838">
        <v>446</v>
      </c>
    </row>
    <row r="8839" spans="1:19" x14ac:dyDescent="0.25">
      <c r="A8839">
        <v>32731595</v>
      </c>
      <c r="B8839" t="s">
        <v>45289</v>
      </c>
      <c r="C8839" s="1" t="s">
        <v>45290</v>
      </c>
      <c r="D8839">
        <v>32731643</v>
      </c>
      <c r="E8839">
        <v>1</v>
      </c>
      <c r="F8839">
        <v>1</v>
      </c>
      <c r="H8839" t="s">
        <v>45291</v>
      </c>
      <c r="J8839" t="s">
        <v>45292</v>
      </c>
      <c r="K8839" t="s">
        <v>45292</v>
      </c>
      <c r="M8839">
        <v>3932944</v>
      </c>
      <c r="O8839">
        <v>4935212</v>
      </c>
      <c r="P8839">
        <v>1</v>
      </c>
      <c r="Q8839">
        <v>0</v>
      </c>
      <c r="R8839" t="s">
        <v>45293</v>
      </c>
      <c r="S8839">
        <v>55</v>
      </c>
    </row>
    <row r="8840" spans="1:19" x14ac:dyDescent="0.25">
      <c r="A8840">
        <v>18101314</v>
      </c>
      <c r="B8840" t="s">
        <v>45294</v>
      </c>
      <c r="C8840" s="1" t="s">
        <v>45295</v>
      </c>
      <c r="D8840">
        <v>18101570</v>
      </c>
      <c r="E8840">
        <v>2</v>
      </c>
      <c r="F8840">
        <v>1</v>
      </c>
      <c r="H8840" t="s">
        <v>45296</v>
      </c>
      <c r="J8840" t="s">
        <v>45297</v>
      </c>
      <c r="K8840" t="s">
        <v>45298</v>
      </c>
      <c r="M8840">
        <v>1929800</v>
      </c>
      <c r="O8840">
        <v>1929800</v>
      </c>
      <c r="P8840">
        <v>1</v>
      </c>
      <c r="Q8840">
        <v>0</v>
      </c>
      <c r="R8840" t="s">
        <v>45299</v>
      </c>
      <c r="S8840">
        <v>3120</v>
      </c>
    </row>
    <row r="8841" spans="1:19" x14ac:dyDescent="0.25">
      <c r="A8841">
        <v>33789303</v>
      </c>
      <c r="B8841" t="s">
        <v>45300</v>
      </c>
      <c r="C8841" s="1" t="s">
        <v>45301</v>
      </c>
      <c r="D8841">
        <v>33790383</v>
      </c>
      <c r="E8841">
        <v>3</v>
      </c>
      <c r="F8841">
        <v>3</v>
      </c>
      <c r="H8841" t="s">
        <v>45302</v>
      </c>
      <c r="J8841" t="s">
        <v>45303</v>
      </c>
      <c r="K8841" t="s">
        <v>45304</v>
      </c>
      <c r="M8841">
        <v>4542359</v>
      </c>
      <c r="O8841">
        <v>2725751</v>
      </c>
      <c r="P8841">
        <v>1</v>
      </c>
      <c r="Q8841">
        <v>0</v>
      </c>
      <c r="R8841" t="s">
        <v>213</v>
      </c>
      <c r="S8841">
        <v>44</v>
      </c>
    </row>
    <row r="8842" spans="1:19" x14ac:dyDescent="0.25">
      <c r="A8842">
        <v>14335419</v>
      </c>
      <c r="B8842" t="s">
        <v>45305</v>
      </c>
      <c r="C8842" s="1" t="s">
        <v>45306</v>
      </c>
      <c r="D8842">
        <v>15290319</v>
      </c>
      <c r="E8842">
        <v>3</v>
      </c>
      <c r="F8842">
        <v>0</v>
      </c>
      <c r="H8842" t="s">
        <v>45307</v>
      </c>
      <c r="J8842" t="s">
        <v>45308</v>
      </c>
      <c r="O8842">
        <v>247245</v>
      </c>
      <c r="P8842">
        <v>1</v>
      </c>
      <c r="Q8842">
        <v>0</v>
      </c>
      <c r="R8842" t="s">
        <v>45309</v>
      </c>
      <c r="S8842">
        <v>513</v>
      </c>
    </row>
    <row r="8843" spans="1:19" x14ac:dyDescent="0.25">
      <c r="A8843">
        <v>36347734</v>
      </c>
      <c r="B8843" t="s">
        <v>45310</v>
      </c>
      <c r="C8843" s="1" t="s">
        <v>45311</v>
      </c>
      <c r="D8843">
        <v>36352962</v>
      </c>
      <c r="E8843">
        <v>2</v>
      </c>
      <c r="F8843">
        <v>0</v>
      </c>
      <c r="H8843" t="s">
        <v>45312</v>
      </c>
      <c r="J8843" t="s">
        <v>45313</v>
      </c>
      <c r="K8843" t="s">
        <v>45314</v>
      </c>
      <c r="M8843">
        <v>3740093</v>
      </c>
      <c r="O8843">
        <v>6141880</v>
      </c>
      <c r="P8843">
        <v>1</v>
      </c>
      <c r="Q8843">
        <v>2</v>
      </c>
      <c r="R8843" t="s">
        <v>45315</v>
      </c>
      <c r="S8843">
        <v>446</v>
      </c>
    </row>
    <row r="8844" spans="1:19" x14ac:dyDescent="0.25">
      <c r="A8844">
        <v>6411282</v>
      </c>
      <c r="B8844" t="s">
        <v>45316</v>
      </c>
      <c r="C8844" s="1" t="s">
        <v>45317</v>
      </c>
      <c r="D8844">
        <v>6411327</v>
      </c>
      <c r="E8844">
        <v>2</v>
      </c>
      <c r="F8844">
        <v>1</v>
      </c>
      <c r="H8844" t="s">
        <v>45318</v>
      </c>
      <c r="I8844">
        <v>2</v>
      </c>
      <c r="J8844" t="s">
        <v>45319</v>
      </c>
      <c r="K8844" t="s">
        <v>45320</v>
      </c>
      <c r="M8844">
        <v>530153</v>
      </c>
      <c r="O8844">
        <v>530153</v>
      </c>
      <c r="P8844">
        <v>1</v>
      </c>
      <c r="Q8844">
        <v>9</v>
      </c>
      <c r="R8844" t="s">
        <v>4205</v>
      </c>
      <c r="S8844">
        <v>34937</v>
      </c>
    </row>
    <row r="8845" spans="1:19" x14ac:dyDescent="0.25">
      <c r="A8845">
        <v>25701166</v>
      </c>
      <c r="B8845" t="s">
        <v>45321</v>
      </c>
      <c r="C8845" s="1" t="s">
        <v>45322</v>
      </c>
      <c r="D8845">
        <v>25701252</v>
      </c>
      <c r="E8845">
        <v>1</v>
      </c>
      <c r="F8845">
        <v>5</v>
      </c>
      <c r="H8845" t="s">
        <v>45323</v>
      </c>
      <c r="J8845" t="s">
        <v>45324</v>
      </c>
      <c r="K8845" t="s">
        <v>45325</v>
      </c>
      <c r="M8845">
        <v>2938700</v>
      </c>
      <c r="O8845">
        <v>2938700</v>
      </c>
      <c r="P8845">
        <v>1</v>
      </c>
      <c r="Q8845">
        <v>1</v>
      </c>
      <c r="R8845" t="s">
        <v>1359</v>
      </c>
      <c r="S8845">
        <v>68</v>
      </c>
    </row>
    <row r="8846" spans="1:19" x14ac:dyDescent="0.25">
      <c r="A8846">
        <v>3626183</v>
      </c>
      <c r="B8846" t="s">
        <v>45326</v>
      </c>
      <c r="C8846" s="1" t="s">
        <v>45327</v>
      </c>
      <c r="E8846">
        <v>4</v>
      </c>
      <c r="F8846">
        <v>0</v>
      </c>
      <c r="H8846" t="s">
        <v>45328</v>
      </c>
      <c r="I8846">
        <v>4</v>
      </c>
      <c r="J8846" t="s">
        <v>45329</v>
      </c>
      <c r="O8846">
        <v>62621</v>
      </c>
      <c r="P8846">
        <v>1</v>
      </c>
      <c r="Q8846">
        <v>6</v>
      </c>
      <c r="R8846" t="s">
        <v>45330</v>
      </c>
      <c r="S8846">
        <v>8697</v>
      </c>
    </row>
    <row r="8847" spans="1:19" x14ac:dyDescent="0.25">
      <c r="A8847">
        <v>30891410</v>
      </c>
      <c r="B8847" t="s">
        <v>45331</v>
      </c>
      <c r="C8847" s="1" t="s">
        <v>45332</v>
      </c>
      <c r="D8847">
        <v>30891567</v>
      </c>
      <c r="E8847">
        <v>1</v>
      </c>
      <c r="F8847">
        <v>3</v>
      </c>
      <c r="H8847" t="s">
        <v>45333</v>
      </c>
      <c r="J8847" t="s">
        <v>45334</v>
      </c>
      <c r="K8847" t="s">
        <v>45335</v>
      </c>
      <c r="M8847">
        <v>4725881</v>
      </c>
      <c r="O8847">
        <v>4725881</v>
      </c>
      <c r="P8847">
        <v>1</v>
      </c>
      <c r="Q8847">
        <v>0</v>
      </c>
      <c r="R8847" t="s">
        <v>2771</v>
      </c>
      <c r="S8847">
        <v>764</v>
      </c>
    </row>
    <row r="8848" spans="1:19" x14ac:dyDescent="0.25">
      <c r="A8848">
        <v>44733240</v>
      </c>
      <c r="B8848" t="s">
        <v>45336</v>
      </c>
      <c r="C8848" s="1" t="s">
        <v>45337</v>
      </c>
      <c r="E8848">
        <v>1</v>
      </c>
      <c r="F8848">
        <v>12</v>
      </c>
      <c r="H8848" t="s">
        <v>45338</v>
      </c>
      <c r="I8848">
        <v>1</v>
      </c>
      <c r="J8848" t="s">
        <v>45339</v>
      </c>
      <c r="K8848" t="s">
        <v>45340</v>
      </c>
      <c r="M8848">
        <v>7379083</v>
      </c>
      <c r="O8848">
        <v>7379083</v>
      </c>
      <c r="P8848">
        <v>1</v>
      </c>
      <c r="Q8848">
        <v>-2</v>
      </c>
      <c r="R8848" t="s">
        <v>45341</v>
      </c>
      <c r="S8848">
        <v>117</v>
      </c>
    </row>
    <row r="8849" spans="1:19" x14ac:dyDescent="0.25">
      <c r="A8849">
        <v>12799411</v>
      </c>
      <c r="B8849" t="s">
        <v>45342</v>
      </c>
      <c r="C8849" s="1" t="s">
        <v>45343</v>
      </c>
      <c r="E8849">
        <v>1</v>
      </c>
      <c r="F8849">
        <v>2</v>
      </c>
      <c r="H8849" t="s">
        <v>45344</v>
      </c>
      <c r="J8849" t="s">
        <v>45345</v>
      </c>
      <c r="K8849" t="s">
        <v>45346</v>
      </c>
      <c r="M8849">
        <v>1126614</v>
      </c>
      <c r="O8849">
        <v>791284</v>
      </c>
      <c r="P8849">
        <v>1</v>
      </c>
      <c r="Q8849">
        <v>0</v>
      </c>
      <c r="R8849" t="s">
        <v>45347</v>
      </c>
      <c r="S8849">
        <v>293</v>
      </c>
    </row>
    <row r="8850" spans="1:19" x14ac:dyDescent="0.25">
      <c r="A8850">
        <v>25720365</v>
      </c>
      <c r="B8850" t="s">
        <v>45348</v>
      </c>
      <c r="C8850" s="1" t="s">
        <v>45349</v>
      </c>
      <c r="E8850">
        <v>1</v>
      </c>
      <c r="F8850">
        <v>0</v>
      </c>
      <c r="H8850" t="s">
        <v>45350</v>
      </c>
      <c r="J8850" t="s">
        <v>45351</v>
      </c>
      <c r="O8850">
        <v>4016842</v>
      </c>
      <c r="P8850">
        <v>1</v>
      </c>
      <c r="Q8850">
        <v>0</v>
      </c>
      <c r="R8850" t="s">
        <v>45352</v>
      </c>
      <c r="S8850">
        <v>260</v>
      </c>
    </row>
    <row r="8851" spans="1:19" x14ac:dyDescent="0.25">
      <c r="A8851">
        <v>13566695</v>
      </c>
      <c r="B8851" t="s">
        <v>45353</v>
      </c>
      <c r="C8851" s="1" t="s">
        <v>45354</v>
      </c>
      <c r="D8851">
        <v>13566713</v>
      </c>
      <c r="E8851">
        <v>1</v>
      </c>
      <c r="F8851">
        <v>0</v>
      </c>
      <c r="H8851" t="s">
        <v>45355</v>
      </c>
      <c r="I8851">
        <v>13</v>
      </c>
      <c r="J8851" t="s">
        <v>45356</v>
      </c>
      <c r="O8851">
        <v>1426157</v>
      </c>
      <c r="P8851">
        <v>1</v>
      </c>
      <c r="Q8851">
        <v>29</v>
      </c>
      <c r="R8851" t="s">
        <v>45357</v>
      </c>
      <c r="S8851">
        <v>42040</v>
      </c>
    </row>
    <row r="8852" spans="1:19" x14ac:dyDescent="0.25">
      <c r="A8852">
        <v>1228998</v>
      </c>
      <c r="B8852" t="s">
        <v>45358</v>
      </c>
      <c r="C8852" s="1" t="s">
        <v>45359</v>
      </c>
      <c r="D8852">
        <v>1230251</v>
      </c>
      <c r="E8852">
        <v>2</v>
      </c>
      <c r="F8852">
        <v>3</v>
      </c>
      <c r="H8852" t="s">
        <v>45360</v>
      </c>
      <c r="I8852">
        <v>1</v>
      </c>
      <c r="J8852" t="s">
        <v>45361</v>
      </c>
      <c r="O8852">
        <v>66938</v>
      </c>
      <c r="P8852">
        <v>1</v>
      </c>
      <c r="Q8852">
        <v>2</v>
      </c>
      <c r="R8852" t="s">
        <v>45362</v>
      </c>
      <c r="S8852">
        <v>11324</v>
      </c>
    </row>
    <row r="8853" spans="1:19" x14ac:dyDescent="0.25">
      <c r="A8853">
        <v>20014435</v>
      </c>
      <c r="B8853" t="s">
        <v>45363</v>
      </c>
      <c r="C8853" t="s">
        <v>45364</v>
      </c>
      <c r="E8853">
        <v>2</v>
      </c>
      <c r="F8853">
        <v>1</v>
      </c>
      <c r="H8853" t="s">
        <v>45365</v>
      </c>
      <c r="J8853" t="s">
        <v>45366</v>
      </c>
      <c r="K8853" t="s">
        <v>45367</v>
      </c>
      <c r="M8853">
        <v>1530814</v>
      </c>
      <c r="O8853">
        <v>42429</v>
      </c>
      <c r="P8853">
        <v>1</v>
      </c>
      <c r="Q8853">
        <v>0</v>
      </c>
      <c r="R8853" t="s">
        <v>45368</v>
      </c>
      <c r="S8853">
        <v>272</v>
      </c>
    </row>
    <row r="8854" spans="1:19" x14ac:dyDescent="0.25">
      <c r="A8854">
        <v>21660279</v>
      </c>
      <c r="B8854" t="s">
        <v>45369</v>
      </c>
      <c r="C8854" s="1" t="s">
        <v>45370</v>
      </c>
      <c r="E8854">
        <v>0</v>
      </c>
      <c r="F8854">
        <v>2</v>
      </c>
      <c r="H8854" t="s">
        <v>45371</v>
      </c>
      <c r="J8854" t="s">
        <v>45372</v>
      </c>
      <c r="K8854" t="s">
        <v>45372</v>
      </c>
      <c r="M8854">
        <v>4370109</v>
      </c>
      <c r="O8854">
        <v>1608765</v>
      </c>
      <c r="P8854">
        <v>1</v>
      </c>
      <c r="Q8854">
        <v>0</v>
      </c>
      <c r="R8854" t="s">
        <v>45373</v>
      </c>
      <c r="S8854">
        <v>171</v>
      </c>
    </row>
    <row r="8855" spans="1:19" x14ac:dyDescent="0.25">
      <c r="A8855">
        <v>46094685</v>
      </c>
      <c r="B8855" t="s">
        <v>45374</v>
      </c>
      <c r="C8855" s="1" t="s">
        <v>45375</v>
      </c>
      <c r="E8855">
        <v>2</v>
      </c>
      <c r="F8855">
        <v>0</v>
      </c>
      <c r="H8855" t="s">
        <v>45376</v>
      </c>
      <c r="I8855">
        <v>0</v>
      </c>
      <c r="J8855" t="s">
        <v>45377</v>
      </c>
      <c r="K8855" t="s">
        <v>45377</v>
      </c>
      <c r="M8855">
        <v>1050755</v>
      </c>
      <c r="O8855">
        <v>1050755</v>
      </c>
      <c r="P8855">
        <v>1</v>
      </c>
      <c r="Q8855">
        <v>0</v>
      </c>
      <c r="R8855" t="s">
        <v>45378</v>
      </c>
      <c r="S8855">
        <v>55</v>
      </c>
    </row>
    <row r="8856" spans="1:19" x14ac:dyDescent="0.25">
      <c r="A8856">
        <v>37353663</v>
      </c>
      <c r="B8856" t="s">
        <v>45379</v>
      </c>
      <c r="C8856" s="1" t="s">
        <v>45380</v>
      </c>
      <c r="D8856">
        <v>37477008</v>
      </c>
      <c r="E8856">
        <v>1</v>
      </c>
      <c r="F8856">
        <v>0</v>
      </c>
      <c r="H8856" t="s">
        <v>45381</v>
      </c>
      <c r="J8856" t="s">
        <v>45382</v>
      </c>
      <c r="K8856" t="s">
        <v>45383</v>
      </c>
      <c r="M8856">
        <v>3662581</v>
      </c>
      <c r="O8856">
        <v>3662581</v>
      </c>
      <c r="P8856">
        <v>1</v>
      </c>
      <c r="Q8856">
        <v>1</v>
      </c>
      <c r="R8856" t="s">
        <v>45384</v>
      </c>
      <c r="S8856">
        <v>387</v>
      </c>
    </row>
    <row r="8857" spans="1:19" x14ac:dyDescent="0.25">
      <c r="A8857">
        <v>30577953</v>
      </c>
      <c r="B8857" t="s">
        <v>45385</v>
      </c>
      <c r="C8857" s="1" t="s">
        <v>45386</v>
      </c>
      <c r="D8857">
        <v>30584263</v>
      </c>
      <c r="E8857">
        <v>1</v>
      </c>
      <c r="F8857">
        <v>0</v>
      </c>
      <c r="H8857" t="s">
        <v>45387</v>
      </c>
      <c r="I8857">
        <v>0</v>
      </c>
      <c r="J8857" t="s">
        <v>45388</v>
      </c>
      <c r="K8857" t="s">
        <v>45389</v>
      </c>
      <c r="M8857">
        <v>289827</v>
      </c>
      <c r="O8857">
        <v>289827</v>
      </c>
      <c r="P8857">
        <v>1</v>
      </c>
      <c r="Q8857">
        <v>3</v>
      </c>
      <c r="R8857" t="s">
        <v>45390</v>
      </c>
      <c r="S8857">
        <v>1572</v>
      </c>
    </row>
    <row r="8858" spans="1:19" x14ac:dyDescent="0.25">
      <c r="A8858">
        <v>39291006</v>
      </c>
      <c r="B8858" t="s">
        <v>45391</v>
      </c>
      <c r="C8858" s="1" t="s">
        <v>45392</v>
      </c>
      <c r="E8858">
        <v>1</v>
      </c>
      <c r="F8858">
        <v>1</v>
      </c>
      <c r="H8858" t="s">
        <v>45393</v>
      </c>
      <c r="J8858" t="s">
        <v>45394</v>
      </c>
      <c r="O8858">
        <v>6710216</v>
      </c>
      <c r="P8858">
        <v>1</v>
      </c>
      <c r="Q8858">
        <v>1</v>
      </c>
      <c r="R8858" t="s">
        <v>45395</v>
      </c>
      <c r="S8858">
        <v>743</v>
      </c>
    </row>
    <row r="8859" spans="1:19" x14ac:dyDescent="0.25">
      <c r="A8859">
        <v>16073260</v>
      </c>
      <c r="B8859" t="s">
        <v>45396</v>
      </c>
      <c r="C8859" s="1" t="s">
        <v>45397</v>
      </c>
      <c r="E8859">
        <v>1</v>
      </c>
      <c r="F8859">
        <v>0</v>
      </c>
      <c r="H8859" t="s">
        <v>45398</v>
      </c>
      <c r="J8859" t="s">
        <v>45399</v>
      </c>
      <c r="O8859">
        <v>2293128</v>
      </c>
      <c r="P8859">
        <v>1</v>
      </c>
      <c r="Q8859">
        <v>0</v>
      </c>
      <c r="R8859" t="s">
        <v>45400</v>
      </c>
      <c r="S8859">
        <v>48</v>
      </c>
    </row>
    <row r="8860" spans="1:19" x14ac:dyDescent="0.25">
      <c r="A8860">
        <v>22112943</v>
      </c>
      <c r="B8860" t="s">
        <v>45401</v>
      </c>
      <c r="C8860" s="1" t="s">
        <v>45402</v>
      </c>
      <c r="E8860">
        <v>1</v>
      </c>
      <c r="F8860">
        <v>2</v>
      </c>
      <c r="H8860" t="s">
        <v>45403</v>
      </c>
      <c r="J8860" t="s">
        <v>45404</v>
      </c>
      <c r="K8860" t="s">
        <v>45405</v>
      </c>
      <c r="M8860">
        <v>1004301</v>
      </c>
      <c r="O8860">
        <v>2002029</v>
      </c>
      <c r="P8860">
        <v>1</v>
      </c>
      <c r="Q8860">
        <v>0</v>
      </c>
      <c r="R8860" t="s">
        <v>45406</v>
      </c>
      <c r="S8860">
        <v>854</v>
      </c>
    </row>
    <row r="8861" spans="1:19" x14ac:dyDescent="0.25">
      <c r="A8861">
        <v>43105207</v>
      </c>
      <c r="B8861" t="s">
        <v>45407</v>
      </c>
      <c r="C8861" s="1" t="s">
        <v>45408</v>
      </c>
      <c r="D8861">
        <v>43106909</v>
      </c>
      <c r="E8861">
        <v>1</v>
      </c>
      <c r="F8861">
        <v>0</v>
      </c>
      <c r="H8861" t="s">
        <v>45409</v>
      </c>
      <c r="J8861" t="s">
        <v>45410</v>
      </c>
      <c r="K8861" t="s">
        <v>45410</v>
      </c>
      <c r="L8861" t="s">
        <v>45411</v>
      </c>
      <c r="N8861" t="s">
        <v>45411</v>
      </c>
      <c r="P8861">
        <v>1</v>
      </c>
      <c r="Q8861">
        <v>0</v>
      </c>
      <c r="R8861" t="s">
        <v>300</v>
      </c>
      <c r="S8861">
        <v>42</v>
      </c>
    </row>
    <row r="8862" spans="1:19" x14ac:dyDescent="0.25">
      <c r="A8862">
        <v>42665543</v>
      </c>
      <c r="B8862" t="s">
        <v>45412</v>
      </c>
      <c r="C8862" s="1" t="s">
        <v>45413</v>
      </c>
      <c r="E8862">
        <v>0</v>
      </c>
      <c r="F8862">
        <v>2</v>
      </c>
      <c r="H8862" t="s">
        <v>45414</v>
      </c>
      <c r="J8862" t="s">
        <v>45415</v>
      </c>
      <c r="K8862" t="s">
        <v>1083</v>
      </c>
      <c r="M8862">
        <v>-1</v>
      </c>
      <c r="O8862">
        <v>3663792</v>
      </c>
      <c r="P8862">
        <v>1</v>
      </c>
      <c r="Q8862">
        <v>0</v>
      </c>
      <c r="R8862" t="s">
        <v>45416</v>
      </c>
      <c r="S8862">
        <v>208</v>
      </c>
    </row>
    <row r="8863" spans="1:19" x14ac:dyDescent="0.25">
      <c r="A8863">
        <v>47201182</v>
      </c>
      <c r="B8863" t="s">
        <v>45417</v>
      </c>
      <c r="C8863" s="1" t="s">
        <v>45418</v>
      </c>
      <c r="E8863">
        <v>0</v>
      </c>
      <c r="F8863">
        <v>3</v>
      </c>
      <c r="H8863" t="s">
        <v>45419</v>
      </c>
      <c r="J8863" t="s">
        <v>45420</v>
      </c>
      <c r="K8863" t="s">
        <v>45420</v>
      </c>
      <c r="M8863">
        <v>7937696</v>
      </c>
      <c r="O8863">
        <v>7937696</v>
      </c>
      <c r="P8863">
        <v>1</v>
      </c>
      <c r="Q8863">
        <v>0</v>
      </c>
      <c r="R8863" t="s">
        <v>45421</v>
      </c>
      <c r="S8863">
        <v>197</v>
      </c>
    </row>
    <row r="8864" spans="1:19" x14ac:dyDescent="0.25">
      <c r="A8864">
        <v>26154150</v>
      </c>
      <c r="B8864" t="s">
        <v>45422</v>
      </c>
      <c r="C8864" s="1" t="s">
        <v>45423</v>
      </c>
      <c r="D8864">
        <v>26154184</v>
      </c>
      <c r="E8864">
        <v>2</v>
      </c>
      <c r="F8864">
        <v>10</v>
      </c>
      <c r="H8864" t="s">
        <v>45424</v>
      </c>
      <c r="I8864">
        <v>1</v>
      </c>
      <c r="J8864" t="s">
        <v>45425</v>
      </c>
      <c r="O8864">
        <v>166343</v>
      </c>
      <c r="P8864">
        <v>1</v>
      </c>
      <c r="Q8864">
        <v>2</v>
      </c>
      <c r="R8864" t="s">
        <v>45426</v>
      </c>
      <c r="S8864">
        <v>9062</v>
      </c>
    </row>
    <row r="8865" spans="1:19" x14ac:dyDescent="0.25">
      <c r="A8865">
        <v>2301720</v>
      </c>
      <c r="B8865" t="s">
        <v>45427</v>
      </c>
      <c r="C8865" s="1" t="s">
        <v>45428</v>
      </c>
      <c r="E8865">
        <v>1</v>
      </c>
      <c r="F8865">
        <v>0</v>
      </c>
      <c r="H8865" t="s">
        <v>45429</v>
      </c>
      <c r="J8865" t="s">
        <v>45430</v>
      </c>
      <c r="O8865">
        <v>275439</v>
      </c>
      <c r="P8865">
        <v>1</v>
      </c>
      <c r="Q8865">
        <v>0</v>
      </c>
      <c r="R8865" t="s">
        <v>45431</v>
      </c>
      <c r="S8865">
        <v>59</v>
      </c>
    </row>
    <row r="8866" spans="1:19" x14ac:dyDescent="0.25">
      <c r="A8866">
        <v>28091966</v>
      </c>
      <c r="B8866" t="s">
        <v>45432</v>
      </c>
      <c r="C8866" s="1" t="s">
        <v>45433</v>
      </c>
      <c r="E8866">
        <v>2</v>
      </c>
      <c r="F8866">
        <v>0</v>
      </c>
      <c r="H8866" t="s">
        <v>45434</v>
      </c>
      <c r="J8866" t="s">
        <v>45435</v>
      </c>
      <c r="K8866" t="s">
        <v>45436</v>
      </c>
      <c r="M8866">
        <v>1971744</v>
      </c>
      <c r="O8866">
        <v>1971744</v>
      </c>
      <c r="P8866">
        <v>1</v>
      </c>
      <c r="Q8866">
        <v>1</v>
      </c>
      <c r="R8866" t="s">
        <v>45437</v>
      </c>
      <c r="S8866">
        <v>463</v>
      </c>
    </row>
    <row r="8867" spans="1:19" x14ac:dyDescent="0.25">
      <c r="A8867">
        <v>29133455</v>
      </c>
      <c r="B8867" t="s">
        <v>45438</v>
      </c>
      <c r="C8867" s="1" t="s">
        <v>45439</v>
      </c>
      <c r="D8867">
        <v>29134666</v>
      </c>
      <c r="E8867">
        <v>1</v>
      </c>
      <c r="F8867">
        <v>0</v>
      </c>
      <c r="H8867" t="s">
        <v>45440</v>
      </c>
      <c r="J8867" t="s">
        <v>45441</v>
      </c>
      <c r="K8867" t="s">
        <v>45441</v>
      </c>
      <c r="M8867">
        <v>319204</v>
      </c>
      <c r="O8867">
        <v>4687386</v>
      </c>
      <c r="P8867">
        <v>1</v>
      </c>
      <c r="Q8867">
        <v>-1</v>
      </c>
      <c r="R8867" t="s">
        <v>39875</v>
      </c>
      <c r="S8867">
        <v>29</v>
      </c>
    </row>
    <row r="8868" spans="1:19" x14ac:dyDescent="0.25">
      <c r="A8868">
        <v>9985514</v>
      </c>
      <c r="B8868" t="s">
        <v>45442</v>
      </c>
      <c r="C8868" s="1" t="s">
        <v>45443</v>
      </c>
      <c r="D8868">
        <v>9991658</v>
      </c>
      <c r="E8868">
        <v>2</v>
      </c>
      <c r="F8868">
        <v>3</v>
      </c>
      <c r="H8868" t="s">
        <v>45444</v>
      </c>
      <c r="J8868" t="s">
        <v>45445</v>
      </c>
      <c r="O8868">
        <v>1100874</v>
      </c>
      <c r="P8868">
        <v>1</v>
      </c>
      <c r="Q8868">
        <v>0</v>
      </c>
      <c r="R8868" t="s">
        <v>45446</v>
      </c>
      <c r="S8868">
        <v>265</v>
      </c>
    </row>
    <row r="8869" spans="1:19" x14ac:dyDescent="0.25">
      <c r="A8869">
        <v>30836957</v>
      </c>
      <c r="B8869" t="s">
        <v>45447</v>
      </c>
      <c r="C8869" s="1" t="s">
        <v>45448</v>
      </c>
      <c r="E8869">
        <v>1</v>
      </c>
      <c r="F8869">
        <v>3</v>
      </c>
      <c r="H8869" t="s">
        <v>45449</v>
      </c>
      <c r="I8869">
        <v>3</v>
      </c>
      <c r="J8869" t="s">
        <v>45450</v>
      </c>
      <c r="K8869" t="s">
        <v>45451</v>
      </c>
      <c r="M8869">
        <v>4626831</v>
      </c>
      <c r="O8869">
        <v>3811008</v>
      </c>
      <c r="P8869">
        <v>1</v>
      </c>
      <c r="Q8869">
        <v>7</v>
      </c>
      <c r="R8869" t="s">
        <v>45452</v>
      </c>
      <c r="S8869">
        <v>3315</v>
      </c>
    </row>
    <row r="8870" spans="1:19" x14ac:dyDescent="0.25">
      <c r="A8870">
        <v>53439096</v>
      </c>
      <c r="B8870" t="s">
        <v>45453</v>
      </c>
      <c r="C8870" s="1" t="s">
        <v>45454</v>
      </c>
      <c r="E8870">
        <v>2</v>
      </c>
      <c r="F8870">
        <v>0</v>
      </c>
      <c r="H8870" t="s">
        <v>45455</v>
      </c>
      <c r="J8870" t="s">
        <v>45456</v>
      </c>
      <c r="O8870">
        <v>10693264</v>
      </c>
      <c r="P8870">
        <v>1</v>
      </c>
      <c r="Q8870">
        <v>0</v>
      </c>
      <c r="R8870" t="s">
        <v>45457</v>
      </c>
      <c r="S8870">
        <v>16</v>
      </c>
    </row>
    <row r="8871" spans="1:19" x14ac:dyDescent="0.25">
      <c r="A8871">
        <v>7099513</v>
      </c>
      <c r="B8871" t="s">
        <v>45458</v>
      </c>
      <c r="C8871" s="1" t="s">
        <v>45459</v>
      </c>
      <c r="D8871">
        <v>7099662</v>
      </c>
      <c r="E8871">
        <v>1</v>
      </c>
      <c r="F8871">
        <v>0</v>
      </c>
      <c r="H8871" t="s">
        <v>45460</v>
      </c>
      <c r="J8871" t="s">
        <v>45461</v>
      </c>
      <c r="K8871" t="s">
        <v>45461</v>
      </c>
      <c r="M8871">
        <v>463123</v>
      </c>
      <c r="O8871">
        <v>463123</v>
      </c>
      <c r="P8871">
        <v>1</v>
      </c>
      <c r="Q8871">
        <v>0</v>
      </c>
      <c r="R8871" t="s">
        <v>45462</v>
      </c>
      <c r="S8871">
        <v>1120</v>
      </c>
    </row>
    <row r="8872" spans="1:19" x14ac:dyDescent="0.25">
      <c r="A8872">
        <v>21170370</v>
      </c>
      <c r="B8872" t="s">
        <v>45463</v>
      </c>
      <c r="C8872" s="1" t="s">
        <v>45464</v>
      </c>
      <c r="E8872">
        <v>1</v>
      </c>
      <c r="F8872">
        <v>2</v>
      </c>
      <c r="H8872" t="s">
        <v>45465</v>
      </c>
      <c r="J8872" t="s">
        <v>45466</v>
      </c>
      <c r="K8872" t="s">
        <v>45467</v>
      </c>
      <c r="M8872">
        <v>2009682</v>
      </c>
      <c r="O8872">
        <v>2009682</v>
      </c>
      <c r="P8872">
        <v>1</v>
      </c>
      <c r="Q8872">
        <v>0</v>
      </c>
      <c r="R8872" t="s">
        <v>37457</v>
      </c>
      <c r="S8872">
        <v>164</v>
      </c>
    </row>
    <row r="8873" spans="1:19" x14ac:dyDescent="0.25">
      <c r="A8873">
        <v>50345783</v>
      </c>
      <c r="B8873" t="s">
        <v>45468</v>
      </c>
      <c r="C8873" s="1" t="s">
        <v>45469</v>
      </c>
      <c r="E8873">
        <v>1</v>
      </c>
      <c r="F8873">
        <v>0</v>
      </c>
      <c r="H8873" t="s">
        <v>45470</v>
      </c>
      <c r="J8873" t="s">
        <v>45471</v>
      </c>
      <c r="O8873">
        <v>5779931</v>
      </c>
      <c r="P8873">
        <v>1</v>
      </c>
      <c r="Q8873">
        <v>0</v>
      </c>
      <c r="R8873" t="s">
        <v>45472</v>
      </c>
      <c r="S8873">
        <v>38</v>
      </c>
    </row>
    <row r="8874" spans="1:19" x14ac:dyDescent="0.25">
      <c r="A8874">
        <v>39521014</v>
      </c>
      <c r="B8874" t="s">
        <v>45473</v>
      </c>
      <c r="C8874" s="1" t="s">
        <v>45474</v>
      </c>
      <c r="D8874">
        <v>39521294</v>
      </c>
      <c r="E8874">
        <v>1</v>
      </c>
      <c r="F8874">
        <v>1</v>
      </c>
      <c r="H8874" t="s">
        <v>45475</v>
      </c>
      <c r="J8874" t="s">
        <v>45476</v>
      </c>
      <c r="K8874" t="s">
        <v>45476</v>
      </c>
      <c r="M8874">
        <v>6019417</v>
      </c>
      <c r="O8874">
        <v>6837237</v>
      </c>
      <c r="P8874">
        <v>1</v>
      </c>
      <c r="Q8874">
        <v>-2</v>
      </c>
      <c r="R8874" t="s">
        <v>45477</v>
      </c>
      <c r="S8874">
        <v>53</v>
      </c>
    </row>
    <row r="8875" spans="1:19" x14ac:dyDescent="0.25">
      <c r="A8875">
        <v>49175534</v>
      </c>
      <c r="B8875" t="s">
        <v>45478</v>
      </c>
      <c r="C8875" t="s">
        <v>45479</v>
      </c>
      <c r="E8875">
        <v>0</v>
      </c>
      <c r="F8875">
        <v>0</v>
      </c>
      <c r="H8875" t="s">
        <v>45480</v>
      </c>
      <c r="J8875" t="s">
        <v>45480</v>
      </c>
      <c r="O8875">
        <v>8807425</v>
      </c>
      <c r="P8875">
        <v>1</v>
      </c>
      <c r="Q8875">
        <v>0</v>
      </c>
      <c r="R8875" t="s">
        <v>42592</v>
      </c>
      <c r="S8875">
        <v>11</v>
      </c>
    </row>
    <row r="8876" spans="1:19" x14ac:dyDescent="0.25">
      <c r="A8876">
        <v>43135547</v>
      </c>
      <c r="B8876" t="s">
        <v>45481</v>
      </c>
      <c r="C8876" s="1" t="s">
        <v>45482</v>
      </c>
      <c r="E8876">
        <v>1</v>
      </c>
      <c r="F8876">
        <v>8</v>
      </c>
      <c r="H8876" t="s">
        <v>45483</v>
      </c>
      <c r="J8876" t="s">
        <v>45484</v>
      </c>
      <c r="K8876" t="s">
        <v>45485</v>
      </c>
      <c r="M8876">
        <v>3912709</v>
      </c>
      <c r="O8876">
        <v>3912709</v>
      </c>
      <c r="P8876">
        <v>1</v>
      </c>
      <c r="Q8876">
        <v>0</v>
      </c>
      <c r="R8876" t="s">
        <v>45486</v>
      </c>
      <c r="S8876">
        <v>346</v>
      </c>
    </row>
    <row r="8877" spans="1:19" x14ac:dyDescent="0.25">
      <c r="A8877">
        <v>8755428</v>
      </c>
      <c r="B8877" t="s">
        <v>45487</v>
      </c>
      <c r="C8877" s="1" t="s">
        <v>45488</v>
      </c>
      <c r="D8877">
        <v>8758120</v>
      </c>
      <c r="E8877">
        <v>1</v>
      </c>
      <c r="F8877">
        <v>0</v>
      </c>
      <c r="H8877" t="s">
        <v>45489</v>
      </c>
      <c r="J8877" t="s">
        <v>45490</v>
      </c>
      <c r="O8877">
        <v>156180</v>
      </c>
      <c r="P8877">
        <v>1</v>
      </c>
      <c r="Q8877">
        <v>1</v>
      </c>
      <c r="R8877" t="s">
        <v>45491</v>
      </c>
      <c r="S8877">
        <v>258</v>
      </c>
    </row>
    <row r="8878" spans="1:19" x14ac:dyDescent="0.25">
      <c r="A8878">
        <v>38050640</v>
      </c>
      <c r="B8878" t="s">
        <v>45492</v>
      </c>
      <c r="C8878" s="1" t="s">
        <v>45493</v>
      </c>
      <c r="D8878">
        <v>38053145</v>
      </c>
      <c r="E8878">
        <v>1</v>
      </c>
      <c r="F8878">
        <v>0</v>
      </c>
      <c r="H8878" t="s">
        <v>45494</v>
      </c>
      <c r="J8878" t="s">
        <v>45495</v>
      </c>
      <c r="K8878" t="s">
        <v>45495</v>
      </c>
      <c r="M8878">
        <v>290085</v>
      </c>
      <c r="O8878">
        <v>6369129</v>
      </c>
      <c r="P8878">
        <v>1</v>
      </c>
      <c r="Q8878">
        <v>1</v>
      </c>
      <c r="R8878" t="s">
        <v>45496</v>
      </c>
      <c r="S8878">
        <v>57</v>
      </c>
    </row>
    <row r="8879" spans="1:19" x14ac:dyDescent="0.25">
      <c r="A8879">
        <v>494327</v>
      </c>
      <c r="B8879" t="s">
        <v>45497</v>
      </c>
      <c r="C8879" s="1" t="s">
        <v>45498</v>
      </c>
      <c r="D8879">
        <v>503656</v>
      </c>
      <c r="E8879">
        <v>12</v>
      </c>
      <c r="F8879">
        <v>3</v>
      </c>
      <c r="H8879" t="s">
        <v>45499</v>
      </c>
      <c r="I8879">
        <v>20</v>
      </c>
      <c r="J8879" t="s">
        <v>45500</v>
      </c>
      <c r="O8879">
        <v>40106</v>
      </c>
      <c r="P8879">
        <v>1</v>
      </c>
      <c r="Q8879">
        <v>22</v>
      </c>
      <c r="R8879" t="s">
        <v>45501</v>
      </c>
      <c r="S8879">
        <v>27233</v>
      </c>
    </row>
    <row r="8880" spans="1:19" x14ac:dyDescent="0.25">
      <c r="A8880">
        <v>40850186</v>
      </c>
      <c r="B8880" t="s">
        <v>45502</v>
      </c>
      <c r="C8880" s="1" t="s">
        <v>45503</v>
      </c>
      <c r="D8880">
        <v>40906008</v>
      </c>
      <c r="E8880">
        <v>1</v>
      </c>
      <c r="F8880">
        <v>0</v>
      </c>
      <c r="H8880" t="s">
        <v>45504</v>
      </c>
      <c r="J8880" t="s">
        <v>45505</v>
      </c>
      <c r="K8880" t="s">
        <v>45506</v>
      </c>
      <c r="M8880">
        <v>1352563</v>
      </c>
      <c r="O8880">
        <v>1352563</v>
      </c>
      <c r="P8880">
        <v>1</v>
      </c>
      <c r="Q8880">
        <v>0</v>
      </c>
      <c r="R8880" t="s">
        <v>45507</v>
      </c>
      <c r="S8880">
        <v>276</v>
      </c>
    </row>
    <row r="8881" spans="1:19" x14ac:dyDescent="0.25">
      <c r="A8881">
        <v>15972826</v>
      </c>
      <c r="B8881" t="s">
        <v>45508</v>
      </c>
      <c r="C8881" s="1" t="s">
        <v>45509</v>
      </c>
      <c r="D8881">
        <v>15973176</v>
      </c>
      <c r="E8881">
        <v>1</v>
      </c>
      <c r="F8881">
        <v>2</v>
      </c>
      <c r="H8881" t="s">
        <v>45510</v>
      </c>
      <c r="J8881" t="s">
        <v>45511</v>
      </c>
      <c r="O8881">
        <v>1452811</v>
      </c>
      <c r="P8881">
        <v>1</v>
      </c>
      <c r="Q8881">
        <v>0</v>
      </c>
      <c r="R8881" t="s">
        <v>45512</v>
      </c>
      <c r="S8881">
        <v>1294</v>
      </c>
    </row>
    <row r="8882" spans="1:19" x14ac:dyDescent="0.25">
      <c r="A8882">
        <v>31111478</v>
      </c>
      <c r="B8882" t="s">
        <v>45513</v>
      </c>
      <c r="C8882" s="1" t="s">
        <v>45514</v>
      </c>
      <c r="D8882">
        <v>31113290</v>
      </c>
      <c r="E8882">
        <v>1</v>
      </c>
      <c r="F8882">
        <v>0</v>
      </c>
      <c r="H8882" t="s">
        <v>45515</v>
      </c>
      <c r="J8882" t="s">
        <v>45516</v>
      </c>
      <c r="K8882" t="s">
        <v>45517</v>
      </c>
      <c r="M8882">
        <v>-1</v>
      </c>
      <c r="O8882">
        <v>663551</v>
      </c>
      <c r="P8882">
        <v>1</v>
      </c>
      <c r="Q8882">
        <v>0</v>
      </c>
      <c r="R8882" t="s">
        <v>45518</v>
      </c>
      <c r="S8882">
        <v>481</v>
      </c>
    </row>
    <row r="8883" spans="1:19" x14ac:dyDescent="0.25">
      <c r="A8883">
        <v>9782669</v>
      </c>
      <c r="B8883" t="s">
        <v>45519</v>
      </c>
      <c r="C8883" s="1" t="s">
        <v>45520</v>
      </c>
      <c r="D8883">
        <v>9783134</v>
      </c>
      <c r="E8883">
        <v>2</v>
      </c>
      <c r="F8883">
        <v>1</v>
      </c>
      <c r="H8883" t="s">
        <v>45521</v>
      </c>
      <c r="I8883">
        <v>3</v>
      </c>
      <c r="J8883" t="s">
        <v>45522</v>
      </c>
      <c r="K8883" t="s">
        <v>45523</v>
      </c>
      <c r="M8883">
        <v>368070</v>
      </c>
      <c r="O8883">
        <v>1078510</v>
      </c>
      <c r="P8883">
        <v>1</v>
      </c>
      <c r="Q8883">
        <v>9</v>
      </c>
      <c r="R8883" t="s">
        <v>45524</v>
      </c>
      <c r="S8883">
        <v>10078</v>
      </c>
    </row>
    <row r="8884" spans="1:19" x14ac:dyDescent="0.25">
      <c r="A8884">
        <v>36722775</v>
      </c>
      <c r="B8884" t="s">
        <v>45525</v>
      </c>
      <c r="C8884" s="1" t="s">
        <v>45526</v>
      </c>
      <c r="D8884">
        <v>36780082</v>
      </c>
      <c r="E8884">
        <v>1</v>
      </c>
      <c r="F8884">
        <v>4</v>
      </c>
      <c r="H8884" t="s">
        <v>45527</v>
      </c>
      <c r="I8884">
        <v>0</v>
      </c>
      <c r="J8884" t="s">
        <v>45528</v>
      </c>
      <c r="K8884" t="s">
        <v>45529</v>
      </c>
      <c r="M8884">
        <v>18771</v>
      </c>
      <c r="O8884">
        <v>5615623</v>
      </c>
      <c r="P8884">
        <v>1</v>
      </c>
      <c r="Q8884">
        <v>0</v>
      </c>
      <c r="R8884" t="s">
        <v>45530</v>
      </c>
      <c r="S8884">
        <v>273</v>
      </c>
    </row>
    <row r="8885" spans="1:19" x14ac:dyDescent="0.25">
      <c r="A8885">
        <v>38583378</v>
      </c>
      <c r="B8885" t="s">
        <v>45531</v>
      </c>
      <c r="C8885" s="1" t="s">
        <v>45532</v>
      </c>
      <c r="E8885">
        <v>1</v>
      </c>
      <c r="F8885">
        <v>0</v>
      </c>
      <c r="H8885" t="s">
        <v>45533</v>
      </c>
      <c r="J8885" t="s">
        <v>45534</v>
      </c>
      <c r="O8885">
        <v>2085509</v>
      </c>
      <c r="P8885">
        <v>1</v>
      </c>
      <c r="Q8885">
        <v>2</v>
      </c>
      <c r="R8885" t="s">
        <v>45535</v>
      </c>
      <c r="S8885">
        <v>45</v>
      </c>
    </row>
    <row r="8886" spans="1:19" x14ac:dyDescent="0.25">
      <c r="A8886">
        <v>32576984</v>
      </c>
      <c r="B8886" t="s">
        <v>45536</v>
      </c>
      <c r="C8886" s="1" t="s">
        <v>45537</v>
      </c>
      <c r="E8886">
        <v>0</v>
      </c>
      <c r="F8886">
        <v>3</v>
      </c>
      <c r="H8886" t="s">
        <v>45538</v>
      </c>
      <c r="J8886" t="s">
        <v>45538</v>
      </c>
      <c r="O8886">
        <v>2914698</v>
      </c>
      <c r="P8886">
        <v>1</v>
      </c>
      <c r="Q8886">
        <v>0</v>
      </c>
      <c r="R8886" t="s">
        <v>45539</v>
      </c>
      <c r="S8886">
        <v>20</v>
      </c>
    </row>
    <row r="8887" spans="1:19" x14ac:dyDescent="0.25">
      <c r="A8887">
        <v>39572617</v>
      </c>
      <c r="B8887" t="s">
        <v>45540</v>
      </c>
      <c r="C8887" s="1" t="s">
        <v>45541</v>
      </c>
      <c r="E8887">
        <v>1</v>
      </c>
      <c r="F8887">
        <v>0</v>
      </c>
      <c r="H8887" t="s">
        <v>45542</v>
      </c>
      <c r="J8887" t="s">
        <v>45543</v>
      </c>
      <c r="O8887">
        <v>452333</v>
      </c>
      <c r="P8887">
        <v>1</v>
      </c>
      <c r="Q8887">
        <v>0</v>
      </c>
      <c r="R8887" t="s">
        <v>45544</v>
      </c>
      <c r="S8887">
        <v>301</v>
      </c>
    </row>
    <row r="8888" spans="1:19" x14ac:dyDescent="0.25">
      <c r="A8888">
        <v>23661094</v>
      </c>
      <c r="B8888" t="s">
        <v>45545</v>
      </c>
      <c r="C8888" s="1" t="s">
        <v>45546</v>
      </c>
      <c r="E8888">
        <v>1</v>
      </c>
      <c r="F8888">
        <v>0</v>
      </c>
      <c r="H8888" t="s">
        <v>45547</v>
      </c>
      <c r="J8888" t="s">
        <v>45548</v>
      </c>
      <c r="K8888" t="s">
        <v>45549</v>
      </c>
      <c r="M8888">
        <v>217408</v>
      </c>
      <c r="O8888">
        <v>2333941</v>
      </c>
      <c r="P8888">
        <v>1</v>
      </c>
      <c r="Q8888">
        <v>1</v>
      </c>
      <c r="R8888" t="s">
        <v>45550</v>
      </c>
      <c r="S8888">
        <v>54</v>
      </c>
    </row>
    <row r="8889" spans="1:19" x14ac:dyDescent="0.25">
      <c r="A8889">
        <v>44478165</v>
      </c>
      <c r="B8889" t="s">
        <v>45551</v>
      </c>
      <c r="C8889" s="1" t="s">
        <v>45552</v>
      </c>
      <c r="D8889">
        <v>44478190</v>
      </c>
      <c r="E8889">
        <v>2</v>
      </c>
      <c r="F8889">
        <v>1</v>
      </c>
      <c r="H8889" t="s">
        <v>45553</v>
      </c>
      <c r="J8889" t="s">
        <v>45554</v>
      </c>
      <c r="O8889">
        <v>8142634</v>
      </c>
      <c r="P8889">
        <v>1</v>
      </c>
      <c r="Q8889">
        <v>0</v>
      </c>
      <c r="R8889" t="s">
        <v>213</v>
      </c>
      <c r="S8889">
        <v>70</v>
      </c>
    </row>
    <row r="8890" spans="1:19" x14ac:dyDescent="0.25">
      <c r="A8890">
        <v>23787731</v>
      </c>
      <c r="B8890" t="s">
        <v>45555</v>
      </c>
      <c r="C8890" s="1" t="s">
        <v>45556</v>
      </c>
      <c r="D8890">
        <v>23788266</v>
      </c>
      <c r="E8890">
        <v>2</v>
      </c>
      <c r="F8890">
        <v>0</v>
      </c>
      <c r="H8890" t="s">
        <v>45557</v>
      </c>
      <c r="J8890" t="s">
        <v>45558</v>
      </c>
      <c r="K8890" t="s">
        <v>45559</v>
      </c>
      <c r="M8890">
        <v>3653576</v>
      </c>
      <c r="O8890">
        <v>3653576</v>
      </c>
      <c r="P8890">
        <v>1</v>
      </c>
      <c r="Q8890">
        <v>-3</v>
      </c>
      <c r="R8890" t="s">
        <v>45560</v>
      </c>
      <c r="S8890">
        <v>65</v>
      </c>
    </row>
    <row r="8891" spans="1:19" x14ac:dyDescent="0.25">
      <c r="A8891">
        <v>9896997</v>
      </c>
      <c r="B8891" t="s">
        <v>45561</v>
      </c>
      <c r="C8891" s="1" t="s">
        <v>45562</v>
      </c>
      <c r="D8891">
        <v>9897724</v>
      </c>
      <c r="E8891">
        <v>2</v>
      </c>
      <c r="F8891">
        <v>0</v>
      </c>
      <c r="H8891" t="s">
        <v>45563</v>
      </c>
      <c r="J8891" t="s">
        <v>45564</v>
      </c>
      <c r="K8891" t="s">
        <v>45564</v>
      </c>
      <c r="M8891">
        <v>297408</v>
      </c>
      <c r="O8891">
        <v>1054790</v>
      </c>
      <c r="P8891">
        <v>1</v>
      </c>
      <c r="Q8891">
        <v>0</v>
      </c>
      <c r="R8891" t="s">
        <v>45565</v>
      </c>
      <c r="S8891">
        <v>792</v>
      </c>
    </row>
    <row r="8892" spans="1:19" x14ac:dyDescent="0.25">
      <c r="A8892">
        <v>17330058</v>
      </c>
      <c r="B8892" t="s">
        <v>45566</v>
      </c>
      <c r="C8892" s="1" t="s">
        <v>45567</v>
      </c>
      <c r="D8892">
        <v>17330085</v>
      </c>
      <c r="E8892">
        <v>3</v>
      </c>
      <c r="F8892">
        <v>1</v>
      </c>
      <c r="H8892" t="s">
        <v>45568</v>
      </c>
      <c r="J8892" t="s">
        <v>45569</v>
      </c>
      <c r="O8892">
        <v>1650459</v>
      </c>
      <c r="P8892">
        <v>1</v>
      </c>
      <c r="Q8892">
        <v>0</v>
      </c>
      <c r="R8892" t="s">
        <v>855</v>
      </c>
      <c r="S8892">
        <v>2157</v>
      </c>
    </row>
    <row r="8893" spans="1:19" x14ac:dyDescent="0.25">
      <c r="A8893">
        <v>27938735</v>
      </c>
      <c r="B8893" t="s">
        <v>45570</v>
      </c>
      <c r="C8893" s="1" t="s">
        <v>45571</v>
      </c>
      <c r="D8893">
        <v>27939001</v>
      </c>
      <c r="E8893">
        <v>2</v>
      </c>
      <c r="F8893">
        <v>5</v>
      </c>
      <c r="H8893" t="s">
        <v>45572</v>
      </c>
      <c r="I8893">
        <v>0</v>
      </c>
      <c r="J8893" t="s">
        <v>45573</v>
      </c>
      <c r="K8893" t="s">
        <v>45574</v>
      </c>
      <c r="M8893">
        <v>1768226</v>
      </c>
      <c r="O8893">
        <v>4398738</v>
      </c>
      <c r="P8893">
        <v>1</v>
      </c>
      <c r="Q8893">
        <v>0</v>
      </c>
      <c r="R8893" t="s">
        <v>45575</v>
      </c>
      <c r="S8893">
        <v>639</v>
      </c>
    </row>
    <row r="8894" spans="1:19" x14ac:dyDescent="0.25">
      <c r="A8894">
        <v>25722585</v>
      </c>
      <c r="B8894" t="s">
        <v>45576</v>
      </c>
      <c r="C8894" s="1" t="s">
        <v>45577</v>
      </c>
      <c r="D8894">
        <v>25722637</v>
      </c>
      <c r="E8894">
        <v>3</v>
      </c>
      <c r="F8894">
        <v>6</v>
      </c>
      <c r="H8894" t="s">
        <v>45578</v>
      </c>
      <c r="I8894">
        <v>7</v>
      </c>
      <c r="J8894" t="s">
        <v>45579</v>
      </c>
      <c r="O8894">
        <v>1023699</v>
      </c>
      <c r="P8894">
        <v>1</v>
      </c>
      <c r="Q8894">
        <v>14</v>
      </c>
      <c r="R8894" t="s">
        <v>45580</v>
      </c>
      <c r="S8894">
        <v>20696</v>
      </c>
    </row>
    <row r="8895" spans="1:19" x14ac:dyDescent="0.25">
      <c r="A8895">
        <v>34395214</v>
      </c>
      <c r="B8895" t="s">
        <v>45581</v>
      </c>
      <c r="C8895" s="1" t="s">
        <v>45582</v>
      </c>
      <c r="E8895">
        <v>2</v>
      </c>
      <c r="F8895">
        <v>4</v>
      </c>
      <c r="H8895" t="s">
        <v>45583</v>
      </c>
      <c r="J8895" t="s">
        <v>45584</v>
      </c>
      <c r="K8895" t="s">
        <v>45585</v>
      </c>
      <c r="M8895">
        <v>341362</v>
      </c>
      <c r="O8895">
        <v>4135234</v>
      </c>
      <c r="P8895">
        <v>1</v>
      </c>
      <c r="Q8895">
        <v>-5</v>
      </c>
      <c r="R8895" t="s">
        <v>45586</v>
      </c>
      <c r="S8895">
        <v>110</v>
      </c>
    </row>
    <row r="8896" spans="1:19" x14ac:dyDescent="0.25">
      <c r="A8896">
        <v>38160608</v>
      </c>
      <c r="B8896" t="s">
        <v>45587</v>
      </c>
      <c r="C8896" s="1" t="s">
        <v>45588</v>
      </c>
      <c r="D8896">
        <v>38166484</v>
      </c>
      <c r="E8896">
        <v>2</v>
      </c>
      <c r="F8896">
        <v>1</v>
      </c>
      <c r="H8896" t="s">
        <v>45589</v>
      </c>
      <c r="I8896">
        <v>0</v>
      </c>
      <c r="J8896" t="s">
        <v>45590</v>
      </c>
      <c r="O8896">
        <v>6541576</v>
      </c>
      <c r="P8896">
        <v>1</v>
      </c>
      <c r="Q8896">
        <v>1</v>
      </c>
      <c r="R8896" t="s">
        <v>7543</v>
      </c>
      <c r="S8896">
        <v>76</v>
      </c>
    </row>
    <row r="8897" spans="1:19" x14ac:dyDescent="0.25">
      <c r="A8897">
        <v>42685009</v>
      </c>
      <c r="B8897" t="s">
        <v>45591</v>
      </c>
      <c r="C8897" s="1" t="s">
        <v>45592</v>
      </c>
      <c r="E8897">
        <v>1</v>
      </c>
      <c r="F8897">
        <v>4</v>
      </c>
      <c r="H8897" t="s">
        <v>45593</v>
      </c>
      <c r="J8897" t="s">
        <v>45594</v>
      </c>
      <c r="O8897">
        <v>1028957</v>
      </c>
      <c r="P8897">
        <v>1</v>
      </c>
      <c r="Q8897">
        <v>0</v>
      </c>
      <c r="R8897" t="s">
        <v>45595</v>
      </c>
      <c r="S8897">
        <v>165</v>
      </c>
    </row>
    <row r="8898" spans="1:19" x14ac:dyDescent="0.25">
      <c r="A8898">
        <v>21879995</v>
      </c>
      <c r="B8898" t="s">
        <v>45596</v>
      </c>
      <c r="C8898" s="1" t="s">
        <v>45597</v>
      </c>
      <c r="E8898">
        <v>1</v>
      </c>
      <c r="F8898">
        <v>8</v>
      </c>
      <c r="H8898" t="s">
        <v>45598</v>
      </c>
      <c r="I8898">
        <v>0</v>
      </c>
      <c r="J8898" t="s">
        <v>45599</v>
      </c>
      <c r="O8898">
        <v>1806914</v>
      </c>
      <c r="P8898">
        <v>1</v>
      </c>
      <c r="Q8898">
        <v>5</v>
      </c>
      <c r="R8898" t="s">
        <v>45600</v>
      </c>
      <c r="S8898">
        <v>1536</v>
      </c>
    </row>
    <row r="8899" spans="1:19" x14ac:dyDescent="0.25">
      <c r="A8899">
        <v>30091307</v>
      </c>
      <c r="B8899" t="s">
        <v>45601</v>
      </c>
      <c r="C8899" s="1" t="s">
        <v>45602</v>
      </c>
      <c r="E8899">
        <v>1</v>
      </c>
      <c r="F8899">
        <v>1</v>
      </c>
      <c r="H8899" t="s">
        <v>45603</v>
      </c>
      <c r="J8899" t="s">
        <v>45604</v>
      </c>
      <c r="O8899">
        <v>4352185</v>
      </c>
      <c r="P8899">
        <v>1</v>
      </c>
      <c r="Q8899">
        <v>0</v>
      </c>
      <c r="R8899" t="s">
        <v>45605</v>
      </c>
      <c r="S8899">
        <v>286</v>
      </c>
    </row>
    <row r="8900" spans="1:19" x14ac:dyDescent="0.25">
      <c r="A8900">
        <v>35264105</v>
      </c>
      <c r="B8900" t="s">
        <v>45606</v>
      </c>
      <c r="C8900" s="1" t="s">
        <v>45607</v>
      </c>
      <c r="D8900">
        <v>35264617</v>
      </c>
      <c r="E8900">
        <v>2</v>
      </c>
      <c r="F8900">
        <v>2</v>
      </c>
      <c r="H8900" t="s">
        <v>45608</v>
      </c>
      <c r="J8900" t="s">
        <v>45609</v>
      </c>
      <c r="K8900" t="s">
        <v>45610</v>
      </c>
      <c r="M8900">
        <v>4044998</v>
      </c>
      <c r="O8900">
        <v>1204749</v>
      </c>
      <c r="P8900">
        <v>1</v>
      </c>
      <c r="Q8900">
        <v>0</v>
      </c>
      <c r="R8900" t="s">
        <v>45611</v>
      </c>
      <c r="S8900">
        <v>155</v>
      </c>
    </row>
    <row r="8901" spans="1:19" x14ac:dyDescent="0.25">
      <c r="A8901">
        <v>15112789</v>
      </c>
      <c r="B8901" t="s">
        <v>45612</v>
      </c>
      <c r="C8901" s="1" t="s">
        <v>45613</v>
      </c>
      <c r="D8901">
        <v>15113784</v>
      </c>
      <c r="E8901">
        <v>1</v>
      </c>
      <c r="F8901">
        <v>0</v>
      </c>
      <c r="H8901" t="s">
        <v>45614</v>
      </c>
      <c r="J8901" t="s">
        <v>45615</v>
      </c>
      <c r="O8901">
        <v>892849</v>
      </c>
      <c r="P8901">
        <v>1</v>
      </c>
      <c r="Q8901">
        <v>0</v>
      </c>
      <c r="R8901" t="s">
        <v>45616</v>
      </c>
      <c r="S8901">
        <v>54</v>
      </c>
    </row>
    <row r="8902" spans="1:19" x14ac:dyDescent="0.25">
      <c r="A8902">
        <v>23234887</v>
      </c>
      <c r="B8902" t="s">
        <v>45617</v>
      </c>
      <c r="C8902" s="1" t="s">
        <v>45618</v>
      </c>
      <c r="E8902">
        <v>1</v>
      </c>
      <c r="F8902">
        <v>0</v>
      </c>
      <c r="H8902" t="s">
        <v>45619</v>
      </c>
      <c r="J8902" t="s">
        <v>45620</v>
      </c>
      <c r="K8902" t="s">
        <v>45620</v>
      </c>
      <c r="M8902">
        <v>2561064</v>
      </c>
      <c r="O8902">
        <v>2561064</v>
      </c>
      <c r="P8902">
        <v>1</v>
      </c>
      <c r="Q8902">
        <v>0</v>
      </c>
      <c r="R8902" t="s">
        <v>45621</v>
      </c>
      <c r="S8902">
        <v>517</v>
      </c>
    </row>
    <row r="8903" spans="1:19" x14ac:dyDescent="0.25">
      <c r="A8903">
        <v>4505563</v>
      </c>
      <c r="B8903" t="s">
        <v>45622</v>
      </c>
      <c r="C8903" s="1" t="s">
        <v>45623</v>
      </c>
      <c r="E8903">
        <v>1</v>
      </c>
      <c r="F8903">
        <v>0</v>
      </c>
      <c r="H8903" t="s">
        <v>45624</v>
      </c>
      <c r="I8903">
        <v>0</v>
      </c>
      <c r="J8903" t="s">
        <v>45625</v>
      </c>
      <c r="O8903">
        <v>404888</v>
      </c>
      <c r="P8903">
        <v>1</v>
      </c>
      <c r="Q8903">
        <v>0</v>
      </c>
      <c r="R8903" t="s">
        <v>45626</v>
      </c>
      <c r="S8903">
        <v>225</v>
      </c>
    </row>
    <row r="8904" spans="1:19" x14ac:dyDescent="0.25">
      <c r="A8904">
        <v>51648248</v>
      </c>
      <c r="B8904" t="s">
        <v>45627</v>
      </c>
      <c r="C8904" s="1" t="s">
        <v>45628</v>
      </c>
      <c r="E8904">
        <v>1</v>
      </c>
      <c r="F8904">
        <v>0</v>
      </c>
      <c r="H8904" t="s">
        <v>45629</v>
      </c>
      <c r="J8904" t="s">
        <v>45630</v>
      </c>
      <c r="O8904">
        <v>3729004</v>
      </c>
      <c r="P8904">
        <v>1</v>
      </c>
      <c r="Q8904">
        <v>1</v>
      </c>
      <c r="R8904" t="s">
        <v>45631</v>
      </c>
      <c r="S8904">
        <v>69</v>
      </c>
    </row>
    <row r="8905" spans="1:19" x14ac:dyDescent="0.25">
      <c r="A8905">
        <v>26194371</v>
      </c>
      <c r="B8905" t="s">
        <v>45632</v>
      </c>
      <c r="C8905" s="1" t="s">
        <v>45633</v>
      </c>
      <c r="D8905">
        <v>26197276</v>
      </c>
      <c r="E8905">
        <v>1</v>
      </c>
      <c r="F8905">
        <v>0</v>
      </c>
      <c r="H8905" t="s">
        <v>45634</v>
      </c>
      <c r="J8905" t="s">
        <v>45635</v>
      </c>
      <c r="K8905" t="s">
        <v>45636</v>
      </c>
      <c r="M8905">
        <v>3340950</v>
      </c>
      <c r="O8905">
        <v>3340950</v>
      </c>
      <c r="P8905">
        <v>1</v>
      </c>
      <c r="Q8905">
        <v>1</v>
      </c>
      <c r="R8905" t="s">
        <v>351</v>
      </c>
      <c r="S8905">
        <v>34</v>
      </c>
    </row>
    <row r="8906" spans="1:19" x14ac:dyDescent="0.25">
      <c r="A8906">
        <v>42424118</v>
      </c>
      <c r="B8906" t="s">
        <v>45637</v>
      </c>
      <c r="C8906" s="1" t="s">
        <v>45638</v>
      </c>
      <c r="D8906">
        <v>42425166</v>
      </c>
      <c r="E8906">
        <v>1</v>
      </c>
      <c r="F8906">
        <v>0</v>
      </c>
      <c r="H8906" t="s">
        <v>45639</v>
      </c>
      <c r="I8906">
        <v>1</v>
      </c>
      <c r="J8906" t="s">
        <v>45640</v>
      </c>
      <c r="O8906">
        <v>7475393</v>
      </c>
      <c r="P8906">
        <v>1</v>
      </c>
      <c r="Q8906">
        <v>2</v>
      </c>
      <c r="R8906" t="s">
        <v>45641</v>
      </c>
      <c r="S8906">
        <v>72</v>
      </c>
    </row>
    <row r="8907" spans="1:19" x14ac:dyDescent="0.25">
      <c r="A8907">
        <v>20174245</v>
      </c>
      <c r="B8907" t="s">
        <v>45642</v>
      </c>
      <c r="C8907" s="1" t="s">
        <v>45643</v>
      </c>
      <c r="D8907">
        <v>20174351</v>
      </c>
      <c r="E8907">
        <v>1</v>
      </c>
      <c r="F8907">
        <v>0</v>
      </c>
      <c r="H8907" t="s">
        <v>45644</v>
      </c>
      <c r="J8907" t="s">
        <v>45645</v>
      </c>
      <c r="K8907" t="s">
        <v>45646</v>
      </c>
      <c r="M8907">
        <v>447356</v>
      </c>
      <c r="N8907" t="s">
        <v>45647</v>
      </c>
      <c r="P8907">
        <v>1</v>
      </c>
      <c r="Q8907">
        <v>1</v>
      </c>
      <c r="R8907" t="s">
        <v>45648</v>
      </c>
      <c r="S8907">
        <v>968</v>
      </c>
    </row>
    <row r="8908" spans="1:19" x14ac:dyDescent="0.25">
      <c r="A8908">
        <v>36530388</v>
      </c>
      <c r="B8908" t="s">
        <v>45649</v>
      </c>
      <c r="C8908" s="1" t="s">
        <v>45650</v>
      </c>
      <c r="D8908">
        <v>36531993</v>
      </c>
      <c r="E8908">
        <v>1</v>
      </c>
      <c r="F8908">
        <v>1</v>
      </c>
      <c r="H8908" t="s">
        <v>45651</v>
      </c>
      <c r="J8908" t="s">
        <v>45652</v>
      </c>
      <c r="K8908" t="s">
        <v>45653</v>
      </c>
      <c r="M8908">
        <v>1393766</v>
      </c>
      <c r="O8908">
        <v>6184192</v>
      </c>
      <c r="P8908">
        <v>1</v>
      </c>
      <c r="Q8908">
        <v>-2</v>
      </c>
      <c r="R8908" t="s">
        <v>45654</v>
      </c>
      <c r="S8908">
        <v>397</v>
      </c>
    </row>
    <row r="8909" spans="1:19" x14ac:dyDescent="0.25">
      <c r="A8909">
        <v>5043513</v>
      </c>
      <c r="B8909" t="s">
        <v>45655</v>
      </c>
      <c r="C8909" s="1" t="s">
        <v>45656</v>
      </c>
      <c r="D8909">
        <v>5043801</v>
      </c>
      <c r="E8909">
        <v>9</v>
      </c>
      <c r="F8909">
        <v>0</v>
      </c>
      <c r="H8909" t="s">
        <v>45657</v>
      </c>
      <c r="I8909">
        <v>59</v>
      </c>
      <c r="J8909" t="s">
        <v>45658</v>
      </c>
      <c r="K8909" t="s">
        <v>45659</v>
      </c>
      <c r="M8909">
        <v>204941</v>
      </c>
      <c r="O8909">
        <v>249733</v>
      </c>
      <c r="P8909">
        <v>1</v>
      </c>
      <c r="Q8909">
        <v>56</v>
      </c>
      <c r="R8909" t="s">
        <v>45660</v>
      </c>
      <c r="S8909">
        <v>21637</v>
      </c>
    </row>
    <row r="8910" spans="1:19" x14ac:dyDescent="0.25">
      <c r="A8910">
        <v>32104578</v>
      </c>
      <c r="B8910" t="s">
        <v>45661</v>
      </c>
      <c r="C8910" s="1" t="s">
        <v>45662</v>
      </c>
      <c r="E8910">
        <v>0</v>
      </c>
      <c r="F8910">
        <v>0</v>
      </c>
      <c r="H8910" t="s">
        <v>45663</v>
      </c>
      <c r="I8910">
        <v>1</v>
      </c>
      <c r="J8910" t="s">
        <v>45663</v>
      </c>
      <c r="O8910">
        <v>618512</v>
      </c>
      <c r="P8910">
        <v>1</v>
      </c>
      <c r="Q8910">
        <v>2</v>
      </c>
      <c r="R8910" t="s">
        <v>45664</v>
      </c>
      <c r="S8910">
        <v>42</v>
      </c>
    </row>
    <row r="8911" spans="1:19" x14ac:dyDescent="0.25">
      <c r="A8911">
        <v>27803705</v>
      </c>
      <c r="B8911" t="s">
        <v>45665</v>
      </c>
      <c r="C8911" s="1" t="s">
        <v>45666</v>
      </c>
      <c r="E8911">
        <v>1</v>
      </c>
      <c r="F8911">
        <v>8</v>
      </c>
      <c r="H8911" t="s">
        <v>45667</v>
      </c>
      <c r="J8911" t="s">
        <v>45668</v>
      </c>
      <c r="O8911">
        <v>4315165</v>
      </c>
      <c r="P8911">
        <v>1</v>
      </c>
      <c r="Q8911">
        <v>-2</v>
      </c>
      <c r="R8911" t="s">
        <v>1446</v>
      </c>
      <c r="S8911">
        <v>1401</v>
      </c>
    </row>
    <row r="8912" spans="1:19" x14ac:dyDescent="0.25">
      <c r="A8912">
        <v>50213796</v>
      </c>
      <c r="B8912" t="s">
        <v>45669</v>
      </c>
      <c r="C8912" s="1" t="s">
        <v>45670</v>
      </c>
      <c r="D8912">
        <v>50228701</v>
      </c>
      <c r="E8912">
        <v>2</v>
      </c>
      <c r="F8912">
        <v>2</v>
      </c>
      <c r="H8912" t="s">
        <v>45671</v>
      </c>
      <c r="J8912" t="s">
        <v>45672</v>
      </c>
      <c r="K8912" t="s">
        <v>45672</v>
      </c>
      <c r="M8912">
        <v>9055645</v>
      </c>
      <c r="O8912">
        <v>9055645</v>
      </c>
      <c r="P8912">
        <v>1</v>
      </c>
      <c r="Q8912">
        <v>-2</v>
      </c>
      <c r="R8912" t="s">
        <v>45673</v>
      </c>
      <c r="S8912">
        <v>130</v>
      </c>
    </row>
    <row r="8913" spans="1:19" x14ac:dyDescent="0.25">
      <c r="A8913">
        <v>47376433</v>
      </c>
      <c r="B8913" t="s">
        <v>45674</v>
      </c>
      <c r="C8913" s="1" t="s">
        <v>45675</v>
      </c>
      <c r="D8913">
        <v>47376803</v>
      </c>
      <c r="E8913">
        <v>1</v>
      </c>
      <c r="F8913">
        <v>1</v>
      </c>
      <c r="H8913" t="s">
        <v>45676</v>
      </c>
      <c r="J8913" t="s">
        <v>45677</v>
      </c>
      <c r="K8913" t="s">
        <v>45678</v>
      </c>
      <c r="M8913">
        <v>7151654</v>
      </c>
      <c r="O8913">
        <v>7151654</v>
      </c>
      <c r="P8913">
        <v>1</v>
      </c>
      <c r="Q8913">
        <v>0</v>
      </c>
      <c r="R8913" t="s">
        <v>45679</v>
      </c>
      <c r="S8913">
        <v>115</v>
      </c>
    </row>
    <row r="8914" spans="1:19" x14ac:dyDescent="0.25">
      <c r="A8914">
        <v>33431798</v>
      </c>
      <c r="B8914" t="s">
        <v>45680</v>
      </c>
      <c r="C8914" s="1" t="s">
        <v>45681</v>
      </c>
      <c r="D8914">
        <v>33432114</v>
      </c>
      <c r="E8914">
        <v>1</v>
      </c>
      <c r="F8914">
        <v>3</v>
      </c>
      <c r="H8914" t="s">
        <v>45682</v>
      </c>
      <c r="J8914" t="s">
        <v>45683</v>
      </c>
      <c r="K8914" t="s">
        <v>45684</v>
      </c>
      <c r="M8914">
        <v>5312972</v>
      </c>
      <c r="O8914">
        <v>5312972</v>
      </c>
      <c r="P8914">
        <v>1</v>
      </c>
      <c r="Q8914">
        <v>0</v>
      </c>
      <c r="R8914" t="s">
        <v>45685</v>
      </c>
      <c r="S8914">
        <v>378</v>
      </c>
    </row>
    <row r="8915" spans="1:19" x14ac:dyDescent="0.25">
      <c r="A8915">
        <v>48163179</v>
      </c>
      <c r="B8915" t="s">
        <v>45686</v>
      </c>
      <c r="C8915" s="1" t="s">
        <v>45687</v>
      </c>
      <c r="D8915">
        <v>48164533</v>
      </c>
      <c r="E8915">
        <v>2</v>
      </c>
      <c r="F8915">
        <v>0</v>
      </c>
      <c r="H8915" t="s">
        <v>45688</v>
      </c>
      <c r="J8915" t="s">
        <v>45689</v>
      </c>
      <c r="K8915" t="s">
        <v>45689</v>
      </c>
      <c r="M8915">
        <v>59303</v>
      </c>
      <c r="O8915">
        <v>8280126</v>
      </c>
      <c r="P8915">
        <v>1</v>
      </c>
      <c r="Q8915">
        <v>2</v>
      </c>
      <c r="R8915" t="s">
        <v>45690</v>
      </c>
      <c r="S8915">
        <v>307</v>
      </c>
    </row>
    <row r="8916" spans="1:19" x14ac:dyDescent="0.25">
      <c r="A8916">
        <v>51828037</v>
      </c>
      <c r="B8916" t="s">
        <v>45691</v>
      </c>
      <c r="C8916" s="1" t="s">
        <v>45692</v>
      </c>
      <c r="E8916">
        <v>1</v>
      </c>
      <c r="F8916">
        <v>0</v>
      </c>
      <c r="H8916" t="s">
        <v>45693</v>
      </c>
      <c r="J8916" t="s">
        <v>45694</v>
      </c>
      <c r="O8916">
        <v>6531255</v>
      </c>
      <c r="P8916">
        <v>1</v>
      </c>
      <c r="Q8916">
        <v>0</v>
      </c>
      <c r="R8916" t="s">
        <v>45695</v>
      </c>
      <c r="S8916">
        <v>17</v>
      </c>
    </row>
    <row r="8917" spans="1:19" x14ac:dyDescent="0.25">
      <c r="A8917">
        <v>50862119</v>
      </c>
      <c r="B8917" t="s">
        <v>45696</v>
      </c>
      <c r="C8917" s="1" t="s">
        <v>45697</v>
      </c>
      <c r="D8917">
        <v>50862229</v>
      </c>
      <c r="E8917">
        <v>2</v>
      </c>
      <c r="F8917">
        <v>0</v>
      </c>
      <c r="H8917" t="s">
        <v>45698</v>
      </c>
      <c r="J8917" t="s">
        <v>45699</v>
      </c>
      <c r="O8917">
        <v>7912578</v>
      </c>
      <c r="P8917">
        <v>1</v>
      </c>
      <c r="Q8917">
        <v>0</v>
      </c>
      <c r="R8917" t="s">
        <v>23806</v>
      </c>
      <c r="S8917">
        <v>32</v>
      </c>
    </row>
    <row r="8918" spans="1:19" x14ac:dyDescent="0.25">
      <c r="A8918">
        <v>27098956</v>
      </c>
      <c r="B8918" t="s">
        <v>45700</v>
      </c>
      <c r="C8918" s="1" t="s">
        <v>45701</v>
      </c>
      <c r="D8918">
        <v>27099758</v>
      </c>
      <c r="E8918">
        <v>1</v>
      </c>
      <c r="F8918">
        <v>4</v>
      </c>
      <c r="H8918" t="s">
        <v>45702</v>
      </c>
      <c r="J8918" t="s">
        <v>45703</v>
      </c>
      <c r="K8918" t="s">
        <v>45704</v>
      </c>
      <c r="M8918">
        <v>18771</v>
      </c>
      <c r="O8918">
        <v>4286226</v>
      </c>
      <c r="P8918">
        <v>1</v>
      </c>
      <c r="Q8918">
        <v>0</v>
      </c>
      <c r="R8918" t="s">
        <v>30659</v>
      </c>
      <c r="S8918">
        <v>486</v>
      </c>
    </row>
    <row r="8919" spans="1:19" x14ac:dyDescent="0.25">
      <c r="A8919">
        <v>40695913</v>
      </c>
      <c r="B8919" t="s">
        <v>45705</v>
      </c>
      <c r="C8919" s="1" t="s">
        <v>45706</v>
      </c>
      <c r="D8919">
        <v>40696094</v>
      </c>
      <c r="E8919">
        <v>1</v>
      </c>
      <c r="F8919">
        <v>0</v>
      </c>
      <c r="H8919" t="s">
        <v>45707</v>
      </c>
      <c r="J8919" t="s">
        <v>45708</v>
      </c>
      <c r="K8919" t="s">
        <v>45708</v>
      </c>
      <c r="M8919">
        <v>7122414</v>
      </c>
      <c r="O8919">
        <v>7122414</v>
      </c>
      <c r="P8919">
        <v>1</v>
      </c>
      <c r="Q8919">
        <v>0</v>
      </c>
      <c r="R8919" t="s">
        <v>45709</v>
      </c>
      <c r="S8919">
        <v>62</v>
      </c>
    </row>
    <row r="8920" spans="1:19" x14ac:dyDescent="0.25">
      <c r="A8920">
        <v>53123204</v>
      </c>
      <c r="B8920" t="s">
        <v>45710</v>
      </c>
      <c r="C8920" s="1" t="s">
        <v>45711</v>
      </c>
      <c r="D8920">
        <v>53123987</v>
      </c>
      <c r="E8920">
        <v>1</v>
      </c>
      <c r="F8920">
        <v>2</v>
      </c>
      <c r="H8920" t="s">
        <v>45712</v>
      </c>
      <c r="J8920" t="s">
        <v>45713</v>
      </c>
      <c r="K8920" t="s">
        <v>45714</v>
      </c>
      <c r="M8920">
        <v>5294311</v>
      </c>
      <c r="O8920">
        <v>5294311</v>
      </c>
      <c r="P8920">
        <v>1</v>
      </c>
      <c r="Q8920">
        <v>0</v>
      </c>
      <c r="R8920" t="s">
        <v>45715</v>
      </c>
      <c r="S8920">
        <v>44</v>
      </c>
    </row>
    <row r="8921" spans="1:19" x14ac:dyDescent="0.25">
      <c r="A8921">
        <v>52660316</v>
      </c>
      <c r="B8921" t="s">
        <v>45716</v>
      </c>
      <c r="C8921" s="1" t="s">
        <v>45717</v>
      </c>
      <c r="D8921">
        <v>52666046</v>
      </c>
      <c r="E8921">
        <v>2</v>
      </c>
      <c r="F8921">
        <v>4</v>
      </c>
      <c r="H8921" t="s">
        <v>45718</v>
      </c>
      <c r="J8921" t="s">
        <v>45719</v>
      </c>
      <c r="K8921" t="s">
        <v>45719</v>
      </c>
      <c r="M8921">
        <v>472495</v>
      </c>
      <c r="O8921">
        <v>10460300</v>
      </c>
      <c r="P8921">
        <v>1</v>
      </c>
      <c r="Q8921">
        <v>1</v>
      </c>
      <c r="R8921" t="s">
        <v>45720</v>
      </c>
      <c r="S8921">
        <v>272</v>
      </c>
    </row>
    <row r="8922" spans="1:19" x14ac:dyDescent="0.25">
      <c r="A8922">
        <v>6208003</v>
      </c>
      <c r="B8922" t="s">
        <v>45721</v>
      </c>
      <c r="C8922" s="1" t="s">
        <v>45722</v>
      </c>
      <c r="D8922">
        <v>6208227</v>
      </c>
      <c r="E8922">
        <v>2</v>
      </c>
      <c r="F8922">
        <v>1</v>
      </c>
      <c r="H8922" t="s">
        <v>45723</v>
      </c>
      <c r="I8922">
        <v>3</v>
      </c>
      <c r="J8922" t="s">
        <v>45724</v>
      </c>
      <c r="O8922">
        <v>53139</v>
      </c>
      <c r="P8922">
        <v>1</v>
      </c>
      <c r="Q8922">
        <v>10</v>
      </c>
      <c r="R8922" t="s">
        <v>45725</v>
      </c>
      <c r="S8922">
        <v>7690</v>
      </c>
    </row>
    <row r="8923" spans="1:19" x14ac:dyDescent="0.25">
      <c r="A8923">
        <v>34974266</v>
      </c>
      <c r="B8923" t="s">
        <v>45726</v>
      </c>
      <c r="C8923" s="1" t="s">
        <v>45727</v>
      </c>
      <c r="E8923">
        <v>2</v>
      </c>
      <c r="F8923">
        <v>9</v>
      </c>
      <c r="H8923" t="s">
        <v>45728</v>
      </c>
      <c r="J8923" t="s">
        <v>45729</v>
      </c>
      <c r="K8923" t="s">
        <v>45730</v>
      </c>
      <c r="M8923">
        <v>3762304</v>
      </c>
      <c r="O8923">
        <v>3762304</v>
      </c>
      <c r="P8923">
        <v>1</v>
      </c>
      <c r="Q8923">
        <v>0</v>
      </c>
      <c r="R8923" t="s">
        <v>45731</v>
      </c>
      <c r="S8923">
        <v>140</v>
      </c>
    </row>
    <row r="8924" spans="1:19" x14ac:dyDescent="0.25">
      <c r="A8924">
        <v>46003604</v>
      </c>
      <c r="B8924" t="s">
        <v>45732</v>
      </c>
      <c r="C8924" s="1" t="s">
        <v>45733</v>
      </c>
      <c r="D8924">
        <v>46003808</v>
      </c>
      <c r="E8924">
        <v>1</v>
      </c>
      <c r="F8924">
        <v>7</v>
      </c>
      <c r="H8924" t="s">
        <v>45734</v>
      </c>
      <c r="J8924" t="s">
        <v>45735</v>
      </c>
      <c r="K8924" t="s">
        <v>45736</v>
      </c>
      <c r="M8924">
        <v>14122</v>
      </c>
      <c r="O8924">
        <v>2872338</v>
      </c>
      <c r="P8924">
        <v>1</v>
      </c>
      <c r="Q8924">
        <v>-1</v>
      </c>
      <c r="R8924" t="s">
        <v>45737</v>
      </c>
      <c r="S8924">
        <v>135</v>
      </c>
    </row>
    <row r="8925" spans="1:19" x14ac:dyDescent="0.25">
      <c r="A8925">
        <v>40139635</v>
      </c>
      <c r="B8925" t="s">
        <v>45738</v>
      </c>
      <c r="C8925" t="s">
        <v>45739</v>
      </c>
      <c r="D8925">
        <v>40139890</v>
      </c>
      <c r="E8925">
        <v>1</v>
      </c>
      <c r="F8925">
        <v>0</v>
      </c>
      <c r="H8925" t="s">
        <v>45740</v>
      </c>
      <c r="J8925" t="s">
        <v>45741</v>
      </c>
      <c r="O8925">
        <v>2906820</v>
      </c>
      <c r="P8925">
        <v>1</v>
      </c>
      <c r="Q8925">
        <v>1</v>
      </c>
      <c r="R8925" t="s">
        <v>14712</v>
      </c>
      <c r="S8925">
        <v>96</v>
      </c>
    </row>
    <row r="8926" spans="1:19" x14ac:dyDescent="0.25">
      <c r="A8926">
        <v>31526388</v>
      </c>
      <c r="B8926" t="s">
        <v>45742</v>
      </c>
      <c r="C8926" s="1" t="s">
        <v>45743</v>
      </c>
      <c r="D8926">
        <v>31527017</v>
      </c>
      <c r="E8926">
        <v>1</v>
      </c>
      <c r="F8926">
        <v>0</v>
      </c>
      <c r="H8926" t="s">
        <v>45744</v>
      </c>
      <c r="J8926" t="s">
        <v>45745</v>
      </c>
      <c r="O8926">
        <v>1138498</v>
      </c>
      <c r="P8926">
        <v>1</v>
      </c>
      <c r="Q8926">
        <v>-1</v>
      </c>
      <c r="R8926" t="s">
        <v>45746</v>
      </c>
      <c r="S8926">
        <v>401</v>
      </c>
    </row>
    <row r="8927" spans="1:19" x14ac:dyDescent="0.25">
      <c r="A8927">
        <v>40800721</v>
      </c>
      <c r="B8927" t="s">
        <v>45747</v>
      </c>
      <c r="C8927" s="1" t="s">
        <v>45748</v>
      </c>
      <c r="E8927">
        <v>0</v>
      </c>
      <c r="F8927">
        <v>5</v>
      </c>
      <c r="H8927" t="s">
        <v>45749</v>
      </c>
      <c r="J8927" t="s">
        <v>45749</v>
      </c>
      <c r="O8927">
        <v>5185555</v>
      </c>
      <c r="P8927">
        <v>1</v>
      </c>
      <c r="Q8927">
        <v>0</v>
      </c>
      <c r="R8927" t="s">
        <v>45750</v>
      </c>
      <c r="S8927">
        <v>156</v>
      </c>
    </row>
    <row r="8928" spans="1:19" x14ac:dyDescent="0.25">
      <c r="A8928">
        <v>38520189</v>
      </c>
      <c r="B8928" t="s">
        <v>45751</v>
      </c>
      <c r="C8928" s="1" t="s">
        <v>45752</v>
      </c>
      <c r="E8928">
        <v>1</v>
      </c>
      <c r="F8928">
        <v>6</v>
      </c>
      <c r="H8928" t="s">
        <v>45753</v>
      </c>
      <c r="J8928" t="s">
        <v>45754</v>
      </c>
      <c r="K8928" t="s">
        <v>45755</v>
      </c>
      <c r="M8928">
        <v>1530814</v>
      </c>
      <c r="O8928">
        <v>1826814</v>
      </c>
      <c r="P8928">
        <v>1</v>
      </c>
      <c r="Q8928">
        <v>0</v>
      </c>
      <c r="R8928" t="s">
        <v>45756</v>
      </c>
      <c r="S8928">
        <v>51</v>
      </c>
    </row>
    <row r="8929" spans="1:19" x14ac:dyDescent="0.25">
      <c r="A8929">
        <v>11232922</v>
      </c>
      <c r="B8929" t="s">
        <v>45757</v>
      </c>
      <c r="C8929" s="1" t="s">
        <v>45758</v>
      </c>
      <c r="D8929">
        <v>11233126</v>
      </c>
      <c r="E8929">
        <v>3</v>
      </c>
      <c r="F8929">
        <v>0</v>
      </c>
      <c r="H8929" t="s">
        <v>45759</v>
      </c>
      <c r="I8929">
        <v>2</v>
      </c>
      <c r="J8929" t="s">
        <v>45760</v>
      </c>
      <c r="O8929">
        <v>226081</v>
      </c>
      <c r="P8929">
        <v>1</v>
      </c>
      <c r="Q8929">
        <v>9</v>
      </c>
      <c r="R8929" t="s">
        <v>45761</v>
      </c>
      <c r="S8929">
        <v>3732</v>
      </c>
    </row>
    <row r="8930" spans="1:19" x14ac:dyDescent="0.25">
      <c r="A8930">
        <v>44466331</v>
      </c>
      <c r="B8930" t="s">
        <v>45762</v>
      </c>
      <c r="C8930" s="1" t="s">
        <v>45763</v>
      </c>
      <c r="E8930">
        <v>1</v>
      </c>
      <c r="F8930">
        <v>0</v>
      </c>
      <c r="H8930" t="s">
        <v>45764</v>
      </c>
      <c r="J8930" t="s">
        <v>45765</v>
      </c>
      <c r="O8930">
        <v>3061219</v>
      </c>
      <c r="P8930">
        <v>1</v>
      </c>
      <c r="Q8930">
        <v>0</v>
      </c>
      <c r="R8930" t="s">
        <v>45766</v>
      </c>
      <c r="S8930">
        <v>282</v>
      </c>
    </row>
    <row r="8931" spans="1:19" x14ac:dyDescent="0.25">
      <c r="A8931">
        <v>52016177</v>
      </c>
      <c r="B8931" t="s">
        <v>45767</v>
      </c>
      <c r="C8931" s="1" t="s">
        <v>45768</v>
      </c>
      <c r="E8931">
        <v>1</v>
      </c>
      <c r="F8931">
        <v>5</v>
      </c>
      <c r="H8931" t="s">
        <v>45769</v>
      </c>
      <c r="J8931" t="s">
        <v>45770</v>
      </c>
      <c r="O8931">
        <v>10272794</v>
      </c>
      <c r="P8931">
        <v>1</v>
      </c>
      <c r="Q8931">
        <v>0</v>
      </c>
      <c r="R8931" t="s">
        <v>45771</v>
      </c>
      <c r="S8931">
        <v>20</v>
      </c>
    </row>
    <row r="8932" spans="1:19" x14ac:dyDescent="0.25">
      <c r="A8932">
        <v>39827247</v>
      </c>
      <c r="B8932" t="s">
        <v>45772</v>
      </c>
      <c r="C8932" s="1" t="s">
        <v>45773</v>
      </c>
      <c r="D8932">
        <v>39827374</v>
      </c>
      <c r="E8932">
        <v>1</v>
      </c>
      <c r="F8932">
        <v>0</v>
      </c>
      <c r="H8932" t="s">
        <v>45774</v>
      </c>
      <c r="J8932" t="s">
        <v>45775</v>
      </c>
      <c r="O8932">
        <v>1934212</v>
      </c>
      <c r="P8932">
        <v>1</v>
      </c>
      <c r="Q8932">
        <v>0</v>
      </c>
      <c r="R8932" t="s">
        <v>3969</v>
      </c>
      <c r="S8932">
        <v>36</v>
      </c>
    </row>
    <row r="8933" spans="1:19" x14ac:dyDescent="0.25">
      <c r="A8933">
        <v>11320156</v>
      </c>
      <c r="B8933" t="s">
        <v>45776</v>
      </c>
      <c r="C8933" s="1" t="s">
        <v>45777</v>
      </c>
      <c r="E8933">
        <v>7</v>
      </c>
      <c r="F8933">
        <v>11</v>
      </c>
      <c r="H8933" t="s">
        <v>45778</v>
      </c>
      <c r="J8933" t="s">
        <v>45779</v>
      </c>
      <c r="K8933" t="s">
        <v>45780</v>
      </c>
      <c r="M8933">
        <v>946904</v>
      </c>
      <c r="O8933">
        <v>946904</v>
      </c>
      <c r="P8933">
        <v>1</v>
      </c>
      <c r="Q8933">
        <v>3</v>
      </c>
      <c r="R8933" t="s">
        <v>45781</v>
      </c>
      <c r="S8933">
        <v>655</v>
      </c>
    </row>
    <row r="8934" spans="1:19" x14ac:dyDescent="0.25">
      <c r="A8934">
        <v>4595700</v>
      </c>
      <c r="B8934" t="s">
        <v>45782</v>
      </c>
      <c r="C8934" s="1" t="s">
        <v>45783</v>
      </c>
      <c r="D8934">
        <v>4595757</v>
      </c>
      <c r="E8934">
        <v>3</v>
      </c>
      <c r="F8934">
        <v>1</v>
      </c>
      <c r="H8934" t="s">
        <v>45784</v>
      </c>
      <c r="J8934" t="s">
        <v>45785</v>
      </c>
      <c r="K8934" t="s">
        <v>45785</v>
      </c>
      <c r="M8934">
        <v>89806</v>
      </c>
      <c r="O8934">
        <v>543509</v>
      </c>
      <c r="P8934">
        <v>1</v>
      </c>
      <c r="Q8934">
        <v>0</v>
      </c>
      <c r="R8934" t="s">
        <v>45786</v>
      </c>
      <c r="S8934">
        <v>4180</v>
      </c>
    </row>
    <row r="8935" spans="1:19" x14ac:dyDescent="0.25">
      <c r="A8935">
        <v>30539252</v>
      </c>
      <c r="B8935" t="s">
        <v>45787</v>
      </c>
      <c r="C8935" s="1" t="s">
        <v>45788</v>
      </c>
      <c r="D8935">
        <v>30541671</v>
      </c>
      <c r="E8935">
        <v>2</v>
      </c>
      <c r="F8935">
        <v>1</v>
      </c>
      <c r="H8935" t="s">
        <v>45789</v>
      </c>
      <c r="J8935" t="s">
        <v>45790</v>
      </c>
      <c r="O8935">
        <v>4954705</v>
      </c>
      <c r="P8935">
        <v>1</v>
      </c>
      <c r="Q8935">
        <v>1</v>
      </c>
      <c r="R8935" t="s">
        <v>213</v>
      </c>
      <c r="S8935">
        <v>47</v>
      </c>
    </row>
    <row r="8936" spans="1:19" x14ac:dyDescent="0.25">
      <c r="A8936">
        <v>36479303</v>
      </c>
      <c r="B8936" t="s">
        <v>45791</v>
      </c>
      <c r="C8936" s="1" t="s">
        <v>45792</v>
      </c>
      <c r="D8936">
        <v>36479530</v>
      </c>
      <c r="E8936">
        <v>1</v>
      </c>
      <c r="F8936">
        <v>0</v>
      </c>
      <c r="H8936" t="s">
        <v>45793</v>
      </c>
      <c r="J8936" t="s">
        <v>45794</v>
      </c>
      <c r="O8936">
        <v>1273241</v>
      </c>
      <c r="P8936">
        <v>1</v>
      </c>
      <c r="Q8936">
        <v>1</v>
      </c>
      <c r="R8936" t="s">
        <v>45795</v>
      </c>
      <c r="S8936">
        <v>231</v>
      </c>
    </row>
    <row r="8937" spans="1:19" x14ac:dyDescent="0.25">
      <c r="A8937">
        <v>46547628</v>
      </c>
      <c r="B8937" t="s">
        <v>45796</v>
      </c>
      <c r="C8937" s="1" t="s">
        <v>45797</v>
      </c>
      <c r="E8937">
        <v>1</v>
      </c>
      <c r="F8937">
        <v>1</v>
      </c>
      <c r="H8937" t="s">
        <v>45798</v>
      </c>
      <c r="J8937" t="s">
        <v>45799</v>
      </c>
      <c r="K8937" t="s">
        <v>45800</v>
      </c>
      <c r="M8937">
        <v>517676</v>
      </c>
      <c r="O8937">
        <v>517676</v>
      </c>
      <c r="P8937">
        <v>1</v>
      </c>
      <c r="Q8937">
        <v>0</v>
      </c>
      <c r="R8937" t="s">
        <v>45801</v>
      </c>
      <c r="S8937">
        <v>176</v>
      </c>
    </row>
    <row r="8938" spans="1:19" x14ac:dyDescent="0.25">
      <c r="A8938">
        <v>42326238</v>
      </c>
      <c r="B8938" t="s">
        <v>45802</v>
      </c>
      <c r="C8938" s="1" t="s">
        <v>45803</v>
      </c>
      <c r="D8938">
        <v>42326264</v>
      </c>
      <c r="E8938">
        <v>1</v>
      </c>
      <c r="F8938">
        <v>0</v>
      </c>
      <c r="H8938" t="s">
        <v>45804</v>
      </c>
      <c r="J8938" t="s">
        <v>45805</v>
      </c>
      <c r="O8938">
        <v>2291357</v>
      </c>
      <c r="P8938">
        <v>1</v>
      </c>
      <c r="Q8938">
        <v>0</v>
      </c>
      <c r="R8938" t="s">
        <v>4991</v>
      </c>
      <c r="S8938">
        <v>12</v>
      </c>
    </row>
    <row r="8939" spans="1:19" x14ac:dyDescent="0.25">
      <c r="A8939">
        <v>37849749</v>
      </c>
      <c r="B8939" t="s">
        <v>45806</v>
      </c>
      <c r="C8939" s="1" t="s">
        <v>45807</v>
      </c>
      <c r="E8939">
        <v>1</v>
      </c>
      <c r="F8939">
        <v>0</v>
      </c>
      <c r="H8939" t="s">
        <v>45808</v>
      </c>
      <c r="J8939" t="s">
        <v>45809</v>
      </c>
      <c r="O8939">
        <v>5781820</v>
      </c>
      <c r="P8939">
        <v>1</v>
      </c>
      <c r="Q8939">
        <v>1</v>
      </c>
      <c r="R8939" t="s">
        <v>45810</v>
      </c>
      <c r="S8939">
        <v>614</v>
      </c>
    </row>
    <row r="8940" spans="1:19" x14ac:dyDescent="0.25">
      <c r="A8940">
        <v>40115770</v>
      </c>
      <c r="B8940" t="s">
        <v>45811</v>
      </c>
      <c r="C8940" s="1" t="s">
        <v>45812</v>
      </c>
      <c r="E8940">
        <v>0</v>
      </c>
      <c r="F8940">
        <v>6</v>
      </c>
      <c r="H8940" t="s">
        <v>45813</v>
      </c>
      <c r="J8940" t="s">
        <v>45813</v>
      </c>
      <c r="O8940">
        <v>4701022</v>
      </c>
      <c r="P8940">
        <v>1</v>
      </c>
      <c r="Q8940">
        <v>0</v>
      </c>
      <c r="R8940" t="s">
        <v>21560</v>
      </c>
      <c r="S8940">
        <v>324</v>
      </c>
    </row>
    <row r="8941" spans="1:19" x14ac:dyDescent="0.25">
      <c r="A8941">
        <v>27661383</v>
      </c>
      <c r="B8941" t="s">
        <v>45814</v>
      </c>
      <c r="C8941" s="1" t="s">
        <v>45815</v>
      </c>
      <c r="D8941">
        <v>27661864</v>
      </c>
      <c r="E8941">
        <v>1</v>
      </c>
      <c r="F8941">
        <v>0</v>
      </c>
      <c r="H8941" t="s">
        <v>45816</v>
      </c>
      <c r="J8941" t="s">
        <v>45817</v>
      </c>
      <c r="O8941">
        <v>1814331</v>
      </c>
      <c r="P8941">
        <v>1</v>
      </c>
      <c r="Q8941">
        <v>1</v>
      </c>
      <c r="R8941" t="s">
        <v>45818</v>
      </c>
      <c r="S8941">
        <v>625</v>
      </c>
    </row>
    <row r="8942" spans="1:19" x14ac:dyDescent="0.25">
      <c r="A8942">
        <v>7875802</v>
      </c>
      <c r="B8942" t="s">
        <v>45819</v>
      </c>
      <c r="C8942" s="1" t="s">
        <v>45820</v>
      </c>
      <c r="D8942">
        <v>8485958</v>
      </c>
      <c r="E8942">
        <v>1</v>
      </c>
      <c r="F8942">
        <v>0</v>
      </c>
      <c r="H8942" t="s">
        <v>45821</v>
      </c>
      <c r="J8942" t="s">
        <v>45822</v>
      </c>
      <c r="O8942">
        <v>669388</v>
      </c>
      <c r="P8942">
        <v>1</v>
      </c>
      <c r="Q8942">
        <v>0</v>
      </c>
      <c r="R8942" t="s">
        <v>45823</v>
      </c>
      <c r="S8942">
        <v>990</v>
      </c>
    </row>
    <row r="8943" spans="1:19" x14ac:dyDescent="0.25">
      <c r="A8943">
        <v>18690206</v>
      </c>
      <c r="B8943" t="s">
        <v>45824</v>
      </c>
      <c r="C8943" s="1" t="s">
        <v>45825</v>
      </c>
      <c r="E8943">
        <v>2</v>
      </c>
      <c r="F8943">
        <v>0</v>
      </c>
      <c r="H8943" t="s">
        <v>45826</v>
      </c>
      <c r="I8943">
        <v>0</v>
      </c>
      <c r="J8943" t="s">
        <v>45827</v>
      </c>
      <c r="K8943" t="s">
        <v>45828</v>
      </c>
      <c r="M8943">
        <v>175981</v>
      </c>
      <c r="O8943">
        <v>2654985</v>
      </c>
      <c r="P8943">
        <v>1</v>
      </c>
      <c r="Q8943">
        <v>0</v>
      </c>
      <c r="R8943" t="s">
        <v>45829</v>
      </c>
      <c r="S8943">
        <v>942</v>
      </c>
    </row>
    <row r="8944" spans="1:19" x14ac:dyDescent="0.25">
      <c r="A8944">
        <v>36796164</v>
      </c>
      <c r="B8944" t="s">
        <v>45830</v>
      </c>
      <c r="C8944" s="1" t="s">
        <v>45831</v>
      </c>
      <c r="D8944">
        <v>36797707</v>
      </c>
      <c r="E8944">
        <v>1</v>
      </c>
      <c r="F8944">
        <v>0</v>
      </c>
      <c r="H8944" t="s">
        <v>45832</v>
      </c>
      <c r="J8944" t="s">
        <v>45833</v>
      </c>
      <c r="O8944">
        <v>4517600</v>
      </c>
      <c r="P8944">
        <v>1</v>
      </c>
      <c r="Q8944">
        <v>0</v>
      </c>
      <c r="R8944" t="s">
        <v>45834</v>
      </c>
      <c r="S8944">
        <v>86</v>
      </c>
    </row>
    <row r="8945" spans="1:19" x14ac:dyDescent="0.25">
      <c r="A8945">
        <v>21236398</v>
      </c>
      <c r="B8945" t="s">
        <v>45835</v>
      </c>
      <c r="C8945" s="1" t="s">
        <v>45836</v>
      </c>
      <c r="E8945">
        <v>4</v>
      </c>
      <c r="F8945">
        <v>8</v>
      </c>
      <c r="H8945" t="s">
        <v>45837</v>
      </c>
      <c r="J8945" t="s">
        <v>45838</v>
      </c>
      <c r="K8945" t="s">
        <v>45839</v>
      </c>
      <c r="M8945">
        <v>215140</v>
      </c>
      <c r="O8945">
        <v>215140</v>
      </c>
      <c r="P8945">
        <v>1</v>
      </c>
      <c r="Q8945">
        <v>3</v>
      </c>
      <c r="R8945" t="s">
        <v>45840</v>
      </c>
      <c r="S8945">
        <v>3752</v>
      </c>
    </row>
    <row r="8946" spans="1:19" x14ac:dyDescent="0.25">
      <c r="A8946">
        <v>39054230</v>
      </c>
      <c r="B8946" t="s">
        <v>45841</v>
      </c>
      <c r="C8946" s="1" t="s">
        <v>45842</v>
      </c>
      <c r="D8946">
        <v>39054264</v>
      </c>
      <c r="E8946">
        <v>1</v>
      </c>
      <c r="F8946">
        <v>2</v>
      </c>
      <c r="H8946" t="s">
        <v>45843</v>
      </c>
      <c r="J8946" t="s">
        <v>45844</v>
      </c>
      <c r="O8946">
        <v>6071987</v>
      </c>
      <c r="P8946">
        <v>1</v>
      </c>
      <c r="Q8946">
        <v>4</v>
      </c>
      <c r="R8946" t="s">
        <v>45845</v>
      </c>
      <c r="S8946">
        <v>83</v>
      </c>
    </row>
    <row r="8947" spans="1:19" x14ac:dyDescent="0.25">
      <c r="A8947">
        <v>39035464</v>
      </c>
      <c r="B8947" t="s">
        <v>45846</v>
      </c>
      <c r="C8947" s="1" t="s">
        <v>45847</v>
      </c>
      <c r="E8947">
        <v>3</v>
      </c>
      <c r="F8947">
        <v>4</v>
      </c>
      <c r="H8947" t="s">
        <v>45848</v>
      </c>
      <c r="J8947" t="s">
        <v>45849</v>
      </c>
      <c r="K8947" t="s">
        <v>45850</v>
      </c>
      <c r="M8947">
        <v>5595095</v>
      </c>
      <c r="O8947">
        <v>5595095</v>
      </c>
      <c r="P8947">
        <v>1</v>
      </c>
      <c r="Q8947">
        <v>2</v>
      </c>
      <c r="R8947" t="s">
        <v>45851</v>
      </c>
      <c r="S8947">
        <v>2650</v>
      </c>
    </row>
    <row r="8948" spans="1:19" x14ac:dyDescent="0.25">
      <c r="A8948">
        <v>32376751</v>
      </c>
      <c r="B8948" t="s">
        <v>45852</v>
      </c>
      <c r="C8948" s="1" t="s">
        <v>45853</v>
      </c>
      <c r="D8948">
        <v>32376974</v>
      </c>
      <c r="E8948">
        <v>2</v>
      </c>
      <c r="F8948">
        <v>2</v>
      </c>
      <c r="H8948" t="s">
        <v>45854</v>
      </c>
      <c r="J8948" t="s">
        <v>45855</v>
      </c>
      <c r="O8948">
        <v>2696569</v>
      </c>
      <c r="P8948">
        <v>1</v>
      </c>
      <c r="Q8948">
        <v>-5</v>
      </c>
      <c r="R8948" t="s">
        <v>351</v>
      </c>
      <c r="S8948">
        <v>51</v>
      </c>
    </row>
    <row r="8949" spans="1:19" x14ac:dyDescent="0.25">
      <c r="A8949">
        <v>50145610</v>
      </c>
      <c r="B8949" t="s">
        <v>45856</v>
      </c>
      <c r="C8949" t="s">
        <v>45857</v>
      </c>
      <c r="E8949">
        <v>1</v>
      </c>
      <c r="F8949">
        <v>0</v>
      </c>
      <c r="H8949" t="s">
        <v>45858</v>
      </c>
      <c r="J8949" t="s">
        <v>45859</v>
      </c>
      <c r="O8949">
        <v>9732878</v>
      </c>
      <c r="P8949">
        <v>1</v>
      </c>
      <c r="Q8949">
        <v>0</v>
      </c>
      <c r="R8949" t="s">
        <v>45860</v>
      </c>
      <c r="S8949">
        <v>65</v>
      </c>
    </row>
    <row r="8950" spans="1:19" x14ac:dyDescent="0.25">
      <c r="A8950">
        <v>41538290</v>
      </c>
      <c r="B8950" t="s">
        <v>45861</v>
      </c>
      <c r="C8950" s="1" t="s">
        <v>45862</v>
      </c>
      <c r="D8950">
        <v>41697090</v>
      </c>
      <c r="E8950">
        <v>1</v>
      </c>
      <c r="F8950">
        <v>0</v>
      </c>
      <c r="H8950" t="s">
        <v>45863</v>
      </c>
      <c r="J8950" t="s">
        <v>45864</v>
      </c>
      <c r="O8950">
        <v>179746</v>
      </c>
      <c r="P8950">
        <v>1</v>
      </c>
      <c r="Q8950">
        <v>0</v>
      </c>
      <c r="R8950" t="s">
        <v>45865</v>
      </c>
      <c r="S8950">
        <v>46</v>
      </c>
    </row>
    <row r="8951" spans="1:19" x14ac:dyDescent="0.25">
      <c r="A8951">
        <v>14448836</v>
      </c>
      <c r="B8951" t="s">
        <v>45866</v>
      </c>
      <c r="C8951" s="1" t="s">
        <v>45867</v>
      </c>
      <c r="E8951">
        <v>1</v>
      </c>
      <c r="F8951">
        <v>9</v>
      </c>
      <c r="H8951" t="s">
        <v>45868</v>
      </c>
      <c r="J8951" t="s">
        <v>45869</v>
      </c>
      <c r="K8951" t="s">
        <v>45870</v>
      </c>
      <c r="M8951">
        <v>1646155</v>
      </c>
      <c r="O8951">
        <v>1646155</v>
      </c>
      <c r="P8951">
        <v>1</v>
      </c>
      <c r="Q8951">
        <v>0</v>
      </c>
      <c r="R8951" t="s">
        <v>45871</v>
      </c>
      <c r="S8951">
        <v>814</v>
      </c>
    </row>
    <row r="8952" spans="1:19" x14ac:dyDescent="0.25">
      <c r="A8952">
        <v>41396031</v>
      </c>
      <c r="B8952" t="s">
        <v>45872</v>
      </c>
      <c r="C8952" s="1" t="s">
        <v>45873</v>
      </c>
      <c r="D8952">
        <v>41396131</v>
      </c>
      <c r="E8952">
        <v>1</v>
      </c>
      <c r="F8952">
        <v>3</v>
      </c>
      <c r="H8952" t="s">
        <v>45874</v>
      </c>
      <c r="J8952" t="s">
        <v>45875</v>
      </c>
      <c r="K8952" t="s">
        <v>45876</v>
      </c>
      <c r="M8952">
        <v>519413</v>
      </c>
      <c r="O8952">
        <v>2126785</v>
      </c>
      <c r="P8952">
        <v>1</v>
      </c>
      <c r="Q8952">
        <v>2</v>
      </c>
      <c r="R8952" t="s">
        <v>45877</v>
      </c>
      <c r="S8952">
        <v>835</v>
      </c>
    </row>
    <row r="8953" spans="1:19" x14ac:dyDescent="0.25">
      <c r="A8953">
        <v>52832111</v>
      </c>
      <c r="B8953" t="s">
        <v>45878</v>
      </c>
      <c r="C8953" s="1" t="s">
        <v>45879</v>
      </c>
      <c r="D8953">
        <v>52841882</v>
      </c>
      <c r="E8953">
        <v>1</v>
      </c>
      <c r="F8953">
        <v>4</v>
      </c>
      <c r="H8953" t="s">
        <v>45880</v>
      </c>
      <c r="J8953" t="s">
        <v>45881</v>
      </c>
      <c r="K8953" t="s">
        <v>45882</v>
      </c>
      <c r="M8953">
        <v>7862392</v>
      </c>
      <c r="O8953">
        <v>7862392</v>
      </c>
      <c r="P8953">
        <v>1</v>
      </c>
      <c r="Q8953">
        <v>0</v>
      </c>
      <c r="R8953" t="s">
        <v>45883</v>
      </c>
      <c r="S8953">
        <v>49</v>
      </c>
    </row>
    <row r="8954" spans="1:19" x14ac:dyDescent="0.25">
      <c r="A8954">
        <v>33931608</v>
      </c>
      <c r="B8954" t="s">
        <v>45884</v>
      </c>
      <c r="C8954" s="1" t="s">
        <v>45885</v>
      </c>
      <c r="D8954">
        <v>33931765</v>
      </c>
      <c r="E8954">
        <v>2</v>
      </c>
      <c r="F8954">
        <v>5</v>
      </c>
      <c r="H8954" t="s">
        <v>45886</v>
      </c>
      <c r="J8954" t="s">
        <v>45887</v>
      </c>
      <c r="O8954">
        <v>4794416</v>
      </c>
      <c r="P8954">
        <v>1</v>
      </c>
      <c r="Q8954">
        <v>2</v>
      </c>
      <c r="R8954" t="s">
        <v>45888</v>
      </c>
      <c r="S8954">
        <v>76</v>
      </c>
    </row>
    <row r="8955" spans="1:19" x14ac:dyDescent="0.25">
      <c r="A8955">
        <v>38743462</v>
      </c>
      <c r="B8955" t="s">
        <v>45889</v>
      </c>
      <c r="C8955" s="1" t="s">
        <v>45890</v>
      </c>
      <c r="D8955">
        <v>38743898</v>
      </c>
      <c r="E8955">
        <v>1</v>
      </c>
      <c r="F8955">
        <v>9</v>
      </c>
      <c r="H8955" t="s">
        <v>45891</v>
      </c>
      <c r="J8955" t="s">
        <v>45892</v>
      </c>
      <c r="K8955" t="s">
        <v>45893</v>
      </c>
      <c r="M8955">
        <v>2710112</v>
      </c>
      <c r="O8955">
        <v>6670157</v>
      </c>
      <c r="P8955">
        <v>1</v>
      </c>
      <c r="Q8955">
        <v>-2</v>
      </c>
      <c r="R8955" t="s">
        <v>4859</v>
      </c>
      <c r="S8955">
        <v>33</v>
      </c>
    </row>
    <row r="8956" spans="1:19" x14ac:dyDescent="0.25">
      <c r="A8956">
        <v>18439947</v>
      </c>
      <c r="B8956" t="s">
        <v>45894</v>
      </c>
      <c r="C8956" s="1" t="s">
        <v>45895</v>
      </c>
      <c r="E8956">
        <v>1</v>
      </c>
      <c r="F8956">
        <v>5</v>
      </c>
      <c r="H8956" t="s">
        <v>45896</v>
      </c>
      <c r="J8956" t="s">
        <v>45897</v>
      </c>
      <c r="K8956" t="s">
        <v>45898</v>
      </c>
      <c r="M8956">
        <v>107625</v>
      </c>
      <c r="O8956">
        <v>2380031</v>
      </c>
      <c r="P8956">
        <v>1</v>
      </c>
      <c r="Q8956">
        <v>0</v>
      </c>
      <c r="R8956" t="s">
        <v>45899</v>
      </c>
      <c r="S8956">
        <v>903</v>
      </c>
    </row>
    <row r="8957" spans="1:19" x14ac:dyDescent="0.25">
      <c r="A8957">
        <v>33474396</v>
      </c>
      <c r="B8957" t="s">
        <v>45900</v>
      </c>
      <c r="C8957" s="1" t="s">
        <v>45901</v>
      </c>
      <c r="D8957">
        <v>33626759</v>
      </c>
      <c r="E8957">
        <v>1</v>
      </c>
      <c r="F8957">
        <v>5</v>
      </c>
      <c r="H8957" t="s">
        <v>45902</v>
      </c>
      <c r="I8957">
        <v>1</v>
      </c>
      <c r="J8957" t="s">
        <v>45903</v>
      </c>
      <c r="K8957" t="s">
        <v>45904</v>
      </c>
      <c r="M8957">
        <v>658469</v>
      </c>
      <c r="O8957">
        <v>658469</v>
      </c>
      <c r="P8957">
        <v>1</v>
      </c>
      <c r="Q8957">
        <v>4</v>
      </c>
      <c r="R8957" t="s">
        <v>45905</v>
      </c>
      <c r="S8957">
        <v>1701</v>
      </c>
    </row>
    <row r="8958" spans="1:19" x14ac:dyDescent="0.25">
      <c r="A8958">
        <v>15022114</v>
      </c>
      <c r="B8958" t="s">
        <v>45906</v>
      </c>
      <c r="C8958" s="1" t="s">
        <v>45907</v>
      </c>
      <c r="E8958">
        <v>1</v>
      </c>
      <c r="F8958">
        <v>0</v>
      </c>
      <c r="H8958" t="s">
        <v>45908</v>
      </c>
      <c r="J8958" t="s">
        <v>45909</v>
      </c>
      <c r="O8958">
        <v>725472</v>
      </c>
      <c r="P8958">
        <v>1</v>
      </c>
      <c r="Q8958">
        <v>0</v>
      </c>
      <c r="R8958" t="s">
        <v>45910</v>
      </c>
      <c r="S8958">
        <v>488</v>
      </c>
    </row>
    <row r="8959" spans="1:19" x14ac:dyDescent="0.25">
      <c r="A8959">
        <v>43770478</v>
      </c>
      <c r="B8959" t="s">
        <v>45911</v>
      </c>
      <c r="C8959" s="1" t="s">
        <v>45912</v>
      </c>
      <c r="D8959">
        <v>43770734</v>
      </c>
      <c r="E8959">
        <v>1</v>
      </c>
      <c r="F8959">
        <v>0</v>
      </c>
      <c r="H8959" t="s">
        <v>45913</v>
      </c>
      <c r="J8959" t="s">
        <v>45914</v>
      </c>
      <c r="O8959">
        <v>6008781</v>
      </c>
      <c r="P8959">
        <v>1</v>
      </c>
      <c r="Q8959">
        <v>0</v>
      </c>
      <c r="R8959" t="s">
        <v>45915</v>
      </c>
      <c r="S8959">
        <v>200</v>
      </c>
    </row>
    <row r="8960" spans="1:19" x14ac:dyDescent="0.25">
      <c r="A8960">
        <v>28550397</v>
      </c>
      <c r="B8960" t="s">
        <v>45916</v>
      </c>
      <c r="C8960" s="1" t="s">
        <v>45917</v>
      </c>
      <c r="E8960">
        <v>2</v>
      </c>
      <c r="F8960">
        <v>3</v>
      </c>
      <c r="H8960" t="s">
        <v>45918</v>
      </c>
      <c r="J8960" t="s">
        <v>45919</v>
      </c>
      <c r="O8960">
        <v>4573287</v>
      </c>
      <c r="P8960">
        <v>1</v>
      </c>
      <c r="Q8960">
        <v>0</v>
      </c>
      <c r="R8960" t="s">
        <v>45920</v>
      </c>
      <c r="S8960">
        <v>764</v>
      </c>
    </row>
    <row r="8961" spans="1:19" x14ac:dyDescent="0.25">
      <c r="A8961">
        <v>21354469</v>
      </c>
      <c r="B8961" t="s">
        <v>45921</v>
      </c>
      <c r="C8961" s="1" t="s">
        <v>45922</v>
      </c>
      <c r="D8961">
        <v>21354508</v>
      </c>
      <c r="E8961">
        <v>1</v>
      </c>
      <c r="F8961">
        <v>0</v>
      </c>
      <c r="H8961" t="s">
        <v>45923</v>
      </c>
      <c r="J8961" t="s">
        <v>45924</v>
      </c>
      <c r="K8961" t="s">
        <v>45924</v>
      </c>
      <c r="M8961">
        <v>1699961</v>
      </c>
      <c r="O8961">
        <v>904173</v>
      </c>
      <c r="P8961">
        <v>1</v>
      </c>
      <c r="Q8961">
        <v>0</v>
      </c>
      <c r="R8961" t="s">
        <v>45925</v>
      </c>
      <c r="S8961">
        <v>131</v>
      </c>
    </row>
    <row r="8962" spans="1:19" x14ac:dyDescent="0.25">
      <c r="A8962">
        <v>42821638</v>
      </c>
      <c r="B8962" t="s">
        <v>45926</v>
      </c>
      <c r="C8962" s="1" t="s">
        <v>45927</v>
      </c>
      <c r="D8962">
        <v>42823169</v>
      </c>
      <c r="E8962">
        <v>1</v>
      </c>
      <c r="F8962">
        <v>0</v>
      </c>
      <c r="H8962" t="s">
        <v>45928</v>
      </c>
      <c r="J8962" t="s">
        <v>45929</v>
      </c>
      <c r="K8962" t="s">
        <v>45929</v>
      </c>
      <c r="M8962">
        <v>6642869</v>
      </c>
      <c r="O8962">
        <v>1890717</v>
      </c>
      <c r="P8962">
        <v>1</v>
      </c>
      <c r="Q8962">
        <v>0</v>
      </c>
      <c r="R8962" t="s">
        <v>45930</v>
      </c>
      <c r="S8962">
        <v>611</v>
      </c>
    </row>
    <row r="8963" spans="1:19" x14ac:dyDescent="0.25">
      <c r="A8963">
        <v>11020256</v>
      </c>
      <c r="B8963" t="s">
        <v>45931</v>
      </c>
      <c r="C8963" s="1" t="s">
        <v>45932</v>
      </c>
      <c r="D8963">
        <v>11020626</v>
      </c>
      <c r="E8963">
        <v>4</v>
      </c>
      <c r="F8963">
        <v>0</v>
      </c>
      <c r="H8963" t="s">
        <v>45933</v>
      </c>
      <c r="I8963">
        <v>1</v>
      </c>
      <c r="J8963" t="s">
        <v>45934</v>
      </c>
      <c r="K8963" t="s">
        <v>45935</v>
      </c>
      <c r="M8963">
        <v>576267</v>
      </c>
      <c r="O8963">
        <v>576267</v>
      </c>
      <c r="P8963">
        <v>1</v>
      </c>
      <c r="Q8963">
        <v>5</v>
      </c>
      <c r="R8963" t="s">
        <v>45936</v>
      </c>
      <c r="S8963">
        <v>13648</v>
      </c>
    </row>
    <row r="8964" spans="1:19" x14ac:dyDescent="0.25">
      <c r="A8964">
        <v>32070597</v>
      </c>
      <c r="B8964" t="s">
        <v>45937</v>
      </c>
      <c r="C8964" s="1" t="s">
        <v>45938</v>
      </c>
      <c r="E8964">
        <v>4</v>
      </c>
      <c r="F8964">
        <v>5</v>
      </c>
      <c r="H8964" t="s">
        <v>45939</v>
      </c>
      <c r="J8964" t="s">
        <v>45940</v>
      </c>
      <c r="K8964" t="s">
        <v>45941</v>
      </c>
      <c r="M8964">
        <v>2039908</v>
      </c>
      <c r="O8964">
        <v>2039908</v>
      </c>
      <c r="P8964">
        <v>1</v>
      </c>
      <c r="Q8964">
        <v>0</v>
      </c>
      <c r="R8964" t="s">
        <v>15030</v>
      </c>
      <c r="S8964">
        <v>666</v>
      </c>
    </row>
    <row r="8965" spans="1:19" x14ac:dyDescent="0.25">
      <c r="A8965">
        <v>48297482</v>
      </c>
      <c r="B8965" t="s">
        <v>45942</v>
      </c>
      <c r="C8965" s="1" t="s">
        <v>45943</v>
      </c>
      <c r="E8965">
        <v>0</v>
      </c>
      <c r="F8965">
        <v>0</v>
      </c>
      <c r="H8965" t="s">
        <v>45944</v>
      </c>
      <c r="J8965" t="s">
        <v>45944</v>
      </c>
      <c r="O8965">
        <v>9227431</v>
      </c>
      <c r="P8965">
        <v>1</v>
      </c>
      <c r="Q8965">
        <v>0</v>
      </c>
      <c r="R8965" t="s">
        <v>45945</v>
      </c>
      <c r="S8965">
        <v>94</v>
      </c>
    </row>
    <row r="8966" spans="1:19" x14ac:dyDescent="0.25">
      <c r="A8966">
        <v>23284259</v>
      </c>
      <c r="B8966" t="s">
        <v>45946</v>
      </c>
      <c r="C8966" s="1" t="s">
        <v>45947</v>
      </c>
      <c r="E8966">
        <v>1</v>
      </c>
      <c r="F8966">
        <v>2</v>
      </c>
      <c r="H8966" t="s">
        <v>45948</v>
      </c>
      <c r="J8966" t="s">
        <v>45949</v>
      </c>
      <c r="O8966">
        <v>3002761</v>
      </c>
      <c r="P8966">
        <v>1</v>
      </c>
      <c r="Q8966">
        <v>0</v>
      </c>
      <c r="R8966" t="s">
        <v>3303</v>
      </c>
      <c r="S8966">
        <v>59</v>
      </c>
    </row>
    <row r="8967" spans="1:19" x14ac:dyDescent="0.25">
      <c r="A8967">
        <v>52399947</v>
      </c>
      <c r="B8967" t="s">
        <v>45950</v>
      </c>
      <c r="C8967" s="1" t="s">
        <v>45951</v>
      </c>
      <c r="D8967">
        <v>52414747</v>
      </c>
      <c r="E8967">
        <v>1</v>
      </c>
      <c r="F8967">
        <v>0</v>
      </c>
      <c r="H8967" t="s">
        <v>45952</v>
      </c>
      <c r="J8967" t="s">
        <v>45953</v>
      </c>
      <c r="O8967">
        <v>2447609</v>
      </c>
      <c r="P8967">
        <v>1</v>
      </c>
      <c r="Q8967">
        <v>0</v>
      </c>
      <c r="R8967" t="s">
        <v>45954</v>
      </c>
      <c r="S8967">
        <v>48</v>
      </c>
    </row>
    <row r="8968" spans="1:19" x14ac:dyDescent="0.25">
      <c r="A8968">
        <v>22115436</v>
      </c>
      <c r="B8968" t="s">
        <v>45955</v>
      </c>
      <c r="C8968" s="1" t="s">
        <v>45956</v>
      </c>
      <c r="D8968">
        <v>22115512</v>
      </c>
      <c r="E8968">
        <v>1</v>
      </c>
      <c r="F8968">
        <v>2</v>
      </c>
      <c r="H8968" t="s">
        <v>45957</v>
      </c>
      <c r="J8968" t="s">
        <v>45958</v>
      </c>
      <c r="K8968" t="s">
        <v>45958</v>
      </c>
      <c r="M8968">
        <v>1259510</v>
      </c>
      <c r="O8968">
        <v>414385</v>
      </c>
      <c r="P8968">
        <v>1</v>
      </c>
      <c r="Q8968">
        <v>0</v>
      </c>
      <c r="R8968" t="s">
        <v>45959</v>
      </c>
      <c r="S8968">
        <v>954</v>
      </c>
    </row>
    <row r="8969" spans="1:19" x14ac:dyDescent="0.25">
      <c r="A8969">
        <v>27684515</v>
      </c>
      <c r="B8969" t="s">
        <v>45960</v>
      </c>
      <c r="C8969" s="1" t="s">
        <v>45961</v>
      </c>
      <c r="D8969">
        <v>27684951</v>
      </c>
      <c r="E8969">
        <v>1</v>
      </c>
      <c r="F8969">
        <v>3</v>
      </c>
      <c r="H8969" t="s">
        <v>45962</v>
      </c>
      <c r="J8969" t="s">
        <v>45963</v>
      </c>
      <c r="O8969">
        <v>3118856</v>
      </c>
      <c r="P8969">
        <v>1</v>
      </c>
      <c r="Q8969">
        <v>1</v>
      </c>
      <c r="R8969" t="s">
        <v>45964</v>
      </c>
      <c r="S8969">
        <v>1656</v>
      </c>
    </row>
    <row r="8970" spans="1:19" x14ac:dyDescent="0.25">
      <c r="A8970">
        <v>50423360</v>
      </c>
      <c r="B8970" t="s">
        <v>45965</v>
      </c>
      <c r="C8970" s="1" t="s">
        <v>45966</v>
      </c>
      <c r="E8970">
        <v>2</v>
      </c>
      <c r="F8970">
        <v>6</v>
      </c>
      <c r="H8970" t="s">
        <v>45967</v>
      </c>
      <c r="J8970" t="s">
        <v>45968</v>
      </c>
      <c r="K8970" t="s">
        <v>45969</v>
      </c>
      <c r="M8970">
        <v>4370109</v>
      </c>
      <c r="O8970">
        <v>9815067</v>
      </c>
      <c r="P8970">
        <v>1</v>
      </c>
      <c r="Q8970">
        <v>-1</v>
      </c>
      <c r="R8970" t="s">
        <v>45970</v>
      </c>
      <c r="S8970">
        <v>131</v>
      </c>
    </row>
    <row r="8971" spans="1:19" x14ac:dyDescent="0.25">
      <c r="A8971">
        <v>18085022</v>
      </c>
      <c r="B8971" t="s">
        <v>45971</v>
      </c>
      <c r="C8971" s="1" t="s">
        <v>45972</v>
      </c>
      <c r="D8971">
        <v>18085878</v>
      </c>
      <c r="E8971">
        <v>1</v>
      </c>
      <c r="F8971">
        <v>2</v>
      </c>
      <c r="H8971" t="s">
        <v>45973</v>
      </c>
      <c r="I8971">
        <v>4</v>
      </c>
      <c r="J8971" t="s">
        <v>45974</v>
      </c>
      <c r="O8971">
        <v>215148</v>
      </c>
      <c r="P8971">
        <v>1</v>
      </c>
      <c r="Q8971">
        <v>7</v>
      </c>
      <c r="R8971" t="s">
        <v>45975</v>
      </c>
      <c r="S8971">
        <v>4469</v>
      </c>
    </row>
    <row r="8972" spans="1:19" x14ac:dyDescent="0.25">
      <c r="A8972">
        <v>10528876</v>
      </c>
      <c r="B8972" t="s">
        <v>45976</v>
      </c>
      <c r="C8972" s="1" t="s">
        <v>45977</v>
      </c>
      <c r="D8972">
        <v>10605050</v>
      </c>
      <c r="E8972">
        <v>1</v>
      </c>
      <c r="F8972">
        <v>4</v>
      </c>
      <c r="H8972" t="s">
        <v>45978</v>
      </c>
      <c r="J8972" t="s">
        <v>45979</v>
      </c>
      <c r="K8972" t="s">
        <v>1083</v>
      </c>
      <c r="M8972">
        <v>-1</v>
      </c>
      <c r="O8972">
        <v>1370854</v>
      </c>
      <c r="P8972">
        <v>1</v>
      </c>
      <c r="Q8972">
        <v>1</v>
      </c>
      <c r="R8972" t="s">
        <v>1084</v>
      </c>
      <c r="S8972">
        <v>1761</v>
      </c>
    </row>
    <row r="8973" spans="1:19" x14ac:dyDescent="0.25">
      <c r="A8973">
        <v>26710982</v>
      </c>
      <c r="B8973" t="s">
        <v>45980</v>
      </c>
      <c r="C8973" s="1" t="s">
        <v>45981</v>
      </c>
      <c r="D8973">
        <v>26711493</v>
      </c>
      <c r="E8973">
        <v>1</v>
      </c>
      <c r="F8973">
        <v>3</v>
      </c>
      <c r="H8973" t="s">
        <v>45982</v>
      </c>
      <c r="I8973">
        <v>0</v>
      </c>
      <c r="J8973" t="s">
        <v>45983</v>
      </c>
      <c r="K8973" t="s">
        <v>45983</v>
      </c>
      <c r="M8973">
        <v>4194732</v>
      </c>
      <c r="O8973">
        <v>4194732</v>
      </c>
      <c r="P8973">
        <v>1</v>
      </c>
      <c r="Q8973">
        <v>-1</v>
      </c>
      <c r="R8973" t="s">
        <v>45984</v>
      </c>
      <c r="S8973">
        <v>939</v>
      </c>
    </row>
    <row r="8974" spans="1:19" x14ac:dyDescent="0.25">
      <c r="A8974">
        <v>292437</v>
      </c>
      <c r="B8974" t="s">
        <v>45985</v>
      </c>
      <c r="C8974" s="1" t="s">
        <v>45986</v>
      </c>
      <c r="E8974">
        <v>5</v>
      </c>
      <c r="F8974">
        <v>0</v>
      </c>
      <c r="H8974" t="s">
        <v>45987</v>
      </c>
      <c r="I8974">
        <v>1</v>
      </c>
      <c r="J8974" t="s">
        <v>45988</v>
      </c>
      <c r="N8974" t="s">
        <v>45989</v>
      </c>
      <c r="O8974">
        <v>11921</v>
      </c>
      <c r="P8974">
        <v>1</v>
      </c>
      <c r="Q8974">
        <v>3</v>
      </c>
      <c r="R8974" t="s">
        <v>1729</v>
      </c>
      <c r="S8974">
        <v>5982</v>
      </c>
    </row>
    <row r="8975" spans="1:19" x14ac:dyDescent="0.25">
      <c r="A8975">
        <v>35982542</v>
      </c>
      <c r="B8975" t="s">
        <v>45990</v>
      </c>
      <c r="C8975" s="1" t="s">
        <v>45991</v>
      </c>
      <c r="D8975">
        <v>35983313</v>
      </c>
      <c r="E8975">
        <v>2</v>
      </c>
      <c r="F8975">
        <v>8</v>
      </c>
      <c r="H8975" t="s">
        <v>45992</v>
      </c>
      <c r="J8975" t="s">
        <v>45993</v>
      </c>
      <c r="K8975" t="s">
        <v>45993</v>
      </c>
      <c r="M8975">
        <v>5837095</v>
      </c>
      <c r="O8975">
        <v>5028513</v>
      </c>
      <c r="P8975">
        <v>1</v>
      </c>
      <c r="Q8975">
        <v>1</v>
      </c>
      <c r="R8975" t="s">
        <v>45994</v>
      </c>
      <c r="S8975">
        <v>98</v>
      </c>
    </row>
    <row r="8976" spans="1:19" x14ac:dyDescent="0.25">
      <c r="A8976">
        <v>29715907</v>
      </c>
      <c r="B8976" t="s">
        <v>45995</v>
      </c>
      <c r="C8976" s="1" t="s">
        <v>45996</v>
      </c>
      <c r="E8976">
        <v>1</v>
      </c>
      <c r="F8976">
        <v>0</v>
      </c>
      <c r="H8976" t="s">
        <v>45997</v>
      </c>
      <c r="I8976">
        <v>1</v>
      </c>
      <c r="J8976" t="s">
        <v>45998</v>
      </c>
      <c r="O8976">
        <v>1089623</v>
      </c>
      <c r="P8976">
        <v>1</v>
      </c>
      <c r="Q8976">
        <v>0</v>
      </c>
      <c r="R8976" t="s">
        <v>45999</v>
      </c>
      <c r="S8976">
        <v>304</v>
      </c>
    </row>
    <row r="8977" spans="1:19" x14ac:dyDescent="0.25">
      <c r="A8977">
        <v>13508670</v>
      </c>
      <c r="B8977" t="s">
        <v>46000</v>
      </c>
      <c r="C8977" s="1" t="s">
        <v>46001</v>
      </c>
      <c r="E8977">
        <v>3</v>
      </c>
      <c r="F8977">
        <v>6</v>
      </c>
      <c r="H8977" t="s">
        <v>46002</v>
      </c>
      <c r="I8977">
        <v>2</v>
      </c>
      <c r="J8977" t="s">
        <v>46003</v>
      </c>
      <c r="K8977" t="s">
        <v>46004</v>
      </c>
      <c r="M8977">
        <v>-1</v>
      </c>
      <c r="O8977">
        <v>979586</v>
      </c>
      <c r="P8977">
        <v>1</v>
      </c>
      <c r="Q8977">
        <v>2</v>
      </c>
      <c r="R8977" t="s">
        <v>46005</v>
      </c>
      <c r="S8977">
        <v>28151</v>
      </c>
    </row>
    <row r="8978" spans="1:19" x14ac:dyDescent="0.25">
      <c r="A8978">
        <v>45288125</v>
      </c>
      <c r="B8978" t="s">
        <v>46006</v>
      </c>
      <c r="C8978" s="1" t="s">
        <v>46007</v>
      </c>
      <c r="D8978">
        <v>45288279</v>
      </c>
      <c r="E8978">
        <v>1</v>
      </c>
      <c r="F8978">
        <v>1</v>
      </c>
      <c r="H8978" t="s">
        <v>46008</v>
      </c>
      <c r="J8978" t="s">
        <v>46009</v>
      </c>
      <c r="O8978">
        <v>2648504</v>
      </c>
      <c r="P8978">
        <v>1</v>
      </c>
      <c r="Q8978">
        <v>-2</v>
      </c>
      <c r="R8978" t="s">
        <v>8258</v>
      </c>
      <c r="S8978">
        <v>411</v>
      </c>
    </row>
    <row r="8979" spans="1:19" x14ac:dyDescent="0.25">
      <c r="A8979">
        <v>8369431</v>
      </c>
      <c r="B8979" t="s">
        <v>46010</v>
      </c>
      <c r="C8979" s="1" t="s">
        <v>46011</v>
      </c>
      <c r="D8979">
        <v>8369439</v>
      </c>
      <c r="E8979">
        <v>4</v>
      </c>
      <c r="F8979">
        <v>0</v>
      </c>
      <c r="H8979" t="s">
        <v>46012</v>
      </c>
      <c r="J8979" t="s">
        <v>46013</v>
      </c>
      <c r="K8979" t="s">
        <v>46014</v>
      </c>
      <c r="M8979">
        <v>707111</v>
      </c>
      <c r="O8979">
        <v>130417</v>
      </c>
      <c r="P8979">
        <v>1</v>
      </c>
      <c r="Q8979">
        <v>1</v>
      </c>
      <c r="R8979" t="s">
        <v>2122</v>
      </c>
      <c r="S8979">
        <v>40</v>
      </c>
    </row>
    <row r="8980" spans="1:19" x14ac:dyDescent="0.25">
      <c r="A8980">
        <v>38474413</v>
      </c>
      <c r="B8980" t="s">
        <v>46015</v>
      </c>
      <c r="C8980" s="1" t="s">
        <v>46016</v>
      </c>
      <c r="D8980">
        <v>38475605</v>
      </c>
      <c r="E8980">
        <v>1</v>
      </c>
      <c r="F8980">
        <v>4</v>
      </c>
      <c r="H8980" t="s">
        <v>46017</v>
      </c>
      <c r="J8980" t="s">
        <v>46018</v>
      </c>
      <c r="K8980" t="s">
        <v>46019</v>
      </c>
      <c r="M8980">
        <v>1172468</v>
      </c>
      <c r="O8980">
        <v>1172468</v>
      </c>
      <c r="P8980">
        <v>1</v>
      </c>
      <c r="Q8980">
        <v>1</v>
      </c>
      <c r="R8980" t="s">
        <v>229</v>
      </c>
      <c r="S8980">
        <v>48</v>
      </c>
    </row>
    <row r="8981" spans="1:19" x14ac:dyDescent="0.25">
      <c r="A8981">
        <v>21659094</v>
      </c>
      <c r="B8981" t="s">
        <v>46020</v>
      </c>
      <c r="C8981" s="1" t="s">
        <v>46021</v>
      </c>
      <c r="E8981">
        <v>4</v>
      </c>
      <c r="F8981">
        <v>3</v>
      </c>
      <c r="H8981" t="s">
        <v>46022</v>
      </c>
      <c r="J8981" t="s">
        <v>46023</v>
      </c>
      <c r="K8981" t="s">
        <v>46023</v>
      </c>
      <c r="M8981">
        <v>1323116</v>
      </c>
      <c r="O8981">
        <v>1323116</v>
      </c>
      <c r="P8981">
        <v>1</v>
      </c>
      <c r="Q8981">
        <v>-3</v>
      </c>
      <c r="R8981" t="s">
        <v>989</v>
      </c>
      <c r="S8981">
        <v>38</v>
      </c>
    </row>
    <row r="8982" spans="1:19" x14ac:dyDescent="0.25">
      <c r="A8982">
        <v>35781778</v>
      </c>
      <c r="B8982" t="s">
        <v>46024</v>
      </c>
      <c r="C8982" s="1" t="s">
        <v>46025</v>
      </c>
      <c r="D8982">
        <v>35781943</v>
      </c>
      <c r="E8982">
        <v>2</v>
      </c>
      <c r="F8982">
        <v>0</v>
      </c>
      <c r="H8982" t="s">
        <v>46026</v>
      </c>
      <c r="J8982" t="s">
        <v>46027</v>
      </c>
      <c r="K8982" t="s">
        <v>46028</v>
      </c>
      <c r="M8982">
        <v>1374678</v>
      </c>
      <c r="O8982">
        <v>3930339</v>
      </c>
      <c r="P8982">
        <v>1</v>
      </c>
      <c r="Q8982">
        <v>1</v>
      </c>
      <c r="R8982" t="s">
        <v>46029</v>
      </c>
      <c r="S8982">
        <v>338</v>
      </c>
    </row>
    <row r="8983" spans="1:19" x14ac:dyDescent="0.25">
      <c r="A8983">
        <v>44256280</v>
      </c>
      <c r="B8983" t="s">
        <v>46030</v>
      </c>
      <c r="C8983" s="1" t="s">
        <v>46031</v>
      </c>
      <c r="E8983">
        <v>0</v>
      </c>
      <c r="F8983">
        <v>3</v>
      </c>
      <c r="H8983" t="s">
        <v>46032</v>
      </c>
      <c r="I8983">
        <v>1</v>
      </c>
      <c r="J8983" t="s">
        <v>46033</v>
      </c>
      <c r="K8983" t="s">
        <v>46033</v>
      </c>
      <c r="M8983">
        <v>8084913</v>
      </c>
      <c r="O8983">
        <v>8084913</v>
      </c>
      <c r="P8983">
        <v>1</v>
      </c>
      <c r="Q8983">
        <v>0</v>
      </c>
      <c r="R8983" t="s">
        <v>46034</v>
      </c>
      <c r="S8983">
        <v>72</v>
      </c>
    </row>
    <row r="8984" spans="1:19" x14ac:dyDescent="0.25">
      <c r="A8984">
        <v>44253158</v>
      </c>
      <c r="B8984" t="s">
        <v>46035</v>
      </c>
      <c r="C8984" s="1" t="s">
        <v>46036</v>
      </c>
      <c r="D8984">
        <v>44253596</v>
      </c>
      <c r="E8984">
        <v>2</v>
      </c>
      <c r="F8984">
        <v>0</v>
      </c>
      <c r="H8984" t="s">
        <v>46037</v>
      </c>
      <c r="J8984" t="s">
        <v>46038</v>
      </c>
      <c r="O8984">
        <v>6092157</v>
      </c>
      <c r="P8984">
        <v>1</v>
      </c>
      <c r="Q8984">
        <v>0</v>
      </c>
      <c r="R8984" t="s">
        <v>46039</v>
      </c>
      <c r="S8984">
        <v>171</v>
      </c>
    </row>
    <row r="8985" spans="1:19" x14ac:dyDescent="0.25">
      <c r="A8985">
        <v>31853387</v>
      </c>
      <c r="B8985" t="s">
        <v>46040</v>
      </c>
      <c r="C8985" s="1" t="s">
        <v>46041</v>
      </c>
      <c r="E8985">
        <v>0</v>
      </c>
      <c r="F8985">
        <v>0</v>
      </c>
      <c r="H8985" t="s">
        <v>46042</v>
      </c>
      <c r="J8985" t="s">
        <v>46042</v>
      </c>
      <c r="O8985">
        <v>3627468</v>
      </c>
      <c r="P8985">
        <v>1</v>
      </c>
      <c r="Q8985">
        <v>2</v>
      </c>
      <c r="R8985" t="s">
        <v>46043</v>
      </c>
      <c r="S8985">
        <v>117</v>
      </c>
    </row>
    <row r="8986" spans="1:19" x14ac:dyDescent="0.25">
      <c r="A8986">
        <v>36727226</v>
      </c>
      <c r="B8986" t="s">
        <v>46044</v>
      </c>
      <c r="C8986" s="1" t="s">
        <v>46045</v>
      </c>
      <c r="D8986">
        <v>36729927</v>
      </c>
      <c r="E8986">
        <v>1</v>
      </c>
      <c r="F8986">
        <v>0</v>
      </c>
      <c r="H8986" t="s">
        <v>46046</v>
      </c>
      <c r="J8986" t="s">
        <v>46047</v>
      </c>
      <c r="K8986" t="s">
        <v>46048</v>
      </c>
      <c r="M8986">
        <v>3951782</v>
      </c>
      <c r="O8986">
        <v>6226504</v>
      </c>
      <c r="P8986">
        <v>1</v>
      </c>
      <c r="Q8986">
        <v>1</v>
      </c>
      <c r="R8986" t="s">
        <v>46049</v>
      </c>
      <c r="S8986">
        <v>225</v>
      </c>
    </row>
    <row r="8987" spans="1:19" x14ac:dyDescent="0.25">
      <c r="A8987">
        <v>36035858</v>
      </c>
      <c r="B8987" t="s">
        <v>46050</v>
      </c>
      <c r="C8987" s="1" t="s">
        <v>46051</v>
      </c>
      <c r="E8987">
        <v>1</v>
      </c>
      <c r="F8987">
        <v>1</v>
      </c>
      <c r="H8987" t="s">
        <v>46052</v>
      </c>
      <c r="J8987" t="s">
        <v>46053</v>
      </c>
      <c r="K8987" t="s">
        <v>46054</v>
      </c>
      <c r="M8987">
        <v>-1</v>
      </c>
      <c r="O8987">
        <v>574187</v>
      </c>
      <c r="P8987">
        <v>1</v>
      </c>
      <c r="Q8987">
        <v>0</v>
      </c>
      <c r="R8987" t="s">
        <v>46055</v>
      </c>
      <c r="S8987">
        <v>189</v>
      </c>
    </row>
    <row r="8988" spans="1:19" x14ac:dyDescent="0.25">
      <c r="A8988">
        <v>4171130</v>
      </c>
      <c r="B8988" t="s">
        <v>46056</v>
      </c>
      <c r="C8988" s="1" t="s">
        <v>46057</v>
      </c>
      <c r="D8988">
        <v>4171145</v>
      </c>
      <c r="E8988">
        <v>1</v>
      </c>
      <c r="F8988">
        <v>0</v>
      </c>
      <c r="H8988" t="s">
        <v>46058</v>
      </c>
      <c r="I8988">
        <v>0</v>
      </c>
      <c r="J8988" t="s">
        <v>46059</v>
      </c>
      <c r="K8988" t="s">
        <v>46059</v>
      </c>
      <c r="M8988">
        <v>164901</v>
      </c>
      <c r="O8988">
        <v>141831</v>
      </c>
      <c r="P8988">
        <v>1</v>
      </c>
      <c r="Q8988">
        <v>3</v>
      </c>
      <c r="R8988" t="s">
        <v>46060</v>
      </c>
      <c r="S8988">
        <v>1095</v>
      </c>
    </row>
    <row r="8989" spans="1:19" x14ac:dyDescent="0.25">
      <c r="A8989">
        <v>34175536</v>
      </c>
      <c r="B8989" t="s">
        <v>46061</v>
      </c>
      <c r="C8989" s="1" t="s">
        <v>46062</v>
      </c>
      <c r="D8989">
        <v>34176023</v>
      </c>
      <c r="E8989">
        <v>1</v>
      </c>
      <c r="F8989">
        <v>1</v>
      </c>
      <c r="H8989" t="s">
        <v>46063</v>
      </c>
      <c r="J8989" t="s">
        <v>46064</v>
      </c>
      <c r="K8989" t="s">
        <v>46065</v>
      </c>
      <c r="M8989">
        <v>2546444</v>
      </c>
      <c r="O8989">
        <v>4662933</v>
      </c>
      <c r="P8989">
        <v>1</v>
      </c>
      <c r="Q8989">
        <v>0</v>
      </c>
      <c r="R8989" t="s">
        <v>46066</v>
      </c>
      <c r="S8989">
        <v>556</v>
      </c>
    </row>
    <row r="8990" spans="1:19" x14ac:dyDescent="0.25">
      <c r="A8990">
        <v>32020160</v>
      </c>
      <c r="B8990" t="s">
        <v>46067</v>
      </c>
      <c r="C8990" s="1" t="s">
        <v>46068</v>
      </c>
      <c r="E8990">
        <v>0</v>
      </c>
      <c r="F8990">
        <v>0</v>
      </c>
      <c r="H8990" t="s">
        <v>46069</v>
      </c>
      <c r="J8990" t="s">
        <v>46069</v>
      </c>
      <c r="O8990">
        <v>5229099</v>
      </c>
      <c r="P8990">
        <v>1</v>
      </c>
      <c r="Q8990">
        <v>1</v>
      </c>
      <c r="R8990" t="s">
        <v>46070</v>
      </c>
      <c r="S8990">
        <v>205</v>
      </c>
    </row>
    <row r="8991" spans="1:19" x14ac:dyDescent="0.25">
      <c r="A8991">
        <v>22898214</v>
      </c>
      <c r="B8991" t="s">
        <v>46071</v>
      </c>
      <c r="C8991" s="1" t="s">
        <v>46072</v>
      </c>
      <c r="E8991">
        <v>1</v>
      </c>
      <c r="F8991">
        <v>2</v>
      </c>
      <c r="H8991" t="s">
        <v>46073</v>
      </c>
      <c r="J8991" t="s">
        <v>46074</v>
      </c>
      <c r="O8991">
        <v>3504236</v>
      </c>
      <c r="P8991">
        <v>1</v>
      </c>
      <c r="Q8991">
        <v>0</v>
      </c>
      <c r="R8991" t="s">
        <v>46075</v>
      </c>
      <c r="S8991">
        <v>4615</v>
      </c>
    </row>
    <row r="8992" spans="1:19" x14ac:dyDescent="0.25">
      <c r="A8992">
        <v>12333416</v>
      </c>
      <c r="B8992" t="s">
        <v>46076</v>
      </c>
      <c r="C8992" s="1" t="s">
        <v>46077</v>
      </c>
      <c r="D8992">
        <v>12333458</v>
      </c>
      <c r="E8992">
        <v>1</v>
      </c>
      <c r="F8992">
        <v>0</v>
      </c>
      <c r="H8992" t="s">
        <v>46078</v>
      </c>
      <c r="J8992" t="s">
        <v>46079</v>
      </c>
      <c r="O8992">
        <v>1531054</v>
      </c>
      <c r="P8992">
        <v>1</v>
      </c>
      <c r="Q8992">
        <v>1</v>
      </c>
      <c r="R8992" t="s">
        <v>2771</v>
      </c>
      <c r="S8992">
        <v>111</v>
      </c>
    </row>
    <row r="8993" spans="1:19" x14ac:dyDescent="0.25">
      <c r="A8993">
        <v>3910263</v>
      </c>
      <c r="B8993" t="s">
        <v>46080</v>
      </c>
      <c r="C8993" s="1" t="s">
        <v>46081</v>
      </c>
      <c r="D8993">
        <v>3910305</v>
      </c>
      <c r="E8993">
        <v>3</v>
      </c>
      <c r="F8993">
        <v>0</v>
      </c>
      <c r="H8993" t="s">
        <v>46082</v>
      </c>
      <c r="J8993" t="s">
        <v>46083</v>
      </c>
      <c r="O8993">
        <v>36620</v>
      </c>
      <c r="P8993">
        <v>1</v>
      </c>
      <c r="Q8993">
        <v>0</v>
      </c>
      <c r="R8993" t="s">
        <v>1288</v>
      </c>
      <c r="S8993">
        <v>344</v>
      </c>
    </row>
    <row r="8994" spans="1:19" x14ac:dyDescent="0.25">
      <c r="A8994">
        <v>32060080</v>
      </c>
      <c r="B8994" t="s">
        <v>46084</v>
      </c>
      <c r="C8994" s="1" t="s">
        <v>46085</v>
      </c>
      <c r="E8994">
        <v>1</v>
      </c>
      <c r="F8994">
        <v>0</v>
      </c>
      <c r="H8994" t="s">
        <v>46086</v>
      </c>
      <c r="J8994" t="s">
        <v>46087</v>
      </c>
      <c r="O8994">
        <v>5236844</v>
      </c>
      <c r="P8994">
        <v>1</v>
      </c>
      <c r="Q8994">
        <v>0</v>
      </c>
      <c r="R8994" t="s">
        <v>46088</v>
      </c>
      <c r="S8994">
        <v>137</v>
      </c>
    </row>
    <row r="8995" spans="1:19" x14ac:dyDescent="0.25">
      <c r="A8995">
        <v>31184670</v>
      </c>
      <c r="B8995" t="s">
        <v>46089</v>
      </c>
      <c r="C8995" s="1" t="s">
        <v>46090</v>
      </c>
      <c r="D8995">
        <v>31198746</v>
      </c>
      <c r="E8995">
        <v>2</v>
      </c>
      <c r="F8995">
        <v>1</v>
      </c>
      <c r="H8995" t="s">
        <v>46091</v>
      </c>
      <c r="J8995" t="s">
        <v>46092</v>
      </c>
      <c r="O8995">
        <v>1731380</v>
      </c>
      <c r="P8995">
        <v>1</v>
      </c>
      <c r="Q8995">
        <v>0</v>
      </c>
      <c r="R8995" t="s">
        <v>46093</v>
      </c>
      <c r="S8995">
        <v>612</v>
      </c>
    </row>
    <row r="8996" spans="1:19" x14ac:dyDescent="0.25">
      <c r="A8996">
        <v>10691791</v>
      </c>
      <c r="B8996" t="s">
        <v>46094</v>
      </c>
      <c r="C8996" s="1" t="s">
        <v>46095</v>
      </c>
      <c r="E8996">
        <v>1</v>
      </c>
      <c r="F8996">
        <v>0</v>
      </c>
      <c r="H8996" t="s">
        <v>46096</v>
      </c>
      <c r="I8996">
        <v>1</v>
      </c>
      <c r="J8996" t="s">
        <v>46097</v>
      </c>
      <c r="K8996" t="s">
        <v>46097</v>
      </c>
      <c r="M8996">
        <v>1158801</v>
      </c>
      <c r="O8996">
        <v>1158801</v>
      </c>
      <c r="P8996">
        <v>1</v>
      </c>
      <c r="Q8996">
        <v>2</v>
      </c>
      <c r="R8996" t="s">
        <v>46098</v>
      </c>
      <c r="S8996">
        <v>7645</v>
      </c>
    </row>
    <row r="8997" spans="1:19" x14ac:dyDescent="0.25">
      <c r="A8997">
        <v>41462729</v>
      </c>
      <c r="B8997" t="s">
        <v>46099</v>
      </c>
      <c r="C8997" s="1" t="s">
        <v>46100</v>
      </c>
      <c r="D8997">
        <v>41631658</v>
      </c>
      <c r="E8997">
        <v>7</v>
      </c>
      <c r="F8997">
        <v>4</v>
      </c>
      <c r="H8997" t="s">
        <v>46101</v>
      </c>
      <c r="I8997">
        <v>1</v>
      </c>
      <c r="J8997" t="s">
        <v>46102</v>
      </c>
      <c r="O8997">
        <v>562171</v>
      </c>
      <c r="P8997">
        <v>1</v>
      </c>
      <c r="Q8997">
        <v>14</v>
      </c>
      <c r="R8997" t="s">
        <v>46103</v>
      </c>
      <c r="S8997">
        <v>22691</v>
      </c>
    </row>
    <row r="8998" spans="1:19" x14ac:dyDescent="0.25">
      <c r="A8998">
        <v>42156437</v>
      </c>
      <c r="B8998" t="s">
        <v>46104</v>
      </c>
      <c r="C8998" s="1" t="s">
        <v>46105</v>
      </c>
      <c r="E8998">
        <v>1</v>
      </c>
      <c r="F8998">
        <v>0</v>
      </c>
      <c r="H8998" t="s">
        <v>46106</v>
      </c>
      <c r="J8998" t="s">
        <v>46107</v>
      </c>
      <c r="O8998">
        <v>4749552</v>
      </c>
      <c r="P8998">
        <v>1</v>
      </c>
      <c r="Q8998">
        <v>1</v>
      </c>
      <c r="R8998" t="s">
        <v>46108</v>
      </c>
      <c r="S8998">
        <v>53</v>
      </c>
    </row>
    <row r="8999" spans="1:19" x14ac:dyDescent="0.25">
      <c r="A8999">
        <v>46805135</v>
      </c>
      <c r="B8999" t="s">
        <v>46109</v>
      </c>
      <c r="C8999" s="1" t="s">
        <v>46110</v>
      </c>
      <c r="D8999">
        <v>46859086</v>
      </c>
      <c r="E8999">
        <v>5</v>
      </c>
      <c r="F8999">
        <v>21</v>
      </c>
      <c r="H8999" t="s">
        <v>46111</v>
      </c>
      <c r="J8999" t="s">
        <v>46112</v>
      </c>
      <c r="K8999" t="s">
        <v>46113</v>
      </c>
      <c r="M8999">
        <v>3780263</v>
      </c>
      <c r="O8999">
        <v>3780263</v>
      </c>
      <c r="P8999">
        <v>1</v>
      </c>
      <c r="Q8999">
        <v>13</v>
      </c>
      <c r="R8999" t="s">
        <v>46114</v>
      </c>
      <c r="S8999">
        <v>2522</v>
      </c>
    </row>
    <row r="9000" spans="1:19" x14ac:dyDescent="0.25">
      <c r="A9000">
        <v>44913798</v>
      </c>
      <c r="B9000" t="s">
        <v>46115</v>
      </c>
      <c r="C9000" s="1" t="s">
        <v>46116</v>
      </c>
      <c r="D9000">
        <v>44914122</v>
      </c>
      <c r="E9000">
        <v>1</v>
      </c>
      <c r="F9000">
        <v>0</v>
      </c>
      <c r="H9000" t="s">
        <v>46117</v>
      </c>
      <c r="I9000">
        <v>2</v>
      </c>
      <c r="J9000" t="s">
        <v>46118</v>
      </c>
      <c r="K9000" t="s">
        <v>46118</v>
      </c>
      <c r="M9000">
        <v>1022935</v>
      </c>
      <c r="O9000">
        <v>1022935</v>
      </c>
      <c r="P9000">
        <v>1</v>
      </c>
      <c r="Q9000">
        <v>3</v>
      </c>
      <c r="R9000" t="s">
        <v>27690</v>
      </c>
      <c r="S9000">
        <v>2057</v>
      </c>
    </row>
    <row r="9001" spans="1:19" x14ac:dyDescent="0.25">
      <c r="A9001">
        <v>22021472</v>
      </c>
      <c r="B9001" t="s">
        <v>46119</v>
      </c>
      <c r="C9001" s="1" t="s">
        <v>46120</v>
      </c>
      <c r="E9001">
        <v>1</v>
      </c>
      <c r="F9001">
        <v>0</v>
      </c>
      <c r="H9001" t="s">
        <v>46121</v>
      </c>
      <c r="J9001" t="s">
        <v>46122</v>
      </c>
      <c r="O9001">
        <v>2192923</v>
      </c>
      <c r="P9001">
        <v>1</v>
      </c>
      <c r="Q9001">
        <v>0</v>
      </c>
      <c r="R9001" t="s">
        <v>46123</v>
      </c>
      <c r="S9001">
        <v>198</v>
      </c>
    </row>
    <row r="9002" spans="1:19" x14ac:dyDescent="0.25">
      <c r="A9002">
        <v>40862967</v>
      </c>
      <c r="B9002" t="s">
        <v>46124</v>
      </c>
      <c r="C9002" s="1" t="s">
        <v>46125</v>
      </c>
      <c r="E9002">
        <v>2</v>
      </c>
      <c r="F9002">
        <v>6</v>
      </c>
      <c r="H9002" t="s">
        <v>46126</v>
      </c>
      <c r="I9002">
        <v>0</v>
      </c>
      <c r="J9002" t="s">
        <v>46127</v>
      </c>
      <c r="O9002">
        <v>5453348</v>
      </c>
      <c r="P9002">
        <v>1</v>
      </c>
      <c r="Q9002">
        <v>1</v>
      </c>
      <c r="R9002" t="s">
        <v>46128</v>
      </c>
      <c r="S9002">
        <v>72</v>
      </c>
    </row>
    <row r="9003" spans="1:19" x14ac:dyDescent="0.25">
      <c r="A9003">
        <v>3153254</v>
      </c>
      <c r="B9003" t="s">
        <v>46129</v>
      </c>
      <c r="C9003" s="1" t="s">
        <v>46130</v>
      </c>
      <c r="D9003">
        <v>3153349</v>
      </c>
      <c r="E9003">
        <v>4</v>
      </c>
      <c r="F9003">
        <v>0</v>
      </c>
      <c r="H9003" t="s">
        <v>46131</v>
      </c>
      <c r="I9003">
        <v>1</v>
      </c>
      <c r="J9003" t="s">
        <v>46132</v>
      </c>
      <c r="K9003" t="s">
        <v>46133</v>
      </c>
      <c r="M9003">
        <v>141831</v>
      </c>
      <c r="O9003">
        <v>141831</v>
      </c>
      <c r="P9003">
        <v>1</v>
      </c>
      <c r="Q9003">
        <v>3</v>
      </c>
      <c r="R9003" t="s">
        <v>46134</v>
      </c>
      <c r="S9003">
        <v>11800</v>
      </c>
    </row>
    <row r="9004" spans="1:19" x14ac:dyDescent="0.25">
      <c r="A9004">
        <v>14909612</v>
      </c>
      <c r="B9004" t="s">
        <v>46135</v>
      </c>
      <c r="C9004" s="1" t="s">
        <v>46136</v>
      </c>
      <c r="E9004">
        <v>1</v>
      </c>
      <c r="F9004">
        <v>0</v>
      </c>
      <c r="H9004" t="s">
        <v>46137</v>
      </c>
      <c r="J9004" t="s">
        <v>46138</v>
      </c>
      <c r="O9004">
        <v>1295860</v>
      </c>
      <c r="P9004">
        <v>1</v>
      </c>
      <c r="Q9004">
        <v>2</v>
      </c>
      <c r="R9004" t="s">
        <v>46139</v>
      </c>
      <c r="S9004">
        <v>504</v>
      </c>
    </row>
    <row r="9005" spans="1:19" x14ac:dyDescent="0.25">
      <c r="A9005">
        <v>16929122</v>
      </c>
      <c r="B9005" t="s">
        <v>46140</v>
      </c>
      <c r="C9005" s="1" t="s">
        <v>46141</v>
      </c>
      <c r="E9005">
        <v>1</v>
      </c>
      <c r="F9005">
        <v>0</v>
      </c>
      <c r="H9005" t="s">
        <v>46142</v>
      </c>
      <c r="J9005" t="s">
        <v>46143</v>
      </c>
      <c r="O9005">
        <v>481305</v>
      </c>
      <c r="P9005">
        <v>1</v>
      </c>
      <c r="Q9005">
        <v>1</v>
      </c>
      <c r="R9005" t="s">
        <v>46144</v>
      </c>
      <c r="S9005">
        <v>1598</v>
      </c>
    </row>
    <row r="9006" spans="1:19" x14ac:dyDescent="0.25">
      <c r="A9006">
        <v>24193793</v>
      </c>
      <c r="B9006" t="s">
        <v>46145</v>
      </c>
      <c r="C9006" s="1" t="s">
        <v>46146</v>
      </c>
      <c r="D9006">
        <v>24193842</v>
      </c>
      <c r="E9006">
        <v>2</v>
      </c>
      <c r="F9006">
        <v>2</v>
      </c>
      <c r="H9006" t="s">
        <v>46147</v>
      </c>
      <c r="J9006" t="s">
        <v>46148</v>
      </c>
      <c r="K9006" t="s">
        <v>46149</v>
      </c>
      <c r="M9006">
        <v>285587</v>
      </c>
      <c r="O9006">
        <v>650393</v>
      </c>
      <c r="P9006">
        <v>1</v>
      </c>
      <c r="Q9006">
        <v>1</v>
      </c>
      <c r="R9006" t="s">
        <v>413</v>
      </c>
      <c r="S9006">
        <v>37</v>
      </c>
    </row>
    <row r="9007" spans="1:19" x14ac:dyDescent="0.25">
      <c r="A9007">
        <v>49770031</v>
      </c>
      <c r="B9007" t="s">
        <v>46150</v>
      </c>
      <c r="C9007" s="1" t="s">
        <v>46151</v>
      </c>
      <c r="E9007">
        <v>1</v>
      </c>
      <c r="F9007">
        <v>2</v>
      </c>
      <c r="H9007" t="s">
        <v>46152</v>
      </c>
      <c r="J9007" t="s">
        <v>46153</v>
      </c>
      <c r="O9007">
        <v>9629254</v>
      </c>
      <c r="P9007">
        <v>1</v>
      </c>
      <c r="Q9007">
        <v>0</v>
      </c>
      <c r="R9007" t="s">
        <v>46154</v>
      </c>
      <c r="S9007">
        <v>63</v>
      </c>
    </row>
    <row r="9008" spans="1:19" x14ac:dyDescent="0.25">
      <c r="A9008">
        <v>45758603</v>
      </c>
      <c r="B9008" t="s">
        <v>46155</v>
      </c>
      <c r="C9008" s="1" t="s">
        <v>46156</v>
      </c>
      <c r="D9008">
        <v>45789679</v>
      </c>
      <c r="E9008">
        <v>1</v>
      </c>
      <c r="F9008">
        <v>5</v>
      </c>
      <c r="H9008" t="s">
        <v>46157</v>
      </c>
      <c r="J9008" t="s">
        <v>46158</v>
      </c>
      <c r="K9008" t="s">
        <v>46159</v>
      </c>
      <c r="M9008">
        <v>366904</v>
      </c>
      <c r="O9008">
        <v>4327452</v>
      </c>
      <c r="P9008">
        <v>1</v>
      </c>
      <c r="Q9008">
        <v>-1</v>
      </c>
      <c r="R9008" t="s">
        <v>46160</v>
      </c>
      <c r="S9008">
        <v>114</v>
      </c>
    </row>
    <row r="9009" spans="1:19" x14ac:dyDescent="0.25">
      <c r="A9009">
        <v>12960079</v>
      </c>
      <c r="B9009" t="s">
        <v>46161</v>
      </c>
      <c r="C9009" s="1" t="s">
        <v>46162</v>
      </c>
      <c r="E9009">
        <v>2</v>
      </c>
      <c r="F9009">
        <v>3</v>
      </c>
      <c r="H9009" t="s">
        <v>46163</v>
      </c>
      <c r="J9009" t="s">
        <v>46164</v>
      </c>
      <c r="O9009">
        <v>1035617</v>
      </c>
      <c r="P9009">
        <v>1</v>
      </c>
      <c r="Q9009">
        <v>0</v>
      </c>
      <c r="R9009" t="s">
        <v>46165</v>
      </c>
      <c r="S9009">
        <v>6656</v>
      </c>
    </row>
    <row r="9010" spans="1:19" x14ac:dyDescent="0.25">
      <c r="A9010">
        <v>13958672</v>
      </c>
      <c r="B9010" t="s">
        <v>46166</v>
      </c>
      <c r="C9010" s="1" t="s">
        <v>46167</v>
      </c>
      <c r="D9010">
        <v>13959177</v>
      </c>
      <c r="E9010">
        <v>1</v>
      </c>
      <c r="F9010">
        <v>1</v>
      </c>
      <c r="H9010" t="s">
        <v>46168</v>
      </c>
      <c r="I9010">
        <v>4</v>
      </c>
      <c r="J9010" t="s">
        <v>46169</v>
      </c>
      <c r="O9010">
        <v>1652096</v>
      </c>
      <c r="P9010">
        <v>1</v>
      </c>
      <c r="Q9010">
        <v>2</v>
      </c>
      <c r="R9010" t="s">
        <v>46170</v>
      </c>
      <c r="S9010">
        <v>12130</v>
      </c>
    </row>
    <row r="9011" spans="1:19" x14ac:dyDescent="0.25">
      <c r="A9011">
        <v>21629266</v>
      </c>
      <c r="B9011" t="s">
        <v>46171</v>
      </c>
      <c r="C9011" s="1" t="s">
        <v>46172</v>
      </c>
      <c r="E9011">
        <v>0</v>
      </c>
      <c r="F9011">
        <v>2</v>
      </c>
      <c r="H9011" t="s">
        <v>46173</v>
      </c>
      <c r="J9011" t="s">
        <v>46173</v>
      </c>
      <c r="O9011">
        <v>3247635</v>
      </c>
      <c r="P9011">
        <v>1</v>
      </c>
      <c r="Q9011">
        <v>0</v>
      </c>
      <c r="R9011" t="s">
        <v>46174</v>
      </c>
      <c r="S9011">
        <v>23</v>
      </c>
    </row>
    <row r="9012" spans="1:19" x14ac:dyDescent="0.25">
      <c r="A9012">
        <v>5181006</v>
      </c>
      <c r="B9012" t="s">
        <v>46175</v>
      </c>
      <c r="C9012" t="s">
        <v>46176</v>
      </c>
      <c r="D9012">
        <v>5181115</v>
      </c>
      <c r="E9012">
        <v>2</v>
      </c>
      <c r="F9012">
        <v>0</v>
      </c>
      <c r="H9012" t="s">
        <v>46177</v>
      </c>
      <c r="J9012" t="s">
        <v>46178</v>
      </c>
      <c r="O9012">
        <v>358438</v>
      </c>
      <c r="P9012">
        <v>1</v>
      </c>
      <c r="Q9012">
        <v>0</v>
      </c>
      <c r="R9012" t="s">
        <v>46179</v>
      </c>
      <c r="S9012">
        <v>2617</v>
      </c>
    </row>
    <row r="9013" spans="1:19" x14ac:dyDescent="0.25">
      <c r="A9013">
        <v>49224790</v>
      </c>
      <c r="B9013" t="s">
        <v>46180</v>
      </c>
      <c r="C9013" s="1" t="s">
        <v>46181</v>
      </c>
      <c r="E9013">
        <v>0</v>
      </c>
      <c r="F9013">
        <v>3</v>
      </c>
      <c r="H9013" t="s">
        <v>46182</v>
      </c>
      <c r="J9013" t="s">
        <v>46182</v>
      </c>
      <c r="O9013">
        <v>836995</v>
      </c>
      <c r="P9013">
        <v>1</v>
      </c>
      <c r="Q9013">
        <v>1</v>
      </c>
      <c r="R9013" t="s">
        <v>46183</v>
      </c>
      <c r="S9013">
        <v>14</v>
      </c>
    </row>
    <row r="9014" spans="1:19" x14ac:dyDescent="0.25">
      <c r="A9014">
        <v>36725325</v>
      </c>
      <c r="B9014" t="s">
        <v>46184</v>
      </c>
      <c r="C9014" s="1" t="s">
        <v>46185</v>
      </c>
      <c r="D9014">
        <v>36726802</v>
      </c>
      <c r="E9014">
        <v>2</v>
      </c>
      <c r="F9014">
        <v>0</v>
      </c>
      <c r="H9014" t="s">
        <v>46186</v>
      </c>
      <c r="J9014" t="s">
        <v>46187</v>
      </c>
      <c r="K9014" t="s">
        <v>46188</v>
      </c>
      <c r="M9014">
        <v>1264804</v>
      </c>
      <c r="O9014">
        <v>272501</v>
      </c>
      <c r="P9014">
        <v>1</v>
      </c>
      <c r="Q9014">
        <v>1</v>
      </c>
      <c r="R9014" t="s">
        <v>46189</v>
      </c>
      <c r="S9014">
        <v>255</v>
      </c>
    </row>
    <row r="9015" spans="1:19" x14ac:dyDescent="0.25">
      <c r="A9015">
        <v>31216919</v>
      </c>
      <c r="B9015" t="s">
        <v>46190</v>
      </c>
      <c r="C9015" s="1" t="s">
        <v>46191</v>
      </c>
      <c r="E9015">
        <v>2</v>
      </c>
      <c r="F9015">
        <v>0</v>
      </c>
      <c r="H9015" t="s">
        <v>46192</v>
      </c>
      <c r="J9015" t="s">
        <v>46193</v>
      </c>
      <c r="O9015">
        <v>306719</v>
      </c>
      <c r="P9015">
        <v>1</v>
      </c>
      <c r="Q9015">
        <v>0</v>
      </c>
      <c r="R9015" t="s">
        <v>35968</v>
      </c>
      <c r="S9015">
        <v>377</v>
      </c>
    </row>
    <row r="9016" spans="1:19" x14ac:dyDescent="0.25">
      <c r="A9016">
        <v>48675027</v>
      </c>
      <c r="B9016" t="s">
        <v>46194</v>
      </c>
      <c r="C9016" s="1" t="s">
        <v>46195</v>
      </c>
      <c r="E9016">
        <v>0</v>
      </c>
      <c r="F9016">
        <v>0</v>
      </c>
      <c r="H9016" t="s">
        <v>46196</v>
      </c>
      <c r="J9016" t="s">
        <v>46196</v>
      </c>
      <c r="O9016">
        <v>9330280</v>
      </c>
      <c r="P9016">
        <v>1</v>
      </c>
      <c r="Q9016">
        <v>0</v>
      </c>
      <c r="R9016" t="s">
        <v>46197</v>
      </c>
      <c r="S9016">
        <v>44</v>
      </c>
    </row>
    <row r="9017" spans="1:19" x14ac:dyDescent="0.25">
      <c r="A9017">
        <v>50537237</v>
      </c>
      <c r="B9017" t="s">
        <v>46198</v>
      </c>
      <c r="C9017" s="1" t="s">
        <v>46199</v>
      </c>
      <c r="E9017">
        <v>0</v>
      </c>
      <c r="F9017">
        <v>1</v>
      </c>
      <c r="H9017" t="s">
        <v>46200</v>
      </c>
      <c r="J9017" t="s">
        <v>46200</v>
      </c>
      <c r="O9017">
        <v>896112</v>
      </c>
      <c r="P9017">
        <v>1</v>
      </c>
      <c r="Q9017">
        <v>0</v>
      </c>
      <c r="R9017" t="s">
        <v>28326</v>
      </c>
      <c r="S9017">
        <v>19</v>
      </c>
    </row>
    <row r="9018" spans="1:19" x14ac:dyDescent="0.25">
      <c r="A9018">
        <v>52279303</v>
      </c>
      <c r="B9018" t="s">
        <v>46201</v>
      </c>
      <c r="C9018" s="1" t="s">
        <v>46202</v>
      </c>
      <c r="E9018">
        <v>1</v>
      </c>
      <c r="F9018">
        <v>5</v>
      </c>
      <c r="H9018" t="s">
        <v>46203</v>
      </c>
      <c r="J9018" t="s">
        <v>46204</v>
      </c>
      <c r="K9018" t="s">
        <v>46205</v>
      </c>
      <c r="M9018">
        <v>149392</v>
      </c>
      <c r="O9018">
        <v>8221987</v>
      </c>
      <c r="P9018">
        <v>1</v>
      </c>
      <c r="Q9018">
        <v>0</v>
      </c>
      <c r="R9018" t="s">
        <v>46206</v>
      </c>
      <c r="S9018">
        <v>55</v>
      </c>
    </row>
    <row r="9019" spans="1:19" x14ac:dyDescent="0.25">
      <c r="A9019">
        <v>43966934</v>
      </c>
      <c r="B9019" t="s">
        <v>46207</v>
      </c>
      <c r="C9019" s="1" t="s">
        <v>46208</v>
      </c>
      <c r="D9019">
        <v>43967116</v>
      </c>
      <c r="E9019">
        <v>2</v>
      </c>
      <c r="F9019">
        <v>1</v>
      </c>
      <c r="H9019" t="s">
        <v>46209</v>
      </c>
      <c r="J9019" t="s">
        <v>46210</v>
      </c>
      <c r="K9019" t="s">
        <v>46211</v>
      </c>
      <c r="M9019">
        <v>1491895</v>
      </c>
      <c r="O9019">
        <v>6788407</v>
      </c>
      <c r="P9019">
        <v>1</v>
      </c>
      <c r="Q9019">
        <v>1</v>
      </c>
      <c r="R9019" t="s">
        <v>2122</v>
      </c>
      <c r="S9019">
        <v>194</v>
      </c>
    </row>
    <row r="9020" spans="1:19" x14ac:dyDescent="0.25">
      <c r="A9020">
        <v>41767282</v>
      </c>
      <c r="B9020" t="s">
        <v>46212</v>
      </c>
      <c r="C9020" s="1" t="s">
        <v>46213</v>
      </c>
      <c r="D9020">
        <v>41769375</v>
      </c>
      <c r="E9020">
        <v>1</v>
      </c>
      <c r="F9020">
        <v>9</v>
      </c>
      <c r="H9020" t="s">
        <v>46214</v>
      </c>
      <c r="J9020" t="s">
        <v>46215</v>
      </c>
      <c r="K9020" t="s">
        <v>46215</v>
      </c>
      <c r="M9020">
        <v>1687119</v>
      </c>
      <c r="O9020">
        <v>7447020</v>
      </c>
      <c r="P9020">
        <v>1</v>
      </c>
      <c r="Q9020">
        <v>-3</v>
      </c>
      <c r="R9020" t="s">
        <v>46216</v>
      </c>
      <c r="S9020">
        <v>85</v>
      </c>
    </row>
    <row r="9021" spans="1:19" x14ac:dyDescent="0.25">
      <c r="A9021">
        <v>48278258</v>
      </c>
      <c r="B9021" t="s">
        <v>46217</v>
      </c>
      <c r="C9021" s="1" t="s">
        <v>46218</v>
      </c>
      <c r="D9021">
        <v>51298227</v>
      </c>
      <c r="E9021">
        <v>2</v>
      </c>
      <c r="F9021">
        <v>3</v>
      </c>
      <c r="H9021" t="s">
        <v>46219</v>
      </c>
      <c r="J9021" t="s">
        <v>46220</v>
      </c>
      <c r="O9021">
        <v>3552217</v>
      </c>
      <c r="P9021">
        <v>1</v>
      </c>
      <c r="Q9021">
        <v>1</v>
      </c>
      <c r="R9021" t="s">
        <v>46221</v>
      </c>
      <c r="S9021">
        <v>698</v>
      </c>
    </row>
    <row r="9022" spans="1:19" x14ac:dyDescent="0.25">
      <c r="A9022">
        <v>30442158</v>
      </c>
      <c r="B9022" t="s">
        <v>46222</v>
      </c>
      <c r="C9022" s="1" t="s">
        <v>46223</v>
      </c>
      <c r="E9022">
        <v>1</v>
      </c>
      <c r="F9022">
        <v>0</v>
      </c>
      <c r="H9022" t="s">
        <v>46224</v>
      </c>
      <c r="J9022" t="s">
        <v>46225</v>
      </c>
      <c r="K9022" t="s">
        <v>46226</v>
      </c>
      <c r="M9022">
        <v>3002480</v>
      </c>
      <c r="O9022">
        <v>3002480</v>
      </c>
      <c r="P9022">
        <v>1</v>
      </c>
      <c r="Q9022">
        <v>0</v>
      </c>
      <c r="R9022" t="s">
        <v>46227</v>
      </c>
      <c r="S9022">
        <v>796</v>
      </c>
    </row>
    <row r="9023" spans="1:19" x14ac:dyDescent="0.25">
      <c r="A9023">
        <v>38130774</v>
      </c>
      <c r="B9023" t="s">
        <v>46228</v>
      </c>
      <c r="C9023" s="1" t="s">
        <v>46229</v>
      </c>
      <c r="E9023">
        <v>2</v>
      </c>
      <c r="F9023">
        <v>8</v>
      </c>
      <c r="H9023" t="s">
        <v>46230</v>
      </c>
      <c r="J9023" t="s">
        <v>46231</v>
      </c>
      <c r="K9023" t="s">
        <v>46232</v>
      </c>
      <c r="M9023">
        <v>2110255</v>
      </c>
      <c r="O9023">
        <v>2110255</v>
      </c>
      <c r="P9023">
        <v>1</v>
      </c>
      <c r="Q9023">
        <v>1</v>
      </c>
      <c r="R9023" t="s">
        <v>46233</v>
      </c>
      <c r="S9023">
        <v>58</v>
      </c>
    </row>
    <row r="9024" spans="1:19" x14ac:dyDescent="0.25">
      <c r="A9024">
        <v>7456354</v>
      </c>
      <c r="B9024" t="s">
        <v>46234</v>
      </c>
      <c r="C9024" s="1" t="s">
        <v>46235</v>
      </c>
      <c r="E9024">
        <v>7</v>
      </c>
      <c r="F9024">
        <v>3</v>
      </c>
      <c r="H9024" t="s">
        <v>46236</v>
      </c>
      <c r="J9024" t="s">
        <v>46237</v>
      </c>
      <c r="O9024">
        <v>950461</v>
      </c>
      <c r="P9024">
        <v>1</v>
      </c>
      <c r="Q9024">
        <v>3</v>
      </c>
      <c r="R9024" t="s">
        <v>46238</v>
      </c>
      <c r="S9024">
        <v>2478</v>
      </c>
    </row>
    <row r="9025" spans="1:19" x14ac:dyDescent="0.25">
      <c r="A9025">
        <v>24312539</v>
      </c>
      <c r="B9025" t="s">
        <v>46239</v>
      </c>
      <c r="C9025" s="1" t="s">
        <v>46240</v>
      </c>
      <c r="E9025">
        <v>0</v>
      </c>
      <c r="F9025">
        <v>3</v>
      </c>
      <c r="H9025" t="s">
        <v>46241</v>
      </c>
      <c r="J9025" t="s">
        <v>46242</v>
      </c>
      <c r="K9025" t="s">
        <v>46242</v>
      </c>
      <c r="M9025">
        <v>4907496</v>
      </c>
      <c r="O9025">
        <v>3735724</v>
      </c>
      <c r="P9025">
        <v>1</v>
      </c>
      <c r="Q9025">
        <v>1</v>
      </c>
      <c r="R9025" t="s">
        <v>27124</v>
      </c>
      <c r="S9025">
        <v>117</v>
      </c>
    </row>
    <row r="9026" spans="1:19" x14ac:dyDescent="0.25">
      <c r="A9026">
        <v>43187243</v>
      </c>
      <c r="B9026" t="s">
        <v>46243</v>
      </c>
      <c r="C9026" s="1" t="s">
        <v>46244</v>
      </c>
      <c r="D9026">
        <v>43346142</v>
      </c>
      <c r="E9026">
        <v>1</v>
      </c>
      <c r="F9026">
        <v>0</v>
      </c>
      <c r="H9026" t="s">
        <v>46245</v>
      </c>
      <c r="J9026" t="s">
        <v>46246</v>
      </c>
      <c r="O9026">
        <v>3481818</v>
      </c>
      <c r="P9026">
        <v>1</v>
      </c>
      <c r="Q9026">
        <v>0</v>
      </c>
      <c r="R9026" t="s">
        <v>46247</v>
      </c>
      <c r="S9026">
        <v>715</v>
      </c>
    </row>
    <row r="9027" spans="1:19" x14ac:dyDescent="0.25">
      <c r="A9027">
        <v>35074517</v>
      </c>
      <c r="B9027" t="s">
        <v>46248</v>
      </c>
      <c r="C9027" s="1" t="s">
        <v>46249</v>
      </c>
      <c r="E9027">
        <v>1</v>
      </c>
      <c r="F9027">
        <v>0</v>
      </c>
      <c r="H9027" t="s">
        <v>46250</v>
      </c>
      <c r="J9027" t="s">
        <v>46251</v>
      </c>
      <c r="O9027">
        <v>686277</v>
      </c>
      <c r="P9027">
        <v>1</v>
      </c>
      <c r="Q9027">
        <v>0</v>
      </c>
      <c r="R9027" t="s">
        <v>46252</v>
      </c>
      <c r="S9027">
        <v>16</v>
      </c>
    </row>
    <row r="9028" spans="1:19" x14ac:dyDescent="0.25">
      <c r="A9028">
        <v>4028145</v>
      </c>
      <c r="B9028" t="s">
        <v>46253</v>
      </c>
      <c r="C9028" s="1" t="s">
        <v>46254</v>
      </c>
      <c r="D9028">
        <v>4028218</v>
      </c>
      <c r="E9028">
        <v>1</v>
      </c>
      <c r="F9028">
        <v>0</v>
      </c>
      <c r="H9028" t="s">
        <v>46255</v>
      </c>
      <c r="I9028">
        <v>3</v>
      </c>
      <c r="J9028" t="s">
        <v>46256</v>
      </c>
      <c r="K9028" t="s">
        <v>46256</v>
      </c>
      <c r="M9028">
        <v>30461</v>
      </c>
      <c r="O9028">
        <v>488140</v>
      </c>
      <c r="P9028">
        <v>1</v>
      </c>
      <c r="Q9028">
        <v>1</v>
      </c>
      <c r="R9028" t="s">
        <v>46257</v>
      </c>
      <c r="S9028">
        <v>751</v>
      </c>
    </row>
    <row r="9029" spans="1:19" x14ac:dyDescent="0.25">
      <c r="A9029">
        <v>26103909</v>
      </c>
      <c r="B9029" t="s">
        <v>46258</v>
      </c>
      <c r="C9029" s="1" t="s">
        <v>46259</v>
      </c>
      <c r="D9029">
        <v>26104238</v>
      </c>
      <c r="E9029">
        <v>1</v>
      </c>
      <c r="F9029">
        <v>8</v>
      </c>
      <c r="H9029" t="s">
        <v>46260</v>
      </c>
      <c r="I9029">
        <v>1</v>
      </c>
      <c r="J9029" t="s">
        <v>46261</v>
      </c>
      <c r="O9029">
        <v>3612949</v>
      </c>
      <c r="P9029">
        <v>1</v>
      </c>
      <c r="Q9029">
        <v>1</v>
      </c>
      <c r="R9029" t="s">
        <v>46262</v>
      </c>
      <c r="S9029">
        <v>1953</v>
      </c>
    </row>
    <row r="9030" spans="1:19" x14ac:dyDescent="0.25">
      <c r="A9030">
        <v>42429441</v>
      </c>
      <c r="B9030" t="s">
        <v>46263</v>
      </c>
      <c r="C9030" s="1" t="s">
        <v>46264</v>
      </c>
      <c r="D9030">
        <v>42433011</v>
      </c>
      <c r="E9030">
        <v>2</v>
      </c>
      <c r="F9030">
        <v>3</v>
      </c>
      <c r="H9030" t="s">
        <v>46265</v>
      </c>
      <c r="I9030">
        <v>1</v>
      </c>
      <c r="J9030" t="s">
        <v>46266</v>
      </c>
      <c r="K9030" t="s">
        <v>46267</v>
      </c>
      <c r="M9030">
        <v>850848</v>
      </c>
      <c r="O9030">
        <v>925771</v>
      </c>
      <c r="P9030">
        <v>1</v>
      </c>
      <c r="Q9030">
        <v>2</v>
      </c>
      <c r="R9030" t="s">
        <v>46268</v>
      </c>
      <c r="S9030">
        <v>225</v>
      </c>
    </row>
    <row r="9031" spans="1:19" x14ac:dyDescent="0.25">
      <c r="A9031">
        <v>44717343</v>
      </c>
      <c r="B9031" t="s">
        <v>46269</v>
      </c>
      <c r="C9031" s="1" t="s">
        <v>46270</v>
      </c>
      <c r="D9031">
        <v>44717982</v>
      </c>
      <c r="E9031">
        <v>1</v>
      </c>
      <c r="F9031">
        <v>0</v>
      </c>
      <c r="H9031" t="s">
        <v>46271</v>
      </c>
      <c r="J9031" t="s">
        <v>46272</v>
      </c>
      <c r="K9031" t="s">
        <v>46273</v>
      </c>
      <c r="M9031">
        <v>2313887</v>
      </c>
      <c r="O9031">
        <v>8080758</v>
      </c>
      <c r="P9031">
        <v>1</v>
      </c>
      <c r="Q9031">
        <v>1</v>
      </c>
      <c r="R9031" t="s">
        <v>46274</v>
      </c>
      <c r="S9031">
        <v>75</v>
      </c>
    </row>
    <row r="9032" spans="1:19" x14ac:dyDescent="0.25">
      <c r="A9032">
        <v>36592629</v>
      </c>
      <c r="B9032" t="s">
        <v>46275</v>
      </c>
      <c r="C9032" t="s">
        <v>46276</v>
      </c>
      <c r="D9032">
        <v>36592836</v>
      </c>
      <c r="E9032">
        <v>2</v>
      </c>
      <c r="F9032">
        <v>2</v>
      </c>
      <c r="H9032" t="s">
        <v>46277</v>
      </c>
      <c r="J9032" t="s">
        <v>46278</v>
      </c>
      <c r="O9032">
        <v>6192926</v>
      </c>
      <c r="P9032">
        <v>1</v>
      </c>
      <c r="Q9032">
        <v>0</v>
      </c>
      <c r="R9032" t="s">
        <v>16696</v>
      </c>
      <c r="S9032">
        <v>1350</v>
      </c>
    </row>
    <row r="9033" spans="1:19" x14ac:dyDescent="0.25">
      <c r="A9033">
        <v>30068170</v>
      </c>
      <c r="B9033" t="s">
        <v>46279</v>
      </c>
      <c r="C9033" s="1" t="s">
        <v>46280</v>
      </c>
      <c r="E9033">
        <v>1</v>
      </c>
      <c r="F9033">
        <v>3</v>
      </c>
      <c r="H9033" t="s">
        <v>46281</v>
      </c>
      <c r="J9033" t="s">
        <v>46282</v>
      </c>
      <c r="O9033">
        <v>4869069</v>
      </c>
      <c r="P9033">
        <v>1</v>
      </c>
      <c r="Q9033">
        <v>0</v>
      </c>
      <c r="R9033" t="s">
        <v>46283</v>
      </c>
      <c r="S9033">
        <v>81</v>
      </c>
    </row>
    <row r="9034" spans="1:19" x14ac:dyDescent="0.25">
      <c r="A9034">
        <v>15524764</v>
      </c>
      <c r="B9034" t="s">
        <v>46284</v>
      </c>
      <c r="C9034" s="1" t="s">
        <v>46285</v>
      </c>
      <c r="D9034">
        <v>15524870</v>
      </c>
      <c r="E9034">
        <v>3</v>
      </c>
      <c r="F9034">
        <v>3</v>
      </c>
      <c r="H9034" t="s">
        <v>46286</v>
      </c>
      <c r="J9034" t="s">
        <v>46287</v>
      </c>
      <c r="O9034">
        <v>1021185</v>
      </c>
      <c r="P9034">
        <v>1</v>
      </c>
      <c r="Q9034">
        <v>0</v>
      </c>
      <c r="R9034" t="s">
        <v>413</v>
      </c>
      <c r="S9034">
        <v>492</v>
      </c>
    </row>
    <row r="9035" spans="1:19" x14ac:dyDescent="0.25">
      <c r="A9035">
        <v>33392352</v>
      </c>
      <c r="B9035" t="s">
        <v>46288</v>
      </c>
      <c r="C9035" s="1" t="s">
        <v>46289</v>
      </c>
      <c r="D9035">
        <v>33394363</v>
      </c>
      <c r="E9035">
        <v>1</v>
      </c>
      <c r="F9035">
        <v>0</v>
      </c>
      <c r="H9035" t="s">
        <v>46290</v>
      </c>
      <c r="J9035" t="s">
        <v>46291</v>
      </c>
      <c r="O9035">
        <v>4993893</v>
      </c>
      <c r="P9035">
        <v>1</v>
      </c>
      <c r="Q9035">
        <v>0</v>
      </c>
      <c r="R9035" t="s">
        <v>8946</v>
      </c>
      <c r="S9035">
        <v>76</v>
      </c>
    </row>
    <row r="9036" spans="1:19" x14ac:dyDescent="0.25">
      <c r="A9036">
        <v>9103915</v>
      </c>
      <c r="B9036" t="s">
        <v>46292</v>
      </c>
      <c r="C9036" s="1" t="s">
        <v>46293</v>
      </c>
      <c r="D9036">
        <v>9103991</v>
      </c>
      <c r="E9036">
        <v>3</v>
      </c>
      <c r="F9036">
        <v>0</v>
      </c>
      <c r="H9036" t="s">
        <v>46294</v>
      </c>
      <c r="I9036">
        <v>3</v>
      </c>
      <c r="J9036" t="s">
        <v>46295</v>
      </c>
      <c r="O9036">
        <v>1525050</v>
      </c>
      <c r="P9036">
        <v>1</v>
      </c>
      <c r="Q9036">
        <v>2</v>
      </c>
      <c r="R9036" t="s">
        <v>46296</v>
      </c>
      <c r="S9036">
        <v>2325</v>
      </c>
    </row>
    <row r="9037" spans="1:19" x14ac:dyDescent="0.25">
      <c r="A9037">
        <v>16147584</v>
      </c>
      <c r="B9037" t="s">
        <v>46297</v>
      </c>
      <c r="C9037" s="1" t="s">
        <v>46298</v>
      </c>
      <c r="E9037">
        <v>1</v>
      </c>
      <c r="F9037">
        <v>5</v>
      </c>
      <c r="H9037" t="s">
        <v>46299</v>
      </c>
      <c r="J9037" t="s">
        <v>46300</v>
      </c>
      <c r="O9037">
        <v>1950981</v>
      </c>
      <c r="P9037">
        <v>1</v>
      </c>
      <c r="Q9037">
        <v>-1</v>
      </c>
      <c r="R9037" t="s">
        <v>2771</v>
      </c>
      <c r="S9037">
        <v>76</v>
      </c>
    </row>
    <row r="9038" spans="1:19" x14ac:dyDescent="0.25">
      <c r="A9038">
        <v>52902361</v>
      </c>
      <c r="B9038" t="s">
        <v>46301</v>
      </c>
      <c r="C9038" s="1" t="s">
        <v>46302</v>
      </c>
      <c r="E9038">
        <v>1</v>
      </c>
      <c r="F9038">
        <v>0</v>
      </c>
      <c r="H9038" t="s">
        <v>46303</v>
      </c>
      <c r="J9038" t="s">
        <v>46304</v>
      </c>
      <c r="K9038" t="s">
        <v>46304</v>
      </c>
      <c r="M9038">
        <v>6464308</v>
      </c>
      <c r="O9038">
        <v>10175225</v>
      </c>
      <c r="P9038">
        <v>1</v>
      </c>
      <c r="Q9038">
        <v>0</v>
      </c>
      <c r="R9038" t="s">
        <v>46305</v>
      </c>
      <c r="S9038">
        <v>25</v>
      </c>
    </row>
    <row r="9039" spans="1:19" x14ac:dyDescent="0.25">
      <c r="A9039">
        <v>38785868</v>
      </c>
      <c r="B9039" t="s">
        <v>46306</v>
      </c>
      <c r="C9039" s="1" t="s">
        <v>46307</v>
      </c>
      <c r="D9039">
        <v>38787128</v>
      </c>
      <c r="E9039">
        <v>2</v>
      </c>
      <c r="F9039">
        <v>0</v>
      </c>
      <c r="H9039" t="s">
        <v>46308</v>
      </c>
      <c r="I9039">
        <v>1</v>
      </c>
      <c r="J9039" t="s">
        <v>46309</v>
      </c>
      <c r="K9039" t="s">
        <v>46310</v>
      </c>
      <c r="M9039">
        <v>3405140</v>
      </c>
      <c r="O9039">
        <v>3747720</v>
      </c>
      <c r="P9039">
        <v>1</v>
      </c>
      <c r="Q9039">
        <v>6</v>
      </c>
      <c r="R9039" t="s">
        <v>46311</v>
      </c>
      <c r="S9039">
        <v>6724</v>
      </c>
    </row>
    <row r="9040" spans="1:19" x14ac:dyDescent="0.25">
      <c r="A9040">
        <v>23545747</v>
      </c>
      <c r="B9040" t="s">
        <v>46312</v>
      </c>
      <c r="C9040" t="s">
        <v>46313</v>
      </c>
      <c r="D9040">
        <v>23609351</v>
      </c>
      <c r="E9040">
        <v>1</v>
      </c>
      <c r="F9040">
        <v>0</v>
      </c>
      <c r="H9040" t="s">
        <v>46314</v>
      </c>
      <c r="J9040" t="s">
        <v>46315</v>
      </c>
      <c r="O9040">
        <v>309133</v>
      </c>
      <c r="P9040">
        <v>1</v>
      </c>
      <c r="Q9040">
        <v>1</v>
      </c>
      <c r="R9040" t="s">
        <v>46316</v>
      </c>
      <c r="S9040">
        <v>66</v>
      </c>
    </row>
    <row r="9041" spans="1:19" x14ac:dyDescent="0.25">
      <c r="A9041">
        <v>32525440</v>
      </c>
      <c r="B9041" t="s">
        <v>46317</v>
      </c>
      <c r="C9041" s="1" t="s">
        <v>46318</v>
      </c>
      <c r="D9041">
        <v>32525782</v>
      </c>
      <c r="E9041">
        <v>1</v>
      </c>
      <c r="F9041">
        <v>6</v>
      </c>
      <c r="H9041" t="s">
        <v>46319</v>
      </c>
      <c r="J9041" t="s">
        <v>46320</v>
      </c>
      <c r="K9041" t="s">
        <v>46321</v>
      </c>
      <c r="M9041">
        <v>1176878</v>
      </c>
      <c r="O9041">
        <v>1176878</v>
      </c>
      <c r="P9041">
        <v>1</v>
      </c>
      <c r="Q9041">
        <v>1</v>
      </c>
      <c r="R9041" t="s">
        <v>989</v>
      </c>
      <c r="S9041">
        <v>29</v>
      </c>
    </row>
    <row r="9042" spans="1:19" x14ac:dyDescent="0.25">
      <c r="A9042">
        <v>21885470</v>
      </c>
      <c r="B9042" t="s">
        <v>46322</v>
      </c>
      <c r="C9042" s="1" t="s">
        <v>46323</v>
      </c>
      <c r="E9042">
        <v>1</v>
      </c>
      <c r="F9042">
        <v>1</v>
      </c>
      <c r="H9042" t="s">
        <v>46324</v>
      </c>
      <c r="J9042" t="s">
        <v>46325</v>
      </c>
      <c r="K9042" t="s">
        <v>46325</v>
      </c>
      <c r="M9042">
        <v>4688119</v>
      </c>
      <c r="O9042">
        <v>3328834</v>
      </c>
      <c r="P9042">
        <v>1</v>
      </c>
      <c r="Q9042">
        <v>1</v>
      </c>
      <c r="R9042" t="s">
        <v>46326</v>
      </c>
      <c r="S9042">
        <v>749</v>
      </c>
    </row>
    <row r="9043" spans="1:19" x14ac:dyDescent="0.25">
      <c r="A9043">
        <v>4159964</v>
      </c>
      <c r="B9043" t="s">
        <v>46327</v>
      </c>
      <c r="C9043" s="1" t="s">
        <v>46328</v>
      </c>
      <c r="D9043">
        <v>4242225</v>
      </c>
      <c r="E9043">
        <v>2</v>
      </c>
      <c r="F9043">
        <v>0</v>
      </c>
      <c r="H9043" t="s">
        <v>46329</v>
      </c>
      <c r="J9043" t="s">
        <v>46330</v>
      </c>
      <c r="K9043" t="s">
        <v>46330</v>
      </c>
      <c r="M9043">
        <v>1118459</v>
      </c>
      <c r="O9043">
        <v>98082</v>
      </c>
      <c r="P9043">
        <v>1</v>
      </c>
      <c r="Q9043">
        <v>4</v>
      </c>
      <c r="R9043" t="s">
        <v>46331</v>
      </c>
      <c r="S9043">
        <v>1357</v>
      </c>
    </row>
    <row r="9044" spans="1:19" x14ac:dyDescent="0.25">
      <c r="A9044">
        <v>33590118</v>
      </c>
      <c r="B9044" t="s">
        <v>46332</v>
      </c>
      <c r="C9044" s="1" t="s">
        <v>46333</v>
      </c>
      <c r="E9044">
        <v>1</v>
      </c>
      <c r="F9044">
        <v>1</v>
      </c>
      <c r="H9044" t="s">
        <v>46334</v>
      </c>
      <c r="J9044" t="s">
        <v>46335</v>
      </c>
      <c r="O9044">
        <v>2436209</v>
      </c>
      <c r="P9044">
        <v>1</v>
      </c>
      <c r="Q9044">
        <v>0</v>
      </c>
      <c r="R9044" t="s">
        <v>46336</v>
      </c>
      <c r="S9044">
        <v>40</v>
      </c>
    </row>
    <row r="9045" spans="1:19" x14ac:dyDescent="0.25">
      <c r="A9045">
        <v>15162440</v>
      </c>
      <c r="B9045" t="s">
        <v>46337</v>
      </c>
      <c r="C9045" s="1" t="s">
        <v>46338</v>
      </c>
      <c r="E9045">
        <v>4</v>
      </c>
      <c r="F9045">
        <v>7</v>
      </c>
      <c r="H9045" t="s">
        <v>46339</v>
      </c>
      <c r="J9045" t="s">
        <v>46340</v>
      </c>
      <c r="O9045">
        <v>218284</v>
      </c>
      <c r="P9045">
        <v>1</v>
      </c>
      <c r="Q9045">
        <v>1</v>
      </c>
      <c r="R9045" t="s">
        <v>1446</v>
      </c>
      <c r="S9045">
        <v>2385</v>
      </c>
    </row>
    <row r="9046" spans="1:19" x14ac:dyDescent="0.25">
      <c r="A9046">
        <v>28993945</v>
      </c>
      <c r="B9046" t="s">
        <v>46341</v>
      </c>
      <c r="C9046" s="1" t="s">
        <v>46342</v>
      </c>
      <c r="D9046">
        <v>28994053</v>
      </c>
      <c r="E9046">
        <v>3</v>
      </c>
      <c r="F9046">
        <v>0</v>
      </c>
      <c r="H9046" t="s">
        <v>46343</v>
      </c>
      <c r="J9046" t="s">
        <v>46344</v>
      </c>
      <c r="O9046">
        <v>3848987</v>
      </c>
      <c r="P9046">
        <v>1</v>
      </c>
      <c r="Q9046">
        <v>1</v>
      </c>
      <c r="R9046" t="s">
        <v>10089</v>
      </c>
      <c r="S9046">
        <v>207</v>
      </c>
    </row>
    <row r="9047" spans="1:19" x14ac:dyDescent="0.25">
      <c r="A9047">
        <v>6245258</v>
      </c>
      <c r="B9047" t="s">
        <v>46345</v>
      </c>
      <c r="C9047" s="1" t="s">
        <v>46346</v>
      </c>
      <c r="D9047">
        <v>6255351</v>
      </c>
      <c r="E9047">
        <v>1</v>
      </c>
      <c r="F9047">
        <v>0</v>
      </c>
      <c r="H9047" t="s">
        <v>46347</v>
      </c>
      <c r="J9047" t="s">
        <v>46348</v>
      </c>
      <c r="O9047">
        <v>33208</v>
      </c>
      <c r="P9047">
        <v>1</v>
      </c>
      <c r="Q9047">
        <v>0</v>
      </c>
      <c r="R9047" t="s">
        <v>46349</v>
      </c>
      <c r="S9047">
        <v>28</v>
      </c>
    </row>
    <row r="9048" spans="1:19" x14ac:dyDescent="0.25">
      <c r="A9048">
        <v>11911476</v>
      </c>
      <c r="B9048" t="s">
        <v>46350</v>
      </c>
      <c r="C9048" s="1" t="s">
        <v>46351</v>
      </c>
      <c r="D9048">
        <v>11911541</v>
      </c>
      <c r="E9048">
        <v>1</v>
      </c>
      <c r="F9048">
        <v>2</v>
      </c>
      <c r="H9048" t="s">
        <v>46352</v>
      </c>
      <c r="J9048" t="s">
        <v>46353</v>
      </c>
      <c r="K9048" t="s">
        <v>46354</v>
      </c>
      <c r="M9048">
        <v>-1</v>
      </c>
      <c r="O9048">
        <v>1582522</v>
      </c>
      <c r="P9048">
        <v>1</v>
      </c>
      <c r="Q9048">
        <v>0</v>
      </c>
      <c r="R9048" t="s">
        <v>46355</v>
      </c>
      <c r="S9048">
        <v>4079</v>
      </c>
    </row>
    <row r="9049" spans="1:19" x14ac:dyDescent="0.25">
      <c r="A9049">
        <v>49635019</v>
      </c>
      <c r="B9049" t="s">
        <v>46356</v>
      </c>
      <c r="C9049" s="1" t="s">
        <v>46357</v>
      </c>
      <c r="E9049">
        <v>0</v>
      </c>
      <c r="F9049">
        <v>2</v>
      </c>
      <c r="H9049" t="s">
        <v>46358</v>
      </c>
      <c r="J9049" t="s">
        <v>46359</v>
      </c>
      <c r="K9049" t="s">
        <v>46359</v>
      </c>
      <c r="M9049">
        <v>4385362</v>
      </c>
      <c r="O9049">
        <v>4385362</v>
      </c>
      <c r="P9049">
        <v>1</v>
      </c>
      <c r="Q9049">
        <v>1</v>
      </c>
      <c r="R9049" t="s">
        <v>22383</v>
      </c>
      <c r="S9049">
        <v>17</v>
      </c>
    </row>
    <row r="9050" spans="1:19" x14ac:dyDescent="0.25">
      <c r="A9050">
        <v>53194609</v>
      </c>
      <c r="B9050" t="s">
        <v>46360</v>
      </c>
      <c r="C9050" s="1" t="s">
        <v>46361</v>
      </c>
      <c r="D9050">
        <v>53195089</v>
      </c>
      <c r="E9050">
        <v>1</v>
      </c>
      <c r="F9050">
        <v>2</v>
      </c>
      <c r="H9050" t="s">
        <v>46362</v>
      </c>
      <c r="J9050" t="s">
        <v>46363</v>
      </c>
      <c r="O9050">
        <v>10541940</v>
      </c>
      <c r="P9050">
        <v>1</v>
      </c>
      <c r="Q9050">
        <v>0</v>
      </c>
      <c r="R9050" t="s">
        <v>46364</v>
      </c>
      <c r="S9050">
        <v>33</v>
      </c>
    </row>
    <row r="9051" spans="1:19" x14ac:dyDescent="0.25">
      <c r="A9051">
        <v>15615030</v>
      </c>
      <c r="B9051" t="s">
        <v>46365</v>
      </c>
      <c r="C9051" s="1" t="s">
        <v>46366</v>
      </c>
      <c r="D9051">
        <v>15616299</v>
      </c>
      <c r="E9051">
        <v>2</v>
      </c>
      <c r="F9051">
        <v>2</v>
      </c>
      <c r="H9051" t="s">
        <v>46367</v>
      </c>
      <c r="J9051" t="s">
        <v>46368</v>
      </c>
      <c r="O9051">
        <v>281092</v>
      </c>
      <c r="P9051">
        <v>1</v>
      </c>
      <c r="Q9051">
        <v>3</v>
      </c>
      <c r="R9051" t="s">
        <v>46369</v>
      </c>
      <c r="S9051">
        <v>935</v>
      </c>
    </row>
    <row r="9052" spans="1:19" x14ac:dyDescent="0.25">
      <c r="A9052">
        <v>47168483</v>
      </c>
      <c r="B9052" t="s">
        <v>46370</v>
      </c>
      <c r="C9052" s="1" t="s">
        <v>46371</v>
      </c>
      <c r="E9052">
        <v>0</v>
      </c>
      <c r="F9052">
        <v>2</v>
      </c>
      <c r="H9052" t="s">
        <v>46372</v>
      </c>
      <c r="J9052" t="s">
        <v>46373</v>
      </c>
      <c r="K9052" t="s">
        <v>46373</v>
      </c>
      <c r="M9052">
        <v>236345</v>
      </c>
      <c r="O9052">
        <v>121461</v>
      </c>
      <c r="P9052">
        <v>1</v>
      </c>
      <c r="Q9052">
        <v>0</v>
      </c>
      <c r="R9052" t="s">
        <v>46374</v>
      </c>
      <c r="S9052">
        <v>54</v>
      </c>
    </row>
    <row r="9053" spans="1:19" x14ac:dyDescent="0.25">
      <c r="A9053">
        <v>29681803</v>
      </c>
      <c r="B9053" t="s">
        <v>46375</v>
      </c>
      <c r="C9053" s="1" t="s">
        <v>46376</v>
      </c>
      <c r="E9053">
        <v>1</v>
      </c>
      <c r="F9053">
        <v>1</v>
      </c>
      <c r="H9053" t="s">
        <v>46377</v>
      </c>
      <c r="J9053" t="s">
        <v>46378</v>
      </c>
      <c r="O9053">
        <v>167945</v>
      </c>
      <c r="P9053">
        <v>1</v>
      </c>
      <c r="Q9053">
        <v>1</v>
      </c>
      <c r="R9053" t="s">
        <v>46379</v>
      </c>
      <c r="S9053">
        <v>1190</v>
      </c>
    </row>
    <row r="9054" spans="1:19" x14ac:dyDescent="0.25">
      <c r="A9054">
        <v>6660402</v>
      </c>
      <c r="B9054" t="s">
        <v>46380</v>
      </c>
      <c r="C9054" s="1" t="s">
        <v>46381</v>
      </c>
      <c r="E9054">
        <v>2</v>
      </c>
      <c r="F9054">
        <v>1</v>
      </c>
      <c r="H9054" t="s">
        <v>46382</v>
      </c>
      <c r="J9054" t="s">
        <v>46383</v>
      </c>
      <c r="O9054">
        <v>840181</v>
      </c>
      <c r="P9054">
        <v>1</v>
      </c>
      <c r="Q9054">
        <v>0</v>
      </c>
      <c r="R9054" t="s">
        <v>46384</v>
      </c>
      <c r="S9054">
        <v>653</v>
      </c>
    </row>
    <row r="9055" spans="1:19" x14ac:dyDescent="0.25">
      <c r="A9055">
        <v>5210582</v>
      </c>
      <c r="B9055" t="s">
        <v>46385</v>
      </c>
      <c r="C9055" s="1" t="s">
        <v>46386</v>
      </c>
      <c r="D9055">
        <v>6596397</v>
      </c>
      <c r="E9055">
        <v>1</v>
      </c>
      <c r="F9055">
        <v>0</v>
      </c>
      <c r="H9055" t="s">
        <v>46387</v>
      </c>
      <c r="I9055">
        <v>2</v>
      </c>
      <c r="J9055" t="s">
        <v>46388</v>
      </c>
      <c r="O9055">
        <v>529890</v>
      </c>
      <c r="P9055">
        <v>1</v>
      </c>
      <c r="Q9055">
        <v>3</v>
      </c>
      <c r="R9055" t="s">
        <v>46389</v>
      </c>
      <c r="S9055">
        <v>2439</v>
      </c>
    </row>
    <row r="9056" spans="1:19" x14ac:dyDescent="0.25">
      <c r="A9056">
        <v>21130372</v>
      </c>
      <c r="B9056" t="s">
        <v>46390</v>
      </c>
      <c r="C9056" s="1" t="s">
        <v>46391</v>
      </c>
      <c r="D9056">
        <v>21131818</v>
      </c>
      <c r="E9056">
        <v>1</v>
      </c>
      <c r="F9056">
        <v>1</v>
      </c>
      <c r="H9056" t="s">
        <v>46392</v>
      </c>
      <c r="J9056" t="s">
        <v>46393</v>
      </c>
      <c r="K9056" t="s">
        <v>46394</v>
      </c>
      <c r="M9056">
        <v>1841839</v>
      </c>
      <c r="O9056">
        <v>2946873</v>
      </c>
      <c r="P9056">
        <v>1</v>
      </c>
      <c r="Q9056">
        <v>0</v>
      </c>
      <c r="R9056" t="s">
        <v>46395</v>
      </c>
      <c r="S9056">
        <v>956</v>
      </c>
    </row>
    <row r="9057" spans="1:19" x14ac:dyDescent="0.25">
      <c r="A9057">
        <v>43261481</v>
      </c>
      <c r="B9057" t="s">
        <v>46396</v>
      </c>
      <c r="C9057" s="1" t="s">
        <v>46397</v>
      </c>
      <c r="D9057">
        <v>43261540</v>
      </c>
      <c r="E9057">
        <v>1</v>
      </c>
      <c r="F9057">
        <v>2</v>
      </c>
      <c r="H9057" t="s">
        <v>46398</v>
      </c>
      <c r="J9057" t="s">
        <v>46399</v>
      </c>
      <c r="O9057">
        <v>6694175</v>
      </c>
      <c r="P9057">
        <v>1</v>
      </c>
      <c r="Q9057">
        <v>-2</v>
      </c>
      <c r="R9057" t="s">
        <v>46400</v>
      </c>
      <c r="S9057">
        <v>312</v>
      </c>
    </row>
    <row r="9058" spans="1:19" x14ac:dyDescent="0.25">
      <c r="A9058">
        <v>48955686</v>
      </c>
      <c r="B9058" t="s">
        <v>46401</v>
      </c>
      <c r="C9058" s="1" t="s">
        <v>46402</v>
      </c>
      <c r="E9058">
        <v>1</v>
      </c>
      <c r="F9058">
        <v>0</v>
      </c>
      <c r="H9058" t="s">
        <v>46403</v>
      </c>
      <c r="J9058" t="s">
        <v>46404</v>
      </c>
      <c r="O9058">
        <v>2484110</v>
      </c>
      <c r="P9058">
        <v>1</v>
      </c>
      <c r="Q9058">
        <v>0</v>
      </c>
      <c r="R9058" t="s">
        <v>46405</v>
      </c>
      <c r="S9058">
        <v>75</v>
      </c>
    </row>
    <row r="9059" spans="1:19" x14ac:dyDescent="0.25">
      <c r="A9059">
        <v>11556944</v>
      </c>
      <c r="B9059" t="s">
        <v>46406</v>
      </c>
      <c r="C9059" s="1" t="s">
        <v>46407</v>
      </c>
      <c r="D9059">
        <v>11557007</v>
      </c>
      <c r="E9059">
        <v>1</v>
      </c>
      <c r="F9059">
        <v>0</v>
      </c>
      <c r="H9059" t="s">
        <v>46408</v>
      </c>
      <c r="J9059" t="s">
        <v>46409</v>
      </c>
      <c r="O9059">
        <v>1126760</v>
      </c>
      <c r="P9059">
        <v>1</v>
      </c>
      <c r="Q9059">
        <v>0</v>
      </c>
      <c r="R9059" t="s">
        <v>46410</v>
      </c>
      <c r="S9059">
        <v>1724</v>
      </c>
    </row>
    <row r="9060" spans="1:19" x14ac:dyDescent="0.25">
      <c r="A9060">
        <v>9614976</v>
      </c>
      <c r="B9060" t="s">
        <v>46411</v>
      </c>
      <c r="C9060" s="1" t="s">
        <v>46412</v>
      </c>
      <c r="E9060">
        <v>2</v>
      </c>
      <c r="F9060">
        <v>0</v>
      </c>
      <c r="H9060" t="s">
        <v>46413</v>
      </c>
      <c r="J9060" t="s">
        <v>46414</v>
      </c>
      <c r="K9060" t="s">
        <v>46415</v>
      </c>
      <c r="M9060">
        <v>76337</v>
      </c>
      <c r="O9060">
        <v>1256545</v>
      </c>
      <c r="P9060">
        <v>1</v>
      </c>
      <c r="Q9060">
        <v>0</v>
      </c>
      <c r="R9060" t="s">
        <v>46416</v>
      </c>
      <c r="S9060">
        <v>1194</v>
      </c>
    </row>
    <row r="9061" spans="1:19" x14ac:dyDescent="0.25">
      <c r="A9061">
        <v>51860696</v>
      </c>
      <c r="B9061" t="s">
        <v>46417</v>
      </c>
      <c r="C9061" s="1" t="s">
        <v>46418</v>
      </c>
      <c r="D9061">
        <v>51864235</v>
      </c>
      <c r="E9061">
        <v>1</v>
      </c>
      <c r="F9061">
        <v>0</v>
      </c>
      <c r="H9061" t="s">
        <v>46419</v>
      </c>
      <c r="J9061" t="s">
        <v>46420</v>
      </c>
      <c r="O9061">
        <v>509627</v>
      </c>
      <c r="P9061">
        <v>1</v>
      </c>
      <c r="Q9061">
        <v>0</v>
      </c>
      <c r="R9061" t="s">
        <v>46421</v>
      </c>
      <c r="S9061">
        <v>18</v>
      </c>
    </row>
    <row r="9062" spans="1:19" x14ac:dyDescent="0.25">
      <c r="A9062">
        <v>33350854</v>
      </c>
      <c r="B9062" t="s">
        <v>46422</v>
      </c>
      <c r="C9062" s="1" t="s">
        <v>46423</v>
      </c>
      <c r="D9062">
        <v>33351355</v>
      </c>
      <c r="E9062">
        <v>3</v>
      </c>
      <c r="F9062">
        <v>15</v>
      </c>
      <c r="H9062" t="s">
        <v>46424</v>
      </c>
      <c r="J9062" t="s">
        <v>46425</v>
      </c>
      <c r="K9062" t="s">
        <v>46426</v>
      </c>
      <c r="M9062">
        <v>2744994</v>
      </c>
      <c r="O9062">
        <v>2744994</v>
      </c>
      <c r="P9062">
        <v>1</v>
      </c>
      <c r="Q9062">
        <v>0</v>
      </c>
      <c r="R9062" t="s">
        <v>46427</v>
      </c>
      <c r="S9062">
        <v>130</v>
      </c>
    </row>
    <row r="9063" spans="1:19" x14ac:dyDescent="0.25">
      <c r="A9063">
        <v>4639126</v>
      </c>
      <c r="B9063" t="s">
        <v>46428</v>
      </c>
      <c r="C9063" s="1" t="s">
        <v>46429</v>
      </c>
      <c r="D9063">
        <v>4639153</v>
      </c>
      <c r="E9063">
        <v>2</v>
      </c>
      <c r="F9063">
        <v>0</v>
      </c>
      <c r="H9063" t="s">
        <v>46430</v>
      </c>
      <c r="J9063" t="s">
        <v>46431</v>
      </c>
      <c r="O9063">
        <v>529690</v>
      </c>
      <c r="P9063">
        <v>1</v>
      </c>
      <c r="Q9063">
        <v>1</v>
      </c>
      <c r="R9063" t="s">
        <v>46432</v>
      </c>
      <c r="S9063">
        <v>1653</v>
      </c>
    </row>
    <row r="9064" spans="1:19" x14ac:dyDescent="0.25">
      <c r="A9064">
        <v>44476449</v>
      </c>
      <c r="B9064" t="s">
        <v>46433</v>
      </c>
      <c r="C9064" s="1" t="s">
        <v>46434</v>
      </c>
      <c r="D9064">
        <v>44476605</v>
      </c>
      <c r="E9064">
        <v>1</v>
      </c>
      <c r="F9064">
        <v>0</v>
      </c>
      <c r="H9064" t="s">
        <v>46435</v>
      </c>
      <c r="J9064" t="s">
        <v>46436</v>
      </c>
      <c r="O9064">
        <v>5299228</v>
      </c>
      <c r="P9064">
        <v>1</v>
      </c>
      <c r="Q9064">
        <v>1</v>
      </c>
      <c r="R9064" t="s">
        <v>819</v>
      </c>
      <c r="S9064">
        <v>44</v>
      </c>
    </row>
    <row r="9065" spans="1:19" x14ac:dyDescent="0.25">
      <c r="A9065">
        <v>45348376</v>
      </c>
      <c r="B9065" t="s">
        <v>46437</v>
      </c>
      <c r="C9065" t="s">
        <v>46438</v>
      </c>
      <c r="E9065">
        <v>1</v>
      </c>
      <c r="F9065">
        <v>1</v>
      </c>
      <c r="H9065" t="s">
        <v>46439</v>
      </c>
      <c r="J9065" t="s">
        <v>46440</v>
      </c>
      <c r="K9065" t="s">
        <v>46441</v>
      </c>
      <c r="M9065">
        <v>4870783</v>
      </c>
      <c r="O9065">
        <v>4870783</v>
      </c>
      <c r="P9065">
        <v>1</v>
      </c>
      <c r="Q9065">
        <v>0</v>
      </c>
      <c r="R9065" t="s">
        <v>46442</v>
      </c>
      <c r="S9065">
        <v>90</v>
      </c>
    </row>
    <row r="9066" spans="1:19" x14ac:dyDescent="0.25">
      <c r="A9066">
        <v>47355618</v>
      </c>
      <c r="B9066" t="s">
        <v>46443</v>
      </c>
      <c r="C9066" s="1" t="s">
        <v>46444</v>
      </c>
      <c r="E9066">
        <v>1</v>
      </c>
      <c r="F9066">
        <v>6</v>
      </c>
      <c r="H9066" t="s">
        <v>46445</v>
      </c>
      <c r="J9066" t="s">
        <v>46446</v>
      </c>
      <c r="K9066" t="s">
        <v>46447</v>
      </c>
      <c r="M9066">
        <v>4108590</v>
      </c>
      <c r="O9066">
        <v>4108590</v>
      </c>
      <c r="P9066">
        <v>1</v>
      </c>
      <c r="Q9066">
        <v>0</v>
      </c>
      <c r="R9066" t="s">
        <v>46448</v>
      </c>
      <c r="S9066">
        <v>1082</v>
      </c>
    </row>
    <row r="9067" spans="1:19" x14ac:dyDescent="0.25">
      <c r="A9067">
        <v>49986148</v>
      </c>
      <c r="B9067" t="s">
        <v>46449</v>
      </c>
      <c r="C9067" s="1" t="s">
        <v>46450</v>
      </c>
      <c r="D9067">
        <v>49986453</v>
      </c>
      <c r="E9067">
        <v>1</v>
      </c>
      <c r="F9067">
        <v>0</v>
      </c>
      <c r="H9067" t="s">
        <v>46451</v>
      </c>
      <c r="J9067" t="s">
        <v>46452</v>
      </c>
      <c r="O9067">
        <v>6073915</v>
      </c>
      <c r="P9067">
        <v>1</v>
      </c>
      <c r="Q9067">
        <v>0</v>
      </c>
      <c r="R9067" t="s">
        <v>46453</v>
      </c>
      <c r="S9067">
        <v>257</v>
      </c>
    </row>
    <row r="9068" spans="1:19" x14ac:dyDescent="0.25">
      <c r="A9068">
        <v>11027484</v>
      </c>
      <c r="B9068" t="s">
        <v>46454</v>
      </c>
      <c r="C9068" s="1" t="s">
        <v>46455</v>
      </c>
      <c r="D9068">
        <v>11027571</v>
      </c>
      <c r="E9068">
        <v>1</v>
      </c>
      <c r="F9068">
        <v>0</v>
      </c>
      <c r="H9068" t="s">
        <v>46456</v>
      </c>
      <c r="I9068">
        <v>1</v>
      </c>
      <c r="J9068" t="s">
        <v>46457</v>
      </c>
      <c r="K9068" t="s">
        <v>46457</v>
      </c>
      <c r="M9068">
        <v>1061323</v>
      </c>
      <c r="O9068">
        <v>1061323</v>
      </c>
      <c r="P9068">
        <v>1</v>
      </c>
      <c r="Q9068">
        <v>1</v>
      </c>
      <c r="R9068" t="s">
        <v>46458</v>
      </c>
      <c r="S9068">
        <v>215</v>
      </c>
    </row>
    <row r="9069" spans="1:19" x14ac:dyDescent="0.25">
      <c r="A9069">
        <v>21686730</v>
      </c>
      <c r="B9069" t="s">
        <v>46459</v>
      </c>
      <c r="C9069" s="1" t="s">
        <v>46460</v>
      </c>
      <c r="E9069">
        <v>1</v>
      </c>
      <c r="F9069">
        <v>0</v>
      </c>
      <c r="H9069" t="s">
        <v>46461</v>
      </c>
      <c r="J9069" t="s">
        <v>46462</v>
      </c>
      <c r="K9069" t="s">
        <v>46463</v>
      </c>
      <c r="M9069">
        <v>268093</v>
      </c>
      <c r="O9069">
        <v>3293990</v>
      </c>
      <c r="P9069">
        <v>1</v>
      </c>
      <c r="Q9069">
        <v>0</v>
      </c>
      <c r="R9069" t="s">
        <v>46464</v>
      </c>
      <c r="S9069">
        <v>101</v>
      </c>
    </row>
    <row r="9070" spans="1:19" x14ac:dyDescent="0.25">
      <c r="A9070">
        <v>48710815</v>
      </c>
      <c r="B9070" t="s">
        <v>46465</v>
      </c>
      <c r="C9070" s="1" t="s">
        <v>46466</v>
      </c>
      <c r="E9070">
        <v>0</v>
      </c>
      <c r="F9070">
        <v>1</v>
      </c>
      <c r="H9070" t="s">
        <v>46467</v>
      </c>
      <c r="J9070" t="s">
        <v>46468</v>
      </c>
      <c r="K9070" t="s">
        <v>46468</v>
      </c>
      <c r="M9070">
        <v>9339505</v>
      </c>
      <c r="O9070">
        <v>9339505</v>
      </c>
      <c r="P9070">
        <v>1</v>
      </c>
      <c r="Q9070">
        <v>0</v>
      </c>
      <c r="R9070" t="s">
        <v>46469</v>
      </c>
      <c r="S9070">
        <v>66</v>
      </c>
    </row>
    <row r="9071" spans="1:19" x14ac:dyDescent="0.25">
      <c r="A9071">
        <v>49612989</v>
      </c>
      <c r="B9071" t="s">
        <v>46470</v>
      </c>
      <c r="C9071" s="1" t="s">
        <v>46471</v>
      </c>
      <c r="E9071">
        <v>0</v>
      </c>
      <c r="F9071">
        <v>0</v>
      </c>
      <c r="H9071" t="s">
        <v>46472</v>
      </c>
      <c r="J9071" t="s">
        <v>46473</v>
      </c>
      <c r="K9071" t="s">
        <v>46473</v>
      </c>
      <c r="M9071">
        <v>4442714</v>
      </c>
      <c r="O9071">
        <v>9306408</v>
      </c>
      <c r="P9071">
        <v>1</v>
      </c>
      <c r="Q9071">
        <v>0</v>
      </c>
      <c r="R9071" t="s">
        <v>46474</v>
      </c>
      <c r="S9071">
        <v>22</v>
      </c>
    </row>
    <row r="9072" spans="1:19" x14ac:dyDescent="0.25">
      <c r="A9072">
        <v>49084275</v>
      </c>
      <c r="B9072" t="s">
        <v>46475</v>
      </c>
      <c r="C9072" s="1" t="s">
        <v>46476</v>
      </c>
      <c r="D9072">
        <v>49084507</v>
      </c>
      <c r="E9072">
        <v>2</v>
      </c>
      <c r="F9072">
        <v>9</v>
      </c>
      <c r="H9072" t="s">
        <v>46477</v>
      </c>
      <c r="J9072" t="s">
        <v>46478</v>
      </c>
      <c r="O9072">
        <v>1568919</v>
      </c>
      <c r="P9072">
        <v>1</v>
      </c>
      <c r="Q9072">
        <v>0</v>
      </c>
      <c r="R9072" t="s">
        <v>989</v>
      </c>
      <c r="S9072">
        <v>42</v>
      </c>
    </row>
    <row r="9073" spans="1:19" x14ac:dyDescent="0.25">
      <c r="A9073">
        <v>52424524</v>
      </c>
      <c r="B9073" t="s">
        <v>46479</v>
      </c>
      <c r="C9073" s="1" t="s">
        <v>46480</v>
      </c>
      <c r="D9073">
        <v>52424843</v>
      </c>
      <c r="E9073">
        <v>2</v>
      </c>
      <c r="F9073">
        <v>8</v>
      </c>
      <c r="H9073" t="s">
        <v>46481</v>
      </c>
      <c r="J9073" t="s">
        <v>46482</v>
      </c>
      <c r="K9073" t="s">
        <v>46482</v>
      </c>
      <c r="M9073">
        <v>4281779</v>
      </c>
      <c r="O9073">
        <v>10161204</v>
      </c>
      <c r="P9073">
        <v>1</v>
      </c>
      <c r="Q9073">
        <v>1</v>
      </c>
      <c r="R9073" t="s">
        <v>989</v>
      </c>
      <c r="S9073">
        <v>84</v>
      </c>
    </row>
    <row r="9074" spans="1:19" x14ac:dyDescent="0.25">
      <c r="A9074">
        <v>42062866</v>
      </c>
      <c r="B9074" t="s">
        <v>46483</v>
      </c>
      <c r="C9074" s="1" t="s">
        <v>46484</v>
      </c>
      <c r="E9074">
        <v>1</v>
      </c>
      <c r="F9074">
        <v>1</v>
      </c>
      <c r="H9074" t="s">
        <v>46485</v>
      </c>
      <c r="J9074" t="s">
        <v>46486</v>
      </c>
      <c r="K9074" t="s">
        <v>46487</v>
      </c>
      <c r="M9074">
        <v>5730444</v>
      </c>
      <c r="O9074">
        <v>5540863</v>
      </c>
      <c r="P9074">
        <v>1</v>
      </c>
      <c r="Q9074">
        <v>0</v>
      </c>
      <c r="R9074" t="s">
        <v>46488</v>
      </c>
      <c r="S9074">
        <v>211</v>
      </c>
    </row>
    <row r="9075" spans="1:19" x14ac:dyDescent="0.25">
      <c r="A9075">
        <v>32725794</v>
      </c>
      <c r="B9075" t="s">
        <v>46489</v>
      </c>
      <c r="C9075" s="1" t="s">
        <v>46490</v>
      </c>
      <c r="E9075">
        <v>1</v>
      </c>
      <c r="F9075">
        <v>0</v>
      </c>
      <c r="H9075" t="s">
        <v>46491</v>
      </c>
      <c r="J9075" t="s">
        <v>46492</v>
      </c>
      <c r="K9075" t="s">
        <v>46493</v>
      </c>
      <c r="M9075">
        <v>1348324</v>
      </c>
      <c r="O9075">
        <v>4863114</v>
      </c>
      <c r="P9075">
        <v>1</v>
      </c>
      <c r="Q9075">
        <v>0</v>
      </c>
      <c r="R9075" t="s">
        <v>46494</v>
      </c>
      <c r="S9075">
        <v>124</v>
      </c>
    </row>
    <row r="9076" spans="1:19" x14ac:dyDescent="0.25">
      <c r="A9076">
        <v>29409060</v>
      </c>
      <c r="B9076" t="s">
        <v>46495</v>
      </c>
      <c r="C9076" s="1" t="s">
        <v>46496</v>
      </c>
      <c r="D9076">
        <v>29410165</v>
      </c>
      <c r="E9076">
        <v>1</v>
      </c>
      <c r="F9076">
        <v>1</v>
      </c>
      <c r="H9076" t="s">
        <v>46497</v>
      </c>
      <c r="I9076">
        <v>2</v>
      </c>
      <c r="J9076" t="s">
        <v>46498</v>
      </c>
      <c r="K9076" t="s">
        <v>46498</v>
      </c>
      <c r="M9076">
        <v>4355141</v>
      </c>
      <c r="O9076">
        <v>4355141</v>
      </c>
      <c r="P9076">
        <v>1</v>
      </c>
      <c r="Q9076">
        <v>18</v>
      </c>
      <c r="R9076" t="s">
        <v>46499</v>
      </c>
      <c r="S9076">
        <v>402</v>
      </c>
    </row>
    <row r="9077" spans="1:19" x14ac:dyDescent="0.25">
      <c r="A9077">
        <v>33064862</v>
      </c>
      <c r="B9077" t="s">
        <v>46500</v>
      </c>
      <c r="C9077" s="1" t="s">
        <v>46501</v>
      </c>
      <c r="D9077">
        <v>33097548</v>
      </c>
      <c r="E9077">
        <v>1</v>
      </c>
      <c r="F9077">
        <v>0</v>
      </c>
      <c r="H9077" t="s">
        <v>46502</v>
      </c>
      <c r="J9077" t="s">
        <v>46503</v>
      </c>
      <c r="K9077" t="s">
        <v>46503</v>
      </c>
      <c r="M9077">
        <v>4489456</v>
      </c>
      <c r="O9077">
        <v>4489456</v>
      </c>
      <c r="P9077">
        <v>1</v>
      </c>
      <c r="Q9077">
        <v>6</v>
      </c>
      <c r="R9077" t="s">
        <v>46504</v>
      </c>
      <c r="S9077">
        <v>1053</v>
      </c>
    </row>
    <row r="9078" spans="1:19" x14ac:dyDescent="0.25">
      <c r="A9078">
        <v>41840792</v>
      </c>
      <c r="B9078" t="s">
        <v>46505</v>
      </c>
      <c r="C9078" s="1" t="s">
        <v>46506</v>
      </c>
      <c r="D9078">
        <v>41855778</v>
      </c>
      <c r="E9078">
        <v>1</v>
      </c>
      <c r="F9078">
        <v>0</v>
      </c>
      <c r="H9078" t="s">
        <v>46507</v>
      </c>
      <c r="J9078" t="s">
        <v>46508</v>
      </c>
      <c r="K9078" t="s">
        <v>46508</v>
      </c>
      <c r="M9078">
        <v>5307473</v>
      </c>
      <c r="O9078">
        <v>3512074</v>
      </c>
      <c r="P9078">
        <v>1</v>
      </c>
      <c r="Q9078">
        <v>1</v>
      </c>
      <c r="R9078" t="s">
        <v>46509</v>
      </c>
      <c r="S9078">
        <v>420</v>
      </c>
    </row>
    <row r="9079" spans="1:19" x14ac:dyDescent="0.25">
      <c r="A9079">
        <v>24696885</v>
      </c>
      <c r="B9079" t="s">
        <v>46510</v>
      </c>
      <c r="C9079" s="1" t="s">
        <v>46511</v>
      </c>
      <c r="D9079">
        <v>24697391</v>
      </c>
      <c r="E9079">
        <v>1</v>
      </c>
      <c r="F9079">
        <v>0</v>
      </c>
      <c r="H9079" t="s">
        <v>46512</v>
      </c>
      <c r="J9079" t="s">
        <v>46513</v>
      </c>
      <c r="O9079">
        <v>1029771</v>
      </c>
      <c r="P9079">
        <v>1</v>
      </c>
      <c r="Q9079">
        <v>0</v>
      </c>
      <c r="R9079" t="s">
        <v>46514</v>
      </c>
      <c r="S9079">
        <v>1565</v>
      </c>
    </row>
    <row r="9080" spans="1:19" x14ac:dyDescent="0.25">
      <c r="A9080">
        <v>37792817</v>
      </c>
      <c r="B9080" t="s">
        <v>46515</v>
      </c>
      <c r="C9080" s="1" t="s">
        <v>46516</v>
      </c>
      <c r="E9080">
        <v>1</v>
      </c>
      <c r="F9080">
        <v>0</v>
      </c>
      <c r="H9080" t="s">
        <v>46517</v>
      </c>
      <c r="J9080" t="s">
        <v>46518</v>
      </c>
      <c r="O9080">
        <v>4887443</v>
      </c>
      <c r="P9080">
        <v>1</v>
      </c>
      <c r="Q9080">
        <v>0</v>
      </c>
      <c r="R9080" t="s">
        <v>46519</v>
      </c>
      <c r="S9080">
        <v>60</v>
      </c>
    </row>
    <row r="9081" spans="1:19" x14ac:dyDescent="0.25">
      <c r="A9081">
        <v>36122294</v>
      </c>
      <c r="B9081" t="s">
        <v>46520</v>
      </c>
      <c r="C9081" s="1" t="s">
        <v>46521</v>
      </c>
      <c r="E9081">
        <v>1</v>
      </c>
      <c r="F9081">
        <v>1</v>
      </c>
      <c r="H9081" t="s">
        <v>46522</v>
      </c>
      <c r="J9081" t="s">
        <v>46523</v>
      </c>
      <c r="K9081" t="s">
        <v>46523</v>
      </c>
      <c r="M9081">
        <v>5022249</v>
      </c>
      <c r="O9081">
        <v>6091429</v>
      </c>
      <c r="P9081">
        <v>1</v>
      </c>
      <c r="Q9081">
        <v>1</v>
      </c>
      <c r="R9081" t="s">
        <v>31699</v>
      </c>
      <c r="S9081">
        <v>60</v>
      </c>
    </row>
    <row r="9082" spans="1:19" x14ac:dyDescent="0.25">
      <c r="A9082">
        <v>49141730</v>
      </c>
      <c r="B9082" t="s">
        <v>46524</v>
      </c>
      <c r="C9082" s="1" t="s">
        <v>46525</v>
      </c>
      <c r="E9082">
        <v>1</v>
      </c>
      <c r="F9082">
        <v>0</v>
      </c>
      <c r="H9082" t="s">
        <v>46526</v>
      </c>
      <c r="J9082" t="s">
        <v>46527</v>
      </c>
      <c r="K9082" t="s">
        <v>46528</v>
      </c>
      <c r="M9082">
        <v>7083276</v>
      </c>
      <c r="O9082">
        <v>7083276</v>
      </c>
      <c r="P9082">
        <v>1</v>
      </c>
      <c r="Q9082">
        <v>1</v>
      </c>
      <c r="R9082" t="s">
        <v>46529</v>
      </c>
      <c r="S9082">
        <v>293</v>
      </c>
    </row>
    <row r="9083" spans="1:19" x14ac:dyDescent="0.25">
      <c r="A9083">
        <v>34263324</v>
      </c>
      <c r="B9083" t="s">
        <v>46530</v>
      </c>
      <c r="C9083" s="1" t="s">
        <v>46531</v>
      </c>
      <c r="E9083">
        <v>0</v>
      </c>
      <c r="F9083">
        <v>0</v>
      </c>
      <c r="H9083" t="s">
        <v>46532</v>
      </c>
      <c r="J9083" t="s">
        <v>46533</v>
      </c>
      <c r="K9083" t="s">
        <v>46533</v>
      </c>
      <c r="M9083">
        <v>4575252</v>
      </c>
      <c r="O9083">
        <v>2754178</v>
      </c>
      <c r="P9083">
        <v>1</v>
      </c>
      <c r="Q9083">
        <v>2</v>
      </c>
      <c r="R9083" t="s">
        <v>46534</v>
      </c>
      <c r="S9083">
        <v>22</v>
      </c>
    </row>
    <row r="9084" spans="1:19" x14ac:dyDescent="0.25">
      <c r="A9084">
        <v>29295700</v>
      </c>
      <c r="B9084" t="s">
        <v>46535</v>
      </c>
      <c r="C9084" s="1" t="s">
        <v>46536</v>
      </c>
      <c r="D9084">
        <v>29295882</v>
      </c>
      <c r="E9084">
        <v>1</v>
      </c>
      <c r="F9084">
        <v>0</v>
      </c>
      <c r="H9084" t="s">
        <v>46537</v>
      </c>
      <c r="I9084">
        <v>1</v>
      </c>
      <c r="J9084" t="s">
        <v>46538</v>
      </c>
      <c r="K9084" t="s">
        <v>46538</v>
      </c>
      <c r="M9084">
        <v>1549818</v>
      </c>
      <c r="O9084">
        <v>4719641</v>
      </c>
      <c r="P9084">
        <v>1</v>
      </c>
      <c r="Q9084">
        <v>0</v>
      </c>
      <c r="R9084" t="s">
        <v>46539</v>
      </c>
      <c r="S9084">
        <v>86</v>
      </c>
    </row>
    <row r="9085" spans="1:19" x14ac:dyDescent="0.25">
      <c r="A9085">
        <v>23103302</v>
      </c>
      <c r="B9085" t="s">
        <v>46540</v>
      </c>
      <c r="C9085" s="1" t="s">
        <v>46541</v>
      </c>
      <c r="E9085">
        <v>0</v>
      </c>
      <c r="F9085">
        <v>2</v>
      </c>
      <c r="H9085" t="s">
        <v>46542</v>
      </c>
      <c r="J9085" t="s">
        <v>46543</v>
      </c>
      <c r="K9085" t="s">
        <v>46543</v>
      </c>
      <c r="M9085">
        <v>1505120</v>
      </c>
      <c r="O9085">
        <v>1245027</v>
      </c>
      <c r="P9085">
        <v>1</v>
      </c>
      <c r="Q9085">
        <v>0</v>
      </c>
      <c r="R9085" t="s">
        <v>46544</v>
      </c>
      <c r="S9085">
        <v>32</v>
      </c>
    </row>
    <row r="9086" spans="1:19" x14ac:dyDescent="0.25">
      <c r="A9086">
        <v>9130305</v>
      </c>
      <c r="B9086" t="s">
        <v>46545</v>
      </c>
      <c r="C9086" s="1" t="s">
        <v>46546</v>
      </c>
      <c r="D9086">
        <v>9130468</v>
      </c>
      <c r="E9086">
        <v>1</v>
      </c>
      <c r="F9086">
        <v>0</v>
      </c>
      <c r="H9086" t="s">
        <v>46547</v>
      </c>
      <c r="J9086" t="s">
        <v>46548</v>
      </c>
      <c r="K9086" t="s">
        <v>46548</v>
      </c>
      <c r="M9086">
        <v>4370109</v>
      </c>
      <c r="O9086">
        <v>193655</v>
      </c>
      <c r="P9086">
        <v>1</v>
      </c>
      <c r="Q9086">
        <v>1</v>
      </c>
      <c r="R9086" t="s">
        <v>46549</v>
      </c>
      <c r="S9086">
        <v>908</v>
      </c>
    </row>
    <row r="9087" spans="1:19" x14ac:dyDescent="0.25">
      <c r="A9087">
        <v>37033838</v>
      </c>
      <c r="B9087" t="s">
        <v>46550</v>
      </c>
      <c r="C9087" s="1" t="s">
        <v>46551</v>
      </c>
      <c r="D9087">
        <v>37033885</v>
      </c>
      <c r="E9087">
        <v>2</v>
      </c>
      <c r="F9087">
        <v>0</v>
      </c>
      <c r="H9087" t="s">
        <v>46552</v>
      </c>
      <c r="J9087" t="s">
        <v>46553</v>
      </c>
      <c r="O9087">
        <v>857025</v>
      </c>
      <c r="P9087">
        <v>1</v>
      </c>
      <c r="Q9087">
        <v>1</v>
      </c>
      <c r="R9087" t="s">
        <v>46554</v>
      </c>
      <c r="S9087">
        <v>1054</v>
      </c>
    </row>
    <row r="9088" spans="1:19" x14ac:dyDescent="0.25">
      <c r="A9088">
        <v>50817746</v>
      </c>
      <c r="B9088" t="s">
        <v>46555</v>
      </c>
      <c r="C9088" s="1" t="s">
        <v>46556</v>
      </c>
      <c r="D9088">
        <v>50819057</v>
      </c>
      <c r="E9088">
        <v>2</v>
      </c>
      <c r="F9088">
        <v>0</v>
      </c>
      <c r="H9088" t="s">
        <v>46557</v>
      </c>
      <c r="J9088" t="s">
        <v>46558</v>
      </c>
      <c r="O9088">
        <v>9371654</v>
      </c>
      <c r="P9088">
        <v>1</v>
      </c>
      <c r="Q9088">
        <v>0</v>
      </c>
      <c r="R9088" t="s">
        <v>46559</v>
      </c>
      <c r="S9088">
        <v>410</v>
      </c>
    </row>
    <row r="9089" spans="1:19" x14ac:dyDescent="0.25">
      <c r="A9089">
        <v>6782590</v>
      </c>
      <c r="B9089" t="s">
        <v>46560</v>
      </c>
      <c r="C9089" s="1" t="s">
        <v>46561</v>
      </c>
      <c r="D9089">
        <v>6782742</v>
      </c>
      <c r="E9089">
        <v>1</v>
      </c>
      <c r="F9089">
        <v>13</v>
      </c>
      <c r="H9089" t="s">
        <v>46562</v>
      </c>
      <c r="J9089" t="s">
        <v>46563</v>
      </c>
      <c r="O9089">
        <v>82320</v>
      </c>
      <c r="P9089">
        <v>1</v>
      </c>
      <c r="Q9089">
        <v>2</v>
      </c>
      <c r="R9089" t="s">
        <v>46564</v>
      </c>
      <c r="S9089">
        <v>349</v>
      </c>
    </row>
    <row r="9090" spans="1:19" x14ac:dyDescent="0.25">
      <c r="A9090">
        <v>17670707</v>
      </c>
      <c r="B9090" t="s">
        <v>46565</v>
      </c>
      <c r="C9090" s="1" t="s">
        <v>46566</v>
      </c>
      <c r="E9090">
        <v>2</v>
      </c>
      <c r="F9090">
        <v>1</v>
      </c>
      <c r="H9090" t="s">
        <v>46567</v>
      </c>
      <c r="I9090">
        <v>1</v>
      </c>
      <c r="J9090" t="s">
        <v>46568</v>
      </c>
      <c r="K9090" t="s">
        <v>46569</v>
      </c>
      <c r="M9090">
        <v>4370109</v>
      </c>
      <c r="O9090">
        <v>2586242</v>
      </c>
      <c r="P9090">
        <v>1</v>
      </c>
      <c r="Q9090">
        <v>3</v>
      </c>
      <c r="R9090" t="s">
        <v>46570</v>
      </c>
      <c r="S9090">
        <v>2222</v>
      </c>
    </row>
    <row r="9091" spans="1:19" x14ac:dyDescent="0.25">
      <c r="A9091">
        <v>52060750</v>
      </c>
      <c r="B9091" t="s">
        <v>46571</v>
      </c>
      <c r="C9091" s="1" t="s">
        <v>46572</v>
      </c>
      <c r="E9091">
        <v>0</v>
      </c>
      <c r="F9091">
        <v>7</v>
      </c>
      <c r="H9091" t="s">
        <v>46573</v>
      </c>
      <c r="J9091" t="s">
        <v>46574</v>
      </c>
      <c r="K9091" t="s">
        <v>46574</v>
      </c>
      <c r="M9091">
        <v>8129993</v>
      </c>
      <c r="O9091">
        <v>8129993</v>
      </c>
      <c r="P9091">
        <v>1</v>
      </c>
      <c r="Q9091">
        <v>0</v>
      </c>
      <c r="R9091" t="s">
        <v>46575</v>
      </c>
      <c r="S9091">
        <v>24</v>
      </c>
    </row>
    <row r="9092" spans="1:19" x14ac:dyDescent="0.25">
      <c r="A9092">
        <v>48400638</v>
      </c>
      <c r="B9092" t="s">
        <v>46576</v>
      </c>
      <c r="C9092" s="1" t="s">
        <v>46577</v>
      </c>
      <c r="E9092">
        <v>0</v>
      </c>
      <c r="F9092">
        <v>4</v>
      </c>
      <c r="H9092" t="s">
        <v>46578</v>
      </c>
      <c r="I9092">
        <v>1</v>
      </c>
      <c r="J9092" t="s">
        <v>46579</v>
      </c>
      <c r="K9092" t="s">
        <v>46579</v>
      </c>
      <c r="M9092">
        <v>863110</v>
      </c>
      <c r="O9092">
        <v>7637152</v>
      </c>
      <c r="P9092">
        <v>1</v>
      </c>
      <c r="Q9092">
        <v>0</v>
      </c>
      <c r="R9092" t="s">
        <v>46580</v>
      </c>
      <c r="S9092">
        <v>47</v>
      </c>
    </row>
    <row r="9093" spans="1:19" x14ac:dyDescent="0.25">
      <c r="A9093">
        <v>32639988</v>
      </c>
      <c r="B9093" t="s">
        <v>46581</v>
      </c>
      <c r="C9093" s="1" t="s">
        <v>46582</v>
      </c>
      <c r="E9093">
        <v>0</v>
      </c>
      <c r="F9093">
        <v>6</v>
      </c>
      <c r="H9093" t="s">
        <v>46583</v>
      </c>
      <c r="J9093" t="s">
        <v>46584</v>
      </c>
      <c r="K9093" t="s">
        <v>46584</v>
      </c>
      <c r="M9093">
        <v>930402</v>
      </c>
      <c r="O9093">
        <v>930402</v>
      </c>
      <c r="P9093">
        <v>1</v>
      </c>
      <c r="Q9093">
        <v>1</v>
      </c>
      <c r="R9093" t="s">
        <v>46585</v>
      </c>
      <c r="S9093">
        <v>908</v>
      </c>
    </row>
    <row r="9094" spans="1:19" x14ac:dyDescent="0.25">
      <c r="A9094">
        <v>258509</v>
      </c>
      <c r="B9094" t="s">
        <v>46586</v>
      </c>
      <c r="C9094" s="1" t="s">
        <v>46587</v>
      </c>
      <c r="D9094">
        <v>258656</v>
      </c>
      <c r="E9094">
        <v>19</v>
      </c>
      <c r="F9094">
        <v>0</v>
      </c>
      <c r="G9094" t="s">
        <v>46588</v>
      </c>
      <c r="H9094" t="s">
        <v>46588</v>
      </c>
      <c r="I9094">
        <v>5</v>
      </c>
      <c r="J9094" t="s">
        <v>46589</v>
      </c>
      <c r="K9094" t="s">
        <v>46589</v>
      </c>
      <c r="L9094" t="s">
        <v>46590</v>
      </c>
      <c r="M9094">
        <v>1288</v>
      </c>
      <c r="N9094" t="s">
        <v>46591</v>
      </c>
      <c r="O9094">
        <v>29157</v>
      </c>
      <c r="P9094">
        <v>1</v>
      </c>
      <c r="Q9094">
        <v>10</v>
      </c>
      <c r="R9094" t="s">
        <v>6766</v>
      </c>
      <c r="S9094">
        <v>3305</v>
      </c>
    </row>
    <row r="9095" spans="1:19" x14ac:dyDescent="0.25">
      <c r="A9095">
        <v>37545691</v>
      </c>
      <c r="B9095" t="s">
        <v>46592</v>
      </c>
      <c r="C9095" s="1" t="s">
        <v>46593</v>
      </c>
      <c r="E9095">
        <v>1</v>
      </c>
      <c r="F9095">
        <v>0</v>
      </c>
      <c r="H9095" t="s">
        <v>46594</v>
      </c>
      <c r="J9095" t="s">
        <v>46595</v>
      </c>
      <c r="O9095">
        <v>3053191</v>
      </c>
      <c r="P9095">
        <v>1</v>
      </c>
      <c r="Q9095">
        <v>1</v>
      </c>
      <c r="R9095" t="s">
        <v>46596</v>
      </c>
      <c r="S9095">
        <v>997</v>
      </c>
    </row>
    <row r="9096" spans="1:19" x14ac:dyDescent="0.25">
      <c r="A9096">
        <v>32475084</v>
      </c>
      <c r="B9096" t="s">
        <v>46597</v>
      </c>
      <c r="C9096" s="1" t="s">
        <v>46598</v>
      </c>
      <c r="D9096">
        <v>32475323</v>
      </c>
      <c r="E9096">
        <v>1</v>
      </c>
      <c r="F9096">
        <v>0</v>
      </c>
      <c r="H9096" t="s">
        <v>46599</v>
      </c>
      <c r="J9096" t="s">
        <v>46600</v>
      </c>
      <c r="K9096" t="s">
        <v>46600</v>
      </c>
      <c r="M9096">
        <v>4119508</v>
      </c>
      <c r="O9096">
        <v>4119508</v>
      </c>
      <c r="P9096">
        <v>1</v>
      </c>
      <c r="Q9096">
        <v>2</v>
      </c>
      <c r="R9096" t="s">
        <v>46601</v>
      </c>
      <c r="S9096">
        <v>824</v>
      </c>
    </row>
    <row r="9097" spans="1:19" x14ac:dyDescent="0.25">
      <c r="A9097">
        <v>34935042</v>
      </c>
      <c r="B9097" t="s">
        <v>46602</v>
      </c>
      <c r="C9097" s="1" t="s">
        <v>46603</v>
      </c>
      <c r="D9097">
        <v>34935107</v>
      </c>
      <c r="E9097">
        <v>1</v>
      </c>
      <c r="F9097">
        <v>0</v>
      </c>
      <c r="H9097" t="s">
        <v>46604</v>
      </c>
      <c r="I9097">
        <v>1</v>
      </c>
      <c r="J9097" t="s">
        <v>46605</v>
      </c>
      <c r="K9097" t="s">
        <v>46606</v>
      </c>
      <c r="M9097">
        <v>-1</v>
      </c>
      <c r="O9097">
        <v>878532</v>
      </c>
      <c r="P9097">
        <v>1</v>
      </c>
      <c r="Q9097">
        <v>0</v>
      </c>
      <c r="R9097" t="s">
        <v>46607</v>
      </c>
      <c r="S9097">
        <v>70</v>
      </c>
    </row>
    <row r="9098" spans="1:19" x14ac:dyDescent="0.25">
      <c r="A9098">
        <v>31926155</v>
      </c>
      <c r="B9098" t="s">
        <v>46608</v>
      </c>
      <c r="C9098" s="1" t="s">
        <v>46609</v>
      </c>
      <c r="E9098">
        <v>1</v>
      </c>
      <c r="F9098">
        <v>2</v>
      </c>
      <c r="H9098" t="s">
        <v>46610</v>
      </c>
      <c r="J9098" t="s">
        <v>46611</v>
      </c>
      <c r="O9098">
        <v>4355086</v>
      </c>
      <c r="P9098">
        <v>1</v>
      </c>
      <c r="Q9098">
        <v>1</v>
      </c>
      <c r="R9098" t="s">
        <v>46612</v>
      </c>
      <c r="S9098">
        <v>56</v>
      </c>
    </row>
    <row r="9099" spans="1:19" x14ac:dyDescent="0.25">
      <c r="A9099">
        <v>33001689</v>
      </c>
      <c r="B9099" t="s">
        <v>46613</v>
      </c>
      <c r="C9099" s="1" t="s">
        <v>46614</v>
      </c>
      <c r="D9099">
        <v>33020509</v>
      </c>
      <c r="E9099">
        <v>1</v>
      </c>
      <c r="F9099">
        <v>7</v>
      </c>
      <c r="H9099" t="s">
        <v>46615</v>
      </c>
      <c r="J9099" t="s">
        <v>46616</v>
      </c>
      <c r="K9099" t="s">
        <v>46617</v>
      </c>
      <c r="M9099">
        <v>5035345</v>
      </c>
      <c r="O9099">
        <v>5035345</v>
      </c>
      <c r="P9099">
        <v>1</v>
      </c>
      <c r="Q9099">
        <v>2</v>
      </c>
      <c r="R9099" t="s">
        <v>23150</v>
      </c>
      <c r="S9099">
        <v>1432</v>
      </c>
    </row>
    <row r="9100" spans="1:19" x14ac:dyDescent="0.25">
      <c r="A9100">
        <v>32236999</v>
      </c>
      <c r="B9100" t="s">
        <v>46618</v>
      </c>
      <c r="C9100" s="1" t="s">
        <v>46619</v>
      </c>
      <c r="D9100">
        <v>32237026</v>
      </c>
      <c r="E9100">
        <v>1</v>
      </c>
      <c r="F9100">
        <v>1</v>
      </c>
      <c r="H9100" t="s">
        <v>46620</v>
      </c>
      <c r="J9100" t="s">
        <v>46621</v>
      </c>
      <c r="O9100">
        <v>4909542</v>
      </c>
      <c r="P9100">
        <v>1</v>
      </c>
      <c r="Q9100">
        <v>0</v>
      </c>
      <c r="R9100" t="s">
        <v>46622</v>
      </c>
      <c r="S9100">
        <v>371</v>
      </c>
    </row>
    <row r="9101" spans="1:19" x14ac:dyDescent="0.25">
      <c r="A9101">
        <v>16535325</v>
      </c>
      <c r="B9101" t="s">
        <v>46623</v>
      </c>
      <c r="C9101" s="1" t="s">
        <v>46624</v>
      </c>
      <c r="E9101">
        <v>2</v>
      </c>
      <c r="F9101">
        <v>0</v>
      </c>
      <c r="H9101" t="s">
        <v>46625</v>
      </c>
      <c r="J9101" t="s">
        <v>46626</v>
      </c>
      <c r="K9101" t="s">
        <v>46627</v>
      </c>
      <c r="M9101">
        <v>1936343</v>
      </c>
      <c r="O9101">
        <v>1936343</v>
      </c>
      <c r="P9101">
        <v>1</v>
      </c>
      <c r="Q9101">
        <v>0</v>
      </c>
      <c r="R9101" t="s">
        <v>42321</v>
      </c>
      <c r="S9101">
        <v>554</v>
      </c>
    </row>
    <row r="9102" spans="1:19" x14ac:dyDescent="0.25">
      <c r="A9102">
        <v>18954654</v>
      </c>
      <c r="B9102" t="s">
        <v>46628</v>
      </c>
      <c r="C9102" s="1" t="s">
        <v>46629</v>
      </c>
      <c r="D9102">
        <v>18961033</v>
      </c>
      <c r="E9102">
        <v>2</v>
      </c>
      <c r="F9102">
        <v>1</v>
      </c>
      <c r="H9102" t="s">
        <v>46630</v>
      </c>
      <c r="I9102">
        <v>5</v>
      </c>
      <c r="J9102" t="s">
        <v>46631</v>
      </c>
      <c r="K9102" t="s">
        <v>46632</v>
      </c>
      <c r="M9102">
        <v>562769</v>
      </c>
      <c r="O9102">
        <v>2806022</v>
      </c>
      <c r="P9102">
        <v>1</v>
      </c>
      <c r="Q9102">
        <v>15</v>
      </c>
      <c r="R9102" t="s">
        <v>46633</v>
      </c>
      <c r="S9102">
        <v>23949</v>
      </c>
    </row>
    <row r="9103" spans="1:19" x14ac:dyDescent="0.25">
      <c r="A9103">
        <v>3267023</v>
      </c>
      <c r="B9103" t="s">
        <v>46634</v>
      </c>
      <c r="C9103" s="1" t="s">
        <v>46635</v>
      </c>
      <c r="D9103">
        <v>3267091</v>
      </c>
      <c r="E9103">
        <v>1</v>
      </c>
      <c r="F9103">
        <v>0</v>
      </c>
      <c r="H9103" t="s">
        <v>46636</v>
      </c>
      <c r="I9103">
        <v>3</v>
      </c>
      <c r="J9103" t="s">
        <v>46637</v>
      </c>
      <c r="K9103" t="s">
        <v>46637</v>
      </c>
      <c r="M9103">
        <v>382275</v>
      </c>
      <c r="O9103">
        <v>382275</v>
      </c>
      <c r="P9103">
        <v>1</v>
      </c>
      <c r="Q9103">
        <v>4</v>
      </c>
      <c r="R9103" t="s">
        <v>46638</v>
      </c>
      <c r="S9103">
        <v>11302</v>
      </c>
    </row>
    <row r="9104" spans="1:19" x14ac:dyDescent="0.25">
      <c r="A9104">
        <v>30434324</v>
      </c>
      <c r="B9104" t="s">
        <v>46639</v>
      </c>
      <c r="C9104" s="1" t="s">
        <v>46640</v>
      </c>
      <c r="E9104">
        <v>0</v>
      </c>
      <c r="F9104">
        <v>1</v>
      </c>
      <c r="H9104" t="s">
        <v>46641</v>
      </c>
      <c r="I9104">
        <v>0</v>
      </c>
      <c r="J9104" t="s">
        <v>46642</v>
      </c>
      <c r="K9104" t="s">
        <v>46642</v>
      </c>
      <c r="M9104">
        <v>4913019</v>
      </c>
      <c r="O9104">
        <v>4913019</v>
      </c>
      <c r="P9104">
        <v>1</v>
      </c>
      <c r="Q9104">
        <v>1</v>
      </c>
      <c r="R9104" t="s">
        <v>1466</v>
      </c>
      <c r="S9104">
        <v>58</v>
      </c>
    </row>
    <row r="9105" spans="1:19" x14ac:dyDescent="0.25">
      <c r="A9105">
        <v>49885298</v>
      </c>
      <c r="B9105" t="s">
        <v>46643</v>
      </c>
      <c r="C9105" s="1" t="s">
        <v>46644</v>
      </c>
      <c r="D9105">
        <v>49886042</v>
      </c>
      <c r="E9105">
        <v>1</v>
      </c>
      <c r="F9105">
        <v>8</v>
      </c>
      <c r="H9105" t="s">
        <v>46645</v>
      </c>
      <c r="J9105" t="s">
        <v>46646</v>
      </c>
      <c r="K9105" t="s">
        <v>46647</v>
      </c>
      <c r="M9105">
        <v>7835965</v>
      </c>
      <c r="O9105">
        <v>7835965</v>
      </c>
      <c r="P9105">
        <v>1</v>
      </c>
      <c r="Q9105">
        <v>1</v>
      </c>
      <c r="R9105" t="s">
        <v>46648</v>
      </c>
      <c r="S9105">
        <v>204</v>
      </c>
    </row>
    <row r="9106" spans="1:19" x14ac:dyDescent="0.25">
      <c r="A9106">
        <v>28394663</v>
      </c>
      <c r="B9106" t="s">
        <v>46649</v>
      </c>
      <c r="C9106" s="1" t="s">
        <v>46650</v>
      </c>
      <c r="D9106">
        <v>28426360</v>
      </c>
      <c r="E9106">
        <v>1</v>
      </c>
      <c r="F9106">
        <v>0</v>
      </c>
      <c r="H9106" t="s">
        <v>46651</v>
      </c>
      <c r="J9106" t="s">
        <v>46652</v>
      </c>
      <c r="K9106" t="s">
        <v>46652</v>
      </c>
      <c r="M9106">
        <v>1938742</v>
      </c>
      <c r="O9106">
        <v>1938742</v>
      </c>
      <c r="P9106">
        <v>1</v>
      </c>
      <c r="Q9106">
        <v>0</v>
      </c>
      <c r="R9106" t="s">
        <v>46653</v>
      </c>
      <c r="S9106">
        <v>162</v>
      </c>
    </row>
    <row r="9107" spans="1:19" x14ac:dyDescent="0.25">
      <c r="A9107">
        <v>11224442</v>
      </c>
      <c r="B9107" t="s">
        <v>46654</v>
      </c>
      <c r="C9107" s="1" t="s">
        <v>46655</v>
      </c>
      <c r="D9107">
        <v>11224949</v>
      </c>
      <c r="E9107">
        <v>2</v>
      </c>
      <c r="F9107">
        <v>4</v>
      </c>
      <c r="H9107" t="s">
        <v>46656</v>
      </c>
      <c r="I9107">
        <v>1</v>
      </c>
      <c r="J9107" t="s">
        <v>46657</v>
      </c>
      <c r="K9107" t="s">
        <v>46657</v>
      </c>
      <c r="M9107">
        <v>79109</v>
      </c>
      <c r="O9107">
        <v>79109</v>
      </c>
      <c r="P9107">
        <v>1</v>
      </c>
      <c r="Q9107">
        <v>0</v>
      </c>
      <c r="R9107" t="s">
        <v>1446</v>
      </c>
      <c r="S9107">
        <v>65</v>
      </c>
    </row>
    <row r="9108" spans="1:19" x14ac:dyDescent="0.25">
      <c r="A9108">
        <v>45602879</v>
      </c>
      <c r="B9108" t="s">
        <v>46658</v>
      </c>
      <c r="C9108" t="s">
        <v>46659</v>
      </c>
      <c r="D9108">
        <v>45603544</v>
      </c>
      <c r="E9108">
        <v>2</v>
      </c>
      <c r="F9108">
        <v>0</v>
      </c>
      <c r="H9108" t="s">
        <v>46660</v>
      </c>
      <c r="I9108">
        <v>1</v>
      </c>
      <c r="J9108" t="s">
        <v>46661</v>
      </c>
      <c r="K9108" t="s">
        <v>46662</v>
      </c>
      <c r="M9108">
        <v>5223918</v>
      </c>
      <c r="O9108">
        <v>8296304</v>
      </c>
      <c r="P9108">
        <v>1</v>
      </c>
      <c r="Q9108">
        <v>2</v>
      </c>
      <c r="R9108" t="s">
        <v>46663</v>
      </c>
      <c r="S9108">
        <v>246</v>
      </c>
    </row>
    <row r="9109" spans="1:19" x14ac:dyDescent="0.25">
      <c r="A9109">
        <v>41473289</v>
      </c>
      <c r="B9109" t="s">
        <v>46664</v>
      </c>
      <c r="C9109" s="1" t="s">
        <v>46665</v>
      </c>
      <c r="E9109">
        <v>1</v>
      </c>
      <c r="F9109">
        <v>1</v>
      </c>
      <c r="H9109" t="s">
        <v>46666</v>
      </c>
      <c r="J9109" t="s">
        <v>46667</v>
      </c>
      <c r="K9109" t="s">
        <v>46668</v>
      </c>
      <c r="M9109">
        <v>2947502</v>
      </c>
      <c r="O9109">
        <v>6704245</v>
      </c>
      <c r="P9109">
        <v>1</v>
      </c>
      <c r="Q9109">
        <v>4</v>
      </c>
      <c r="R9109" t="s">
        <v>46669</v>
      </c>
      <c r="S9109">
        <v>300</v>
      </c>
    </row>
    <row r="9110" spans="1:19" x14ac:dyDescent="0.25">
      <c r="A9110">
        <v>23117767</v>
      </c>
      <c r="B9110" t="s">
        <v>46670</v>
      </c>
      <c r="C9110" s="1" t="s">
        <v>46671</v>
      </c>
      <c r="D9110">
        <v>23117802</v>
      </c>
      <c r="E9110">
        <v>1</v>
      </c>
      <c r="F9110">
        <v>0</v>
      </c>
      <c r="H9110" t="s">
        <v>46672</v>
      </c>
      <c r="I9110">
        <v>1</v>
      </c>
      <c r="J9110" t="s">
        <v>46673</v>
      </c>
      <c r="O9110">
        <v>3542533</v>
      </c>
      <c r="P9110">
        <v>1</v>
      </c>
      <c r="Q9110">
        <v>1</v>
      </c>
      <c r="R9110" t="s">
        <v>46674</v>
      </c>
      <c r="S9110">
        <v>123</v>
      </c>
    </row>
    <row r="9111" spans="1:19" x14ac:dyDescent="0.25">
      <c r="A9111">
        <v>35719432</v>
      </c>
      <c r="B9111" t="s">
        <v>46675</v>
      </c>
      <c r="C9111" s="1" t="s">
        <v>46676</v>
      </c>
      <c r="E9111">
        <v>2</v>
      </c>
      <c r="F9111">
        <v>0</v>
      </c>
      <c r="H9111" t="s">
        <v>46677</v>
      </c>
      <c r="J9111" t="s">
        <v>46678</v>
      </c>
      <c r="K9111" t="s">
        <v>46678</v>
      </c>
      <c r="M9111">
        <v>2196636</v>
      </c>
      <c r="O9111">
        <v>2196636</v>
      </c>
      <c r="P9111">
        <v>1</v>
      </c>
      <c r="Q9111">
        <v>0</v>
      </c>
      <c r="R9111" t="s">
        <v>46679</v>
      </c>
      <c r="S9111">
        <v>526</v>
      </c>
    </row>
    <row r="9112" spans="1:19" x14ac:dyDescent="0.25">
      <c r="A9112">
        <v>15270784</v>
      </c>
      <c r="B9112" t="s">
        <v>46680</v>
      </c>
      <c r="C9112" s="1" t="s">
        <v>46681</v>
      </c>
      <c r="E9112">
        <v>2</v>
      </c>
      <c r="F9112">
        <v>2</v>
      </c>
      <c r="H9112" t="s">
        <v>46682</v>
      </c>
      <c r="J9112" t="s">
        <v>46683</v>
      </c>
      <c r="K9112" t="s">
        <v>46684</v>
      </c>
      <c r="M9112">
        <v>2143025</v>
      </c>
      <c r="O9112">
        <v>2143025</v>
      </c>
      <c r="P9112">
        <v>1</v>
      </c>
      <c r="Q9112">
        <v>2</v>
      </c>
      <c r="R9112" t="s">
        <v>46685</v>
      </c>
      <c r="S9112">
        <v>6352</v>
      </c>
    </row>
    <row r="9113" spans="1:19" x14ac:dyDescent="0.25">
      <c r="A9113">
        <v>4413701</v>
      </c>
      <c r="B9113" t="s">
        <v>46686</v>
      </c>
      <c r="C9113" t="s">
        <v>46687</v>
      </c>
      <c r="D9113">
        <v>4413737</v>
      </c>
      <c r="E9113">
        <v>3</v>
      </c>
      <c r="F9113">
        <v>0</v>
      </c>
      <c r="H9113" t="s">
        <v>46688</v>
      </c>
      <c r="I9113">
        <v>1</v>
      </c>
      <c r="J9113" t="s">
        <v>46689</v>
      </c>
      <c r="O9113">
        <v>214296</v>
      </c>
      <c r="P9113">
        <v>1</v>
      </c>
      <c r="Q9113">
        <v>1</v>
      </c>
      <c r="R9113" t="s">
        <v>46690</v>
      </c>
      <c r="S9113">
        <v>2305</v>
      </c>
    </row>
    <row r="9114" spans="1:19" x14ac:dyDescent="0.25">
      <c r="A9114">
        <v>19490298</v>
      </c>
      <c r="B9114" t="s">
        <v>46691</v>
      </c>
      <c r="C9114" s="1" t="s">
        <v>46692</v>
      </c>
      <c r="D9114">
        <v>19537496</v>
      </c>
      <c r="E9114">
        <v>1</v>
      </c>
      <c r="F9114">
        <v>9</v>
      </c>
      <c r="H9114" t="s">
        <v>46693</v>
      </c>
      <c r="I9114">
        <v>0</v>
      </c>
      <c r="J9114" t="s">
        <v>46694</v>
      </c>
      <c r="K9114" t="s">
        <v>46695</v>
      </c>
      <c r="M9114">
        <v>2751236</v>
      </c>
      <c r="O9114">
        <v>2751236</v>
      </c>
      <c r="P9114">
        <v>1</v>
      </c>
      <c r="Q9114">
        <v>1</v>
      </c>
      <c r="R9114" t="s">
        <v>46696</v>
      </c>
      <c r="S9114">
        <v>1295</v>
      </c>
    </row>
    <row r="9115" spans="1:19" x14ac:dyDescent="0.25">
      <c r="A9115">
        <v>22549446</v>
      </c>
      <c r="B9115" t="s">
        <v>46697</v>
      </c>
      <c r="C9115" s="1" t="s">
        <v>46698</v>
      </c>
      <c r="D9115">
        <v>22600148</v>
      </c>
      <c r="E9115">
        <v>2</v>
      </c>
      <c r="F9115">
        <v>0</v>
      </c>
      <c r="H9115" t="s">
        <v>46699</v>
      </c>
      <c r="J9115" t="s">
        <v>46700</v>
      </c>
      <c r="K9115" t="s">
        <v>46701</v>
      </c>
      <c r="M9115">
        <v>3444713</v>
      </c>
      <c r="O9115">
        <v>3444713</v>
      </c>
      <c r="P9115">
        <v>1</v>
      </c>
      <c r="Q9115">
        <v>0</v>
      </c>
      <c r="R9115" t="s">
        <v>46702</v>
      </c>
      <c r="S9115">
        <v>201</v>
      </c>
    </row>
    <row r="9116" spans="1:19" x14ac:dyDescent="0.25">
      <c r="A9116">
        <v>34658859</v>
      </c>
      <c r="B9116" t="s">
        <v>46703</v>
      </c>
      <c r="C9116" s="1" t="s">
        <v>46704</v>
      </c>
      <c r="E9116">
        <v>0</v>
      </c>
      <c r="F9116">
        <v>1</v>
      </c>
      <c r="H9116" t="s">
        <v>46705</v>
      </c>
      <c r="J9116" t="s">
        <v>46705</v>
      </c>
      <c r="O9116">
        <v>5294534</v>
      </c>
      <c r="P9116">
        <v>1</v>
      </c>
      <c r="Q9116">
        <v>1</v>
      </c>
      <c r="R9116" t="s">
        <v>8052</v>
      </c>
      <c r="S9116">
        <v>161</v>
      </c>
    </row>
    <row r="9117" spans="1:19" x14ac:dyDescent="0.25">
      <c r="A9117">
        <v>17170354</v>
      </c>
      <c r="B9117" t="s">
        <v>46706</v>
      </c>
      <c r="C9117" s="1" t="s">
        <v>46707</v>
      </c>
      <c r="E9117">
        <v>1</v>
      </c>
      <c r="F9117">
        <v>0</v>
      </c>
      <c r="H9117" t="s">
        <v>46708</v>
      </c>
      <c r="J9117" t="s">
        <v>46709</v>
      </c>
      <c r="O9117">
        <v>1334523</v>
      </c>
      <c r="P9117">
        <v>1</v>
      </c>
      <c r="Q9117">
        <v>0</v>
      </c>
      <c r="R9117" t="s">
        <v>46710</v>
      </c>
      <c r="S9117">
        <v>74</v>
      </c>
    </row>
    <row r="9118" spans="1:19" x14ac:dyDescent="0.25">
      <c r="A9118">
        <v>22438424</v>
      </c>
      <c r="B9118" t="s">
        <v>46711</v>
      </c>
      <c r="C9118" s="1" t="s">
        <v>46712</v>
      </c>
      <c r="D9118">
        <v>22438479</v>
      </c>
      <c r="E9118">
        <v>1</v>
      </c>
      <c r="F9118">
        <v>0</v>
      </c>
      <c r="H9118" t="s">
        <v>46713</v>
      </c>
      <c r="J9118" t="s">
        <v>46714</v>
      </c>
      <c r="K9118" t="s">
        <v>46715</v>
      </c>
      <c r="M9118">
        <v>1725764</v>
      </c>
      <c r="O9118">
        <v>3066588</v>
      </c>
      <c r="P9118">
        <v>1</v>
      </c>
      <c r="Q9118">
        <v>1</v>
      </c>
      <c r="R9118" t="s">
        <v>1446</v>
      </c>
      <c r="S9118">
        <v>32</v>
      </c>
    </row>
    <row r="9119" spans="1:19" x14ac:dyDescent="0.25">
      <c r="A9119">
        <v>17615051</v>
      </c>
      <c r="B9119" t="s">
        <v>46716</v>
      </c>
      <c r="C9119" s="1" t="s">
        <v>46717</v>
      </c>
      <c r="D9119">
        <v>17615145</v>
      </c>
      <c r="E9119">
        <v>3</v>
      </c>
      <c r="F9119">
        <v>0</v>
      </c>
      <c r="H9119" t="s">
        <v>46718</v>
      </c>
      <c r="J9119" t="s">
        <v>46719</v>
      </c>
      <c r="K9119" t="s">
        <v>46719</v>
      </c>
      <c r="M9119">
        <v>895378</v>
      </c>
      <c r="O9119">
        <v>2574595</v>
      </c>
      <c r="P9119">
        <v>1</v>
      </c>
      <c r="Q9119">
        <v>1</v>
      </c>
      <c r="R9119" t="s">
        <v>46720</v>
      </c>
      <c r="S9119">
        <v>731</v>
      </c>
    </row>
    <row r="9120" spans="1:19" x14ac:dyDescent="0.25">
      <c r="A9120">
        <v>31671124</v>
      </c>
      <c r="B9120" t="s">
        <v>46721</v>
      </c>
      <c r="C9120" s="1" t="s">
        <v>46722</v>
      </c>
      <c r="E9120">
        <v>1</v>
      </c>
      <c r="F9120">
        <v>0</v>
      </c>
      <c r="H9120" t="s">
        <v>46723</v>
      </c>
      <c r="J9120" t="s">
        <v>46724</v>
      </c>
      <c r="O9120">
        <v>4144318</v>
      </c>
      <c r="P9120">
        <v>1</v>
      </c>
      <c r="Q9120">
        <v>0</v>
      </c>
      <c r="R9120" t="s">
        <v>46725</v>
      </c>
      <c r="S9120">
        <v>40</v>
      </c>
    </row>
    <row r="9121" spans="1:19" x14ac:dyDescent="0.25">
      <c r="A9121">
        <v>16541830</v>
      </c>
      <c r="B9121" t="s">
        <v>46726</v>
      </c>
      <c r="C9121" t="s">
        <v>46727</v>
      </c>
      <c r="D9121">
        <v>16542004</v>
      </c>
      <c r="E9121">
        <v>1</v>
      </c>
      <c r="F9121">
        <v>0</v>
      </c>
      <c r="H9121" t="s">
        <v>46728</v>
      </c>
      <c r="J9121" t="s">
        <v>46729</v>
      </c>
      <c r="O9121">
        <v>1409496</v>
      </c>
      <c r="P9121">
        <v>1</v>
      </c>
      <c r="Q9121">
        <v>-4</v>
      </c>
      <c r="R9121" t="s">
        <v>26157</v>
      </c>
      <c r="S9121">
        <v>609</v>
      </c>
    </row>
    <row r="9122" spans="1:19" x14ac:dyDescent="0.25">
      <c r="A9122">
        <v>48702729</v>
      </c>
      <c r="B9122" t="s">
        <v>46730</v>
      </c>
      <c r="C9122" s="1" t="s">
        <v>46731</v>
      </c>
      <c r="E9122">
        <v>2</v>
      </c>
      <c r="F9122">
        <v>5</v>
      </c>
      <c r="H9122" t="s">
        <v>46732</v>
      </c>
      <c r="J9122" t="s">
        <v>46733</v>
      </c>
      <c r="K9122" t="s">
        <v>46734</v>
      </c>
      <c r="M9122">
        <v>9293870</v>
      </c>
      <c r="O9122">
        <v>9293870</v>
      </c>
      <c r="P9122">
        <v>1</v>
      </c>
      <c r="Q9122">
        <v>0</v>
      </c>
      <c r="R9122" t="s">
        <v>22729</v>
      </c>
      <c r="S9122">
        <v>70</v>
      </c>
    </row>
    <row r="9123" spans="1:19" x14ac:dyDescent="0.25">
      <c r="A9123">
        <v>47128944</v>
      </c>
      <c r="B9123" t="s">
        <v>46735</v>
      </c>
      <c r="C9123" s="1" t="s">
        <v>46736</v>
      </c>
      <c r="E9123">
        <v>1</v>
      </c>
      <c r="F9123">
        <v>6</v>
      </c>
      <c r="H9123" t="s">
        <v>46737</v>
      </c>
      <c r="J9123" t="s">
        <v>46738</v>
      </c>
      <c r="O9123">
        <v>8848806</v>
      </c>
      <c r="P9123">
        <v>1</v>
      </c>
      <c r="Q9123">
        <v>0</v>
      </c>
      <c r="R9123" t="s">
        <v>13993</v>
      </c>
      <c r="S9123">
        <v>138</v>
      </c>
    </row>
    <row r="9124" spans="1:19" x14ac:dyDescent="0.25">
      <c r="A9124">
        <v>15325133</v>
      </c>
      <c r="B9124" t="s">
        <v>46739</v>
      </c>
      <c r="C9124" s="1" t="s">
        <v>46740</v>
      </c>
      <c r="D9124">
        <v>15325607</v>
      </c>
      <c r="E9124">
        <v>1</v>
      </c>
      <c r="F9124">
        <v>0</v>
      </c>
      <c r="H9124" t="s">
        <v>46741</v>
      </c>
      <c r="J9124" t="s">
        <v>46742</v>
      </c>
      <c r="K9124" t="s">
        <v>46743</v>
      </c>
      <c r="M9124">
        <v>1725050</v>
      </c>
      <c r="O9124">
        <v>1725050</v>
      </c>
      <c r="P9124">
        <v>1</v>
      </c>
      <c r="Q9124">
        <v>1</v>
      </c>
      <c r="R9124" t="s">
        <v>46744</v>
      </c>
      <c r="S9124">
        <v>451</v>
      </c>
    </row>
    <row r="9125" spans="1:19" x14ac:dyDescent="0.25">
      <c r="A9125">
        <v>45461484</v>
      </c>
      <c r="B9125" t="s">
        <v>46745</v>
      </c>
      <c r="C9125" s="1" t="s">
        <v>46746</v>
      </c>
      <c r="E9125">
        <v>1</v>
      </c>
      <c r="F9125">
        <v>0</v>
      </c>
      <c r="H9125" t="s">
        <v>46747</v>
      </c>
      <c r="J9125" t="s">
        <v>46748</v>
      </c>
      <c r="O9125">
        <v>5098681</v>
      </c>
      <c r="P9125">
        <v>1</v>
      </c>
      <c r="Q9125">
        <v>2</v>
      </c>
      <c r="R9125" t="s">
        <v>46749</v>
      </c>
      <c r="S9125">
        <v>387</v>
      </c>
    </row>
    <row r="9126" spans="1:19" x14ac:dyDescent="0.25">
      <c r="A9126">
        <v>44414751</v>
      </c>
      <c r="B9126" t="s">
        <v>46750</v>
      </c>
      <c r="C9126" s="1" t="s">
        <v>46751</v>
      </c>
      <c r="E9126">
        <v>6</v>
      </c>
      <c r="F9126">
        <v>3</v>
      </c>
      <c r="H9126" t="s">
        <v>46752</v>
      </c>
      <c r="I9126">
        <v>2</v>
      </c>
      <c r="J9126" t="s">
        <v>46753</v>
      </c>
      <c r="O9126">
        <v>24177</v>
      </c>
      <c r="P9126">
        <v>1</v>
      </c>
      <c r="Q9126">
        <v>27</v>
      </c>
      <c r="R9126" t="s">
        <v>46754</v>
      </c>
      <c r="S9126">
        <v>6841</v>
      </c>
    </row>
    <row r="9127" spans="1:19" x14ac:dyDescent="0.25">
      <c r="A9127">
        <v>33070954</v>
      </c>
      <c r="B9127" t="s">
        <v>46755</v>
      </c>
      <c r="C9127" s="1" t="s">
        <v>46756</v>
      </c>
      <c r="D9127">
        <v>33070996</v>
      </c>
      <c r="E9127">
        <v>2</v>
      </c>
      <c r="F9127">
        <v>0</v>
      </c>
      <c r="H9127" t="s">
        <v>46757</v>
      </c>
      <c r="J9127" t="s">
        <v>46758</v>
      </c>
      <c r="O9127">
        <v>5434611</v>
      </c>
      <c r="P9127">
        <v>1</v>
      </c>
      <c r="Q9127">
        <v>1</v>
      </c>
      <c r="R9127" t="s">
        <v>46759</v>
      </c>
      <c r="S9127">
        <v>78</v>
      </c>
    </row>
    <row r="9128" spans="1:19" x14ac:dyDescent="0.25">
      <c r="A9128">
        <v>26571604</v>
      </c>
      <c r="B9128" t="s">
        <v>46760</v>
      </c>
      <c r="C9128" s="1" t="s">
        <v>46761</v>
      </c>
      <c r="E9128">
        <v>0</v>
      </c>
      <c r="F9128">
        <v>5</v>
      </c>
      <c r="H9128" t="s">
        <v>46762</v>
      </c>
      <c r="J9128" t="s">
        <v>46763</v>
      </c>
      <c r="K9128" t="s">
        <v>46763</v>
      </c>
      <c r="M9128">
        <v>4182569</v>
      </c>
      <c r="O9128">
        <v>4182569</v>
      </c>
      <c r="P9128">
        <v>1</v>
      </c>
      <c r="Q9128">
        <v>0</v>
      </c>
      <c r="R9128" t="s">
        <v>46764</v>
      </c>
      <c r="S9128">
        <v>44</v>
      </c>
    </row>
    <row r="9129" spans="1:19" x14ac:dyDescent="0.25">
      <c r="A9129">
        <v>33583378</v>
      </c>
      <c r="B9129" t="s">
        <v>46765</v>
      </c>
      <c r="C9129" s="1" t="s">
        <v>46766</v>
      </c>
      <c r="E9129">
        <v>1</v>
      </c>
      <c r="F9129">
        <v>3</v>
      </c>
      <c r="H9129" t="s">
        <v>46767</v>
      </c>
      <c r="J9129" t="s">
        <v>46768</v>
      </c>
      <c r="K9129" t="s">
        <v>46769</v>
      </c>
      <c r="M9129">
        <v>2310830</v>
      </c>
      <c r="O9129">
        <v>5536796</v>
      </c>
      <c r="P9129">
        <v>1</v>
      </c>
      <c r="Q9129">
        <v>1</v>
      </c>
      <c r="R9129" t="s">
        <v>46770</v>
      </c>
      <c r="S9129">
        <v>24</v>
      </c>
    </row>
    <row r="9130" spans="1:19" x14ac:dyDescent="0.25">
      <c r="A9130">
        <v>23616543</v>
      </c>
      <c r="B9130" t="s">
        <v>46771</v>
      </c>
      <c r="C9130" s="1" t="s">
        <v>46772</v>
      </c>
      <c r="E9130">
        <v>2</v>
      </c>
      <c r="F9130">
        <v>0</v>
      </c>
      <c r="H9130" t="s">
        <v>46773</v>
      </c>
      <c r="I9130">
        <v>1</v>
      </c>
      <c r="J9130" t="s">
        <v>46774</v>
      </c>
      <c r="K9130" t="s">
        <v>46775</v>
      </c>
      <c r="M9130">
        <v>118068</v>
      </c>
      <c r="O9130">
        <v>2263787</v>
      </c>
      <c r="P9130">
        <v>1</v>
      </c>
      <c r="Q9130">
        <v>0</v>
      </c>
      <c r="R9130" t="s">
        <v>46776</v>
      </c>
      <c r="S9130">
        <v>1533</v>
      </c>
    </row>
    <row r="9131" spans="1:19" x14ac:dyDescent="0.25">
      <c r="A9131">
        <v>21970412</v>
      </c>
      <c r="B9131" t="s">
        <v>46777</v>
      </c>
      <c r="C9131" s="1" t="s">
        <v>46778</v>
      </c>
      <c r="E9131">
        <v>0</v>
      </c>
      <c r="F9131">
        <v>3</v>
      </c>
      <c r="H9131" t="s">
        <v>46779</v>
      </c>
      <c r="J9131" t="s">
        <v>46780</v>
      </c>
      <c r="K9131" t="s">
        <v>46780</v>
      </c>
      <c r="M9131">
        <v>2921557</v>
      </c>
      <c r="O9131">
        <v>2921557</v>
      </c>
      <c r="P9131">
        <v>1</v>
      </c>
      <c r="Q9131">
        <v>0</v>
      </c>
      <c r="R9131" t="s">
        <v>46781</v>
      </c>
      <c r="S9131">
        <v>202</v>
      </c>
    </row>
    <row r="9132" spans="1:19" x14ac:dyDescent="0.25">
      <c r="A9132">
        <v>5759053</v>
      </c>
      <c r="B9132" t="s">
        <v>46782</v>
      </c>
      <c r="C9132" s="1" t="s">
        <v>46783</v>
      </c>
      <c r="E9132">
        <v>1</v>
      </c>
      <c r="F9132">
        <v>0</v>
      </c>
      <c r="H9132" t="s">
        <v>46784</v>
      </c>
      <c r="J9132" t="s">
        <v>46785</v>
      </c>
      <c r="O9132">
        <v>672147</v>
      </c>
      <c r="P9132">
        <v>1</v>
      </c>
      <c r="Q9132">
        <v>0</v>
      </c>
      <c r="R9132" t="s">
        <v>46786</v>
      </c>
      <c r="S9132">
        <v>78</v>
      </c>
    </row>
    <row r="9133" spans="1:19" x14ac:dyDescent="0.25">
      <c r="A9133">
        <v>24809425</v>
      </c>
      <c r="B9133" t="s">
        <v>46787</v>
      </c>
      <c r="C9133" s="1" t="s">
        <v>46788</v>
      </c>
      <c r="D9133">
        <v>24809508</v>
      </c>
      <c r="E9133">
        <v>2</v>
      </c>
      <c r="F9133">
        <v>2</v>
      </c>
      <c r="H9133" t="s">
        <v>46789</v>
      </c>
      <c r="J9133" t="s">
        <v>46790</v>
      </c>
      <c r="O9133">
        <v>1334049</v>
      </c>
      <c r="P9133">
        <v>1</v>
      </c>
      <c r="Q9133">
        <v>2</v>
      </c>
      <c r="R9133" t="s">
        <v>46791</v>
      </c>
      <c r="S9133">
        <v>625</v>
      </c>
    </row>
    <row r="9134" spans="1:19" x14ac:dyDescent="0.25">
      <c r="A9134">
        <v>13566033</v>
      </c>
      <c r="B9134" t="s">
        <v>46792</v>
      </c>
      <c r="C9134" s="1" t="s">
        <v>46793</v>
      </c>
      <c r="D9134">
        <v>13566277</v>
      </c>
      <c r="E9134">
        <v>1</v>
      </c>
      <c r="F9134">
        <v>0</v>
      </c>
      <c r="H9134" t="s">
        <v>46794</v>
      </c>
      <c r="I9134">
        <v>2</v>
      </c>
      <c r="J9134" t="s">
        <v>46795</v>
      </c>
      <c r="K9134" t="s">
        <v>46796</v>
      </c>
      <c r="M9134">
        <v>-1</v>
      </c>
      <c r="O9134">
        <v>1501285</v>
      </c>
      <c r="P9134">
        <v>1</v>
      </c>
      <c r="Q9134">
        <v>7</v>
      </c>
      <c r="R9134" t="s">
        <v>46797</v>
      </c>
      <c r="S9134">
        <v>11486</v>
      </c>
    </row>
    <row r="9135" spans="1:19" x14ac:dyDescent="0.25">
      <c r="A9135">
        <v>24615336</v>
      </c>
      <c r="B9135" t="s">
        <v>46798</v>
      </c>
      <c r="C9135" s="1" t="s">
        <v>46799</v>
      </c>
      <c r="D9135">
        <v>24615662</v>
      </c>
      <c r="E9135">
        <v>1</v>
      </c>
      <c r="F9135">
        <v>2</v>
      </c>
      <c r="H9135" t="s">
        <v>46800</v>
      </c>
      <c r="J9135" t="s">
        <v>46801</v>
      </c>
      <c r="O9135">
        <v>443613</v>
      </c>
      <c r="P9135">
        <v>1</v>
      </c>
      <c r="Q9135">
        <v>0</v>
      </c>
      <c r="R9135" t="s">
        <v>46802</v>
      </c>
      <c r="S9135">
        <v>30</v>
      </c>
    </row>
    <row r="9136" spans="1:19" x14ac:dyDescent="0.25">
      <c r="A9136">
        <v>39389579</v>
      </c>
      <c r="B9136" t="s">
        <v>46803</v>
      </c>
      <c r="C9136" s="1" t="s">
        <v>46804</v>
      </c>
      <c r="E9136">
        <v>0</v>
      </c>
      <c r="F9136">
        <v>7</v>
      </c>
      <c r="H9136" t="s">
        <v>46805</v>
      </c>
      <c r="J9136" t="s">
        <v>46806</v>
      </c>
      <c r="K9136" t="s">
        <v>46807</v>
      </c>
      <c r="M9136">
        <v>-1</v>
      </c>
      <c r="O9136">
        <v>1305699</v>
      </c>
      <c r="P9136">
        <v>1</v>
      </c>
      <c r="Q9136">
        <v>2</v>
      </c>
      <c r="R9136" t="s">
        <v>17236</v>
      </c>
      <c r="S9136">
        <v>102</v>
      </c>
    </row>
    <row r="9137" spans="1:19" x14ac:dyDescent="0.25">
      <c r="A9137">
        <v>17937003</v>
      </c>
      <c r="B9137" t="s">
        <v>46808</v>
      </c>
      <c r="C9137" s="1" t="s">
        <v>46809</v>
      </c>
      <c r="D9137">
        <v>17937163</v>
      </c>
      <c r="E9137">
        <v>5</v>
      </c>
      <c r="F9137">
        <v>1</v>
      </c>
      <c r="H9137" t="s">
        <v>46810</v>
      </c>
      <c r="I9137">
        <v>2</v>
      </c>
      <c r="J9137" t="s">
        <v>46811</v>
      </c>
      <c r="K9137" t="s">
        <v>46812</v>
      </c>
      <c r="M9137">
        <v>2224265</v>
      </c>
      <c r="O9137">
        <v>2632304</v>
      </c>
      <c r="P9137">
        <v>1</v>
      </c>
      <c r="Q9137">
        <v>16</v>
      </c>
      <c r="R9137" t="s">
        <v>46813</v>
      </c>
      <c r="S9137">
        <v>25328</v>
      </c>
    </row>
    <row r="9138" spans="1:19" x14ac:dyDescent="0.25">
      <c r="A9138">
        <v>47169171</v>
      </c>
      <c r="B9138" t="s">
        <v>46814</v>
      </c>
      <c r="C9138" s="1" t="s">
        <v>46815</v>
      </c>
      <c r="E9138">
        <v>2</v>
      </c>
      <c r="F9138">
        <v>0</v>
      </c>
      <c r="H9138" t="s">
        <v>46816</v>
      </c>
      <c r="J9138" t="s">
        <v>46817</v>
      </c>
      <c r="O9138">
        <v>8146182</v>
      </c>
      <c r="P9138">
        <v>1</v>
      </c>
      <c r="Q9138">
        <v>0</v>
      </c>
      <c r="R9138" t="s">
        <v>46818</v>
      </c>
      <c r="S9138">
        <v>124</v>
      </c>
    </row>
    <row r="9139" spans="1:19" x14ac:dyDescent="0.25">
      <c r="A9139">
        <v>47089432</v>
      </c>
      <c r="B9139" t="s">
        <v>46819</v>
      </c>
      <c r="C9139" s="1" t="s">
        <v>46820</v>
      </c>
      <c r="D9139">
        <v>47094992</v>
      </c>
      <c r="E9139">
        <v>1</v>
      </c>
      <c r="F9139">
        <v>0</v>
      </c>
      <c r="H9139" t="s">
        <v>46821</v>
      </c>
      <c r="I9139">
        <v>0</v>
      </c>
      <c r="J9139" t="s">
        <v>46822</v>
      </c>
      <c r="O9139">
        <v>8878597</v>
      </c>
      <c r="P9139">
        <v>1</v>
      </c>
      <c r="Q9139">
        <v>0</v>
      </c>
      <c r="R9139" t="s">
        <v>46823</v>
      </c>
      <c r="S9139">
        <v>79</v>
      </c>
    </row>
    <row r="9140" spans="1:19" x14ac:dyDescent="0.25">
      <c r="A9140">
        <v>35015359</v>
      </c>
      <c r="B9140" t="s">
        <v>46824</v>
      </c>
      <c r="C9140" s="1" t="s">
        <v>46825</v>
      </c>
      <c r="E9140">
        <v>1</v>
      </c>
      <c r="F9140">
        <v>3</v>
      </c>
      <c r="H9140" t="s">
        <v>46826</v>
      </c>
      <c r="I9140">
        <v>0</v>
      </c>
      <c r="J9140" t="s">
        <v>46827</v>
      </c>
      <c r="O9140">
        <v>5841884</v>
      </c>
      <c r="P9140">
        <v>1</v>
      </c>
      <c r="Q9140">
        <v>1</v>
      </c>
      <c r="R9140" t="s">
        <v>43523</v>
      </c>
      <c r="S9140">
        <v>782</v>
      </c>
    </row>
    <row r="9141" spans="1:19" x14ac:dyDescent="0.25">
      <c r="A9141">
        <v>41074889</v>
      </c>
      <c r="B9141" t="s">
        <v>46828</v>
      </c>
      <c r="C9141" s="1" t="s">
        <v>46829</v>
      </c>
      <c r="D9141">
        <v>41075182</v>
      </c>
      <c r="E9141">
        <v>2</v>
      </c>
      <c r="F9141">
        <v>0</v>
      </c>
      <c r="H9141" t="s">
        <v>46830</v>
      </c>
      <c r="J9141" t="s">
        <v>46831</v>
      </c>
      <c r="O9141">
        <v>13022</v>
      </c>
      <c r="P9141">
        <v>1</v>
      </c>
      <c r="Q9141">
        <v>2</v>
      </c>
      <c r="R9141" t="s">
        <v>46832</v>
      </c>
      <c r="S9141">
        <v>2282</v>
      </c>
    </row>
    <row r="9142" spans="1:19" x14ac:dyDescent="0.25">
      <c r="A9142">
        <v>17473680</v>
      </c>
      <c r="B9142" t="s">
        <v>46833</v>
      </c>
      <c r="C9142" s="1" t="s">
        <v>46834</v>
      </c>
      <c r="D9142">
        <v>17475213</v>
      </c>
      <c r="E9142">
        <v>3</v>
      </c>
      <c r="F9142">
        <v>0</v>
      </c>
      <c r="H9142" t="s">
        <v>46835</v>
      </c>
      <c r="I9142">
        <v>2</v>
      </c>
      <c r="J9142" t="s">
        <v>46836</v>
      </c>
      <c r="K9142" t="s">
        <v>46837</v>
      </c>
      <c r="M9142">
        <v>1821749</v>
      </c>
      <c r="O9142">
        <v>1791115</v>
      </c>
      <c r="P9142">
        <v>1</v>
      </c>
      <c r="Q9142">
        <v>2</v>
      </c>
      <c r="R9142" t="s">
        <v>46838</v>
      </c>
      <c r="S9142">
        <v>5042</v>
      </c>
    </row>
    <row r="9143" spans="1:19" x14ac:dyDescent="0.25">
      <c r="A9143">
        <v>15821444</v>
      </c>
      <c r="B9143" t="s">
        <v>46839</v>
      </c>
      <c r="C9143" s="1" t="s">
        <v>46840</v>
      </c>
      <c r="D9143">
        <v>15822720</v>
      </c>
      <c r="E9143">
        <v>1</v>
      </c>
      <c r="F9143">
        <v>2</v>
      </c>
      <c r="H9143" t="s">
        <v>46841</v>
      </c>
      <c r="I9143">
        <v>1</v>
      </c>
      <c r="J9143" t="s">
        <v>46842</v>
      </c>
      <c r="O9143">
        <v>92714</v>
      </c>
      <c r="P9143">
        <v>1</v>
      </c>
      <c r="Q9143">
        <v>3</v>
      </c>
      <c r="R9143" t="s">
        <v>46843</v>
      </c>
      <c r="S9143">
        <v>12692</v>
      </c>
    </row>
    <row r="9144" spans="1:19" x14ac:dyDescent="0.25">
      <c r="A9144">
        <v>36260461</v>
      </c>
      <c r="B9144" t="s">
        <v>46844</v>
      </c>
      <c r="C9144" s="1" t="s">
        <v>46845</v>
      </c>
      <c r="E9144">
        <v>1</v>
      </c>
      <c r="F9144">
        <v>5</v>
      </c>
      <c r="H9144" t="s">
        <v>46846</v>
      </c>
      <c r="J9144" t="s">
        <v>46847</v>
      </c>
      <c r="O9144">
        <v>6123615</v>
      </c>
      <c r="P9144">
        <v>1</v>
      </c>
      <c r="Q9144">
        <v>1</v>
      </c>
      <c r="R9144" t="s">
        <v>46848</v>
      </c>
      <c r="S9144">
        <v>87</v>
      </c>
    </row>
    <row r="9145" spans="1:19" x14ac:dyDescent="0.25">
      <c r="A9145">
        <v>28637346</v>
      </c>
      <c r="B9145" t="s">
        <v>46849</v>
      </c>
      <c r="C9145" s="1" t="s">
        <v>46850</v>
      </c>
      <c r="D9145">
        <v>28637516</v>
      </c>
      <c r="E9145">
        <v>4</v>
      </c>
      <c r="F9145">
        <v>1</v>
      </c>
      <c r="H9145" t="s">
        <v>46851</v>
      </c>
      <c r="I9145">
        <v>1</v>
      </c>
      <c r="J9145" t="s">
        <v>46852</v>
      </c>
      <c r="K9145" t="s">
        <v>46853</v>
      </c>
      <c r="M9145">
        <v>211249</v>
      </c>
      <c r="O9145">
        <v>211249</v>
      </c>
      <c r="P9145">
        <v>1</v>
      </c>
      <c r="Q9145">
        <v>2</v>
      </c>
      <c r="R9145" t="s">
        <v>2847</v>
      </c>
      <c r="S9145">
        <v>210</v>
      </c>
    </row>
    <row r="9146" spans="1:19" x14ac:dyDescent="0.25">
      <c r="A9146">
        <v>33996567</v>
      </c>
      <c r="B9146" t="s">
        <v>46854</v>
      </c>
      <c r="C9146" s="1" t="s">
        <v>46855</v>
      </c>
      <c r="E9146">
        <v>1</v>
      </c>
      <c r="F9146">
        <v>0</v>
      </c>
      <c r="H9146" t="s">
        <v>46856</v>
      </c>
      <c r="J9146" t="s">
        <v>46857</v>
      </c>
      <c r="K9146" t="s">
        <v>46858</v>
      </c>
      <c r="M9146">
        <v>2053319</v>
      </c>
      <c r="O9146">
        <v>2053319</v>
      </c>
      <c r="P9146">
        <v>1</v>
      </c>
      <c r="Q9146">
        <v>1</v>
      </c>
      <c r="R9146" t="s">
        <v>46859</v>
      </c>
      <c r="S9146">
        <v>383</v>
      </c>
    </row>
    <row r="9147" spans="1:19" x14ac:dyDescent="0.25">
      <c r="A9147">
        <v>35120908</v>
      </c>
      <c r="B9147" t="s">
        <v>46860</v>
      </c>
      <c r="C9147" s="1" t="s">
        <v>46861</v>
      </c>
      <c r="D9147">
        <v>35378189</v>
      </c>
      <c r="E9147">
        <v>1</v>
      </c>
      <c r="F9147">
        <v>0</v>
      </c>
      <c r="H9147" t="s">
        <v>46862</v>
      </c>
      <c r="J9147" t="s">
        <v>46863</v>
      </c>
      <c r="K9147" t="s">
        <v>46864</v>
      </c>
      <c r="M9147">
        <v>243373</v>
      </c>
      <c r="O9147">
        <v>509301</v>
      </c>
      <c r="P9147">
        <v>1</v>
      </c>
      <c r="Q9147">
        <v>1</v>
      </c>
      <c r="R9147" t="s">
        <v>46865</v>
      </c>
      <c r="S9147">
        <v>130</v>
      </c>
    </row>
    <row r="9148" spans="1:19" x14ac:dyDescent="0.25">
      <c r="A9148">
        <v>51088767</v>
      </c>
      <c r="B9148" t="s">
        <v>46866</v>
      </c>
      <c r="C9148" s="1" t="s">
        <v>46867</v>
      </c>
      <c r="E9148">
        <v>0</v>
      </c>
      <c r="F9148">
        <v>1</v>
      </c>
      <c r="H9148" t="s">
        <v>46868</v>
      </c>
      <c r="J9148" t="s">
        <v>46868</v>
      </c>
      <c r="O9148">
        <v>3788557</v>
      </c>
      <c r="P9148">
        <v>1</v>
      </c>
      <c r="Q9148">
        <v>0</v>
      </c>
      <c r="R9148" t="s">
        <v>46869</v>
      </c>
      <c r="S9148">
        <v>12</v>
      </c>
    </row>
    <row r="9149" spans="1:19" x14ac:dyDescent="0.25">
      <c r="A9149">
        <v>50402380</v>
      </c>
      <c r="B9149" t="s">
        <v>46870</v>
      </c>
      <c r="C9149" s="1" t="s">
        <v>46871</v>
      </c>
      <c r="D9149">
        <v>50403099</v>
      </c>
      <c r="E9149">
        <v>1</v>
      </c>
      <c r="F9149">
        <v>2</v>
      </c>
      <c r="H9149" t="s">
        <v>46872</v>
      </c>
      <c r="J9149" t="s">
        <v>46873</v>
      </c>
      <c r="K9149" t="s">
        <v>46873</v>
      </c>
      <c r="M9149">
        <v>4090139</v>
      </c>
      <c r="O9149">
        <v>4090139</v>
      </c>
      <c r="P9149">
        <v>1</v>
      </c>
      <c r="Q9149">
        <v>1</v>
      </c>
      <c r="R9149" t="s">
        <v>46874</v>
      </c>
      <c r="S9149">
        <v>39</v>
      </c>
    </row>
    <row r="9150" spans="1:19" x14ac:dyDescent="0.25">
      <c r="A9150">
        <v>34799582</v>
      </c>
      <c r="B9150" t="s">
        <v>46875</v>
      </c>
      <c r="C9150" s="1" t="s">
        <v>46876</v>
      </c>
      <c r="E9150">
        <v>1</v>
      </c>
      <c r="F9150">
        <v>0</v>
      </c>
      <c r="H9150" t="s">
        <v>46877</v>
      </c>
      <c r="J9150" t="s">
        <v>46878</v>
      </c>
      <c r="K9150" t="s">
        <v>46878</v>
      </c>
      <c r="M9150">
        <v>3198917</v>
      </c>
      <c r="O9150">
        <v>239408</v>
      </c>
      <c r="P9150">
        <v>1</v>
      </c>
      <c r="Q9150">
        <v>1</v>
      </c>
      <c r="R9150" t="s">
        <v>46879</v>
      </c>
      <c r="S9150">
        <v>58</v>
      </c>
    </row>
    <row r="9151" spans="1:19" x14ac:dyDescent="0.25">
      <c r="A9151">
        <v>50958173</v>
      </c>
      <c r="B9151" t="s">
        <v>46880</v>
      </c>
      <c r="C9151" s="1" t="s">
        <v>46881</v>
      </c>
      <c r="E9151">
        <v>1</v>
      </c>
      <c r="F9151">
        <v>0</v>
      </c>
      <c r="H9151" t="s">
        <v>46882</v>
      </c>
      <c r="J9151" t="s">
        <v>46883</v>
      </c>
      <c r="K9151" t="s">
        <v>46884</v>
      </c>
      <c r="M9151">
        <v>9374673</v>
      </c>
      <c r="O9151">
        <v>9970044</v>
      </c>
      <c r="P9151">
        <v>1</v>
      </c>
      <c r="Q9151">
        <v>1</v>
      </c>
      <c r="R9151" t="s">
        <v>46885</v>
      </c>
      <c r="S9151">
        <v>77</v>
      </c>
    </row>
    <row r="9152" spans="1:19" x14ac:dyDescent="0.25">
      <c r="A9152">
        <v>43079407</v>
      </c>
      <c r="B9152" t="s">
        <v>46886</v>
      </c>
      <c r="C9152" s="1" t="s">
        <v>46887</v>
      </c>
      <c r="D9152">
        <v>43080585</v>
      </c>
      <c r="E9152">
        <v>2</v>
      </c>
      <c r="F9152">
        <v>4</v>
      </c>
      <c r="H9152" t="s">
        <v>46888</v>
      </c>
      <c r="J9152" t="s">
        <v>46889</v>
      </c>
      <c r="K9152" t="s">
        <v>46890</v>
      </c>
      <c r="M9152">
        <v>5377037</v>
      </c>
      <c r="O9152">
        <v>3916322</v>
      </c>
      <c r="P9152">
        <v>1</v>
      </c>
      <c r="Q9152">
        <v>0</v>
      </c>
      <c r="R9152" t="s">
        <v>46891</v>
      </c>
      <c r="S9152">
        <v>235</v>
      </c>
    </row>
    <row r="9153" spans="1:19" x14ac:dyDescent="0.25">
      <c r="A9153">
        <v>11680274</v>
      </c>
      <c r="B9153" t="s">
        <v>46892</v>
      </c>
      <c r="C9153" s="1" t="s">
        <v>46893</v>
      </c>
      <c r="D9153">
        <v>11690301</v>
      </c>
      <c r="E9153">
        <v>1</v>
      </c>
      <c r="F9153">
        <v>4</v>
      </c>
      <c r="H9153" t="s">
        <v>46894</v>
      </c>
      <c r="J9153" t="s">
        <v>46895</v>
      </c>
      <c r="K9153" t="s">
        <v>46895</v>
      </c>
      <c r="M9153">
        <v>204659</v>
      </c>
      <c r="O9153">
        <v>204659</v>
      </c>
      <c r="P9153">
        <v>1</v>
      </c>
      <c r="Q9153">
        <v>0</v>
      </c>
      <c r="R9153" t="s">
        <v>46896</v>
      </c>
      <c r="S9153">
        <v>117</v>
      </c>
    </row>
    <row r="9154" spans="1:19" x14ac:dyDescent="0.25">
      <c r="A9154">
        <v>42561997</v>
      </c>
      <c r="B9154" t="s">
        <v>46897</v>
      </c>
      <c r="C9154" s="1" t="s">
        <v>46898</v>
      </c>
      <c r="E9154">
        <v>1</v>
      </c>
      <c r="F9154">
        <v>0</v>
      </c>
      <c r="H9154" t="s">
        <v>46899</v>
      </c>
      <c r="J9154" t="s">
        <v>46900</v>
      </c>
      <c r="O9154">
        <v>7089821</v>
      </c>
      <c r="P9154">
        <v>1</v>
      </c>
      <c r="Q9154">
        <v>0</v>
      </c>
      <c r="R9154" t="s">
        <v>46901</v>
      </c>
      <c r="S9154">
        <v>119</v>
      </c>
    </row>
    <row r="9155" spans="1:19" x14ac:dyDescent="0.25">
      <c r="A9155">
        <v>30681904</v>
      </c>
      <c r="B9155" t="s">
        <v>46902</v>
      </c>
      <c r="C9155" s="1" t="s">
        <v>46903</v>
      </c>
      <c r="E9155">
        <v>3</v>
      </c>
      <c r="F9155">
        <v>0</v>
      </c>
      <c r="H9155" t="s">
        <v>46904</v>
      </c>
      <c r="J9155" t="s">
        <v>46905</v>
      </c>
      <c r="O9155">
        <v>4205121</v>
      </c>
      <c r="P9155">
        <v>1</v>
      </c>
      <c r="Q9155">
        <v>0</v>
      </c>
      <c r="R9155" t="s">
        <v>46906</v>
      </c>
      <c r="S9155">
        <v>135</v>
      </c>
    </row>
    <row r="9156" spans="1:19" x14ac:dyDescent="0.25">
      <c r="A9156">
        <v>45212428</v>
      </c>
      <c r="B9156" t="s">
        <v>46907</v>
      </c>
      <c r="C9156" s="1" t="s">
        <v>46908</v>
      </c>
      <c r="D9156">
        <v>45220914</v>
      </c>
      <c r="E9156">
        <v>1</v>
      </c>
      <c r="F9156">
        <v>0</v>
      </c>
      <c r="H9156" t="s">
        <v>46909</v>
      </c>
      <c r="J9156" t="s">
        <v>46910</v>
      </c>
      <c r="O9156">
        <v>1984680</v>
      </c>
      <c r="P9156">
        <v>1</v>
      </c>
      <c r="Q9156">
        <v>0</v>
      </c>
      <c r="R9156" t="s">
        <v>46911</v>
      </c>
      <c r="S9156">
        <v>463</v>
      </c>
    </row>
    <row r="9157" spans="1:19" x14ac:dyDescent="0.25">
      <c r="A9157">
        <v>32676085</v>
      </c>
      <c r="B9157" t="s">
        <v>46912</v>
      </c>
      <c r="C9157" s="1" t="s">
        <v>46913</v>
      </c>
      <c r="D9157">
        <v>32697635</v>
      </c>
      <c r="E9157">
        <v>2</v>
      </c>
      <c r="F9157">
        <v>5</v>
      </c>
      <c r="H9157" t="s">
        <v>46914</v>
      </c>
      <c r="J9157" t="s">
        <v>46915</v>
      </c>
      <c r="O9157">
        <v>4123633</v>
      </c>
      <c r="P9157">
        <v>1</v>
      </c>
      <c r="Q9157">
        <v>0</v>
      </c>
      <c r="R9157" t="s">
        <v>46916</v>
      </c>
      <c r="S9157">
        <v>225</v>
      </c>
    </row>
    <row r="9158" spans="1:19" x14ac:dyDescent="0.25">
      <c r="A9158">
        <v>14271993</v>
      </c>
      <c r="B9158" t="s">
        <v>46917</v>
      </c>
      <c r="C9158" s="1" t="s">
        <v>46918</v>
      </c>
      <c r="D9158">
        <v>14277999</v>
      </c>
      <c r="E9158">
        <v>2</v>
      </c>
      <c r="F9158">
        <v>4</v>
      </c>
      <c r="H9158" t="s">
        <v>46919</v>
      </c>
      <c r="I9158">
        <v>0</v>
      </c>
      <c r="J9158" t="s">
        <v>46920</v>
      </c>
      <c r="K9158" t="s">
        <v>46921</v>
      </c>
      <c r="M9158">
        <v>1824230</v>
      </c>
      <c r="O9158">
        <v>1824230</v>
      </c>
      <c r="P9158">
        <v>1</v>
      </c>
      <c r="Q9158">
        <v>0</v>
      </c>
      <c r="R9158" t="s">
        <v>46922</v>
      </c>
      <c r="S9158">
        <v>1507</v>
      </c>
    </row>
    <row r="9159" spans="1:19" x14ac:dyDescent="0.25">
      <c r="A9159">
        <v>33419687</v>
      </c>
      <c r="B9159" t="s">
        <v>46923</v>
      </c>
      <c r="C9159" s="1" t="s">
        <v>46924</v>
      </c>
      <c r="E9159">
        <v>0</v>
      </c>
      <c r="F9159">
        <v>4</v>
      </c>
      <c r="H9159" t="s">
        <v>46925</v>
      </c>
      <c r="J9159" t="s">
        <v>46926</v>
      </c>
      <c r="K9159" t="s">
        <v>46926</v>
      </c>
      <c r="M9159">
        <v>2430171</v>
      </c>
      <c r="O9159">
        <v>2430171</v>
      </c>
      <c r="P9159">
        <v>1</v>
      </c>
      <c r="Q9159">
        <v>0</v>
      </c>
      <c r="R9159" t="s">
        <v>46927</v>
      </c>
      <c r="S9159">
        <v>58</v>
      </c>
    </row>
    <row r="9160" spans="1:19" x14ac:dyDescent="0.25">
      <c r="A9160">
        <v>20810055</v>
      </c>
      <c r="B9160" t="s">
        <v>46928</v>
      </c>
      <c r="C9160" s="1" t="s">
        <v>46929</v>
      </c>
      <c r="E9160">
        <v>1</v>
      </c>
      <c r="F9160">
        <v>0</v>
      </c>
      <c r="H9160" t="s">
        <v>46930</v>
      </c>
      <c r="I9160">
        <v>1</v>
      </c>
      <c r="J9160" t="s">
        <v>46931</v>
      </c>
      <c r="K9160" t="s">
        <v>46932</v>
      </c>
      <c r="M9160">
        <v>3140934</v>
      </c>
      <c r="O9160">
        <v>3140934</v>
      </c>
      <c r="P9160">
        <v>1</v>
      </c>
      <c r="Q9160">
        <v>2</v>
      </c>
      <c r="R9160" t="s">
        <v>46933</v>
      </c>
      <c r="S9160">
        <v>1294</v>
      </c>
    </row>
    <row r="9161" spans="1:19" x14ac:dyDescent="0.25">
      <c r="A9161">
        <v>33852009</v>
      </c>
      <c r="B9161" t="s">
        <v>46934</v>
      </c>
      <c r="C9161" s="1" t="s">
        <v>46935</v>
      </c>
      <c r="E9161">
        <v>1</v>
      </c>
      <c r="F9161">
        <v>0</v>
      </c>
      <c r="H9161" t="s">
        <v>46936</v>
      </c>
      <c r="J9161" t="s">
        <v>46937</v>
      </c>
      <c r="O9161">
        <v>4064070</v>
      </c>
      <c r="P9161">
        <v>1</v>
      </c>
      <c r="Q9161">
        <v>-1</v>
      </c>
      <c r="R9161" t="s">
        <v>46938</v>
      </c>
      <c r="S9161">
        <v>275</v>
      </c>
    </row>
    <row r="9162" spans="1:19" x14ac:dyDescent="0.25">
      <c r="A9162">
        <v>26888289</v>
      </c>
      <c r="B9162" t="s">
        <v>46939</v>
      </c>
      <c r="C9162" s="1" t="s">
        <v>46940</v>
      </c>
      <c r="E9162">
        <v>1</v>
      </c>
      <c r="F9162">
        <v>0</v>
      </c>
      <c r="H9162" t="s">
        <v>46941</v>
      </c>
      <c r="J9162" t="s">
        <v>46942</v>
      </c>
      <c r="O9162">
        <v>603689</v>
      </c>
      <c r="P9162">
        <v>1</v>
      </c>
      <c r="Q9162">
        <v>0</v>
      </c>
      <c r="R9162" t="s">
        <v>46943</v>
      </c>
      <c r="S9162">
        <v>261</v>
      </c>
    </row>
    <row r="9163" spans="1:19" x14ac:dyDescent="0.25">
      <c r="A9163">
        <v>50711221</v>
      </c>
      <c r="B9163" t="s">
        <v>46944</v>
      </c>
      <c r="C9163" s="1" t="s">
        <v>46945</v>
      </c>
      <c r="D9163">
        <v>50711440</v>
      </c>
      <c r="E9163">
        <v>1</v>
      </c>
      <c r="F9163">
        <v>0</v>
      </c>
      <c r="H9163" t="s">
        <v>46946</v>
      </c>
      <c r="J9163" t="s">
        <v>46947</v>
      </c>
      <c r="K9163" t="s">
        <v>46948</v>
      </c>
      <c r="M9163">
        <v>7466241</v>
      </c>
      <c r="O9163">
        <v>7466241</v>
      </c>
      <c r="P9163">
        <v>1</v>
      </c>
      <c r="Q9163">
        <v>0</v>
      </c>
      <c r="R9163" t="s">
        <v>46949</v>
      </c>
      <c r="S9163">
        <v>109</v>
      </c>
    </row>
    <row r="9164" spans="1:19" x14ac:dyDescent="0.25">
      <c r="A9164">
        <v>20041835</v>
      </c>
      <c r="B9164" t="s">
        <v>46950</v>
      </c>
      <c r="C9164" s="1" t="s">
        <v>46951</v>
      </c>
      <c r="D9164">
        <v>20042158</v>
      </c>
      <c r="E9164">
        <v>4</v>
      </c>
      <c r="F9164">
        <v>3</v>
      </c>
      <c r="H9164" t="s">
        <v>46952</v>
      </c>
      <c r="I9164">
        <v>2</v>
      </c>
      <c r="J9164" t="s">
        <v>46953</v>
      </c>
      <c r="O9164">
        <v>2986493</v>
      </c>
      <c r="P9164">
        <v>1</v>
      </c>
      <c r="Q9164">
        <v>10</v>
      </c>
      <c r="R9164" t="s">
        <v>46954</v>
      </c>
      <c r="S9164">
        <v>14299</v>
      </c>
    </row>
    <row r="9165" spans="1:19" x14ac:dyDescent="0.25">
      <c r="A9165">
        <v>23843790</v>
      </c>
      <c r="B9165" t="s">
        <v>46955</v>
      </c>
      <c r="C9165" s="1" t="s">
        <v>46956</v>
      </c>
      <c r="E9165">
        <v>2</v>
      </c>
      <c r="F9165">
        <v>0</v>
      </c>
      <c r="H9165" t="s">
        <v>46957</v>
      </c>
      <c r="J9165" t="s">
        <v>46958</v>
      </c>
      <c r="K9165" t="s">
        <v>46959</v>
      </c>
      <c r="M9165">
        <v>1410873</v>
      </c>
      <c r="O9165">
        <v>1410873</v>
      </c>
      <c r="P9165">
        <v>1</v>
      </c>
      <c r="Q9165">
        <v>0</v>
      </c>
      <c r="R9165" t="s">
        <v>46960</v>
      </c>
      <c r="S9165">
        <v>1101</v>
      </c>
    </row>
    <row r="9166" spans="1:19" x14ac:dyDescent="0.25">
      <c r="A9166">
        <v>12147275</v>
      </c>
      <c r="B9166" t="s">
        <v>46961</v>
      </c>
      <c r="C9166" s="1" t="s">
        <v>46962</v>
      </c>
      <c r="E9166">
        <v>0</v>
      </c>
      <c r="F9166">
        <v>0</v>
      </c>
      <c r="H9166" t="s">
        <v>46963</v>
      </c>
      <c r="J9166" t="s">
        <v>46964</v>
      </c>
      <c r="K9166" t="s">
        <v>46965</v>
      </c>
      <c r="M9166">
        <v>745188</v>
      </c>
      <c r="O9166">
        <v>1598595</v>
      </c>
      <c r="P9166">
        <v>1</v>
      </c>
      <c r="Q9166">
        <v>3</v>
      </c>
      <c r="R9166" t="s">
        <v>46966</v>
      </c>
      <c r="S9166">
        <v>1425</v>
      </c>
    </row>
    <row r="9167" spans="1:19" x14ac:dyDescent="0.25">
      <c r="A9167">
        <v>48358925</v>
      </c>
      <c r="B9167" t="s">
        <v>46967</v>
      </c>
      <c r="C9167" s="1" t="s">
        <v>46968</v>
      </c>
      <c r="E9167">
        <v>0</v>
      </c>
      <c r="F9167">
        <v>1</v>
      </c>
      <c r="H9167" t="s">
        <v>46969</v>
      </c>
      <c r="J9167" t="s">
        <v>46969</v>
      </c>
      <c r="O9167">
        <v>6642460</v>
      </c>
      <c r="P9167">
        <v>1</v>
      </c>
      <c r="Q9167">
        <v>0</v>
      </c>
      <c r="R9167" t="s">
        <v>27</v>
      </c>
      <c r="S9167">
        <v>29</v>
      </c>
    </row>
    <row r="9168" spans="1:19" x14ac:dyDescent="0.25">
      <c r="A9168">
        <v>21928223</v>
      </c>
      <c r="B9168" t="s">
        <v>46970</v>
      </c>
      <c r="C9168" s="1" t="s">
        <v>46971</v>
      </c>
      <c r="E9168">
        <v>1</v>
      </c>
      <c r="F9168">
        <v>4</v>
      </c>
      <c r="H9168" t="s">
        <v>46972</v>
      </c>
      <c r="J9168" t="s">
        <v>46973</v>
      </c>
      <c r="K9168" t="s">
        <v>46973</v>
      </c>
      <c r="M9168">
        <v>156629</v>
      </c>
      <c r="O9168">
        <v>3026683</v>
      </c>
      <c r="P9168">
        <v>1</v>
      </c>
      <c r="Q9168">
        <v>0</v>
      </c>
      <c r="R9168" t="s">
        <v>46974</v>
      </c>
      <c r="S9168">
        <v>396</v>
      </c>
    </row>
    <row r="9169" spans="1:19" x14ac:dyDescent="0.25">
      <c r="A9169">
        <v>749326</v>
      </c>
      <c r="B9169" t="s">
        <v>46975</v>
      </c>
      <c r="C9169" s="1" t="s">
        <v>46976</v>
      </c>
      <c r="E9169">
        <v>4</v>
      </c>
      <c r="F9169">
        <v>0</v>
      </c>
      <c r="H9169" t="s">
        <v>46977</v>
      </c>
      <c r="J9169" t="s">
        <v>46978</v>
      </c>
      <c r="K9169" t="s">
        <v>46979</v>
      </c>
      <c r="L9169" t="s">
        <v>46980</v>
      </c>
      <c r="N9169" t="s">
        <v>46980</v>
      </c>
      <c r="P9169">
        <v>1</v>
      </c>
      <c r="Q9169">
        <v>0</v>
      </c>
      <c r="R9169" t="s">
        <v>4205</v>
      </c>
      <c r="S9169">
        <v>1044</v>
      </c>
    </row>
    <row r="9170" spans="1:19" x14ac:dyDescent="0.25">
      <c r="A9170">
        <v>34597498</v>
      </c>
      <c r="B9170" t="s">
        <v>46981</v>
      </c>
      <c r="C9170" s="1" t="s">
        <v>46982</v>
      </c>
      <c r="D9170">
        <v>34597992</v>
      </c>
      <c r="E9170">
        <v>1</v>
      </c>
      <c r="F9170">
        <v>1</v>
      </c>
      <c r="H9170" t="s">
        <v>46983</v>
      </c>
      <c r="J9170" t="s">
        <v>46984</v>
      </c>
      <c r="O9170">
        <v>5716266</v>
      </c>
      <c r="P9170">
        <v>1</v>
      </c>
      <c r="Q9170">
        <v>1</v>
      </c>
      <c r="R9170" t="s">
        <v>2754</v>
      </c>
      <c r="S9170">
        <v>52</v>
      </c>
    </row>
    <row r="9171" spans="1:19" x14ac:dyDescent="0.25">
      <c r="A9171">
        <v>25731006</v>
      </c>
      <c r="B9171" t="s">
        <v>46985</v>
      </c>
      <c r="C9171" s="1" t="s">
        <v>46986</v>
      </c>
      <c r="D9171">
        <v>25731374</v>
      </c>
      <c r="E9171">
        <v>2</v>
      </c>
      <c r="F9171">
        <v>5</v>
      </c>
      <c r="H9171" t="s">
        <v>46987</v>
      </c>
      <c r="J9171" t="s">
        <v>46988</v>
      </c>
      <c r="K9171" t="s">
        <v>46988</v>
      </c>
      <c r="M9171">
        <v>696441</v>
      </c>
      <c r="O9171">
        <v>3866361</v>
      </c>
      <c r="P9171">
        <v>1</v>
      </c>
      <c r="Q9171">
        <v>0</v>
      </c>
      <c r="R9171" t="s">
        <v>46989</v>
      </c>
      <c r="S9171">
        <v>86</v>
      </c>
    </row>
    <row r="9172" spans="1:19" x14ac:dyDescent="0.25">
      <c r="A9172">
        <v>17361885</v>
      </c>
      <c r="B9172" t="s">
        <v>46990</v>
      </c>
      <c r="C9172" s="1" t="s">
        <v>46991</v>
      </c>
      <c r="E9172">
        <v>1</v>
      </c>
      <c r="F9172">
        <v>15</v>
      </c>
      <c r="H9172" t="s">
        <v>46992</v>
      </c>
      <c r="I9172">
        <v>6</v>
      </c>
      <c r="J9172" t="s">
        <v>46993</v>
      </c>
      <c r="K9172" t="s">
        <v>46994</v>
      </c>
      <c r="M9172">
        <v>492336</v>
      </c>
      <c r="O9172">
        <v>2311434</v>
      </c>
      <c r="P9172">
        <v>1</v>
      </c>
      <c r="Q9172">
        <v>22</v>
      </c>
      <c r="R9172" t="s">
        <v>46995</v>
      </c>
      <c r="S9172">
        <v>10991</v>
      </c>
    </row>
    <row r="9173" spans="1:19" x14ac:dyDescent="0.25">
      <c r="A9173">
        <v>46147150</v>
      </c>
      <c r="B9173" t="s">
        <v>46996</v>
      </c>
      <c r="C9173" s="1" t="s">
        <v>46997</v>
      </c>
      <c r="D9173">
        <v>46147406</v>
      </c>
      <c r="E9173">
        <v>1</v>
      </c>
      <c r="F9173">
        <v>0</v>
      </c>
      <c r="H9173" t="s">
        <v>46998</v>
      </c>
      <c r="J9173" t="s">
        <v>46999</v>
      </c>
      <c r="K9173" t="s">
        <v>46999</v>
      </c>
      <c r="M9173">
        <v>474349</v>
      </c>
      <c r="O9173">
        <v>8589400</v>
      </c>
      <c r="P9173">
        <v>1</v>
      </c>
      <c r="Q9173">
        <v>0</v>
      </c>
      <c r="R9173" t="s">
        <v>47000</v>
      </c>
      <c r="S9173">
        <v>44</v>
      </c>
    </row>
    <row r="9174" spans="1:19" x14ac:dyDescent="0.25">
      <c r="A9174">
        <v>17678681</v>
      </c>
      <c r="B9174" t="s">
        <v>47001</v>
      </c>
      <c r="C9174" s="1" t="s">
        <v>47002</v>
      </c>
      <c r="E9174">
        <v>1</v>
      </c>
      <c r="F9174">
        <v>0</v>
      </c>
      <c r="H9174" t="s">
        <v>47003</v>
      </c>
      <c r="J9174" t="s">
        <v>47004</v>
      </c>
      <c r="K9174" t="s">
        <v>47005</v>
      </c>
      <c r="M9174">
        <v>1932934</v>
      </c>
      <c r="O9174">
        <v>1932934</v>
      </c>
      <c r="P9174">
        <v>1</v>
      </c>
      <c r="Q9174">
        <v>2</v>
      </c>
      <c r="R9174" t="s">
        <v>47006</v>
      </c>
      <c r="S9174">
        <v>173</v>
      </c>
    </row>
    <row r="9175" spans="1:19" x14ac:dyDescent="0.25">
      <c r="A9175">
        <v>8510952</v>
      </c>
      <c r="B9175" t="s">
        <v>47007</v>
      </c>
      <c r="C9175" s="1" t="s">
        <v>47008</v>
      </c>
      <c r="D9175">
        <v>8511217</v>
      </c>
      <c r="E9175">
        <v>2</v>
      </c>
      <c r="F9175">
        <v>3</v>
      </c>
      <c r="H9175" t="s">
        <v>47009</v>
      </c>
      <c r="J9175" t="s">
        <v>47010</v>
      </c>
      <c r="K9175" t="s">
        <v>47010</v>
      </c>
      <c r="M9175">
        <v>169781</v>
      </c>
      <c r="O9175">
        <v>701049</v>
      </c>
      <c r="P9175">
        <v>1</v>
      </c>
      <c r="Q9175">
        <v>0</v>
      </c>
      <c r="R9175" t="s">
        <v>47011</v>
      </c>
      <c r="S9175">
        <v>8755</v>
      </c>
    </row>
    <row r="9176" spans="1:19" x14ac:dyDescent="0.25">
      <c r="A9176">
        <v>45745235</v>
      </c>
      <c r="B9176" t="s">
        <v>47012</v>
      </c>
      <c r="C9176" s="1" t="s">
        <v>47013</v>
      </c>
      <c r="D9176">
        <v>45750300</v>
      </c>
      <c r="E9176">
        <v>1</v>
      </c>
      <c r="F9176">
        <v>0</v>
      </c>
      <c r="H9176" t="s">
        <v>47014</v>
      </c>
      <c r="J9176" t="s">
        <v>47015</v>
      </c>
      <c r="O9176">
        <v>3360140</v>
      </c>
      <c r="P9176">
        <v>1</v>
      </c>
      <c r="Q9176">
        <v>2</v>
      </c>
      <c r="R9176" t="s">
        <v>47016</v>
      </c>
      <c r="S9176">
        <v>697</v>
      </c>
    </row>
    <row r="9177" spans="1:19" x14ac:dyDescent="0.25">
      <c r="A9177">
        <v>42090748</v>
      </c>
      <c r="B9177" t="s">
        <v>47017</v>
      </c>
      <c r="C9177" t="s">
        <v>47018</v>
      </c>
      <c r="D9177">
        <v>42091070</v>
      </c>
      <c r="E9177">
        <v>2</v>
      </c>
      <c r="F9177">
        <v>0</v>
      </c>
      <c r="H9177" t="s">
        <v>47019</v>
      </c>
      <c r="J9177" t="s">
        <v>47020</v>
      </c>
      <c r="O9177">
        <v>6110169</v>
      </c>
      <c r="P9177">
        <v>1</v>
      </c>
      <c r="Q9177">
        <v>1</v>
      </c>
      <c r="R9177" t="s">
        <v>47021</v>
      </c>
      <c r="S9177">
        <v>348</v>
      </c>
    </row>
    <row r="9178" spans="1:19" x14ac:dyDescent="0.25">
      <c r="A9178">
        <v>32141254</v>
      </c>
      <c r="B9178" t="s">
        <v>47022</v>
      </c>
      <c r="C9178" s="1" t="s">
        <v>47023</v>
      </c>
      <c r="D9178">
        <v>32141341</v>
      </c>
      <c r="E9178">
        <v>1</v>
      </c>
      <c r="F9178">
        <v>0</v>
      </c>
      <c r="H9178" t="s">
        <v>47024</v>
      </c>
      <c r="J9178" t="s">
        <v>47025</v>
      </c>
      <c r="O9178">
        <v>1616731</v>
      </c>
      <c r="P9178">
        <v>1</v>
      </c>
      <c r="Q9178">
        <v>0</v>
      </c>
      <c r="R9178" t="s">
        <v>1466</v>
      </c>
      <c r="S9178">
        <v>679</v>
      </c>
    </row>
    <row r="9179" spans="1:19" x14ac:dyDescent="0.25">
      <c r="A9179">
        <v>31574628</v>
      </c>
      <c r="B9179" t="s">
        <v>47026</v>
      </c>
      <c r="C9179" s="1" t="s">
        <v>47027</v>
      </c>
      <c r="E9179">
        <v>2</v>
      </c>
      <c r="F9179">
        <v>0</v>
      </c>
      <c r="H9179" t="s">
        <v>47028</v>
      </c>
      <c r="J9179" t="s">
        <v>47029</v>
      </c>
      <c r="K9179" t="s">
        <v>47030</v>
      </c>
      <c r="M9179">
        <v>1280476</v>
      </c>
      <c r="O9179">
        <v>1280476</v>
      </c>
      <c r="P9179">
        <v>1</v>
      </c>
      <c r="Q9179">
        <v>0</v>
      </c>
      <c r="R9179" t="s">
        <v>47031</v>
      </c>
      <c r="S9179">
        <v>30</v>
      </c>
    </row>
    <row r="9180" spans="1:19" x14ac:dyDescent="0.25">
      <c r="A9180">
        <v>6550715</v>
      </c>
      <c r="B9180" t="s">
        <v>47032</v>
      </c>
      <c r="C9180" s="1" t="s">
        <v>47033</v>
      </c>
      <c r="E9180">
        <v>1</v>
      </c>
      <c r="F9180">
        <v>2</v>
      </c>
      <c r="H9180" t="s">
        <v>47034</v>
      </c>
      <c r="J9180" t="s">
        <v>47035</v>
      </c>
      <c r="K9180" t="s">
        <v>47036</v>
      </c>
      <c r="M9180">
        <v>135152</v>
      </c>
      <c r="O9180">
        <v>825227</v>
      </c>
      <c r="P9180">
        <v>1</v>
      </c>
      <c r="Q9180">
        <v>0</v>
      </c>
      <c r="R9180" t="s">
        <v>7990</v>
      </c>
      <c r="S9180">
        <v>102</v>
      </c>
    </row>
    <row r="9181" spans="1:19" x14ac:dyDescent="0.25">
      <c r="A9181">
        <v>18866455</v>
      </c>
      <c r="B9181" t="s">
        <v>47037</v>
      </c>
      <c r="C9181" t="s">
        <v>47038</v>
      </c>
      <c r="D9181">
        <v>18906062</v>
      </c>
      <c r="E9181">
        <v>1</v>
      </c>
      <c r="F9181">
        <v>0</v>
      </c>
      <c r="H9181" t="s">
        <v>47039</v>
      </c>
      <c r="J9181" t="s">
        <v>47040</v>
      </c>
      <c r="K9181" t="s">
        <v>47040</v>
      </c>
      <c r="M9181">
        <v>20007</v>
      </c>
      <c r="O9181">
        <v>20007</v>
      </c>
      <c r="P9181">
        <v>1</v>
      </c>
      <c r="Q9181">
        <v>1</v>
      </c>
      <c r="R9181" t="s">
        <v>47041</v>
      </c>
      <c r="S9181">
        <v>540</v>
      </c>
    </row>
    <row r="9182" spans="1:19" x14ac:dyDescent="0.25">
      <c r="A9182">
        <v>41609810</v>
      </c>
      <c r="B9182" t="s">
        <v>47042</v>
      </c>
      <c r="C9182" s="1" t="s">
        <v>47043</v>
      </c>
      <c r="E9182">
        <v>1</v>
      </c>
      <c r="F9182">
        <v>3</v>
      </c>
      <c r="H9182" t="s">
        <v>47044</v>
      </c>
      <c r="J9182" t="s">
        <v>47045</v>
      </c>
      <c r="K9182" t="s">
        <v>47046</v>
      </c>
      <c r="M9182">
        <v>-1</v>
      </c>
      <c r="O9182">
        <v>7404905</v>
      </c>
      <c r="P9182">
        <v>1</v>
      </c>
      <c r="Q9182">
        <v>0</v>
      </c>
      <c r="R9182" t="s">
        <v>14886</v>
      </c>
      <c r="S9182">
        <v>1477</v>
      </c>
    </row>
    <row r="9183" spans="1:19" x14ac:dyDescent="0.25">
      <c r="A9183">
        <v>50881272</v>
      </c>
      <c r="B9183" t="s">
        <v>47047</v>
      </c>
      <c r="C9183" s="1" t="s">
        <v>47048</v>
      </c>
      <c r="D9183">
        <v>50902989</v>
      </c>
      <c r="E9183">
        <v>1</v>
      </c>
      <c r="F9183">
        <v>0</v>
      </c>
      <c r="H9183" t="s">
        <v>47049</v>
      </c>
      <c r="J9183" t="s">
        <v>47050</v>
      </c>
      <c r="K9183" t="s">
        <v>47050</v>
      </c>
      <c r="M9183">
        <v>3549027</v>
      </c>
      <c r="O9183">
        <v>3549027</v>
      </c>
      <c r="P9183">
        <v>1</v>
      </c>
      <c r="Q9183">
        <v>0</v>
      </c>
      <c r="R9183" t="s">
        <v>47051</v>
      </c>
      <c r="S9183">
        <v>116</v>
      </c>
    </row>
    <row r="9184" spans="1:19" x14ac:dyDescent="0.25">
      <c r="A9184">
        <v>7032562</v>
      </c>
      <c r="B9184" t="s">
        <v>47052</v>
      </c>
      <c r="C9184" s="1" t="s">
        <v>47053</v>
      </c>
      <c r="D9184">
        <v>7033697</v>
      </c>
      <c r="E9184">
        <v>2</v>
      </c>
      <c r="F9184">
        <v>0</v>
      </c>
      <c r="H9184" t="s">
        <v>47054</v>
      </c>
      <c r="I9184">
        <v>1</v>
      </c>
      <c r="J9184" t="s">
        <v>47055</v>
      </c>
      <c r="O9184">
        <v>416056</v>
      </c>
      <c r="P9184">
        <v>1</v>
      </c>
      <c r="Q9184">
        <v>2</v>
      </c>
      <c r="R9184" t="s">
        <v>47056</v>
      </c>
      <c r="S9184">
        <v>2796</v>
      </c>
    </row>
    <row r="9185" spans="1:19" x14ac:dyDescent="0.25">
      <c r="A9185">
        <v>48503718</v>
      </c>
      <c r="B9185" t="s">
        <v>47057</v>
      </c>
      <c r="C9185" s="1" t="s">
        <v>47058</v>
      </c>
      <c r="D9185">
        <v>48503876</v>
      </c>
      <c r="E9185">
        <v>1</v>
      </c>
      <c r="F9185">
        <v>3</v>
      </c>
      <c r="H9185" t="s">
        <v>47059</v>
      </c>
      <c r="J9185" t="s">
        <v>47060</v>
      </c>
      <c r="K9185" t="s">
        <v>47060</v>
      </c>
      <c r="M9185">
        <v>1295906</v>
      </c>
      <c r="O9185">
        <v>6662217</v>
      </c>
      <c r="P9185">
        <v>1</v>
      </c>
      <c r="Q9185">
        <v>0</v>
      </c>
      <c r="R9185" t="s">
        <v>2771</v>
      </c>
      <c r="S9185">
        <v>97</v>
      </c>
    </row>
    <row r="9186" spans="1:19" x14ac:dyDescent="0.25">
      <c r="A9186">
        <v>35019079</v>
      </c>
      <c r="B9186" t="s">
        <v>47061</v>
      </c>
      <c r="C9186" s="1" t="s">
        <v>47062</v>
      </c>
      <c r="E9186">
        <v>1</v>
      </c>
      <c r="F9186">
        <v>8</v>
      </c>
      <c r="H9186" t="s">
        <v>47063</v>
      </c>
      <c r="J9186" t="s">
        <v>47064</v>
      </c>
      <c r="O9186">
        <v>5664255</v>
      </c>
      <c r="P9186">
        <v>1</v>
      </c>
      <c r="Q9186">
        <v>1</v>
      </c>
      <c r="R9186" t="s">
        <v>47065</v>
      </c>
      <c r="S9186">
        <v>810</v>
      </c>
    </row>
    <row r="9187" spans="1:19" x14ac:dyDescent="0.25">
      <c r="A9187">
        <v>34672651</v>
      </c>
      <c r="B9187" t="s">
        <v>47066</v>
      </c>
      <c r="C9187" s="1" t="s">
        <v>47067</v>
      </c>
      <c r="E9187">
        <v>1</v>
      </c>
      <c r="F9187">
        <v>5</v>
      </c>
      <c r="H9187" t="s">
        <v>47068</v>
      </c>
      <c r="J9187" t="s">
        <v>47069</v>
      </c>
      <c r="O9187">
        <v>4088093</v>
      </c>
      <c r="P9187">
        <v>1</v>
      </c>
      <c r="Q9187">
        <v>0</v>
      </c>
      <c r="R9187" t="s">
        <v>47070</v>
      </c>
      <c r="S9187">
        <v>43</v>
      </c>
    </row>
    <row r="9188" spans="1:19" x14ac:dyDescent="0.25">
      <c r="A9188">
        <v>32205177</v>
      </c>
      <c r="B9188" t="s">
        <v>47071</v>
      </c>
      <c r="C9188" s="1" t="s">
        <v>47072</v>
      </c>
      <c r="D9188">
        <v>32217357</v>
      </c>
      <c r="E9188">
        <v>1</v>
      </c>
      <c r="F9188">
        <v>0</v>
      </c>
      <c r="H9188" t="s">
        <v>47073</v>
      </c>
      <c r="J9188" t="s">
        <v>47074</v>
      </c>
      <c r="K9188" t="s">
        <v>47075</v>
      </c>
      <c r="M9188">
        <v>3107196</v>
      </c>
      <c r="O9188">
        <v>3107196</v>
      </c>
      <c r="P9188">
        <v>1</v>
      </c>
      <c r="Q9188">
        <v>3</v>
      </c>
      <c r="R9188" t="s">
        <v>47076</v>
      </c>
      <c r="S9188">
        <v>775</v>
      </c>
    </row>
    <row r="9189" spans="1:19" x14ac:dyDescent="0.25">
      <c r="A9189">
        <v>23758555</v>
      </c>
      <c r="B9189" t="s">
        <v>47077</v>
      </c>
      <c r="C9189" s="1" t="s">
        <v>47078</v>
      </c>
      <c r="D9189">
        <v>23770133</v>
      </c>
      <c r="E9189">
        <v>1</v>
      </c>
      <c r="F9189">
        <v>0</v>
      </c>
      <c r="H9189" t="s">
        <v>47079</v>
      </c>
      <c r="J9189" t="s">
        <v>47080</v>
      </c>
      <c r="K9189" t="s">
        <v>47080</v>
      </c>
      <c r="M9189">
        <v>1461424</v>
      </c>
      <c r="O9189">
        <v>375721</v>
      </c>
      <c r="P9189">
        <v>1</v>
      </c>
      <c r="Q9189">
        <v>0</v>
      </c>
      <c r="R9189" t="s">
        <v>47081</v>
      </c>
      <c r="S9189">
        <v>40</v>
      </c>
    </row>
    <row r="9190" spans="1:19" x14ac:dyDescent="0.25">
      <c r="A9190">
        <v>38732969</v>
      </c>
      <c r="B9190" t="s">
        <v>47082</v>
      </c>
      <c r="C9190" s="1" t="s">
        <v>47083</v>
      </c>
      <c r="E9190">
        <v>0</v>
      </c>
      <c r="F9190">
        <v>5</v>
      </c>
      <c r="H9190" t="s">
        <v>47084</v>
      </c>
      <c r="J9190" t="s">
        <v>47084</v>
      </c>
      <c r="O9190">
        <v>6669952</v>
      </c>
      <c r="P9190">
        <v>1</v>
      </c>
      <c r="Q9190">
        <v>0</v>
      </c>
      <c r="R9190" t="s">
        <v>47085</v>
      </c>
      <c r="S9190">
        <v>570</v>
      </c>
    </row>
    <row r="9191" spans="1:19" x14ac:dyDescent="0.25">
      <c r="A9191">
        <v>46728919</v>
      </c>
      <c r="B9191" t="s">
        <v>47086</v>
      </c>
      <c r="C9191" s="1" t="s">
        <v>47087</v>
      </c>
      <c r="E9191">
        <v>0</v>
      </c>
      <c r="F9191">
        <v>1</v>
      </c>
      <c r="H9191" t="s">
        <v>47088</v>
      </c>
      <c r="J9191" t="s">
        <v>47088</v>
      </c>
      <c r="O9191">
        <v>4639</v>
      </c>
      <c r="P9191">
        <v>1</v>
      </c>
      <c r="Q9191">
        <v>0</v>
      </c>
      <c r="R9191" t="s">
        <v>47089</v>
      </c>
      <c r="S9191">
        <v>677</v>
      </c>
    </row>
    <row r="9192" spans="1:19" x14ac:dyDescent="0.25">
      <c r="A9192">
        <v>24650189</v>
      </c>
      <c r="B9192" t="s">
        <v>47090</v>
      </c>
      <c r="C9192" s="1" t="s">
        <v>47091</v>
      </c>
      <c r="D9192">
        <v>24685252</v>
      </c>
      <c r="E9192">
        <v>2</v>
      </c>
      <c r="F9192">
        <v>0</v>
      </c>
      <c r="H9192" t="s">
        <v>47092</v>
      </c>
      <c r="I9192">
        <v>1</v>
      </c>
      <c r="J9192" t="s">
        <v>47093</v>
      </c>
      <c r="O9192">
        <v>2376945</v>
      </c>
      <c r="P9192">
        <v>1</v>
      </c>
      <c r="Q9192">
        <v>7</v>
      </c>
      <c r="R9192" t="s">
        <v>47094</v>
      </c>
      <c r="S9192">
        <v>4040</v>
      </c>
    </row>
    <row r="9193" spans="1:19" x14ac:dyDescent="0.25">
      <c r="A9193">
        <v>12501391</v>
      </c>
      <c r="B9193" t="s">
        <v>47095</v>
      </c>
      <c r="C9193" s="1" t="s">
        <v>47096</v>
      </c>
      <c r="D9193">
        <v>12651136</v>
      </c>
      <c r="E9193">
        <v>3</v>
      </c>
      <c r="F9193">
        <v>3</v>
      </c>
      <c r="H9193" t="s">
        <v>47097</v>
      </c>
      <c r="I9193">
        <v>0</v>
      </c>
      <c r="J9193" t="s">
        <v>47098</v>
      </c>
      <c r="K9193" t="s">
        <v>47098</v>
      </c>
      <c r="M9193">
        <v>810368</v>
      </c>
      <c r="O9193">
        <v>562497</v>
      </c>
      <c r="P9193">
        <v>1</v>
      </c>
      <c r="Q9193">
        <v>2</v>
      </c>
      <c r="R9193" t="s">
        <v>47099</v>
      </c>
      <c r="S9193">
        <v>1495</v>
      </c>
    </row>
    <row r="9194" spans="1:19" x14ac:dyDescent="0.25">
      <c r="A9194">
        <v>35939375</v>
      </c>
      <c r="B9194" t="s">
        <v>47100</v>
      </c>
      <c r="C9194" s="1" t="s">
        <v>47101</v>
      </c>
      <c r="D9194">
        <v>35945063</v>
      </c>
      <c r="E9194">
        <v>1</v>
      </c>
      <c r="F9194">
        <v>2</v>
      </c>
      <c r="H9194" t="s">
        <v>47102</v>
      </c>
      <c r="J9194" t="s">
        <v>47103</v>
      </c>
      <c r="O9194">
        <v>4311291</v>
      </c>
      <c r="P9194">
        <v>1</v>
      </c>
      <c r="Q9194">
        <v>0</v>
      </c>
      <c r="R9194" t="s">
        <v>47104</v>
      </c>
      <c r="S9194">
        <v>56</v>
      </c>
    </row>
    <row r="9195" spans="1:19" x14ac:dyDescent="0.25">
      <c r="A9195">
        <v>12074016</v>
      </c>
      <c r="B9195" t="s">
        <v>47105</v>
      </c>
      <c r="C9195" s="1" t="s">
        <v>47106</v>
      </c>
      <c r="E9195">
        <v>2</v>
      </c>
      <c r="F9195">
        <v>1</v>
      </c>
      <c r="H9195" t="s">
        <v>47107</v>
      </c>
      <c r="J9195" t="s">
        <v>47108</v>
      </c>
      <c r="K9195" t="s">
        <v>47109</v>
      </c>
      <c r="M9195">
        <v>582571</v>
      </c>
      <c r="O9195">
        <v>1265864</v>
      </c>
      <c r="P9195">
        <v>1</v>
      </c>
      <c r="Q9195">
        <v>0</v>
      </c>
      <c r="R9195" t="s">
        <v>2771</v>
      </c>
      <c r="S9195">
        <v>1326</v>
      </c>
    </row>
    <row r="9196" spans="1:19" x14ac:dyDescent="0.25">
      <c r="A9196">
        <v>46843863</v>
      </c>
      <c r="B9196" t="s">
        <v>47110</v>
      </c>
      <c r="C9196" s="1" t="s">
        <v>47111</v>
      </c>
      <c r="D9196">
        <v>46861681</v>
      </c>
      <c r="E9196">
        <v>1</v>
      </c>
      <c r="F9196">
        <v>5</v>
      </c>
      <c r="H9196" t="s">
        <v>47112</v>
      </c>
      <c r="I9196">
        <v>7</v>
      </c>
      <c r="J9196" t="s">
        <v>47113</v>
      </c>
      <c r="K9196" t="s">
        <v>47113</v>
      </c>
      <c r="M9196">
        <v>608639</v>
      </c>
      <c r="O9196">
        <v>7672461</v>
      </c>
      <c r="P9196">
        <v>1</v>
      </c>
      <c r="Q9196">
        <v>8</v>
      </c>
      <c r="R9196" t="s">
        <v>47114</v>
      </c>
      <c r="S9196">
        <v>12096</v>
      </c>
    </row>
    <row r="9197" spans="1:19" x14ac:dyDescent="0.25">
      <c r="A9197">
        <v>10435021</v>
      </c>
      <c r="B9197" t="s">
        <v>47115</v>
      </c>
      <c r="C9197" s="1" t="s">
        <v>47116</v>
      </c>
      <c r="D9197">
        <v>10435046</v>
      </c>
      <c r="E9197">
        <v>2</v>
      </c>
      <c r="F9197">
        <v>1</v>
      </c>
      <c r="H9197" t="s">
        <v>47117</v>
      </c>
      <c r="I9197">
        <v>1</v>
      </c>
      <c r="J9197" t="s">
        <v>47118</v>
      </c>
      <c r="K9197" t="s">
        <v>47119</v>
      </c>
      <c r="M9197">
        <v>186202</v>
      </c>
      <c r="O9197">
        <v>186202</v>
      </c>
      <c r="P9197">
        <v>1</v>
      </c>
      <c r="Q9197">
        <v>6</v>
      </c>
      <c r="R9197" t="s">
        <v>47120</v>
      </c>
      <c r="S9197">
        <v>1161</v>
      </c>
    </row>
    <row r="9198" spans="1:19" x14ac:dyDescent="0.25">
      <c r="A9198">
        <v>30261226</v>
      </c>
      <c r="B9198" t="s">
        <v>47121</v>
      </c>
      <c r="C9198" s="1" t="s">
        <v>47122</v>
      </c>
      <c r="D9198">
        <v>30301672</v>
      </c>
      <c r="E9198">
        <v>1</v>
      </c>
      <c r="F9198">
        <v>2</v>
      </c>
      <c r="H9198" t="s">
        <v>47123</v>
      </c>
      <c r="J9198" t="s">
        <v>47124</v>
      </c>
      <c r="K9198" t="s">
        <v>47125</v>
      </c>
      <c r="M9198">
        <v>-1</v>
      </c>
      <c r="O9198">
        <v>932676</v>
      </c>
      <c r="P9198">
        <v>1</v>
      </c>
      <c r="Q9198">
        <v>1</v>
      </c>
      <c r="R9198" t="s">
        <v>47126</v>
      </c>
      <c r="S9198">
        <v>519</v>
      </c>
    </row>
    <row r="9199" spans="1:19" x14ac:dyDescent="0.25">
      <c r="A9199">
        <v>40219259</v>
      </c>
      <c r="B9199" t="s">
        <v>47127</v>
      </c>
      <c r="C9199" s="1" t="s">
        <v>47128</v>
      </c>
      <c r="E9199">
        <v>0</v>
      </c>
      <c r="F9199">
        <v>2</v>
      </c>
      <c r="H9199" t="s">
        <v>47129</v>
      </c>
      <c r="J9199" t="s">
        <v>47129</v>
      </c>
      <c r="O9199">
        <v>2589814</v>
      </c>
      <c r="P9199">
        <v>1</v>
      </c>
      <c r="Q9199">
        <v>0</v>
      </c>
      <c r="R9199" t="s">
        <v>47130</v>
      </c>
      <c r="S9199">
        <v>36</v>
      </c>
    </row>
    <row r="9200" spans="1:19" x14ac:dyDescent="0.25">
      <c r="A9200">
        <v>38185029</v>
      </c>
      <c r="B9200" t="s">
        <v>47131</v>
      </c>
      <c r="C9200" s="1" t="s">
        <v>47132</v>
      </c>
      <c r="D9200">
        <v>38185232</v>
      </c>
      <c r="E9200">
        <v>3</v>
      </c>
      <c r="F9200">
        <v>0</v>
      </c>
      <c r="H9200" t="s">
        <v>47133</v>
      </c>
      <c r="J9200" t="s">
        <v>47134</v>
      </c>
      <c r="K9200" t="s">
        <v>47135</v>
      </c>
      <c r="M9200">
        <v>3959372</v>
      </c>
      <c r="O9200">
        <v>3959372</v>
      </c>
      <c r="P9200">
        <v>1</v>
      </c>
      <c r="Q9200">
        <v>0</v>
      </c>
      <c r="R9200" t="s">
        <v>47136</v>
      </c>
      <c r="S9200">
        <v>46</v>
      </c>
    </row>
    <row r="9201" spans="1:19" x14ac:dyDescent="0.25">
      <c r="A9201">
        <v>48085357</v>
      </c>
      <c r="B9201" t="s">
        <v>47137</v>
      </c>
      <c r="C9201" t="s">
        <v>47138</v>
      </c>
      <c r="E9201">
        <v>1</v>
      </c>
      <c r="F9201">
        <v>1</v>
      </c>
      <c r="H9201" t="s">
        <v>47139</v>
      </c>
      <c r="J9201" t="s">
        <v>47140</v>
      </c>
      <c r="O9201">
        <v>5221863</v>
      </c>
      <c r="P9201">
        <v>1</v>
      </c>
      <c r="Q9201">
        <v>0</v>
      </c>
      <c r="R9201" t="s">
        <v>47141</v>
      </c>
      <c r="S9201">
        <v>309</v>
      </c>
    </row>
    <row r="9202" spans="1:19" x14ac:dyDescent="0.25">
      <c r="A9202">
        <v>34036519</v>
      </c>
      <c r="B9202" t="s">
        <v>47142</v>
      </c>
      <c r="C9202" s="1" t="s">
        <v>47143</v>
      </c>
      <c r="E9202">
        <v>0</v>
      </c>
      <c r="F9202">
        <v>3</v>
      </c>
      <c r="H9202" t="s">
        <v>47144</v>
      </c>
      <c r="I9202">
        <v>1</v>
      </c>
      <c r="J9202" t="s">
        <v>47145</v>
      </c>
      <c r="K9202" t="s">
        <v>47145</v>
      </c>
      <c r="M9202">
        <v>66849</v>
      </c>
      <c r="O9202">
        <v>4010115</v>
      </c>
      <c r="P9202">
        <v>1</v>
      </c>
      <c r="Q9202">
        <v>2</v>
      </c>
      <c r="R9202" t="s">
        <v>47146</v>
      </c>
      <c r="S9202">
        <v>22</v>
      </c>
    </row>
    <row r="9203" spans="1:19" x14ac:dyDescent="0.25">
      <c r="A9203">
        <v>6810734</v>
      </c>
      <c r="B9203" t="s">
        <v>47147</v>
      </c>
      <c r="C9203" s="1" t="s">
        <v>47148</v>
      </c>
      <c r="D9203">
        <v>6810902</v>
      </c>
      <c r="E9203">
        <v>6</v>
      </c>
      <c r="F9203">
        <v>0</v>
      </c>
      <c r="H9203" t="s">
        <v>47149</v>
      </c>
      <c r="I9203">
        <v>2</v>
      </c>
      <c r="J9203" t="s">
        <v>47150</v>
      </c>
      <c r="K9203" t="s">
        <v>47150</v>
      </c>
      <c r="M9203">
        <v>65387</v>
      </c>
      <c r="O9203">
        <v>65387</v>
      </c>
      <c r="P9203">
        <v>1</v>
      </c>
      <c r="Q9203">
        <v>2</v>
      </c>
      <c r="R9203" t="s">
        <v>1446</v>
      </c>
      <c r="S9203">
        <v>1304</v>
      </c>
    </row>
    <row r="9204" spans="1:19" x14ac:dyDescent="0.25">
      <c r="A9204">
        <v>22944939</v>
      </c>
      <c r="B9204" t="s">
        <v>47151</v>
      </c>
      <c r="C9204" s="1" t="s">
        <v>47152</v>
      </c>
      <c r="D9204">
        <v>23041008</v>
      </c>
      <c r="E9204">
        <v>1</v>
      </c>
      <c r="F9204">
        <v>0</v>
      </c>
      <c r="H9204" t="s">
        <v>47153</v>
      </c>
      <c r="J9204" t="s">
        <v>47154</v>
      </c>
      <c r="O9204">
        <v>53468</v>
      </c>
      <c r="P9204">
        <v>1</v>
      </c>
      <c r="Q9204">
        <v>0</v>
      </c>
      <c r="R9204" t="s">
        <v>47155</v>
      </c>
      <c r="S9204">
        <v>85</v>
      </c>
    </row>
    <row r="9205" spans="1:19" x14ac:dyDescent="0.25">
      <c r="A9205">
        <v>8318041</v>
      </c>
      <c r="B9205" t="s">
        <v>47156</v>
      </c>
      <c r="C9205" s="1" t="s">
        <v>47157</v>
      </c>
      <c r="D9205">
        <v>8318093</v>
      </c>
      <c r="E9205">
        <v>2</v>
      </c>
      <c r="F9205">
        <v>4</v>
      </c>
      <c r="H9205" t="s">
        <v>47158</v>
      </c>
      <c r="I9205">
        <v>1</v>
      </c>
      <c r="J9205" t="s">
        <v>47159</v>
      </c>
      <c r="O9205">
        <v>283412</v>
      </c>
      <c r="P9205">
        <v>1</v>
      </c>
      <c r="Q9205">
        <v>4</v>
      </c>
      <c r="R9205" t="s">
        <v>7722</v>
      </c>
      <c r="S9205">
        <v>6211</v>
      </c>
    </row>
    <row r="9206" spans="1:19" x14ac:dyDescent="0.25">
      <c r="A9206">
        <v>41306508</v>
      </c>
      <c r="B9206" t="s">
        <v>47160</v>
      </c>
      <c r="C9206" t="s">
        <v>47161</v>
      </c>
      <c r="D9206">
        <v>41307150</v>
      </c>
      <c r="E9206">
        <v>1</v>
      </c>
      <c r="F9206">
        <v>0</v>
      </c>
      <c r="H9206" t="s">
        <v>47162</v>
      </c>
      <c r="J9206" t="s">
        <v>47163</v>
      </c>
      <c r="K9206" t="s">
        <v>47163</v>
      </c>
      <c r="L9206" t="s">
        <v>47164</v>
      </c>
      <c r="N9206" t="s">
        <v>47164</v>
      </c>
      <c r="P9206">
        <v>1</v>
      </c>
      <c r="Q9206">
        <v>2</v>
      </c>
      <c r="R9206" t="s">
        <v>47165</v>
      </c>
      <c r="S9206">
        <v>105</v>
      </c>
    </row>
    <row r="9207" spans="1:19" x14ac:dyDescent="0.25">
      <c r="A9207">
        <v>16425225</v>
      </c>
      <c r="B9207" t="s">
        <v>47166</v>
      </c>
      <c r="C9207" s="1" t="s">
        <v>47167</v>
      </c>
      <c r="E9207">
        <v>1</v>
      </c>
      <c r="F9207">
        <v>7</v>
      </c>
      <c r="H9207" t="s">
        <v>47168</v>
      </c>
      <c r="J9207" t="s">
        <v>47169</v>
      </c>
      <c r="O9207">
        <v>1615371</v>
      </c>
      <c r="P9207">
        <v>1</v>
      </c>
      <c r="Q9207">
        <v>0</v>
      </c>
      <c r="R9207" t="s">
        <v>47170</v>
      </c>
      <c r="S9207">
        <v>320</v>
      </c>
    </row>
    <row r="9208" spans="1:19" x14ac:dyDescent="0.25">
      <c r="A9208">
        <v>51493662</v>
      </c>
      <c r="B9208" t="s">
        <v>47171</v>
      </c>
      <c r="C9208" s="1" t="s">
        <v>47172</v>
      </c>
      <c r="E9208">
        <v>3</v>
      </c>
      <c r="F9208">
        <v>2</v>
      </c>
      <c r="H9208" t="s">
        <v>47173</v>
      </c>
      <c r="J9208" t="s">
        <v>47174</v>
      </c>
      <c r="O9208">
        <v>1706697</v>
      </c>
      <c r="P9208">
        <v>1</v>
      </c>
      <c r="Q9208">
        <v>0</v>
      </c>
      <c r="R9208" t="s">
        <v>47175</v>
      </c>
      <c r="S9208">
        <v>883</v>
      </c>
    </row>
    <row r="9209" spans="1:19" x14ac:dyDescent="0.25">
      <c r="A9209">
        <v>10041497</v>
      </c>
      <c r="B9209" t="s">
        <v>47176</v>
      </c>
      <c r="C9209" s="1" t="s">
        <v>47177</v>
      </c>
      <c r="E9209">
        <v>1</v>
      </c>
      <c r="F9209">
        <v>1</v>
      </c>
      <c r="H9209" t="s">
        <v>47178</v>
      </c>
      <c r="J9209" t="s">
        <v>47179</v>
      </c>
      <c r="K9209" t="s">
        <v>47179</v>
      </c>
      <c r="M9209">
        <v>26406</v>
      </c>
      <c r="O9209">
        <v>1153859</v>
      </c>
      <c r="P9209">
        <v>1</v>
      </c>
      <c r="Q9209">
        <v>3</v>
      </c>
      <c r="R9209" t="s">
        <v>47180</v>
      </c>
      <c r="S9209">
        <v>1377</v>
      </c>
    </row>
    <row r="9210" spans="1:19" x14ac:dyDescent="0.25">
      <c r="A9210">
        <v>6842998</v>
      </c>
      <c r="B9210" t="s">
        <v>47181</v>
      </c>
      <c r="C9210" s="1" t="s">
        <v>47182</v>
      </c>
      <c r="E9210">
        <v>4</v>
      </c>
      <c r="F9210">
        <v>4</v>
      </c>
      <c r="H9210" t="s">
        <v>47183</v>
      </c>
      <c r="J9210" t="s">
        <v>47184</v>
      </c>
      <c r="K9210" t="s">
        <v>47185</v>
      </c>
      <c r="M9210">
        <v>729648</v>
      </c>
      <c r="O9210">
        <v>729648</v>
      </c>
      <c r="P9210">
        <v>1</v>
      </c>
      <c r="Q9210">
        <v>0</v>
      </c>
      <c r="R9210" t="s">
        <v>47186</v>
      </c>
      <c r="S9210">
        <v>1333</v>
      </c>
    </row>
    <row r="9211" spans="1:19" x14ac:dyDescent="0.25">
      <c r="A9211">
        <v>42647762</v>
      </c>
      <c r="B9211" t="s">
        <v>47187</v>
      </c>
      <c r="C9211" s="1" t="s">
        <v>47188</v>
      </c>
      <c r="E9211">
        <v>1</v>
      </c>
      <c r="F9211">
        <v>1</v>
      </c>
      <c r="H9211" t="s">
        <v>47189</v>
      </c>
      <c r="J9211" t="s">
        <v>47190</v>
      </c>
      <c r="K9211" t="s">
        <v>47190</v>
      </c>
      <c r="M9211">
        <v>7574051</v>
      </c>
      <c r="O9211">
        <v>7574051</v>
      </c>
      <c r="P9211">
        <v>1</v>
      </c>
      <c r="Q9211">
        <v>-1</v>
      </c>
      <c r="R9211" t="s">
        <v>47191</v>
      </c>
      <c r="S9211">
        <v>35</v>
      </c>
    </row>
    <row r="9212" spans="1:19" x14ac:dyDescent="0.25">
      <c r="A9212">
        <v>5245647</v>
      </c>
      <c r="B9212" t="s">
        <v>47192</v>
      </c>
      <c r="C9212" s="1" t="s">
        <v>47193</v>
      </c>
      <c r="D9212">
        <v>5245777</v>
      </c>
      <c r="E9212">
        <v>1</v>
      </c>
      <c r="F9212">
        <v>0</v>
      </c>
      <c r="H9212" t="s">
        <v>47194</v>
      </c>
      <c r="J9212" t="s">
        <v>47195</v>
      </c>
      <c r="O9212">
        <v>197726</v>
      </c>
      <c r="P9212">
        <v>1</v>
      </c>
      <c r="Q9212">
        <v>1</v>
      </c>
      <c r="R9212" t="s">
        <v>47196</v>
      </c>
      <c r="S9212">
        <v>489</v>
      </c>
    </row>
    <row r="9213" spans="1:19" x14ac:dyDescent="0.25">
      <c r="A9213">
        <v>28888852</v>
      </c>
      <c r="B9213" t="s">
        <v>47197</v>
      </c>
      <c r="C9213" s="1" t="s">
        <v>47198</v>
      </c>
      <c r="D9213">
        <v>28889605</v>
      </c>
      <c r="E9213">
        <v>2</v>
      </c>
      <c r="F9213">
        <v>3</v>
      </c>
      <c r="H9213" t="s">
        <v>47199</v>
      </c>
      <c r="J9213" t="s">
        <v>47200</v>
      </c>
      <c r="K9213" t="s">
        <v>47200</v>
      </c>
      <c r="M9213">
        <v>1399597</v>
      </c>
      <c r="O9213">
        <v>2037602</v>
      </c>
      <c r="P9213">
        <v>1</v>
      </c>
      <c r="Q9213">
        <v>3</v>
      </c>
      <c r="R9213" t="s">
        <v>47201</v>
      </c>
      <c r="S9213">
        <v>3880</v>
      </c>
    </row>
    <row r="9214" spans="1:19" x14ac:dyDescent="0.25">
      <c r="A9214">
        <v>12052211</v>
      </c>
      <c r="B9214" t="s">
        <v>47202</v>
      </c>
      <c r="C9214" s="1" t="s">
        <v>47203</v>
      </c>
      <c r="D9214">
        <v>12053244</v>
      </c>
      <c r="E9214">
        <v>1</v>
      </c>
      <c r="F9214">
        <v>5</v>
      </c>
      <c r="H9214" t="s">
        <v>47204</v>
      </c>
      <c r="J9214" t="s">
        <v>47205</v>
      </c>
      <c r="K9214" t="s">
        <v>47206</v>
      </c>
      <c r="M9214">
        <v>1517048</v>
      </c>
      <c r="O9214">
        <v>1517048</v>
      </c>
      <c r="P9214">
        <v>1</v>
      </c>
      <c r="Q9214">
        <v>1</v>
      </c>
      <c r="R9214" t="s">
        <v>47207</v>
      </c>
      <c r="S9214">
        <v>1295</v>
      </c>
    </row>
    <row r="9215" spans="1:19" x14ac:dyDescent="0.25">
      <c r="A9215">
        <v>24459284</v>
      </c>
      <c r="B9215" t="s">
        <v>47208</v>
      </c>
      <c r="C9215" s="1" t="s">
        <v>47209</v>
      </c>
      <c r="D9215">
        <v>24485750</v>
      </c>
      <c r="E9215">
        <v>2</v>
      </c>
      <c r="F9215">
        <v>0</v>
      </c>
      <c r="H9215" t="s">
        <v>47210</v>
      </c>
      <c r="J9215" t="s">
        <v>47211</v>
      </c>
      <c r="O9215">
        <v>419847</v>
      </c>
      <c r="P9215">
        <v>1</v>
      </c>
      <c r="Q9215">
        <v>0</v>
      </c>
      <c r="R9215" t="s">
        <v>47212</v>
      </c>
      <c r="S9215">
        <v>22</v>
      </c>
    </row>
    <row r="9216" spans="1:19" x14ac:dyDescent="0.25">
      <c r="A9216">
        <v>36613226</v>
      </c>
      <c r="B9216" t="s">
        <v>47213</v>
      </c>
      <c r="C9216" s="1" t="s">
        <v>47214</v>
      </c>
      <c r="E9216">
        <v>1</v>
      </c>
      <c r="F9216">
        <v>0</v>
      </c>
      <c r="H9216" t="s">
        <v>47215</v>
      </c>
      <c r="J9216" t="s">
        <v>47216</v>
      </c>
      <c r="K9216" t="s">
        <v>47216</v>
      </c>
      <c r="M9216">
        <v>6011740</v>
      </c>
      <c r="O9216">
        <v>6011740</v>
      </c>
      <c r="P9216">
        <v>1</v>
      </c>
      <c r="Q9216">
        <v>-2</v>
      </c>
      <c r="R9216" t="s">
        <v>4205</v>
      </c>
      <c r="S9216">
        <v>63</v>
      </c>
    </row>
    <row r="9217" spans="1:19" x14ac:dyDescent="0.25">
      <c r="A9217">
        <v>44483164</v>
      </c>
      <c r="B9217" t="s">
        <v>47217</v>
      </c>
      <c r="C9217" s="1" t="s">
        <v>47218</v>
      </c>
      <c r="D9217">
        <v>44483206</v>
      </c>
      <c r="E9217">
        <v>1</v>
      </c>
      <c r="F9217">
        <v>0</v>
      </c>
      <c r="H9217" t="s">
        <v>47219</v>
      </c>
      <c r="J9217" t="s">
        <v>47220</v>
      </c>
      <c r="K9217" t="s">
        <v>47220</v>
      </c>
      <c r="M9217">
        <v>2823226</v>
      </c>
      <c r="O9217">
        <v>5135157</v>
      </c>
      <c r="P9217">
        <v>1</v>
      </c>
      <c r="Q9217">
        <v>2</v>
      </c>
      <c r="R9217" t="s">
        <v>31699</v>
      </c>
      <c r="S9217">
        <v>53</v>
      </c>
    </row>
    <row r="9218" spans="1:19" x14ac:dyDescent="0.25">
      <c r="A9218">
        <v>51334674</v>
      </c>
      <c r="B9218" t="s">
        <v>47221</v>
      </c>
      <c r="C9218" s="1" t="s">
        <v>47222</v>
      </c>
      <c r="D9218">
        <v>51336913</v>
      </c>
      <c r="E9218">
        <v>1</v>
      </c>
      <c r="F9218">
        <v>13</v>
      </c>
      <c r="H9218" t="s">
        <v>47223</v>
      </c>
      <c r="I9218">
        <v>1</v>
      </c>
      <c r="J9218" t="s">
        <v>47224</v>
      </c>
      <c r="O9218">
        <v>421163</v>
      </c>
      <c r="P9218">
        <v>1</v>
      </c>
      <c r="Q9218">
        <v>12</v>
      </c>
      <c r="R9218" t="s">
        <v>47225</v>
      </c>
      <c r="S9218">
        <v>613</v>
      </c>
    </row>
    <row r="9219" spans="1:19" x14ac:dyDescent="0.25">
      <c r="A9219">
        <v>25198322</v>
      </c>
      <c r="B9219" t="s">
        <v>47226</v>
      </c>
      <c r="C9219" s="1" t="s">
        <v>47227</v>
      </c>
      <c r="D9219">
        <v>25198583</v>
      </c>
      <c r="E9219">
        <v>4</v>
      </c>
      <c r="F9219">
        <v>1</v>
      </c>
      <c r="H9219" t="s">
        <v>47228</v>
      </c>
      <c r="I9219">
        <v>1</v>
      </c>
      <c r="J9219" t="s">
        <v>47229</v>
      </c>
      <c r="O9219">
        <v>3891526</v>
      </c>
      <c r="P9219">
        <v>1</v>
      </c>
      <c r="Q9219">
        <v>0</v>
      </c>
      <c r="R9219" t="s">
        <v>47230</v>
      </c>
      <c r="S9219">
        <v>1433</v>
      </c>
    </row>
    <row r="9220" spans="1:19" x14ac:dyDescent="0.25">
      <c r="A9220">
        <v>19299308</v>
      </c>
      <c r="B9220" t="s">
        <v>47231</v>
      </c>
      <c r="C9220" s="1" t="s">
        <v>47232</v>
      </c>
      <c r="E9220">
        <v>4</v>
      </c>
      <c r="F9220">
        <v>0</v>
      </c>
      <c r="H9220" t="s">
        <v>47233</v>
      </c>
      <c r="J9220" t="s">
        <v>47234</v>
      </c>
      <c r="K9220" t="s">
        <v>47235</v>
      </c>
      <c r="M9220">
        <v>2583876</v>
      </c>
      <c r="O9220">
        <v>2867619</v>
      </c>
      <c r="P9220">
        <v>1</v>
      </c>
      <c r="Q9220">
        <v>2</v>
      </c>
      <c r="R9220" t="s">
        <v>47236</v>
      </c>
      <c r="S9220">
        <v>4529</v>
      </c>
    </row>
    <row r="9221" spans="1:19" x14ac:dyDescent="0.25">
      <c r="A9221">
        <v>52827472</v>
      </c>
      <c r="B9221" t="s">
        <v>47237</v>
      </c>
      <c r="C9221" s="1" t="s">
        <v>47238</v>
      </c>
      <c r="E9221">
        <v>0</v>
      </c>
      <c r="F9221">
        <v>3</v>
      </c>
      <c r="H9221" t="s">
        <v>47239</v>
      </c>
      <c r="J9221" t="s">
        <v>47239</v>
      </c>
      <c r="O9221">
        <v>9946433</v>
      </c>
      <c r="P9221">
        <v>1</v>
      </c>
      <c r="Q9221">
        <v>0</v>
      </c>
      <c r="R9221" t="s">
        <v>47240</v>
      </c>
      <c r="S9221">
        <v>24</v>
      </c>
    </row>
    <row r="9222" spans="1:19" x14ac:dyDescent="0.25">
      <c r="A9222">
        <v>19979973</v>
      </c>
      <c r="B9222" t="s">
        <v>47241</v>
      </c>
      <c r="C9222" s="1" t="s">
        <v>47242</v>
      </c>
      <c r="D9222">
        <v>19980061</v>
      </c>
      <c r="E9222">
        <v>1</v>
      </c>
      <c r="F9222">
        <v>2</v>
      </c>
      <c r="H9222" t="s">
        <v>47243</v>
      </c>
      <c r="J9222" t="s">
        <v>47244</v>
      </c>
      <c r="K9222" t="s">
        <v>47244</v>
      </c>
      <c r="M9222">
        <v>1472389</v>
      </c>
      <c r="O9222">
        <v>1183662</v>
      </c>
      <c r="P9222">
        <v>1</v>
      </c>
      <c r="Q9222">
        <v>-1</v>
      </c>
      <c r="R9222" t="s">
        <v>14180</v>
      </c>
      <c r="S9222">
        <v>152</v>
      </c>
    </row>
    <row r="9223" spans="1:19" x14ac:dyDescent="0.25">
      <c r="A9223">
        <v>732979</v>
      </c>
      <c r="B9223" t="s">
        <v>47245</v>
      </c>
      <c r="C9223" s="1" t="s">
        <v>47246</v>
      </c>
      <c r="D9223">
        <v>985364</v>
      </c>
      <c r="E9223">
        <v>7</v>
      </c>
      <c r="F9223">
        <v>2</v>
      </c>
      <c r="H9223" t="s">
        <v>47247</v>
      </c>
      <c r="I9223">
        <v>3</v>
      </c>
      <c r="J9223" t="s">
        <v>47248</v>
      </c>
      <c r="K9223" t="s">
        <v>47249</v>
      </c>
      <c r="M9223">
        <v>-1</v>
      </c>
      <c r="O9223">
        <v>53212</v>
      </c>
      <c r="P9223">
        <v>1</v>
      </c>
      <c r="Q9223">
        <v>24</v>
      </c>
      <c r="R9223" t="s">
        <v>2122</v>
      </c>
      <c r="S9223">
        <v>31468</v>
      </c>
    </row>
    <row r="9224" spans="1:19" x14ac:dyDescent="0.25">
      <c r="A9224">
        <v>15057075</v>
      </c>
      <c r="B9224" t="s">
        <v>47250</v>
      </c>
      <c r="C9224" s="1" t="s">
        <v>47251</v>
      </c>
      <c r="D9224">
        <v>15057124</v>
      </c>
      <c r="E9224">
        <v>1</v>
      </c>
      <c r="F9224">
        <v>0</v>
      </c>
      <c r="H9224" t="s">
        <v>47252</v>
      </c>
      <c r="J9224" t="s">
        <v>47253</v>
      </c>
      <c r="O9224">
        <v>2105343</v>
      </c>
      <c r="P9224">
        <v>1</v>
      </c>
      <c r="Q9224">
        <v>1</v>
      </c>
      <c r="R9224" t="s">
        <v>47254</v>
      </c>
      <c r="S9224">
        <v>2913</v>
      </c>
    </row>
    <row r="9225" spans="1:19" x14ac:dyDescent="0.25">
      <c r="A9225">
        <v>51231883</v>
      </c>
      <c r="B9225" t="s">
        <v>47255</v>
      </c>
      <c r="C9225" s="1" t="s">
        <v>47256</v>
      </c>
      <c r="D9225">
        <v>51233607</v>
      </c>
      <c r="E9225">
        <v>1</v>
      </c>
      <c r="F9225">
        <v>2</v>
      </c>
      <c r="H9225" t="s">
        <v>47257</v>
      </c>
      <c r="J9225" t="s">
        <v>47258</v>
      </c>
      <c r="O9225">
        <v>288393</v>
      </c>
      <c r="P9225">
        <v>1</v>
      </c>
      <c r="Q9225">
        <v>1</v>
      </c>
      <c r="R9225" t="s">
        <v>47259</v>
      </c>
      <c r="S9225">
        <v>60</v>
      </c>
    </row>
    <row r="9226" spans="1:19" x14ac:dyDescent="0.25">
      <c r="A9226">
        <v>33538602</v>
      </c>
      <c r="B9226" t="s">
        <v>47260</v>
      </c>
      <c r="C9226" s="1" t="s">
        <v>47261</v>
      </c>
      <c r="D9226">
        <v>33561111</v>
      </c>
      <c r="E9226">
        <v>1</v>
      </c>
      <c r="F9226">
        <v>10</v>
      </c>
      <c r="H9226" t="s">
        <v>47262</v>
      </c>
      <c r="J9226" t="s">
        <v>47263</v>
      </c>
      <c r="K9226" t="s">
        <v>47263</v>
      </c>
      <c r="M9226">
        <v>599528</v>
      </c>
      <c r="O9226">
        <v>599528</v>
      </c>
      <c r="P9226">
        <v>1</v>
      </c>
      <c r="Q9226">
        <v>0</v>
      </c>
      <c r="R9226" t="s">
        <v>47264</v>
      </c>
      <c r="S9226">
        <v>346</v>
      </c>
    </row>
    <row r="9227" spans="1:19" x14ac:dyDescent="0.25">
      <c r="A9227">
        <v>31802342</v>
      </c>
      <c r="B9227" t="s">
        <v>47265</v>
      </c>
      <c r="C9227" s="1" t="s">
        <v>47266</v>
      </c>
      <c r="D9227">
        <v>31818203</v>
      </c>
      <c r="E9227">
        <v>2</v>
      </c>
      <c r="F9227">
        <v>9</v>
      </c>
      <c r="H9227" t="s">
        <v>47267</v>
      </c>
      <c r="J9227" t="s">
        <v>47268</v>
      </c>
      <c r="K9227" t="s">
        <v>47269</v>
      </c>
      <c r="M9227">
        <v>1043150</v>
      </c>
      <c r="O9227">
        <v>1043150</v>
      </c>
      <c r="P9227">
        <v>1</v>
      </c>
      <c r="Q9227">
        <v>5</v>
      </c>
      <c r="R9227" t="s">
        <v>47270</v>
      </c>
      <c r="S9227">
        <v>155</v>
      </c>
    </row>
    <row r="9228" spans="1:19" x14ac:dyDescent="0.25">
      <c r="A9228">
        <v>45932612</v>
      </c>
      <c r="B9228" t="s">
        <v>47271</v>
      </c>
      <c r="C9228" s="1" t="s">
        <v>47272</v>
      </c>
      <c r="E9228">
        <v>0</v>
      </c>
      <c r="F9228">
        <v>1</v>
      </c>
      <c r="H9228" t="s">
        <v>47273</v>
      </c>
      <c r="J9228" t="s">
        <v>47274</v>
      </c>
      <c r="K9228" t="s">
        <v>47274</v>
      </c>
      <c r="M9228">
        <v>3744182</v>
      </c>
      <c r="O9228">
        <v>8224074</v>
      </c>
      <c r="P9228">
        <v>1</v>
      </c>
      <c r="Q9228">
        <v>1</v>
      </c>
      <c r="R9228" t="s">
        <v>47275</v>
      </c>
      <c r="S9228">
        <v>663</v>
      </c>
    </row>
    <row r="9229" spans="1:19" x14ac:dyDescent="0.25">
      <c r="A9229">
        <v>9551581</v>
      </c>
      <c r="B9229" t="s">
        <v>47276</v>
      </c>
      <c r="C9229" s="1" t="s">
        <v>47277</v>
      </c>
      <c r="D9229">
        <v>9551638</v>
      </c>
      <c r="E9229">
        <v>3</v>
      </c>
      <c r="F9229">
        <v>1</v>
      </c>
      <c r="H9229" t="s">
        <v>47278</v>
      </c>
      <c r="J9229" t="s">
        <v>47279</v>
      </c>
      <c r="O9229">
        <v>909974</v>
      </c>
      <c r="P9229">
        <v>1</v>
      </c>
      <c r="Q9229">
        <v>2</v>
      </c>
      <c r="R9229" t="s">
        <v>1300</v>
      </c>
      <c r="S9229">
        <v>116</v>
      </c>
    </row>
    <row r="9230" spans="1:19" x14ac:dyDescent="0.25">
      <c r="A9230">
        <v>28118927</v>
      </c>
      <c r="B9230" t="s">
        <v>47280</v>
      </c>
      <c r="C9230" s="1" t="s">
        <v>47281</v>
      </c>
      <c r="D9230">
        <v>28118960</v>
      </c>
      <c r="E9230">
        <v>1</v>
      </c>
      <c r="F9230">
        <v>0</v>
      </c>
      <c r="H9230" t="s">
        <v>47282</v>
      </c>
      <c r="J9230" t="s">
        <v>47283</v>
      </c>
      <c r="K9230" t="s">
        <v>47283</v>
      </c>
      <c r="M9230">
        <v>13302</v>
      </c>
      <c r="O9230">
        <v>4487520</v>
      </c>
      <c r="P9230">
        <v>1</v>
      </c>
      <c r="Q9230">
        <v>0</v>
      </c>
      <c r="R9230" t="s">
        <v>47284</v>
      </c>
      <c r="S9230">
        <v>300</v>
      </c>
    </row>
    <row r="9231" spans="1:19" x14ac:dyDescent="0.25">
      <c r="A9231">
        <v>37679291</v>
      </c>
      <c r="B9231" t="s">
        <v>47285</v>
      </c>
      <c r="C9231" s="1" t="s">
        <v>47286</v>
      </c>
      <c r="D9231">
        <v>37684496</v>
      </c>
      <c r="E9231">
        <v>1</v>
      </c>
      <c r="F9231">
        <v>3</v>
      </c>
      <c r="H9231" t="s">
        <v>47287</v>
      </c>
      <c r="J9231" t="s">
        <v>47288</v>
      </c>
      <c r="O9231">
        <v>4624225</v>
      </c>
      <c r="P9231">
        <v>1</v>
      </c>
      <c r="Q9231">
        <v>0</v>
      </c>
      <c r="R9231" t="s">
        <v>47289</v>
      </c>
      <c r="S9231">
        <v>224</v>
      </c>
    </row>
    <row r="9232" spans="1:19" x14ac:dyDescent="0.25">
      <c r="A9232">
        <v>37044939</v>
      </c>
      <c r="B9232" t="s">
        <v>47290</v>
      </c>
      <c r="C9232" s="1" t="s">
        <v>47291</v>
      </c>
      <c r="D9232">
        <v>37045604</v>
      </c>
      <c r="E9232">
        <v>1</v>
      </c>
      <c r="F9232">
        <v>0</v>
      </c>
      <c r="H9232" t="s">
        <v>47292</v>
      </c>
      <c r="J9232" t="s">
        <v>47293</v>
      </c>
      <c r="O9232">
        <v>6097152</v>
      </c>
      <c r="P9232">
        <v>1</v>
      </c>
      <c r="Q9232">
        <v>0</v>
      </c>
      <c r="R9232" t="s">
        <v>47294</v>
      </c>
      <c r="S9232">
        <v>342</v>
      </c>
    </row>
    <row r="9233" spans="1:19" x14ac:dyDescent="0.25">
      <c r="A9233">
        <v>14126324</v>
      </c>
      <c r="B9233" t="s">
        <v>47295</v>
      </c>
      <c r="C9233" s="1" t="s">
        <v>47296</v>
      </c>
      <c r="E9233">
        <v>1</v>
      </c>
      <c r="F9233">
        <v>0</v>
      </c>
      <c r="H9233" t="s">
        <v>47297</v>
      </c>
      <c r="J9233" t="s">
        <v>47298</v>
      </c>
      <c r="O9233">
        <v>1943526</v>
      </c>
      <c r="P9233">
        <v>1</v>
      </c>
      <c r="Q9233">
        <v>1</v>
      </c>
      <c r="R9233" t="s">
        <v>47299</v>
      </c>
      <c r="S9233">
        <v>239</v>
      </c>
    </row>
    <row r="9234" spans="1:19" x14ac:dyDescent="0.25">
      <c r="A9234">
        <v>32898349</v>
      </c>
      <c r="B9234" t="s">
        <v>47300</v>
      </c>
      <c r="C9234" s="1" t="s">
        <v>47301</v>
      </c>
      <c r="D9234">
        <v>32899181</v>
      </c>
      <c r="E9234">
        <v>1</v>
      </c>
      <c r="F9234">
        <v>2</v>
      </c>
      <c r="H9234" t="s">
        <v>47302</v>
      </c>
      <c r="I9234">
        <v>1</v>
      </c>
      <c r="J9234" t="s">
        <v>47303</v>
      </c>
      <c r="O9234">
        <v>1865815</v>
      </c>
      <c r="P9234">
        <v>1</v>
      </c>
      <c r="Q9234">
        <v>-1</v>
      </c>
      <c r="R9234" t="s">
        <v>11699</v>
      </c>
      <c r="S9234">
        <v>26</v>
      </c>
    </row>
    <row r="9235" spans="1:19" x14ac:dyDescent="0.25">
      <c r="A9235">
        <v>31496276</v>
      </c>
      <c r="B9235" t="s">
        <v>47304</v>
      </c>
      <c r="C9235" s="1" t="s">
        <v>47305</v>
      </c>
      <c r="D9235">
        <v>31496348</v>
      </c>
      <c r="E9235">
        <v>2</v>
      </c>
      <c r="F9235">
        <v>1</v>
      </c>
      <c r="H9235" t="s">
        <v>47306</v>
      </c>
      <c r="J9235" t="s">
        <v>47307</v>
      </c>
      <c r="K9235" t="s">
        <v>47308</v>
      </c>
      <c r="M9235">
        <v>913124</v>
      </c>
      <c r="O9235">
        <v>4351043</v>
      </c>
      <c r="P9235">
        <v>1</v>
      </c>
      <c r="Q9235">
        <v>-1</v>
      </c>
      <c r="R9235" t="s">
        <v>17138</v>
      </c>
      <c r="S9235">
        <v>31</v>
      </c>
    </row>
    <row r="9236" spans="1:19" x14ac:dyDescent="0.25">
      <c r="A9236">
        <v>34313007</v>
      </c>
      <c r="B9236" t="s">
        <v>47309</v>
      </c>
      <c r="C9236" s="1" t="s">
        <v>47310</v>
      </c>
      <c r="D9236">
        <v>34314099</v>
      </c>
      <c r="E9236">
        <v>1</v>
      </c>
      <c r="F9236">
        <v>1</v>
      </c>
      <c r="H9236" t="s">
        <v>47311</v>
      </c>
      <c r="J9236" t="s">
        <v>47312</v>
      </c>
      <c r="O9236">
        <v>3683431</v>
      </c>
      <c r="P9236">
        <v>1</v>
      </c>
      <c r="Q9236">
        <v>1</v>
      </c>
      <c r="R9236" t="s">
        <v>47313</v>
      </c>
      <c r="S9236">
        <v>887</v>
      </c>
    </row>
    <row r="9237" spans="1:19" x14ac:dyDescent="0.25">
      <c r="A9237">
        <v>47329149</v>
      </c>
      <c r="B9237" t="s">
        <v>47314</v>
      </c>
      <c r="C9237" s="1" t="s">
        <v>47315</v>
      </c>
      <c r="E9237">
        <v>1</v>
      </c>
      <c r="F9237">
        <v>0</v>
      </c>
      <c r="H9237" t="s">
        <v>47316</v>
      </c>
      <c r="J9237" t="s">
        <v>47317</v>
      </c>
      <c r="K9237" t="s">
        <v>47318</v>
      </c>
      <c r="M9237">
        <v>289812</v>
      </c>
      <c r="O9237">
        <v>8944776</v>
      </c>
      <c r="P9237">
        <v>1</v>
      </c>
      <c r="Q9237">
        <v>0</v>
      </c>
      <c r="R9237" t="s">
        <v>47319</v>
      </c>
      <c r="S9237">
        <v>69</v>
      </c>
    </row>
    <row r="9238" spans="1:19" x14ac:dyDescent="0.25">
      <c r="A9238">
        <v>36092275</v>
      </c>
      <c r="B9238" t="s">
        <v>47320</v>
      </c>
      <c r="C9238" s="1" t="s">
        <v>47321</v>
      </c>
      <c r="D9238">
        <v>36092480</v>
      </c>
      <c r="E9238">
        <v>1</v>
      </c>
      <c r="F9238">
        <v>3</v>
      </c>
      <c r="H9238" t="s">
        <v>47322</v>
      </c>
      <c r="I9238">
        <v>1</v>
      </c>
      <c r="J9238" t="s">
        <v>47323</v>
      </c>
      <c r="K9238" t="s">
        <v>47324</v>
      </c>
      <c r="M9238">
        <v>2062973</v>
      </c>
      <c r="O9238">
        <v>2062973</v>
      </c>
      <c r="P9238">
        <v>1</v>
      </c>
      <c r="Q9238">
        <v>1</v>
      </c>
      <c r="R9238" t="s">
        <v>47325</v>
      </c>
      <c r="S9238">
        <v>29</v>
      </c>
    </row>
    <row r="9239" spans="1:19" x14ac:dyDescent="0.25">
      <c r="A9239">
        <v>31051693</v>
      </c>
      <c r="B9239" t="s">
        <v>47326</v>
      </c>
      <c r="C9239" s="1" t="s">
        <v>47327</v>
      </c>
      <c r="E9239">
        <v>2</v>
      </c>
      <c r="F9239">
        <v>0</v>
      </c>
      <c r="H9239" t="s">
        <v>47328</v>
      </c>
      <c r="J9239" t="s">
        <v>47329</v>
      </c>
      <c r="K9239" t="s">
        <v>47330</v>
      </c>
      <c r="M9239">
        <v>2436425</v>
      </c>
      <c r="O9239">
        <v>2436425</v>
      </c>
      <c r="P9239">
        <v>1</v>
      </c>
      <c r="Q9239">
        <v>1</v>
      </c>
      <c r="R9239" t="s">
        <v>47331</v>
      </c>
      <c r="S9239">
        <v>498</v>
      </c>
    </row>
    <row r="9240" spans="1:19" x14ac:dyDescent="0.25">
      <c r="A9240">
        <v>19596965</v>
      </c>
      <c r="B9240" t="s">
        <v>47332</v>
      </c>
      <c r="C9240" s="1" t="s">
        <v>47333</v>
      </c>
      <c r="D9240">
        <v>19597958</v>
      </c>
      <c r="E9240">
        <v>2</v>
      </c>
      <c r="F9240">
        <v>1</v>
      </c>
      <c r="H9240" t="s">
        <v>47334</v>
      </c>
      <c r="J9240" t="s">
        <v>47335</v>
      </c>
      <c r="O9240">
        <v>2719346</v>
      </c>
      <c r="P9240">
        <v>1</v>
      </c>
      <c r="Q9240">
        <v>0</v>
      </c>
      <c r="R9240" t="s">
        <v>47336</v>
      </c>
      <c r="S9240">
        <v>513</v>
      </c>
    </row>
    <row r="9241" spans="1:19" x14ac:dyDescent="0.25">
      <c r="A9241">
        <v>39243594</v>
      </c>
      <c r="B9241" t="s">
        <v>47337</v>
      </c>
      <c r="C9241" s="1" t="s">
        <v>47338</v>
      </c>
      <c r="E9241">
        <v>1</v>
      </c>
      <c r="F9241">
        <v>1</v>
      </c>
      <c r="H9241" t="s">
        <v>47339</v>
      </c>
      <c r="J9241" t="s">
        <v>47340</v>
      </c>
      <c r="O9241">
        <v>5272467</v>
      </c>
      <c r="P9241">
        <v>1</v>
      </c>
      <c r="Q9241">
        <v>0</v>
      </c>
      <c r="R9241" t="s">
        <v>20087</v>
      </c>
      <c r="S9241">
        <v>90</v>
      </c>
    </row>
    <row r="9242" spans="1:19" x14ac:dyDescent="0.25">
      <c r="A9242">
        <v>18556586</v>
      </c>
      <c r="B9242" t="s">
        <v>47341</v>
      </c>
      <c r="C9242" s="1" t="s">
        <v>47342</v>
      </c>
      <c r="D9242">
        <v>18556633</v>
      </c>
      <c r="E9242">
        <v>2</v>
      </c>
      <c r="F9242">
        <v>4</v>
      </c>
      <c r="H9242" t="s">
        <v>47343</v>
      </c>
      <c r="I9242">
        <v>2</v>
      </c>
      <c r="J9242" t="s">
        <v>47344</v>
      </c>
      <c r="K9242" t="s">
        <v>47345</v>
      </c>
      <c r="M9242">
        <v>41956</v>
      </c>
      <c r="O9242">
        <v>2445111</v>
      </c>
      <c r="P9242">
        <v>1</v>
      </c>
      <c r="Q9242">
        <v>1</v>
      </c>
      <c r="R9242" t="s">
        <v>47346</v>
      </c>
      <c r="S9242">
        <v>2459</v>
      </c>
    </row>
    <row r="9243" spans="1:19" x14ac:dyDescent="0.25">
      <c r="A9243">
        <v>23469634</v>
      </c>
      <c r="B9243" t="s">
        <v>47347</v>
      </c>
      <c r="C9243" s="1" t="s">
        <v>47348</v>
      </c>
      <c r="D9243">
        <v>23469675</v>
      </c>
      <c r="E9243">
        <v>5</v>
      </c>
      <c r="F9243">
        <v>2</v>
      </c>
      <c r="H9243" t="s">
        <v>47349</v>
      </c>
      <c r="J9243" t="s">
        <v>47350</v>
      </c>
      <c r="O9243">
        <v>3350731</v>
      </c>
      <c r="P9243">
        <v>1</v>
      </c>
      <c r="Q9243">
        <v>1</v>
      </c>
      <c r="R9243" t="s">
        <v>47351</v>
      </c>
      <c r="S9243">
        <v>838</v>
      </c>
    </row>
    <row r="9244" spans="1:19" x14ac:dyDescent="0.25">
      <c r="A9244">
        <v>38931554</v>
      </c>
      <c r="B9244" t="s">
        <v>47352</v>
      </c>
      <c r="C9244" s="1" t="s">
        <v>47353</v>
      </c>
      <c r="E9244">
        <v>1</v>
      </c>
      <c r="F9244">
        <v>0</v>
      </c>
      <c r="H9244" t="s">
        <v>47354</v>
      </c>
      <c r="J9244" t="s">
        <v>47355</v>
      </c>
      <c r="O9244">
        <v>6579444</v>
      </c>
      <c r="P9244">
        <v>1</v>
      </c>
      <c r="Q9244">
        <v>0</v>
      </c>
      <c r="R9244" t="s">
        <v>47356</v>
      </c>
      <c r="S9244">
        <v>405</v>
      </c>
    </row>
    <row r="9245" spans="1:19" x14ac:dyDescent="0.25">
      <c r="A9245">
        <v>18708033</v>
      </c>
      <c r="B9245" t="s">
        <v>47357</v>
      </c>
      <c r="C9245" s="1" t="s">
        <v>47358</v>
      </c>
      <c r="E9245">
        <v>0</v>
      </c>
      <c r="F9245">
        <v>4</v>
      </c>
      <c r="H9245" t="s">
        <v>47359</v>
      </c>
      <c r="J9245" t="s">
        <v>47359</v>
      </c>
      <c r="O9245">
        <v>2762998</v>
      </c>
      <c r="P9245">
        <v>1</v>
      </c>
      <c r="Q9245">
        <v>1</v>
      </c>
      <c r="R9245" t="s">
        <v>47360</v>
      </c>
      <c r="S9245">
        <v>1054</v>
      </c>
    </row>
    <row r="9246" spans="1:19" x14ac:dyDescent="0.25">
      <c r="A9246">
        <v>38193784</v>
      </c>
      <c r="B9246" t="s">
        <v>47361</v>
      </c>
      <c r="C9246" s="1" t="s">
        <v>47362</v>
      </c>
      <c r="E9246">
        <v>1</v>
      </c>
      <c r="F9246">
        <v>0</v>
      </c>
      <c r="H9246" t="s">
        <v>47363</v>
      </c>
      <c r="J9246" t="s">
        <v>47364</v>
      </c>
      <c r="O9246">
        <v>4701783</v>
      </c>
      <c r="P9246">
        <v>1</v>
      </c>
      <c r="Q9246">
        <v>1</v>
      </c>
      <c r="R9246" t="s">
        <v>47365</v>
      </c>
      <c r="S9246">
        <v>913</v>
      </c>
    </row>
    <row r="9247" spans="1:19" x14ac:dyDescent="0.25">
      <c r="A9247">
        <v>47121610</v>
      </c>
      <c r="B9247" t="s">
        <v>47366</v>
      </c>
      <c r="C9247" s="1" t="s">
        <v>47367</v>
      </c>
      <c r="D9247">
        <v>47121744</v>
      </c>
      <c r="E9247">
        <v>1</v>
      </c>
      <c r="F9247">
        <v>0</v>
      </c>
      <c r="H9247" t="s">
        <v>47368</v>
      </c>
      <c r="J9247" t="s">
        <v>47369</v>
      </c>
      <c r="K9247" t="s">
        <v>47370</v>
      </c>
      <c r="M9247">
        <v>4365460</v>
      </c>
      <c r="O9247">
        <v>4314952</v>
      </c>
      <c r="P9247">
        <v>1</v>
      </c>
      <c r="Q9247">
        <v>0</v>
      </c>
      <c r="R9247" t="s">
        <v>47371</v>
      </c>
      <c r="S9247">
        <v>755</v>
      </c>
    </row>
    <row r="9248" spans="1:19" x14ac:dyDescent="0.25">
      <c r="A9248">
        <v>27701011</v>
      </c>
      <c r="B9248" t="s">
        <v>47372</v>
      </c>
      <c r="C9248" s="1" t="s">
        <v>47373</v>
      </c>
      <c r="D9248">
        <v>27701062</v>
      </c>
      <c r="E9248">
        <v>1</v>
      </c>
      <c r="F9248">
        <v>0</v>
      </c>
      <c r="H9248" t="s">
        <v>47374</v>
      </c>
      <c r="I9248">
        <v>1</v>
      </c>
      <c r="J9248" t="s">
        <v>47375</v>
      </c>
      <c r="K9248" t="s">
        <v>47375</v>
      </c>
      <c r="M9248">
        <v>76337</v>
      </c>
      <c r="O9248">
        <v>4404490</v>
      </c>
      <c r="P9248">
        <v>1</v>
      </c>
      <c r="Q9248">
        <v>0</v>
      </c>
      <c r="R9248" t="s">
        <v>47376</v>
      </c>
      <c r="S9248">
        <v>292</v>
      </c>
    </row>
    <row r="9249" spans="1:19" x14ac:dyDescent="0.25">
      <c r="A9249">
        <v>9825959</v>
      </c>
      <c r="B9249" t="s">
        <v>47377</v>
      </c>
      <c r="C9249" t="s">
        <v>47378</v>
      </c>
      <c r="E9249">
        <v>4</v>
      </c>
      <c r="F9249">
        <v>0</v>
      </c>
      <c r="H9249" t="s">
        <v>47379</v>
      </c>
      <c r="I9249">
        <v>2</v>
      </c>
      <c r="J9249" t="s">
        <v>47380</v>
      </c>
      <c r="K9249" t="s">
        <v>47380</v>
      </c>
      <c r="M9249">
        <v>1286360</v>
      </c>
      <c r="O9249">
        <v>1286360</v>
      </c>
      <c r="P9249">
        <v>1</v>
      </c>
      <c r="Q9249">
        <v>5</v>
      </c>
      <c r="R9249" t="s">
        <v>655</v>
      </c>
      <c r="S9249">
        <v>11292</v>
      </c>
    </row>
    <row r="9250" spans="1:19" x14ac:dyDescent="0.25">
      <c r="A9250">
        <v>19991000</v>
      </c>
      <c r="B9250" t="s">
        <v>47381</v>
      </c>
      <c r="C9250" s="1" t="s">
        <v>47382</v>
      </c>
      <c r="E9250">
        <v>2</v>
      </c>
      <c r="F9250">
        <v>2</v>
      </c>
      <c r="H9250" t="s">
        <v>47383</v>
      </c>
      <c r="I9250">
        <v>1</v>
      </c>
      <c r="J9250" t="s">
        <v>47384</v>
      </c>
      <c r="K9250" t="s">
        <v>47385</v>
      </c>
      <c r="M9250">
        <v>1070452</v>
      </c>
      <c r="O9250">
        <v>2683610</v>
      </c>
      <c r="P9250">
        <v>1</v>
      </c>
      <c r="Q9250">
        <v>3</v>
      </c>
      <c r="R9250" t="s">
        <v>47386</v>
      </c>
      <c r="S9250">
        <v>506</v>
      </c>
    </row>
    <row r="9251" spans="1:19" x14ac:dyDescent="0.25">
      <c r="A9251">
        <v>46709577</v>
      </c>
      <c r="B9251" t="s">
        <v>47387</v>
      </c>
      <c r="C9251" s="1" t="s">
        <v>47388</v>
      </c>
      <c r="E9251">
        <v>1</v>
      </c>
      <c r="F9251">
        <v>0</v>
      </c>
      <c r="H9251" t="s">
        <v>47389</v>
      </c>
      <c r="I9251">
        <v>1</v>
      </c>
      <c r="J9251" t="s">
        <v>47390</v>
      </c>
      <c r="K9251" t="s">
        <v>47390</v>
      </c>
      <c r="M9251">
        <v>982198</v>
      </c>
      <c r="O9251">
        <v>982198</v>
      </c>
      <c r="P9251">
        <v>1</v>
      </c>
      <c r="Q9251">
        <v>1</v>
      </c>
      <c r="R9251" t="s">
        <v>47391</v>
      </c>
      <c r="S9251">
        <v>67</v>
      </c>
    </row>
    <row r="9252" spans="1:19" x14ac:dyDescent="0.25">
      <c r="A9252">
        <v>50514582</v>
      </c>
      <c r="B9252" t="s">
        <v>47392</v>
      </c>
      <c r="C9252" s="1" t="s">
        <v>47393</v>
      </c>
      <c r="D9252">
        <v>50514660</v>
      </c>
      <c r="E9252">
        <v>1</v>
      </c>
      <c r="F9252">
        <v>0</v>
      </c>
      <c r="H9252" t="s">
        <v>47394</v>
      </c>
      <c r="J9252" t="s">
        <v>47395</v>
      </c>
      <c r="O9252">
        <v>309606</v>
      </c>
      <c r="P9252">
        <v>1</v>
      </c>
      <c r="Q9252">
        <v>0</v>
      </c>
      <c r="R9252" t="s">
        <v>47396</v>
      </c>
      <c r="S9252">
        <v>175</v>
      </c>
    </row>
    <row r="9253" spans="1:19" x14ac:dyDescent="0.25">
      <c r="A9253">
        <v>13340922</v>
      </c>
      <c r="B9253" t="s">
        <v>47397</v>
      </c>
      <c r="C9253" s="1" t="s">
        <v>47398</v>
      </c>
      <c r="D9253">
        <v>13540686</v>
      </c>
      <c r="E9253">
        <v>1</v>
      </c>
      <c r="F9253">
        <v>4</v>
      </c>
      <c r="H9253" t="s">
        <v>47399</v>
      </c>
      <c r="J9253" t="s">
        <v>47400</v>
      </c>
      <c r="O9253">
        <v>1140211</v>
      </c>
      <c r="P9253">
        <v>1</v>
      </c>
      <c r="Q9253">
        <v>0</v>
      </c>
      <c r="R9253" t="s">
        <v>47401</v>
      </c>
      <c r="S9253">
        <v>1009</v>
      </c>
    </row>
    <row r="9254" spans="1:19" x14ac:dyDescent="0.25">
      <c r="A9254">
        <v>27906686</v>
      </c>
      <c r="B9254" t="s">
        <v>47402</v>
      </c>
      <c r="C9254" s="1" t="s">
        <v>47403</v>
      </c>
      <c r="D9254">
        <v>27909322</v>
      </c>
      <c r="E9254">
        <v>1</v>
      </c>
      <c r="F9254">
        <v>0</v>
      </c>
      <c r="H9254" t="s">
        <v>47404</v>
      </c>
      <c r="J9254" t="s">
        <v>47405</v>
      </c>
      <c r="K9254" t="s">
        <v>47406</v>
      </c>
      <c r="M9254">
        <v>577455</v>
      </c>
      <c r="O9254">
        <v>577455</v>
      </c>
      <c r="P9254">
        <v>1</v>
      </c>
      <c r="Q9254">
        <v>2</v>
      </c>
      <c r="R9254" t="s">
        <v>47407</v>
      </c>
      <c r="S9254">
        <v>696</v>
      </c>
    </row>
    <row r="9255" spans="1:19" x14ac:dyDescent="0.25">
      <c r="A9255">
        <v>9338719</v>
      </c>
      <c r="B9255" t="s">
        <v>47408</v>
      </c>
      <c r="C9255" s="1" t="s">
        <v>47409</v>
      </c>
      <c r="D9255">
        <v>9338727</v>
      </c>
      <c r="E9255">
        <v>2</v>
      </c>
      <c r="F9255">
        <v>0</v>
      </c>
      <c r="H9255" t="s">
        <v>47410</v>
      </c>
      <c r="J9255" t="s">
        <v>47411</v>
      </c>
      <c r="O9255">
        <v>126610</v>
      </c>
      <c r="P9255">
        <v>1</v>
      </c>
      <c r="Q9255">
        <v>0</v>
      </c>
      <c r="R9255" t="s">
        <v>819</v>
      </c>
      <c r="S9255">
        <v>12705</v>
      </c>
    </row>
    <row r="9256" spans="1:19" x14ac:dyDescent="0.25">
      <c r="A9256">
        <v>43909607</v>
      </c>
      <c r="B9256" t="s">
        <v>47412</v>
      </c>
      <c r="C9256" s="1" t="s">
        <v>47413</v>
      </c>
      <c r="E9256">
        <v>4</v>
      </c>
      <c r="F9256">
        <v>1</v>
      </c>
      <c r="H9256" t="s">
        <v>47414</v>
      </c>
      <c r="J9256" t="s">
        <v>47415</v>
      </c>
      <c r="O9256">
        <v>1731057</v>
      </c>
      <c r="P9256">
        <v>1</v>
      </c>
      <c r="Q9256">
        <v>4</v>
      </c>
      <c r="R9256" t="s">
        <v>10671</v>
      </c>
      <c r="S9256">
        <v>5840</v>
      </c>
    </row>
    <row r="9257" spans="1:19" x14ac:dyDescent="0.25">
      <c r="A9257">
        <v>18919056</v>
      </c>
      <c r="B9257" t="s">
        <v>47416</v>
      </c>
      <c r="C9257" s="1" t="s">
        <v>47417</v>
      </c>
      <c r="E9257">
        <v>1</v>
      </c>
      <c r="F9257">
        <v>0</v>
      </c>
      <c r="H9257" t="s">
        <v>47418</v>
      </c>
      <c r="J9257" t="s">
        <v>47419</v>
      </c>
      <c r="K9257" t="s">
        <v>47420</v>
      </c>
      <c r="M9257">
        <v>2256902</v>
      </c>
      <c r="O9257">
        <v>1311915</v>
      </c>
      <c r="P9257">
        <v>1</v>
      </c>
      <c r="Q9257">
        <v>2</v>
      </c>
      <c r="R9257" t="s">
        <v>40093</v>
      </c>
      <c r="S9257">
        <v>1212</v>
      </c>
    </row>
    <row r="9258" spans="1:19" x14ac:dyDescent="0.25">
      <c r="A9258">
        <v>45264223</v>
      </c>
      <c r="B9258" t="s">
        <v>47421</v>
      </c>
      <c r="C9258" s="1" t="s">
        <v>47422</v>
      </c>
      <c r="D9258">
        <v>45264395</v>
      </c>
      <c r="E9258">
        <v>3</v>
      </c>
      <c r="F9258">
        <v>1</v>
      </c>
      <c r="H9258" t="s">
        <v>47423</v>
      </c>
      <c r="J9258" t="s">
        <v>47424</v>
      </c>
      <c r="K9258" t="s">
        <v>47424</v>
      </c>
      <c r="M9258">
        <v>5996134</v>
      </c>
      <c r="O9258">
        <v>8046088</v>
      </c>
      <c r="P9258">
        <v>1</v>
      </c>
      <c r="Q9258">
        <v>0</v>
      </c>
      <c r="R9258" t="s">
        <v>47425</v>
      </c>
      <c r="S9258">
        <v>83</v>
      </c>
    </row>
    <row r="9259" spans="1:19" x14ac:dyDescent="0.25">
      <c r="A9259">
        <v>23445582</v>
      </c>
      <c r="B9259" t="s">
        <v>47426</v>
      </c>
      <c r="C9259" s="1" t="s">
        <v>47427</v>
      </c>
      <c r="E9259">
        <v>1</v>
      </c>
      <c r="F9259">
        <v>0</v>
      </c>
      <c r="H9259" t="s">
        <v>47428</v>
      </c>
      <c r="J9259" t="s">
        <v>47429</v>
      </c>
      <c r="K9259" t="s">
        <v>47429</v>
      </c>
      <c r="M9259">
        <v>642626</v>
      </c>
      <c r="O9259">
        <v>2438676</v>
      </c>
      <c r="P9259">
        <v>1</v>
      </c>
      <c r="Q9259">
        <v>0</v>
      </c>
      <c r="R9259" t="s">
        <v>47430</v>
      </c>
      <c r="S9259">
        <v>374</v>
      </c>
    </row>
    <row r="9260" spans="1:19" x14ac:dyDescent="0.25">
      <c r="A9260">
        <v>29822398</v>
      </c>
      <c r="B9260" t="s">
        <v>47431</v>
      </c>
      <c r="C9260" s="1" t="s">
        <v>47432</v>
      </c>
      <c r="E9260">
        <v>0</v>
      </c>
      <c r="F9260">
        <v>0</v>
      </c>
      <c r="H9260" t="s">
        <v>47433</v>
      </c>
      <c r="J9260" t="s">
        <v>47433</v>
      </c>
      <c r="K9260" t="s">
        <v>47434</v>
      </c>
      <c r="M9260">
        <v>-1</v>
      </c>
      <c r="O9260">
        <v>3863759</v>
      </c>
      <c r="P9260">
        <v>1</v>
      </c>
      <c r="Q9260">
        <v>2</v>
      </c>
      <c r="R9260" t="s">
        <v>47435</v>
      </c>
      <c r="S9260">
        <v>328</v>
      </c>
    </row>
    <row r="9261" spans="1:19" x14ac:dyDescent="0.25">
      <c r="A9261">
        <v>50251866</v>
      </c>
      <c r="B9261" t="s">
        <v>47436</v>
      </c>
      <c r="C9261" s="1" t="s">
        <v>47437</v>
      </c>
      <c r="D9261">
        <v>50251993</v>
      </c>
      <c r="E9261">
        <v>2</v>
      </c>
      <c r="F9261">
        <v>1</v>
      </c>
      <c r="H9261" t="s">
        <v>47438</v>
      </c>
      <c r="I9261">
        <v>1</v>
      </c>
      <c r="J9261" t="s">
        <v>47439</v>
      </c>
      <c r="O9261">
        <v>1820666</v>
      </c>
      <c r="P9261">
        <v>1</v>
      </c>
      <c r="Q9261">
        <v>1</v>
      </c>
      <c r="R9261" t="s">
        <v>4844</v>
      </c>
      <c r="S9261">
        <v>29</v>
      </c>
    </row>
    <row r="9262" spans="1:19" x14ac:dyDescent="0.25">
      <c r="A9262">
        <v>16267486</v>
      </c>
      <c r="B9262" t="s">
        <v>47440</v>
      </c>
      <c r="C9262" s="1" t="s">
        <v>47441</v>
      </c>
      <c r="E9262">
        <v>3</v>
      </c>
      <c r="F9262">
        <v>0</v>
      </c>
      <c r="H9262" t="s">
        <v>47442</v>
      </c>
      <c r="I9262">
        <v>1</v>
      </c>
      <c r="J9262" t="s">
        <v>47443</v>
      </c>
      <c r="K9262" t="s">
        <v>47443</v>
      </c>
      <c r="M9262">
        <v>2415822</v>
      </c>
      <c r="O9262">
        <v>215282</v>
      </c>
      <c r="P9262">
        <v>1</v>
      </c>
      <c r="Q9262">
        <v>0</v>
      </c>
      <c r="R9262" t="s">
        <v>47444</v>
      </c>
      <c r="S9262">
        <v>991</v>
      </c>
    </row>
    <row r="9263" spans="1:19" x14ac:dyDescent="0.25">
      <c r="A9263">
        <v>44778049</v>
      </c>
      <c r="B9263" t="s">
        <v>47445</v>
      </c>
      <c r="C9263" s="1" t="s">
        <v>47446</v>
      </c>
      <c r="D9263">
        <v>44784020</v>
      </c>
      <c r="E9263">
        <v>2</v>
      </c>
      <c r="F9263">
        <v>8</v>
      </c>
      <c r="H9263" t="s">
        <v>47447</v>
      </c>
      <c r="J9263" t="s">
        <v>47448</v>
      </c>
      <c r="K9263" t="s">
        <v>47449</v>
      </c>
      <c r="M9263">
        <v>8095803</v>
      </c>
      <c r="O9263">
        <v>7728772</v>
      </c>
      <c r="P9263">
        <v>1</v>
      </c>
      <c r="Q9263">
        <v>1</v>
      </c>
      <c r="R9263" t="s">
        <v>47450</v>
      </c>
      <c r="S9263">
        <v>182</v>
      </c>
    </row>
    <row r="9264" spans="1:19" x14ac:dyDescent="0.25">
      <c r="A9264">
        <v>52199579</v>
      </c>
      <c r="B9264" t="s">
        <v>47451</v>
      </c>
      <c r="C9264" s="1" t="s">
        <v>47452</v>
      </c>
      <c r="E9264">
        <v>0</v>
      </c>
      <c r="F9264">
        <v>5</v>
      </c>
      <c r="H9264" t="s">
        <v>47453</v>
      </c>
      <c r="J9264" t="s">
        <v>47454</v>
      </c>
      <c r="K9264" t="s">
        <v>47454</v>
      </c>
      <c r="M9264">
        <v>5772882</v>
      </c>
      <c r="N9264" t="s">
        <v>47455</v>
      </c>
      <c r="P9264">
        <v>1</v>
      </c>
      <c r="Q9264">
        <v>0</v>
      </c>
      <c r="R9264" t="s">
        <v>47456</v>
      </c>
      <c r="S9264">
        <v>47</v>
      </c>
    </row>
    <row r="9265" spans="1:19" x14ac:dyDescent="0.25">
      <c r="A9265">
        <v>33499576</v>
      </c>
      <c r="B9265" t="s">
        <v>47457</v>
      </c>
      <c r="C9265" s="1" t="s">
        <v>47458</v>
      </c>
      <c r="D9265">
        <v>33506592</v>
      </c>
      <c r="E9265">
        <v>1</v>
      </c>
      <c r="F9265">
        <v>2</v>
      </c>
      <c r="H9265" t="s">
        <v>47459</v>
      </c>
      <c r="I9265">
        <v>1</v>
      </c>
      <c r="J9265" t="s">
        <v>47460</v>
      </c>
      <c r="O9265">
        <v>2338792</v>
      </c>
      <c r="P9265">
        <v>1</v>
      </c>
      <c r="Q9265">
        <v>2</v>
      </c>
      <c r="R9265" t="s">
        <v>47461</v>
      </c>
      <c r="S9265">
        <v>175</v>
      </c>
    </row>
    <row r="9266" spans="1:19" x14ac:dyDescent="0.25">
      <c r="A9266">
        <v>26792163</v>
      </c>
      <c r="B9266" t="s">
        <v>47462</v>
      </c>
      <c r="C9266" s="1" t="s">
        <v>47463</v>
      </c>
      <c r="D9266">
        <v>26792450</v>
      </c>
      <c r="E9266">
        <v>2</v>
      </c>
      <c r="F9266">
        <v>6</v>
      </c>
      <c r="H9266" t="s">
        <v>47464</v>
      </c>
      <c r="J9266" t="s">
        <v>47465</v>
      </c>
      <c r="K9266" t="s">
        <v>47465</v>
      </c>
      <c r="M9266">
        <v>12243</v>
      </c>
      <c r="O9266">
        <v>12243</v>
      </c>
      <c r="P9266">
        <v>1</v>
      </c>
      <c r="Q9266">
        <v>0</v>
      </c>
      <c r="R9266" t="s">
        <v>30448</v>
      </c>
      <c r="S9266">
        <v>95</v>
      </c>
    </row>
    <row r="9267" spans="1:19" x14ac:dyDescent="0.25">
      <c r="A9267">
        <v>18904985</v>
      </c>
      <c r="B9267" t="s">
        <v>47466</v>
      </c>
      <c r="C9267" s="1" t="s">
        <v>47467</v>
      </c>
      <c r="D9267">
        <v>18905052</v>
      </c>
      <c r="E9267">
        <v>3</v>
      </c>
      <c r="F9267">
        <v>2</v>
      </c>
      <c r="H9267" t="s">
        <v>47468</v>
      </c>
      <c r="J9267" t="s">
        <v>47469</v>
      </c>
      <c r="K9267" t="s">
        <v>47470</v>
      </c>
      <c r="M9267">
        <v>1048116</v>
      </c>
      <c r="O9267">
        <v>1048116</v>
      </c>
      <c r="P9267">
        <v>1</v>
      </c>
      <c r="Q9267">
        <v>0</v>
      </c>
      <c r="R9267" t="s">
        <v>8946</v>
      </c>
      <c r="S9267">
        <v>1929</v>
      </c>
    </row>
    <row r="9268" spans="1:19" x14ac:dyDescent="0.25">
      <c r="A9268">
        <v>19808592</v>
      </c>
      <c r="B9268" t="s">
        <v>47471</v>
      </c>
      <c r="C9268" s="1" t="s">
        <v>47472</v>
      </c>
      <c r="D9268">
        <v>19815858</v>
      </c>
      <c r="E9268">
        <v>1</v>
      </c>
      <c r="F9268">
        <v>7</v>
      </c>
      <c r="H9268" t="s">
        <v>47473</v>
      </c>
      <c r="I9268">
        <v>0</v>
      </c>
      <c r="J9268" t="s">
        <v>47474</v>
      </c>
      <c r="K9268" t="s">
        <v>47475</v>
      </c>
      <c r="M9268">
        <v>316408</v>
      </c>
      <c r="O9268">
        <v>316408</v>
      </c>
      <c r="P9268">
        <v>1</v>
      </c>
      <c r="Q9268">
        <v>3</v>
      </c>
      <c r="R9268" t="s">
        <v>47476</v>
      </c>
      <c r="S9268">
        <v>896</v>
      </c>
    </row>
    <row r="9269" spans="1:19" x14ac:dyDescent="0.25">
      <c r="A9269">
        <v>29512104</v>
      </c>
      <c r="B9269" t="s">
        <v>47477</v>
      </c>
      <c r="C9269" s="1" t="s">
        <v>47478</v>
      </c>
      <c r="E9269">
        <v>0</v>
      </c>
      <c r="F9269">
        <v>6</v>
      </c>
      <c r="H9269" t="s">
        <v>47479</v>
      </c>
      <c r="J9269" t="s">
        <v>47480</v>
      </c>
      <c r="K9269" t="s">
        <v>47480</v>
      </c>
      <c r="M9269">
        <v>137071</v>
      </c>
      <c r="O9269">
        <v>137071</v>
      </c>
      <c r="P9269">
        <v>1</v>
      </c>
      <c r="Q9269">
        <v>0</v>
      </c>
      <c r="R9269" t="s">
        <v>47481</v>
      </c>
      <c r="S9269">
        <v>403</v>
      </c>
    </row>
    <row r="9270" spans="1:19" x14ac:dyDescent="0.25">
      <c r="A9270">
        <v>49776720</v>
      </c>
      <c r="B9270" t="s">
        <v>47482</v>
      </c>
      <c r="C9270" s="1" t="s">
        <v>47483</v>
      </c>
      <c r="E9270">
        <v>0</v>
      </c>
      <c r="F9270">
        <v>0</v>
      </c>
      <c r="H9270" t="s">
        <v>47484</v>
      </c>
      <c r="J9270" t="s">
        <v>47484</v>
      </c>
      <c r="O9270">
        <v>2047124</v>
      </c>
      <c r="P9270">
        <v>1</v>
      </c>
      <c r="Q9270">
        <v>0</v>
      </c>
      <c r="R9270" t="s">
        <v>47485</v>
      </c>
      <c r="S9270">
        <v>53</v>
      </c>
    </row>
    <row r="9271" spans="1:19" x14ac:dyDescent="0.25">
      <c r="A9271">
        <v>44291619</v>
      </c>
      <c r="B9271" t="s">
        <v>47486</v>
      </c>
      <c r="C9271" s="1" t="s">
        <v>47487</v>
      </c>
      <c r="E9271">
        <v>1</v>
      </c>
      <c r="F9271">
        <v>0</v>
      </c>
      <c r="H9271" t="s">
        <v>47488</v>
      </c>
      <c r="J9271" t="s">
        <v>47489</v>
      </c>
      <c r="K9271" t="s">
        <v>47490</v>
      </c>
      <c r="M9271">
        <v>996431</v>
      </c>
      <c r="O9271">
        <v>996431</v>
      </c>
      <c r="P9271">
        <v>1</v>
      </c>
      <c r="Q9271">
        <v>1</v>
      </c>
      <c r="R9271" t="s">
        <v>47491</v>
      </c>
      <c r="S9271">
        <v>70</v>
      </c>
    </row>
    <row r="9272" spans="1:19" x14ac:dyDescent="0.25">
      <c r="A9272">
        <v>32642594</v>
      </c>
      <c r="B9272" t="s">
        <v>47492</v>
      </c>
      <c r="C9272" s="1" t="s">
        <v>47493</v>
      </c>
      <c r="D9272">
        <v>32650596</v>
      </c>
      <c r="E9272">
        <v>1</v>
      </c>
      <c r="F9272">
        <v>0</v>
      </c>
      <c r="H9272" t="s">
        <v>47494</v>
      </c>
      <c r="J9272" t="s">
        <v>47495</v>
      </c>
      <c r="O9272">
        <v>2842647</v>
      </c>
      <c r="P9272">
        <v>1</v>
      </c>
      <c r="Q9272">
        <v>0</v>
      </c>
      <c r="R9272" t="s">
        <v>47496</v>
      </c>
      <c r="S9272">
        <v>249</v>
      </c>
    </row>
    <row r="9273" spans="1:19" x14ac:dyDescent="0.25">
      <c r="A9273">
        <v>9827082</v>
      </c>
      <c r="B9273" t="s">
        <v>47497</v>
      </c>
      <c r="C9273" t="s">
        <v>47498</v>
      </c>
      <c r="D9273">
        <v>9834688</v>
      </c>
      <c r="E9273">
        <v>1</v>
      </c>
      <c r="F9273">
        <v>2</v>
      </c>
      <c r="H9273" t="s">
        <v>47499</v>
      </c>
      <c r="J9273" t="s">
        <v>47500</v>
      </c>
      <c r="K9273" t="s">
        <v>47501</v>
      </c>
      <c r="M9273">
        <v>729881</v>
      </c>
      <c r="O9273">
        <v>1241014</v>
      </c>
      <c r="P9273">
        <v>1</v>
      </c>
      <c r="Q9273">
        <v>1</v>
      </c>
      <c r="R9273" t="s">
        <v>47502</v>
      </c>
      <c r="S9273">
        <v>151</v>
      </c>
    </row>
    <row r="9274" spans="1:19" x14ac:dyDescent="0.25">
      <c r="A9274">
        <v>45320980</v>
      </c>
      <c r="B9274" t="s">
        <v>47503</v>
      </c>
      <c r="C9274" s="1" t="s">
        <v>47504</v>
      </c>
      <c r="E9274">
        <v>1</v>
      </c>
      <c r="F9274">
        <v>2</v>
      </c>
      <c r="H9274" t="s">
        <v>47505</v>
      </c>
      <c r="J9274" t="s">
        <v>47506</v>
      </c>
      <c r="O9274">
        <v>3715310</v>
      </c>
      <c r="P9274">
        <v>1</v>
      </c>
      <c r="Q9274">
        <v>1</v>
      </c>
      <c r="R9274" t="s">
        <v>47507</v>
      </c>
      <c r="S9274">
        <v>244</v>
      </c>
    </row>
    <row r="9275" spans="1:19" x14ac:dyDescent="0.25">
      <c r="A9275">
        <v>19508403</v>
      </c>
      <c r="B9275" t="s">
        <v>47508</v>
      </c>
      <c r="C9275" s="1" t="s">
        <v>47509</v>
      </c>
      <c r="E9275">
        <v>1</v>
      </c>
      <c r="F9275">
        <v>2</v>
      </c>
      <c r="H9275" t="s">
        <v>47510</v>
      </c>
      <c r="I9275">
        <v>0</v>
      </c>
      <c r="J9275" t="s">
        <v>47511</v>
      </c>
      <c r="O9275">
        <v>2627102</v>
      </c>
      <c r="P9275">
        <v>1</v>
      </c>
      <c r="Q9275">
        <v>1</v>
      </c>
      <c r="R9275" t="s">
        <v>47512</v>
      </c>
      <c r="S9275">
        <v>382</v>
      </c>
    </row>
    <row r="9276" spans="1:19" x14ac:dyDescent="0.25">
      <c r="A9276">
        <v>28720588</v>
      </c>
      <c r="B9276" t="s">
        <v>47513</v>
      </c>
      <c r="C9276" s="1" t="s">
        <v>47514</v>
      </c>
      <c r="D9276">
        <v>28721102</v>
      </c>
      <c r="E9276">
        <v>1</v>
      </c>
      <c r="F9276">
        <v>4</v>
      </c>
      <c r="H9276" t="s">
        <v>47515</v>
      </c>
      <c r="J9276" t="s">
        <v>47516</v>
      </c>
      <c r="O9276">
        <v>1129612</v>
      </c>
      <c r="P9276">
        <v>1</v>
      </c>
      <c r="Q9276">
        <v>1</v>
      </c>
      <c r="R9276" t="s">
        <v>47517</v>
      </c>
      <c r="S9276">
        <v>533</v>
      </c>
    </row>
    <row r="9277" spans="1:19" x14ac:dyDescent="0.25">
      <c r="A9277">
        <v>19435848</v>
      </c>
      <c r="B9277" t="s">
        <v>47518</v>
      </c>
      <c r="C9277" s="1" t="s">
        <v>47519</v>
      </c>
      <c r="E9277">
        <v>3</v>
      </c>
      <c r="F9277">
        <v>1</v>
      </c>
      <c r="H9277" t="s">
        <v>47520</v>
      </c>
      <c r="I9277">
        <v>6</v>
      </c>
      <c r="J9277" t="s">
        <v>47521</v>
      </c>
      <c r="K9277" t="s">
        <v>47522</v>
      </c>
      <c r="M9277">
        <v>2056067</v>
      </c>
      <c r="O9277">
        <v>2056067</v>
      </c>
      <c r="P9277">
        <v>1</v>
      </c>
      <c r="Q9277">
        <v>12</v>
      </c>
      <c r="R9277" t="s">
        <v>47523</v>
      </c>
      <c r="S9277">
        <v>5990</v>
      </c>
    </row>
    <row r="9278" spans="1:19" x14ac:dyDescent="0.25">
      <c r="A9278">
        <v>35091835</v>
      </c>
      <c r="B9278" t="s">
        <v>47524</v>
      </c>
      <c r="C9278" s="1" t="s">
        <v>47525</v>
      </c>
      <c r="D9278">
        <v>35104773</v>
      </c>
      <c r="E9278">
        <v>1</v>
      </c>
      <c r="F9278">
        <v>4</v>
      </c>
      <c r="H9278" t="s">
        <v>47526</v>
      </c>
      <c r="J9278" t="s">
        <v>47527</v>
      </c>
      <c r="K9278" t="s">
        <v>47528</v>
      </c>
      <c r="M9278">
        <v>1011527</v>
      </c>
      <c r="O9278">
        <v>731453</v>
      </c>
      <c r="P9278">
        <v>1</v>
      </c>
      <c r="Q9278">
        <v>1</v>
      </c>
      <c r="R9278" t="s">
        <v>47529</v>
      </c>
      <c r="S9278">
        <v>145</v>
      </c>
    </row>
    <row r="9279" spans="1:19" x14ac:dyDescent="0.25">
      <c r="A9279">
        <v>40409027</v>
      </c>
      <c r="B9279" t="s">
        <v>47530</v>
      </c>
      <c r="C9279" t="s">
        <v>47531</v>
      </c>
      <c r="D9279">
        <v>40409028</v>
      </c>
      <c r="E9279">
        <v>1</v>
      </c>
      <c r="F9279">
        <v>0</v>
      </c>
      <c r="H9279" t="s">
        <v>47532</v>
      </c>
      <c r="J9279" t="s">
        <v>47532</v>
      </c>
      <c r="O9279">
        <v>21539</v>
      </c>
      <c r="P9279">
        <v>1</v>
      </c>
      <c r="Q9279">
        <v>1</v>
      </c>
      <c r="R9279" t="s">
        <v>47533</v>
      </c>
      <c r="S9279">
        <v>1244</v>
      </c>
    </row>
    <row r="9280" spans="1:19" x14ac:dyDescent="0.25">
      <c r="A9280">
        <v>2260703</v>
      </c>
      <c r="B9280" t="s">
        <v>47534</v>
      </c>
      <c r="C9280" s="1" t="s">
        <v>47535</v>
      </c>
      <c r="D9280">
        <v>2262067</v>
      </c>
      <c r="E9280">
        <v>2</v>
      </c>
      <c r="F9280">
        <v>0</v>
      </c>
      <c r="H9280" t="s">
        <v>47536</v>
      </c>
      <c r="J9280" t="s">
        <v>47537</v>
      </c>
      <c r="O9280">
        <v>244250</v>
      </c>
      <c r="P9280">
        <v>1</v>
      </c>
      <c r="Q9280">
        <v>1</v>
      </c>
      <c r="R9280" t="s">
        <v>47538</v>
      </c>
      <c r="S9280">
        <v>284</v>
      </c>
    </row>
    <row r="9281" spans="1:19" x14ac:dyDescent="0.25">
      <c r="A9281">
        <v>42699287</v>
      </c>
      <c r="B9281" t="s">
        <v>47539</v>
      </c>
      <c r="C9281" s="1" t="s">
        <v>47540</v>
      </c>
      <c r="D9281">
        <v>42699597</v>
      </c>
      <c r="E9281">
        <v>1</v>
      </c>
      <c r="F9281">
        <v>1</v>
      </c>
      <c r="H9281" t="s">
        <v>47541</v>
      </c>
      <c r="I9281">
        <v>1</v>
      </c>
      <c r="J9281" t="s">
        <v>47542</v>
      </c>
      <c r="K9281" t="s">
        <v>47543</v>
      </c>
      <c r="M9281">
        <v>850848</v>
      </c>
      <c r="O9281">
        <v>5743208</v>
      </c>
      <c r="P9281">
        <v>1</v>
      </c>
      <c r="Q9281">
        <v>1</v>
      </c>
      <c r="R9281" t="s">
        <v>47544</v>
      </c>
      <c r="S9281">
        <v>416</v>
      </c>
    </row>
    <row r="9282" spans="1:19" x14ac:dyDescent="0.25">
      <c r="A9282">
        <v>35224788</v>
      </c>
      <c r="B9282" t="s">
        <v>47545</v>
      </c>
      <c r="C9282" s="1" t="s">
        <v>47546</v>
      </c>
      <c r="E9282">
        <v>2</v>
      </c>
      <c r="F9282">
        <v>0</v>
      </c>
      <c r="H9282" t="s">
        <v>47547</v>
      </c>
      <c r="J9282" t="s">
        <v>47548</v>
      </c>
      <c r="O9282">
        <v>3867469</v>
      </c>
      <c r="P9282">
        <v>1</v>
      </c>
      <c r="Q9282">
        <v>2</v>
      </c>
      <c r="R9282" t="s">
        <v>47549</v>
      </c>
      <c r="S9282">
        <v>88</v>
      </c>
    </row>
    <row r="9283" spans="1:19" x14ac:dyDescent="0.25">
      <c r="A9283">
        <v>11899021</v>
      </c>
      <c r="B9283" t="s">
        <v>47550</v>
      </c>
      <c r="C9283" s="1" t="s">
        <v>47551</v>
      </c>
      <c r="D9283">
        <v>11901212</v>
      </c>
      <c r="E9283">
        <v>3</v>
      </c>
      <c r="F9283">
        <v>0</v>
      </c>
      <c r="H9283" t="s">
        <v>47552</v>
      </c>
      <c r="J9283" t="s">
        <v>47553</v>
      </c>
      <c r="O9283">
        <v>536770</v>
      </c>
      <c r="P9283">
        <v>1</v>
      </c>
      <c r="Q9283">
        <v>0</v>
      </c>
      <c r="R9283" t="s">
        <v>47554</v>
      </c>
      <c r="S9283">
        <v>93</v>
      </c>
    </row>
    <row r="9284" spans="1:19" x14ac:dyDescent="0.25">
      <c r="A9284">
        <v>49971004</v>
      </c>
      <c r="B9284" t="s">
        <v>47555</v>
      </c>
      <c r="C9284" s="1" t="s">
        <v>47556</v>
      </c>
      <c r="D9284">
        <v>49971267</v>
      </c>
      <c r="E9284">
        <v>1</v>
      </c>
      <c r="F9284">
        <v>0</v>
      </c>
      <c r="H9284" t="s">
        <v>47557</v>
      </c>
      <c r="J9284" t="s">
        <v>47558</v>
      </c>
      <c r="O9284">
        <v>5241424</v>
      </c>
      <c r="P9284">
        <v>1</v>
      </c>
      <c r="Q9284">
        <v>0</v>
      </c>
      <c r="R9284" t="s">
        <v>47559</v>
      </c>
      <c r="S9284">
        <v>41</v>
      </c>
    </row>
    <row r="9285" spans="1:19" x14ac:dyDescent="0.25">
      <c r="A9285">
        <v>19573167</v>
      </c>
      <c r="B9285" t="s">
        <v>47560</v>
      </c>
      <c r="C9285" s="1" t="s">
        <v>47561</v>
      </c>
      <c r="D9285">
        <v>19573312</v>
      </c>
      <c r="E9285">
        <v>2</v>
      </c>
      <c r="F9285">
        <v>4</v>
      </c>
      <c r="H9285" t="s">
        <v>47562</v>
      </c>
      <c r="I9285">
        <v>1</v>
      </c>
      <c r="J9285" t="s">
        <v>47563</v>
      </c>
      <c r="K9285" t="s">
        <v>47564</v>
      </c>
      <c r="M9285">
        <v>2237583</v>
      </c>
      <c r="O9285">
        <v>2891092</v>
      </c>
      <c r="P9285">
        <v>1</v>
      </c>
      <c r="Q9285">
        <v>1</v>
      </c>
      <c r="R9285" t="s">
        <v>47565</v>
      </c>
      <c r="S9285">
        <v>341</v>
      </c>
    </row>
    <row r="9286" spans="1:19" x14ac:dyDescent="0.25">
      <c r="A9286">
        <v>22016532</v>
      </c>
      <c r="B9286" t="s">
        <v>47566</v>
      </c>
      <c r="C9286" s="1" t="s">
        <v>47567</v>
      </c>
      <c r="E9286">
        <v>3</v>
      </c>
      <c r="F9286">
        <v>0</v>
      </c>
      <c r="H9286" t="s">
        <v>47568</v>
      </c>
      <c r="J9286" t="s">
        <v>47569</v>
      </c>
      <c r="O9286">
        <v>2815551</v>
      </c>
      <c r="P9286">
        <v>1</v>
      </c>
      <c r="Q9286">
        <v>2</v>
      </c>
      <c r="R9286" t="s">
        <v>47570</v>
      </c>
      <c r="S9286">
        <v>114</v>
      </c>
    </row>
    <row r="9287" spans="1:19" x14ac:dyDescent="0.25">
      <c r="A9287">
        <v>53533352</v>
      </c>
      <c r="B9287" t="s">
        <v>47571</v>
      </c>
      <c r="C9287" s="1" t="s">
        <v>47572</v>
      </c>
      <c r="E9287">
        <v>1</v>
      </c>
      <c r="F9287">
        <v>2</v>
      </c>
      <c r="H9287" t="s">
        <v>47573</v>
      </c>
      <c r="J9287" t="s">
        <v>47574</v>
      </c>
      <c r="K9287" t="s">
        <v>47575</v>
      </c>
      <c r="M9287">
        <v>4276803</v>
      </c>
      <c r="O9287">
        <v>4276803</v>
      </c>
      <c r="P9287">
        <v>1</v>
      </c>
      <c r="Q9287">
        <v>-1</v>
      </c>
      <c r="R9287" t="s">
        <v>6766</v>
      </c>
      <c r="S9287">
        <v>14</v>
      </c>
    </row>
    <row r="9288" spans="1:19" x14ac:dyDescent="0.25">
      <c r="A9288">
        <v>1413761</v>
      </c>
      <c r="B9288" t="s">
        <v>47576</v>
      </c>
      <c r="C9288" s="1" t="s">
        <v>47577</v>
      </c>
      <c r="D9288">
        <v>1413816</v>
      </c>
      <c r="E9288">
        <v>4</v>
      </c>
      <c r="F9288">
        <v>2</v>
      </c>
      <c r="H9288" t="s">
        <v>47578</v>
      </c>
      <c r="I9288">
        <v>1</v>
      </c>
      <c r="J9288" t="s">
        <v>47579</v>
      </c>
      <c r="K9288" t="s">
        <v>47580</v>
      </c>
      <c r="M9288">
        <v>161920</v>
      </c>
      <c r="O9288">
        <v>161920</v>
      </c>
      <c r="P9288">
        <v>1</v>
      </c>
      <c r="Q9288">
        <v>6</v>
      </c>
      <c r="R9288" t="s">
        <v>47581</v>
      </c>
      <c r="S9288">
        <v>45376</v>
      </c>
    </row>
    <row r="9289" spans="1:19" x14ac:dyDescent="0.25">
      <c r="A9289">
        <v>2164347</v>
      </c>
      <c r="B9289" t="s">
        <v>47582</v>
      </c>
      <c r="C9289" s="1" t="s">
        <v>47583</v>
      </c>
      <c r="D9289">
        <v>2164441</v>
      </c>
      <c r="E9289">
        <v>3</v>
      </c>
      <c r="F9289">
        <v>1</v>
      </c>
      <c r="H9289" t="s">
        <v>47584</v>
      </c>
      <c r="J9289" t="s">
        <v>47585</v>
      </c>
      <c r="K9289" t="s">
        <v>47586</v>
      </c>
      <c r="M9289">
        <v>2766176</v>
      </c>
      <c r="O9289">
        <v>181310</v>
      </c>
      <c r="P9289">
        <v>1</v>
      </c>
      <c r="Q9289">
        <v>-1</v>
      </c>
      <c r="R9289" t="s">
        <v>47587</v>
      </c>
      <c r="S9289">
        <v>1043</v>
      </c>
    </row>
    <row r="9290" spans="1:19" x14ac:dyDescent="0.25">
      <c r="A9290">
        <v>2152575</v>
      </c>
      <c r="B9290" t="s">
        <v>47588</v>
      </c>
      <c r="C9290" s="1" t="s">
        <v>47589</v>
      </c>
      <c r="E9290">
        <v>2</v>
      </c>
      <c r="F9290">
        <v>1</v>
      </c>
      <c r="H9290" t="s">
        <v>47590</v>
      </c>
      <c r="I9290">
        <v>1</v>
      </c>
      <c r="J9290" t="s">
        <v>47591</v>
      </c>
      <c r="K9290" t="s">
        <v>47591</v>
      </c>
      <c r="M9290">
        <v>527702</v>
      </c>
      <c r="O9290">
        <v>260686</v>
      </c>
      <c r="P9290">
        <v>1</v>
      </c>
      <c r="Q9290">
        <v>4</v>
      </c>
      <c r="R9290" t="s">
        <v>47592</v>
      </c>
      <c r="S9290">
        <v>121</v>
      </c>
    </row>
    <row r="9291" spans="1:19" x14ac:dyDescent="0.25">
      <c r="A9291">
        <v>12230486</v>
      </c>
      <c r="B9291" t="s">
        <v>47593</v>
      </c>
      <c r="C9291" s="1" t="s">
        <v>47594</v>
      </c>
      <c r="E9291">
        <v>1</v>
      </c>
      <c r="F9291">
        <v>0</v>
      </c>
      <c r="H9291" t="s">
        <v>47595</v>
      </c>
      <c r="J9291" t="s">
        <v>47596</v>
      </c>
      <c r="O9291">
        <v>115198</v>
      </c>
      <c r="P9291">
        <v>1</v>
      </c>
      <c r="Q9291">
        <v>0</v>
      </c>
      <c r="R9291" t="s">
        <v>47597</v>
      </c>
      <c r="S9291">
        <v>249</v>
      </c>
    </row>
    <row r="9292" spans="1:19" x14ac:dyDescent="0.25">
      <c r="A9292">
        <v>31701859</v>
      </c>
      <c r="B9292" t="s">
        <v>47598</v>
      </c>
      <c r="C9292" s="1" t="s">
        <v>47599</v>
      </c>
      <c r="E9292">
        <v>0</v>
      </c>
      <c r="F9292">
        <v>2</v>
      </c>
      <c r="H9292" t="s">
        <v>47600</v>
      </c>
      <c r="J9292" t="s">
        <v>47600</v>
      </c>
      <c r="O9292">
        <v>4998538</v>
      </c>
      <c r="P9292">
        <v>1</v>
      </c>
      <c r="Q9292">
        <v>0</v>
      </c>
      <c r="R9292" t="s">
        <v>47601</v>
      </c>
      <c r="S9292">
        <v>20</v>
      </c>
    </row>
    <row r="9293" spans="1:19" x14ac:dyDescent="0.25">
      <c r="A9293">
        <v>47565976</v>
      </c>
      <c r="B9293" t="s">
        <v>47602</v>
      </c>
      <c r="C9293" s="1" t="s">
        <v>47603</v>
      </c>
      <c r="E9293">
        <v>1</v>
      </c>
      <c r="F9293">
        <v>2</v>
      </c>
      <c r="H9293" t="s">
        <v>47604</v>
      </c>
      <c r="J9293" t="s">
        <v>47605</v>
      </c>
      <c r="K9293" t="s">
        <v>47606</v>
      </c>
      <c r="M9293">
        <v>7427111</v>
      </c>
      <c r="O9293">
        <v>8492855</v>
      </c>
      <c r="P9293">
        <v>1</v>
      </c>
      <c r="Q9293">
        <v>-1</v>
      </c>
      <c r="R9293" t="s">
        <v>989</v>
      </c>
      <c r="S9293">
        <v>38</v>
      </c>
    </row>
    <row r="9294" spans="1:19" x14ac:dyDescent="0.25">
      <c r="A9294">
        <v>29739670</v>
      </c>
      <c r="B9294" t="s">
        <v>47607</v>
      </c>
      <c r="C9294" s="1" t="s">
        <v>47608</v>
      </c>
      <c r="E9294">
        <v>1</v>
      </c>
      <c r="F9294">
        <v>1</v>
      </c>
      <c r="H9294" t="s">
        <v>47609</v>
      </c>
      <c r="I9294">
        <v>0</v>
      </c>
      <c r="J9294" t="s">
        <v>47610</v>
      </c>
      <c r="K9294" t="s">
        <v>47611</v>
      </c>
      <c r="M9294">
        <v>3769778</v>
      </c>
      <c r="O9294">
        <v>3769778</v>
      </c>
      <c r="P9294">
        <v>1</v>
      </c>
      <c r="Q9294">
        <v>0</v>
      </c>
      <c r="R9294" t="s">
        <v>47612</v>
      </c>
      <c r="S9294">
        <v>95</v>
      </c>
    </row>
    <row r="9295" spans="1:19" x14ac:dyDescent="0.25">
      <c r="A9295">
        <v>39987908</v>
      </c>
      <c r="B9295" t="s">
        <v>47613</v>
      </c>
      <c r="C9295" s="1" t="s">
        <v>47614</v>
      </c>
      <c r="D9295">
        <v>39988391</v>
      </c>
      <c r="E9295">
        <v>1</v>
      </c>
      <c r="F9295">
        <v>3</v>
      </c>
      <c r="H9295" t="s">
        <v>47615</v>
      </c>
      <c r="I9295">
        <v>1</v>
      </c>
      <c r="J9295" t="s">
        <v>47616</v>
      </c>
      <c r="K9295" t="s">
        <v>47617</v>
      </c>
      <c r="M9295">
        <v>5038107</v>
      </c>
      <c r="O9295">
        <v>6900680</v>
      </c>
      <c r="P9295">
        <v>1</v>
      </c>
      <c r="Q9295">
        <v>3</v>
      </c>
      <c r="R9295" t="s">
        <v>47618</v>
      </c>
      <c r="S9295">
        <v>761</v>
      </c>
    </row>
    <row r="9296" spans="1:19" x14ac:dyDescent="0.25">
      <c r="A9296">
        <v>12031868</v>
      </c>
      <c r="B9296" t="s">
        <v>47619</v>
      </c>
      <c r="C9296" s="1" t="s">
        <v>47620</v>
      </c>
      <c r="E9296">
        <v>1</v>
      </c>
      <c r="F9296">
        <v>0</v>
      </c>
      <c r="H9296" t="s">
        <v>47621</v>
      </c>
      <c r="I9296">
        <v>1</v>
      </c>
      <c r="J9296" t="s">
        <v>47622</v>
      </c>
      <c r="O9296">
        <v>1610798</v>
      </c>
      <c r="P9296">
        <v>1</v>
      </c>
      <c r="Q9296">
        <v>1</v>
      </c>
      <c r="R9296" t="s">
        <v>42321</v>
      </c>
      <c r="S9296">
        <v>207</v>
      </c>
    </row>
    <row r="9297" spans="1:19" x14ac:dyDescent="0.25">
      <c r="A9297">
        <v>3508248</v>
      </c>
      <c r="B9297" t="s">
        <v>47623</v>
      </c>
      <c r="C9297" s="1" t="s">
        <v>47624</v>
      </c>
      <c r="D9297">
        <v>3508275</v>
      </c>
      <c r="E9297">
        <v>2</v>
      </c>
      <c r="F9297">
        <v>0</v>
      </c>
      <c r="H9297" t="s">
        <v>47625</v>
      </c>
      <c r="J9297" t="s">
        <v>47626</v>
      </c>
      <c r="O9297">
        <v>52256</v>
      </c>
      <c r="P9297">
        <v>1</v>
      </c>
      <c r="Q9297">
        <v>1</v>
      </c>
      <c r="R9297" t="s">
        <v>47627</v>
      </c>
      <c r="S9297">
        <v>1803</v>
      </c>
    </row>
    <row r="9298" spans="1:19" x14ac:dyDescent="0.25">
      <c r="A9298">
        <v>21478631</v>
      </c>
      <c r="B9298" t="s">
        <v>47628</v>
      </c>
      <c r="C9298" s="1" t="s">
        <v>47629</v>
      </c>
      <c r="D9298">
        <v>21479496</v>
      </c>
      <c r="E9298">
        <v>2</v>
      </c>
      <c r="F9298">
        <v>2</v>
      </c>
      <c r="H9298" t="s">
        <v>47630</v>
      </c>
      <c r="J9298" t="s">
        <v>47631</v>
      </c>
      <c r="K9298" t="s">
        <v>47632</v>
      </c>
      <c r="M9298">
        <v>961643</v>
      </c>
      <c r="O9298">
        <v>961643</v>
      </c>
      <c r="P9298">
        <v>1</v>
      </c>
      <c r="Q9298">
        <v>0</v>
      </c>
      <c r="R9298" t="s">
        <v>47633</v>
      </c>
      <c r="S9298">
        <v>49</v>
      </c>
    </row>
    <row r="9299" spans="1:19" x14ac:dyDescent="0.25">
      <c r="A9299">
        <v>32323007</v>
      </c>
      <c r="B9299" t="s">
        <v>47634</v>
      </c>
      <c r="C9299" s="1" t="s">
        <v>47635</v>
      </c>
      <c r="E9299">
        <v>1</v>
      </c>
      <c r="F9299">
        <v>0</v>
      </c>
      <c r="H9299" t="s">
        <v>47636</v>
      </c>
      <c r="J9299" t="s">
        <v>47637</v>
      </c>
      <c r="O9299">
        <v>5286797</v>
      </c>
      <c r="P9299">
        <v>1</v>
      </c>
      <c r="Q9299">
        <v>1</v>
      </c>
      <c r="R9299" t="s">
        <v>47638</v>
      </c>
      <c r="S9299">
        <v>23</v>
      </c>
    </row>
    <row r="9300" spans="1:19" x14ac:dyDescent="0.25">
      <c r="A9300">
        <v>45384083</v>
      </c>
      <c r="B9300" t="s">
        <v>47639</v>
      </c>
      <c r="C9300" s="1" t="s">
        <v>47640</v>
      </c>
      <c r="D9300">
        <v>45384642</v>
      </c>
      <c r="E9300">
        <v>1</v>
      </c>
      <c r="F9300">
        <v>0</v>
      </c>
      <c r="H9300" t="s">
        <v>47641</v>
      </c>
      <c r="J9300" t="s">
        <v>47642</v>
      </c>
      <c r="K9300" t="s">
        <v>47642</v>
      </c>
      <c r="M9300">
        <v>205580</v>
      </c>
      <c r="O9300">
        <v>4490972</v>
      </c>
      <c r="P9300">
        <v>1</v>
      </c>
      <c r="Q9300">
        <v>1</v>
      </c>
      <c r="R9300" t="s">
        <v>47643</v>
      </c>
      <c r="S9300">
        <v>204</v>
      </c>
    </row>
    <row r="9301" spans="1:19" x14ac:dyDescent="0.25">
      <c r="A9301">
        <v>11871084</v>
      </c>
      <c r="B9301" t="s">
        <v>47644</v>
      </c>
      <c r="C9301" s="1" t="s">
        <v>47645</v>
      </c>
      <c r="D9301">
        <v>11871403</v>
      </c>
      <c r="E9301">
        <v>2</v>
      </c>
      <c r="F9301">
        <v>4</v>
      </c>
      <c r="H9301" t="s">
        <v>47646</v>
      </c>
      <c r="J9301" t="s">
        <v>47647</v>
      </c>
      <c r="K9301" t="s">
        <v>47648</v>
      </c>
      <c r="M9301">
        <v>1395674</v>
      </c>
      <c r="O9301">
        <v>1395674</v>
      </c>
      <c r="P9301">
        <v>1</v>
      </c>
      <c r="Q9301">
        <v>0</v>
      </c>
      <c r="R9301" t="s">
        <v>47649</v>
      </c>
      <c r="S9301">
        <v>366</v>
      </c>
    </row>
    <row r="9302" spans="1:19" x14ac:dyDescent="0.25">
      <c r="A9302">
        <v>27058971</v>
      </c>
      <c r="B9302" t="s">
        <v>47650</v>
      </c>
      <c r="C9302" s="1" t="s">
        <v>47651</v>
      </c>
      <c r="D9302">
        <v>27060038</v>
      </c>
      <c r="E9302">
        <v>2</v>
      </c>
      <c r="F9302">
        <v>4</v>
      </c>
      <c r="H9302" t="s">
        <v>47652</v>
      </c>
      <c r="J9302" t="s">
        <v>47653</v>
      </c>
      <c r="K9302" t="s">
        <v>47653</v>
      </c>
      <c r="M9302">
        <v>1905949</v>
      </c>
      <c r="O9302">
        <v>1612369</v>
      </c>
      <c r="P9302">
        <v>1</v>
      </c>
      <c r="Q9302">
        <v>7</v>
      </c>
      <c r="R9302" t="s">
        <v>47654</v>
      </c>
      <c r="S9302">
        <v>1210</v>
      </c>
    </row>
    <row r="9303" spans="1:19" x14ac:dyDescent="0.25">
      <c r="A9303">
        <v>17508703</v>
      </c>
      <c r="B9303" t="s">
        <v>47655</v>
      </c>
      <c r="C9303" s="1" t="s">
        <v>47656</v>
      </c>
      <c r="D9303">
        <v>17637679</v>
      </c>
      <c r="E9303">
        <v>1</v>
      </c>
      <c r="F9303">
        <v>7</v>
      </c>
      <c r="H9303" t="s">
        <v>47657</v>
      </c>
      <c r="I9303">
        <v>1</v>
      </c>
      <c r="J9303" t="s">
        <v>47658</v>
      </c>
      <c r="O9303">
        <v>2491746</v>
      </c>
      <c r="P9303">
        <v>1</v>
      </c>
      <c r="Q9303">
        <v>9</v>
      </c>
      <c r="R9303" t="s">
        <v>47659</v>
      </c>
      <c r="S9303">
        <v>433</v>
      </c>
    </row>
    <row r="9304" spans="1:19" x14ac:dyDescent="0.25">
      <c r="A9304">
        <v>51248435</v>
      </c>
      <c r="B9304" t="s">
        <v>47660</v>
      </c>
      <c r="C9304" s="1" t="s">
        <v>47661</v>
      </c>
      <c r="E9304">
        <v>0</v>
      </c>
      <c r="F9304">
        <v>0</v>
      </c>
      <c r="H9304" t="s">
        <v>47662</v>
      </c>
      <c r="J9304" t="s">
        <v>47663</v>
      </c>
      <c r="K9304" t="s">
        <v>47663</v>
      </c>
      <c r="M9304">
        <v>9519775</v>
      </c>
      <c r="O9304">
        <v>9519775</v>
      </c>
      <c r="P9304">
        <v>1</v>
      </c>
      <c r="Q9304">
        <v>0</v>
      </c>
      <c r="R9304" t="s">
        <v>47664</v>
      </c>
      <c r="S9304">
        <v>48</v>
      </c>
    </row>
    <row r="9305" spans="1:19" x14ac:dyDescent="0.25">
      <c r="A9305">
        <v>7740388</v>
      </c>
      <c r="B9305" t="s">
        <v>47665</v>
      </c>
      <c r="C9305" s="1" t="s">
        <v>47666</v>
      </c>
      <c r="E9305">
        <v>5</v>
      </c>
      <c r="F9305">
        <v>1</v>
      </c>
      <c r="H9305" t="s">
        <v>47667</v>
      </c>
      <c r="J9305" t="s">
        <v>47668</v>
      </c>
      <c r="O9305">
        <v>829951</v>
      </c>
      <c r="P9305">
        <v>1</v>
      </c>
      <c r="Q9305">
        <v>3</v>
      </c>
      <c r="R9305" t="s">
        <v>47669</v>
      </c>
      <c r="S9305">
        <v>16209</v>
      </c>
    </row>
    <row r="9306" spans="1:19" x14ac:dyDescent="0.25">
      <c r="A9306">
        <v>18943010</v>
      </c>
      <c r="B9306" t="s">
        <v>47670</v>
      </c>
      <c r="C9306" s="1" t="s">
        <v>47671</v>
      </c>
      <c r="E9306">
        <v>0</v>
      </c>
      <c r="F9306">
        <v>5</v>
      </c>
      <c r="H9306" t="s">
        <v>47672</v>
      </c>
      <c r="J9306" t="s">
        <v>47673</v>
      </c>
      <c r="K9306" t="s">
        <v>47673</v>
      </c>
      <c r="M9306">
        <v>635608</v>
      </c>
      <c r="O9306">
        <v>2550808</v>
      </c>
      <c r="P9306">
        <v>1</v>
      </c>
      <c r="Q9306">
        <v>0</v>
      </c>
      <c r="R9306" t="s">
        <v>748</v>
      </c>
      <c r="S9306">
        <v>68</v>
      </c>
    </row>
    <row r="9307" spans="1:19" x14ac:dyDescent="0.25">
      <c r="A9307">
        <v>28472104</v>
      </c>
      <c r="B9307" t="s">
        <v>47674</v>
      </c>
      <c r="C9307" s="1" t="s">
        <v>47675</v>
      </c>
      <c r="D9307">
        <v>28472310</v>
      </c>
      <c r="E9307">
        <v>2</v>
      </c>
      <c r="F9307">
        <v>0</v>
      </c>
      <c r="H9307" t="s">
        <v>47676</v>
      </c>
      <c r="J9307" t="s">
        <v>47677</v>
      </c>
      <c r="O9307">
        <v>3939318</v>
      </c>
      <c r="P9307">
        <v>1</v>
      </c>
      <c r="Q9307">
        <v>2</v>
      </c>
      <c r="R9307" t="s">
        <v>47678</v>
      </c>
      <c r="S9307">
        <v>1503</v>
      </c>
    </row>
    <row r="9308" spans="1:19" x14ac:dyDescent="0.25">
      <c r="A9308">
        <v>46368133</v>
      </c>
      <c r="B9308" t="s">
        <v>47679</v>
      </c>
      <c r="C9308" s="1" t="s">
        <v>47680</v>
      </c>
      <c r="E9308">
        <v>0</v>
      </c>
      <c r="F9308">
        <v>4</v>
      </c>
      <c r="H9308" t="s">
        <v>47681</v>
      </c>
      <c r="J9308" t="s">
        <v>47681</v>
      </c>
      <c r="O9308">
        <v>4967050</v>
      </c>
      <c r="P9308">
        <v>1</v>
      </c>
      <c r="Q9308">
        <v>0</v>
      </c>
      <c r="R9308" t="s">
        <v>275</v>
      </c>
      <c r="S9308">
        <v>40</v>
      </c>
    </row>
    <row r="9309" spans="1:19" x14ac:dyDescent="0.25">
      <c r="A9309">
        <v>14200985</v>
      </c>
      <c r="B9309" t="s">
        <v>47682</v>
      </c>
      <c r="C9309" s="1" t="s">
        <v>47683</v>
      </c>
      <c r="E9309">
        <v>1</v>
      </c>
      <c r="F9309">
        <v>4</v>
      </c>
      <c r="H9309" t="s">
        <v>47684</v>
      </c>
      <c r="J9309" t="s">
        <v>47685</v>
      </c>
      <c r="K9309" t="s">
        <v>47686</v>
      </c>
      <c r="M9309">
        <v>577455</v>
      </c>
      <c r="O9309">
        <v>577455</v>
      </c>
      <c r="P9309">
        <v>1</v>
      </c>
      <c r="Q9309">
        <v>1</v>
      </c>
      <c r="R9309" t="s">
        <v>5302</v>
      </c>
      <c r="S9309">
        <v>259</v>
      </c>
    </row>
    <row r="9310" spans="1:19" x14ac:dyDescent="0.25">
      <c r="A9310">
        <v>36905827</v>
      </c>
      <c r="B9310" t="s">
        <v>47687</v>
      </c>
      <c r="C9310" s="1" t="s">
        <v>47688</v>
      </c>
      <c r="D9310">
        <v>36974661</v>
      </c>
      <c r="E9310">
        <v>2</v>
      </c>
      <c r="F9310">
        <v>3</v>
      </c>
      <c r="H9310" t="s">
        <v>47689</v>
      </c>
      <c r="J9310" t="s">
        <v>47690</v>
      </c>
      <c r="K9310" t="s">
        <v>47691</v>
      </c>
      <c r="M9310">
        <v>5928186</v>
      </c>
      <c r="O9310">
        <v>5495493</v>
      </c>
      <c r="P9310">
        <v>1</v>
      </c>
      <c r="Q9310">
        <v>1</v>
      </c>
      <c r="R9310" t="s">
        <v>819</v>
      </c>
      <c r="S9310">
        <v>73</v>
      </c>
    </row>
    <row r="9311" spans="1:19" x14ac:dyDescent="0.25">
      <c r="A9311">
        <v>35198519</v>
      </c>
      <c r="B9311" t="s">
        <v>47692</v>
      </c>
      <c r="C9311" s="1" t="s">
        <v>47693</v>
      </c>
      <c r="E9311">
        <v>0</v>
      </c>
      <c r="F9311">
        <v>0</v>
      </c>
      <c r="H9311" t="s">
        <v>47694</v>
      </c>
      <c r="J9311" t="s">
        <v>47694</v>
      </c>
      <c r="O9311">
        <v>217823</v>
      </c>
      <c r="P9311">
        <v>1</v>
      </c>
      <c r="Q9311">
        <v>3</v>
      </c>
      <c r="R9311" t="s">
        <v>47695</v>
      </c>
      <c r="S9311">
        <v>428</v>
      </c>
    </row>
    <row r="9312" spans="1:19" x14ac:dyDescent="0.25">
      <c r="A9312">
        <v>49864637</v>
      </c>
      <c r="B9312" t="s">
        <v>47696</v>
      </c>
      <c r="C9312" s="1" t="s">
        <v>47697</v>
      </c>
      <c r="E9312">
        <v>0</v>
      </c>
      <c r="F9312">
        <v>1</v>
      </c>
      <c r="H9312" t="s">
        <v>47698</v>
      </c>
      <c r="J9312" t="s">
        <v>47698</v>
      </c>
      <c r="O9312">
        <v>9654645</v>
      </c>
      <c r="P9312">
        <v>1</v>
      </c>
      <c r="Q9312">
        <v>0</v>
      </c>
      <c r="R9312" t="s">
        <v>47699</v>
      </c>
      <c r="S9312">
        <v>57</v>
      </c>
    </row>
    <row r="9313" spans="1:19" x14ac:dyDescent="0.25">
      <c r="A9313">
        <v>16403048</v>
      </c>
      <c r="B9313" t="s">
        <v>47700</v>
      </c>
      <c r="C9313" s="1" t="s">
        <v>47701</v>
      </c>
      <c r="E9313">
        <v>0</v>
      </c>
      <c r="F9313">
        <v>7</v>
      </c>
      <c r="H9313" t="s">
        <v>47702</v>
      </c>
      <c r="J9313" t="s">
        <v>47703</v>
      </c>
      <c r="K9313" t="s">
        <v>47704</v>
      </c>
      <c r="M9313">
        <v>2126428</v>
      </c>
      <c r="O9313">
        <v>2126428</v>
      </c>
      <c r="P9313">
        <v>1</v>
      </c>
      <c r="Q9313">
        <v>0</v>
      </c>
      <c r="R9313" t="s">
        <v>47705</v>
      </c>
      <c r="S9313">
        <v>574</v>
      </c>
    </row>
    <row r="9314" spans="1:19" x14ac:dyDescent="0.25">
      <c r="A9314">
        <v>3089810</v>
      </c>
      <c r="B9314" t="s">
        <v>47706</v>
      </c>
      <c r="C9314" s="1" t="s">
        <v>47707</v>
      </c>
      <c r="D9314">
        <v>3089902</v>
      </c>
      <c r="E9314">
        <v>2</v>
      </c>
      <c r="F9314">
        <v>0</v>
      </c>
      <c r="H9314" t="s">
        <v>47708</v>
      </c>
      <c r="J9314" t="s">
        <v>47709</v>
      </c>
      <c r="O9314">
        <v>100208</v>
      </c>
      <c r="P9314">
        <v>1</v>
      </c>
      <c r="Q9314">
        <v>0</v>
      </c>
      <c r="R9314" t="s">
        <v>47710</v>
      </c>
      <c r="S9314">
        <v>264</v>
      </c>
    </row>
    <row r="9315" spans="1:19" x14ac:dyDescent="0.25">
      <c r="A9315">
        <v>34142309</v>
      </c>
      <c r="B9315" t="s">
        <v>47711</v>
      </c>
      <c r="C9315" s="1" t="s">
        <v>47712</v>
      </c>
      <c r="E9315">
        <v>1</v>
      </c>
      <c r="F9315">
        <v>0</v>
      </c>
      <c r="H9315" t="s">
        <v>47713</v>
      </c>
      <c r="J9315" t="s">
        <v>47714</v>
      </c>
      <c r="O9315">
        <v>5438684</v>
      </c>
      <c r="P9315">
        <v>1</v>
      </c>
      <c r="Q9315">
        <v>1</v>
      </c>
      <c r="R9315" t="s">
        <v>47715</v>
      </c>
      <c r="S9315">
        <v>137</v>
      </c>
    </row>
    <row r="9316" spans="1:19" x14ac:dyDescent="0.25">
      <c r="A9316">
        <v>24252904</v>
      </c>
      <c r="B9316" t="s">
        <v>47716</v>
      </c>
      <c r="C9316" s="1" t="s">
        <v>47717</v>
      </c>
      <c r="D9316">
        <v>24253105</v>
      </c>
      <c r="E9316">
        <v>1</v>
      </c>
      <c r="F9316">
        <v>9</v>
      </c>
      <c r="H9316" t="s">
        <v>47718</v>
      </c>
      <c r="J9316" t="s">
        <v>47719</v>
      </c>
      <c r="K9316" t="s">
        <v>47720</v>
      </c>
      <c r="L9316" t="s">
        <v>47721</v>
      </c>
      <c r="N9316" t="s">
        <v>47721</v>
      </c>
      <c r="P9316">
        <v>1</v>
      </c>
      <c r="Q9316">
        <v>1</v>
      </c>
      <c r="R9316" t="s">
        <v>47722</v>
      </c>
      <c r="S9316">
        <v>83</v>
      </c>
    </row>
    <row r="9317" spans="1:19" x14ac:dyDescent="0.25">
      <c r="A9317">
        <v>51137456</v>
      </c>
      <c r="B9317" t="s">
        <v>47723</v>
      </c>
      <c r="C9317" s="1" t="s">
        <v>47724</v>
      </c>
      <c r="D9317">
        <v>51137543</v>
      </c>
      <c r="E9317">
        <v>2</v>
      </c>
      <c r="F9317">
        <v>0</v>
      </c>
      <c r="H9317" t="s">
        <v>47725</v>
      </c>
      <c r="J9317" t="s">
        <v>47726</v>
      </c>
      <c r="K9317" t="s">
        <v>47727</v>
      </c>
      <c r="M9317">
        <v>1225882</v>
      </c>
      <c r="O9317">
        <v>4560105</v>
      </c>
      <c r="P9317">
        <v>1</v>
      </c>
      <c r="Q9317">
        <v>2</v>
      </c>
      <c r="R9317" t="s">
        <v>47728</v>
      </c>
      <c r="S9317">
        <v>65</v>
      </c>
    </row>
    <row r="9318" spans="1:19" x14ac:dyDescent="0.25">
      <c r="A9318">
        <v>11708722</v>
      </c>
      <c r="B9318" t="s">
        <v>47729</v>
      </c>
      <c r="C9318" s="1" t="s">
        <v>47730</v>
      </c>
      <c r="D9318">
        <v>11709070</v>
      </c>
      <c r="E9318">
        <v>1</v>
      </c>
      <c r="F9318">
        <v>0</v>
      </c>
      <c r="H9318" t="s">
        <v>47731</v>
      </c>
      <c r="I9318">
        <v>1</v>
      </c>
      <c r="J9318" t="s">
        <v>47732</v>
      </c>
      <c r="K9318" t="s">
        <v>47732</v>
      </c>
      <c r="M9318">
        <v>1560844</v>
      </c>
      <c r="O9318">
        <v>1560844</v>
      </c>
      <c r="P9318">
        <v>1</v>
      </c>
      <c r="Q9318">
        <v>0</v>
      </c>
      <c r="R9318" t="s">
        <v>47733</v>
      </c>
      <c r="S9318">
        <v>845</v>
      </c>
    </row>
    <row r="9319" spans="1:19" x14ac:dyDescent="0.25">
      <c r="A9319">
        <v>41928986</v>
      </c>
      <c r="B9319" t="s">
        <v>47734</v>
      </c>
      <c r="C9319" s="1" t="s">
        <v>47735</v>
      </c>
      <c r="E9319">
        <v>1</v>
      </c>
      <c r="F9319">
        <v>1</v>
      </c>
      <c r="H9319" t="s">
        <v>47736</v>
      </c>
      <c r="J9319" t="s">
        <v>47737</v>
      </c>
      <c r="N9319" t="s">
        <v>47738</v>
      </c>
      <c r="P9319">
        <v>1</v>
      </c>
      <c r="Q9319">
        <v>0</v>
      </c>
      <c r="R9319" t="s">
        <v>47739</v>
      </c>
      <c r="S9319">
        <v>2934</v>
      </c>
    </row>
    <row r="9320" spans="1:19" x14ac:dyDescent="0.25">
      <c r="A9320">
        <v>42843635</v>
      </c>
      <c r="B9320" t="s">
        <v>47740</v>
      </c>
      <c r="C9320" s="1" t="s">
        <v>47741</v>
      </c>
      <c r="D9320">
        <v>42846970</v>
      </c>
      <c r="E9320">
        <v>1</v>
      </c>
      <c r="F9320">
        <v>2</v>
      </c>
      <c r="H9320" t="s">
        <v>47742</v>
      </c>
      <c r="I9320">
        <v>1</v>
      </c>
      <c r="J9320" t="s">
        <v>47743</v>
      </c>
      <c r="K9320" t="s">
        <v>47744</v>
      </c>
      <c r="M9320">
        <v>7710352</v>
      </c>
      <c r="O9320">
        <v>7710352</v>
      </c>
      <c r="P9320">
        <v>1</v>
      </c>
      <c r="Q9320">
        <v>4</v>
      </c>
      <c r="R9320" t="s">
        <v>47745</v>
      </c>
      <c r="S9320">
        <v>84</v>
      </c>
    </row>
    <row r="9321" spans="1:19" x14ac:dyDescent="0.25">
      <c r="A9321">
        <v>32034358</v>
      </c>
      <c r="B9321" t="s">
        <v>47746</v>
      </c>
      <c r="C9321" s="1" t="s">
        <v>47747</v>
      </c>
      <c r="E9321">
        <v>1</v>
      </c>
      <c r="F9321">
        <v>1</v>
      </c>
      <c r="H9321" t="s">
        <v>47748</v>
      </c>
      <c r="J9321" t="s">
        <v>47749</v>
      </c>
      <c r="K9321" t="s">
        <v>47749</v>
      </c>
      <c r="M9321">
        <v>4146017</v>
      </c>
      <c r="O9321">
        <v>4146017</v>
      </c>
      <c r="P9321">
        <v>1</v>
      </c>
      <c r="Q9321">
        <v>-4</v>
      </c>
      <c r="R9321" t="s">
        <v>855</v>
      </c>
      <c r="S9321">
        <v>328</v>
      </c>
    </row>
    <row r="9322" spans="1:19" x14ac:dyDescent="0.25">
      <c r="A9322">
        <v>37329344</v>
      </c>
      <c r="B9322" t="s">
        <v>47750</v>
      </c>
      <c r="C9322" s="1" t="s">
        <v>47751</v>
      </c>
      <c r="E9322">
        <v>3</v>
      </c>
      <c r="F9322">
        <v>0</v>
      </c>
      <c r="H9322" t="s">
        <v>47752</v>
      </c>
      <c r="J9322" t="s">
        <v>47753</v>
      </c>
      <c r="O9322">
        <v>5879118</v>
      </c>
      <c r="P9322">
        <v>1</v>
      </c>
      <c r="Q9322">
        <v>0</v>
      </c>
      <c r="R9322" t="s">
        <v>47754</v>
      </c>
      <c r="S9322">
        <v>1153</v>
      </c>
    </row>
    <row r="9323" spans="1:19" x14ac:dyDescent="0.25">
      <c r="A9323">
        <v>10115016</v>
      </c>
      <c r="B9323" t="s">
        <v>47755</v>
      </c>
      <c r="C9323" s="1" t="s">
        <v>47756</v>
      </c>
      <c r="D9323">
        <v>10115177</v>
      </c>
      <c r="E9323">
        <v>1</v>
      </c>
      <c r="F9323">
        <v>1</v>
      </c>
      <c r="H9323" t="s">
        <v>47757</v>
      </c>
      <c r="J9323" t="s">
        <v>47758</v>
      </c>
      <c r="K9323" t="s">
        <v>47758</v>
      </c>
      <c r="M9323">
        <v>514534</v>
      </c>
      <c r="O9323">
        <v>514534</v>
      </c>
      <c r="P9323">
        <v>1</v>
      </c>
      <c r="Q9323">
        <v>3</v>
      </c>
      <c r="R9323" t="s">
        <v>413</v>
      </c>
      <c r="S9323">
        <v>110</v>
      </c>
    </row>
    <row r="9324" spans="1:19" x14ac:dyDescent="0.25">
      <c r="A9324">
        <v>49228597</v>
      </c>
      <c r="B9324" t="s">
        <v>47759</v>
      </c>
      <c r="C9324" s="1" t="s">
        <v>47760</v>
      </c>
      <c r="E9324">
        <v>0</v>
      </c>
      <c r="F9324">
        <v>2</v>
      </c>
      <c r="H9324" t="s">
        <v>47761</v>
      </c>
      <c r="J9324" t="s">
        <v>47762</v>
      </c>
      <c r="K9324" t="s">
        <v>47762</v>
      </c>
      <c r="M9324">
        <v>6422656</v>
      </c>
      <c r="O9324">
        <v>9477781</v>
      </c>
      <c r="P9324">
        <v>1</v>
      </c>
      <c r="Q9324">
        <v>0</v>
      </c>
      <c r="R9324" t="s">
        <v>47763</v>
      </c>
      <c r="S9324">
        <v>207</v>
      </c>
    </row>
    <row r="9325" spans="1:19" x14ac:dyDescent="0.25">
      <c r="A9325">
        <v>11843185</v>
      </c>
      <c r="B9325" t="s">
        <v>47764</v>
      </c>
      <c r="C9325" s="1" t="s">
        <v>47765</v>
      </c>
      <c r="D9325">
        <v>11843656</v>
      </c>
      <c r="E9325">
        <v>3</v>
      </c>
      <c r="F9325">
        <v>1</v>
      </c>
      <c r="H9325" t="s">
        <v>47766</v>
      </c>
      <c r="J9325" t="s">
        <v>47767</v>
      </c>
      <c r="K9325" t="s">
        <v>47768</v>
      </c>
      <c r="M9325">
        <v>1315447</v>
      </c>
      <c r="O9325">
        <v>1315447</v>
      </c>
      <c r="P9325">
        <v>1</v>
      </c>
      <c r="Q9325">
        <v>1</v>
      </c>
      <c r="R9325" t="s">
        <v>47769</v>
      </c>
      <c r="S9325">
        <v>11377</v>
      </c>
    </row>
    <row r="9326" spans="1:19" x14ac:dyDescent="0.25">
      <c r="A9326">
        <v>46754487</v>
      </c>
      <c r="B9326" t="s">
        <v>47770</v>
      </c>
      <c r="C9326" s="1" t="s">
        <v>47771</v>
      </c>
      <c r="D9326">
        <v>46755724</v>
      </c>
      <c r="E9326">
        <v>2</v>
      </c>
      <c r="F9326">
        <v>6</v>
      </c>
      <c r="H9326" t="s">
        <v>47772</v>
      </c>
      <c r="J9326" t="s">
        <v>47773</v>
      </c>
      <c r="K9326" t="s">
        <v>47774</v>
      </c>
      <c r="M9326">
        <v>8383629</v>
      </c>
      <c r="O9326">
        <v>8383629</v>
      </c>
      <c r="P9326">
        <v>1</v>
      </c>
      <c r="Q9326">
        <v>-2</v>
      </c>
      <c r="R9326" t="s">
        <v>47775</v>
      </c>
      <c r="S9326">
        <v>45</v>
      </c>
    </row>
    <row r="9327" spans="1:19" x14ac:dyDescent="0.25">
      <c r="A9327">
        <v>39325777</v>
      </c>
      <c r="B9327" t="s">
        <v>47776</v>
      </c>
      <c r="C9327" s="1" t="s">
        <v>47777</v>
      </c>
      <c r="D9327">
        <v>39325871</v>
      </c>
      <c r="E9327">
        <v>3</v>
      </c>
      <c r="F9327">
        <v>0</v>
      </c>
      <c r="H9327" t="s">
        <v>47778</v>
      </c>
      <c r="J9327" t="s">
        <v>47779</v>
      </c>
      <c r="K9327" t="s">
        <v>47780</v>
      </c>
      <c r="M9327">
        <v>1680728</v>
      </c>
      <c r="O9327">
        <v>6795280</v>
      </c>
      <c r="P9327">
        <v>1</v>
      </c>
      <c r="Q9327">
        <v>1</v>
      </c>
      <c r="R9327" t="s">
        <v>41048</v>
      </c>
      <c r="S9327">
        <v>405</v>
      </c>
    </row>
    <row r="9328" spans="1:19" x14ac:dyDescent="0.25">
      <c r="A9328">
        <v>4740284</v>
      </c>
      <c r="B9328" t="s">
        <v>47781</v>
      </c>
      <c r="C9328" s="1" t="s">
        <v>47782</v>
      </c>
      <c r="D9328">
        <v>4740488</v>
      </c>
      <c r="E9328">
        <v>2</v>
      </c>
      <c r="F9328">
        <v>1</v>
      </c>
      <c r="H9328" t="s">
        <v>47783</v>
      </c>
      <c r="J9328" t="s">
        <v>47784</v>
      </c>
      <c r="O9328">
        <v>194881</v>
      </c>
      <c r="P9328">
        <v>1</v>
      </c>
      <c r="Q9328">
        <v>2</v>
      </c>
      <c r="R9328" t="s">
        <v>47785</v>
      </c>
      <c r="S9328">
        <v>1029</v>
      </c>
    </row>
    <row r="9329" spans="1:19" x14ac:dyDescent="0.25">
      <c r="A9329">
        <v>4303433</v>
      </c>
      <c r="B9329" t="s">
        <v>47786</v>
      </c>
      <c r="C9329" t="s">
        <v>47787</v>
      </c>
      <c r="E9329">
        <v>1</v>
      </c>
      <c r="F9329">
        <v>0</v>
      </c>
      <c r="H9329" t="s">
        <v>47788</v>
      </c>
      <c r="I9329">
        <v>1</v>
      </c>
      <c r="J9329" t="s">
        <v>47789</v>
      </c>
      <c r="O9329">
        <v>460611</v>
      </c>
      <c r="P9329">
        <v>1</v>
      </c>
      <c r="Q9329">
        <v>0</v>
      </c>
      <c r="R9329" t="s">
        <v>2771</v>
      </c>
      <c r="S9329">
        <v>1113</v>
      </c>
    </row>
    <row r="9330" spans="1:19" x14ac:dyDescent="0.25">
      <c r="A9330">
        <v>14103064</v>
      </c>
      <c r="B9330" t="s">
        <v>47790</v>
      </c>
      <c r="C9330" s="1" t="s">
        <v>47791</v>
      </c>
      <c r="D9330">
        <v>14103139</v>
      </c>
      <c r="E9330">
        <v>3</v>
      </c>
      <c r="F9330">
        <v>4</v>
      </c>
      <c r="H9330" t="s">
        <v>47792</v>
      </c>
      <c r="I9330">
        <v>1</v>
      </c>
      <c r="J9330" t="s">
        <v>47793</v>
      </c>
      <c r="K9330" t="s">
        <v>47794</v>
      </c>
      <c r="M9330">
        <v>1872315</v>
      </c>
      <c r="O9330">
        <v>1872315</v>
      </c>
      <c r="P9330">
        <v>1</v>
      </c>
      <c r="Q9330">
        <v>1</v>
      </c>
      <c r="R9330" t="s">
        <v>47795</v>
      </c>
      <c r="S9330">
        <v>1553</v>
      </c>
    </row>
    <row r="9331" spans="1:19" x14ac:dyDescent="0.25">
      <c r="A9331">
        <v>2242396</v>
      </c>
      <c r="B9331" t="s">
        <v>47796</v>
      </c>
      <c r="C9331" s="1" t="s">
        <v>47797</v>
      </c>
      <c r="D9331">
        <v>2242449</v>
      </c>
      <c r="E9331">
        <v>1</v>
      </c>
      <c r="F9331">
        <v>2</v>
      </c>
      <c r="H9331" t="s">
        <v>47798</v>
      </c>
      <c r="J9331" t="s">
        <v>47799</v>
      </c>
      <c r="O9331">
        <v>116512</v>
      </c>
      <c r="P9331">
        <v>1</v>
      </c>
      <c r="Q9331">
        <v>0</v>
      </c>
      <c r="R9331" t="s">
        <v>47800</v>
      </c>
      <c r="S9331">
        <v>330</v>
      </c>
    </row>
    <row r="9332" spans="1:19" x14ac:dyDescent="0.25">
      <c r="A9332">
        <v>12048221</v>
      </c>
      <c r="B9332" t="s">
        <v>47801</v>
      </c>
      <c r="C9332" s="1" t="s">
        <v>47802</v>
      </c>
      <c r="D9332">
        <v>12048366</v>
      </c>
      <c r="E9332">
        <v>1</v>
      </c>
      <c r="F9332">
        <v>0</v>
      </c>
      <c r="H9332" t="s">
        <v>47803</v>
      </c>
      <c r="I9332">
        <v>2</v>
      </c>
      <c r="J9332" t="s">
        <v>47804</v>
      </c>
      <c r="K9332" t="s">
        <v>47804</v>
      </c>
      <c r="M9332">
        <v>733152</v>
      </c>
      <c r="O9332">
        <v>1131467</v>
      </c>
      <c r="P9332">
        <v>1</v>
      </c>
      <c r="Q9332">
        <v>6</v>
      </c>
      <c r="R9332" t="s">
        <v>47805</v>
      </c>
      <c r="S9332">
        <v>1130</v>
      </c>
    </row>
    <row r="9333" spans="1:19" x14ac:dyDescent="0.25">
      <c r="A9333">
        <v>39984548</v>
      </c>
      <c r="B9333" t="s">
        <v>47806</v>
      </c>
      <c r="C9333" s="1" t="s">
        <v>47807</v>
      </c>
      <c r="D9333">
        <v>39984643</v>
      </c>
      <c r="E9333">
        <v>1</v>
      </c>
      <c r="F9333">
        <v>1</v>
      </c>
      <c r="H9333" t="s">
        <v>47808</v>
      </c>
      <c r="I9333">
        <v>1</v>
      </c>
      <c r="J9333" t="s">
        <v>47809</v>
      </c>
      <c r="K9333" t="s">
        <v>47809</v>
      </c>
      <c r="M9333">
        <v>3084258</v>
      </c>
      <c r="O9333">
        <v>2630012</v>
      </c>
      <c r="P9333">
        <v>1</v>
      </c>
      <c r="Q9333">
        <v>1</v>
      </c>
      <c r="R9333" t="s">
        <v>4844</v>
      </c>
      <c r="S9333">
        <v>651</v>
      </c>
    </row>
    <row r="9334" spans="1:19" x14ac:dyDescent="0.25">
      <c r="A9334">
        <v>7141621</v>
      </c>
      <c r="B9334" t="s">
        <v>47810</v>
      </c>
      <c r="C9334" s="1" t="s">
        <v>47811</v>
      </c>
      <c r="D9334">
        <v>7144606</v>
      </c>
      <c r="E9334">
        <v>1</v>
      </c>
      <c r="F9334">
        <v>2</v>
      </c>
      <c r="H9334" t="s">
        <v>47812</v>
      </c>
      <c r="J9334" t="s">
        <v>47813</v>
      </c>
      <c r="O9334">
        <v>781921</v>
      </c>
      <c r="P9334">
        <v>1</v>
      </c>
      <c r="Q9334">
        <v>0</v>
      </c>
      <c r="R9334" t="s">
        <v>47814</v>
      </c>
      <c r="S9334">
        <v>1954</v>
      </c>
    </row>
    <row r="9335" spans="1:19" x14ac:dyDescent="0.25">
      <c r="A9335">
        <v>17970566</v>
      </c>
      <c r="B9335" t="s">
        <v>47815</v>
      </c>
      <c r="C9335" s="1" t="s">
        <v>47816</v>
      </c>
      <c r="D9335">
        <v>17970755</v>
      </c>
      <c r="E9335">
        <v>2</v>
      </c>
      <c r="F9335">
        <v>1</v>
      </c>
      <c r="H9335" t="s">
        <v>47817</v>
      </c>
      <c r="J9335" t="s">
        <v>47818</v>
      </c>
      <c r="O9335">
        <v>2420583</v>
      </c>
      <c r="P9335">
        <v>1</v>
      </c>
      <c r="Q9335">
        <v>0</v>
      </c>
      <c r="R9335" t="s">
        <v>1359</v>
      </c>
      <c r="S9335">
        <v>76</v>
      </c>
    </row>
    <row r="9336" spans="1:19" x14ac:dyDescent="0.25">
      <c r="A9336">
        <v>30133241</v>
      </c>
      <c r="B9336" t="s">
        <v>47819</v>
      </c>
      <c r="C9336" s="1" t="s">
        <v>47820</v>
      </c>
      <c r="D9336">
        <v>30136866</v>
      </c>
      <c r="E9336">
        <v>1</v>
      </c>
      <c r="F9336">
        <v>0</v>
      </c>
      <c r="H9336" t="s">
        <v>47821</v>
      </c>
      <c r="I9336">
        <v>1</v>
      </c>
      <c r="J9336" t="s">
        <v>47822</v>
      </c>
      <c r="K9336" t="s">
        <v>47822</v>
      </c>
      <c r="M9336">
        <v>63550</v>
      </c>
      <c r="O9336">
        <v>35026</v>
      </c>
      <c r="P9336">
        <v>1</v>
      </c>
      <c r="Q9336">
        <v>1</v>
      </c>
      <c r="R9336" t="s">
        <v>47823</v>
      </c>
      <c r="S9336">
        <v>636</v>
      </c>
    </row>
    <row r="9337" spans="1:19" x14ac:dyDescent="0.25">
      <c r="A9337">
        <v>44258381</v>
      </c>
      <c r="B9337" t="s">
        <v>47824</v>
      </c>
      <c r="C9337" s="1" t="s">
        <v>47825</v>
      </c>
      <c r="E9337">
        <v>1</v>
      </c>
      <c r="F9337">
        <v>0</v>
      </c>
      <c r="H9337" t="s">
        <v>47826</v>
      </c>
      <c r="J9337" t="s">
        <v>47827</v>
      </c>
      <c r="O9337">
        <v>7981386</v>
      </c>
      <c r="P9337">
        <v>1</v>
      </c>
      <c r="Q9337">
        <v>0</v>
      </c>
      <c r="R9337" t="s">
        <v>47828</v>
      </c>
      <c r="S9337">
        <v>54</v>
      </c>
    </row>
    <row r="9338" spans="1:19" x14ac:dyDescent="0.25">
      <c r="A9338">
        <v>52864532</v>
      </c>
      <c r="B9338" t="s">
        <v>47829</v>
      </c>
      <c r="C9338" s="1" t="s">
        <v>47830</v>
      </c>
      <c r="D9338">
        <v>52864900</v>
      </c>
      <c r="E9338">
        <v>1</v>
      </c>
      <c r="F9338">
        <v>1</v>
      </c>
      <c r="H9338" t="s">
        <v>47831</v>
      </c>
      <c r="I9338">
        <v>1</v>
      </c>
      <c r="J9338" t="s">
        <v>47832</v>
      </c>
      <c r="K9338" t="s">
        <v>47833</v>
      </c>
      <c r="M9338">
        <v>10521046</v>
      </c>
      <c r="O9338">
        <v>10521046</v>
      </c>
      <c r="P9338">
        <v>1</v>
      </c>
      <c r="Q9338">
        <v>0</v>
      </c>
      <c r="R9338" t="s">
        <v>47834</v>
      </c>
      <c r="S9338">
        <v>20</v>
      </c>
    </row>
    <row r="9339" spans="1:19" x14ac:dyDescent="0.25">
      <c r="A9339">
        <v>30736212</v>
      </c>
      <c r="B9339" t="s">
        <v>47835</v>
      </c>
      <c r="C9339" s="1" t="s">
        <v>47836</v>
      </c>
      <c r="D9339">
        <v>30736296</v>
      </c>
      <c r="E9339">
        <v>3</v>
      </c>
      <c r="F9339">
        <v>1</v>
      </c>
      <c r="H9339" t="s">
        <v>47837</v>
      </c>
      <c r="J9339" t="s">
        <v>47838</v>
      </c>
      <c r="O9339">
        <v>4924749</v>
      </c>
      <c r="P9339">
        <v>1</v>
      </c>
      <c r="Q9339">
        <v>0</v>
      </c>
      <c r="R9339" t="s">
        <v>30879</v>
      </c>
      <c r="S9339">
        <v>33</v>
      </c>
    </row>
    <row r="9340" spans="1:19" x14ac:dyDescent="0.25">
      <c r="A9340">
        <v>33378723</v>
      </c>
      <c r="B9340" t="s">
        <v>47839</v>
      </c>
      <c r="C9340" s="1" t="s">
        <v>47840</v>
      </c>
      <c r="E9340">
        <v>1</v>
      </c>
      <c r="F9340">
        <v>2</v>
      </c>
      <c r="H9340" t="s">
        <v>47841</v>
      </c>
      <c r="J9340" t="s">
        <v>47842</v>
      </c>
      <c r="O9340">
        <v>1840365</v>
      </c>
      <c r="P9340">
        <v>1</v>
      </c>
      <c r="Q9340">
        <v>0</v>
      </c>
      <c r="R9340" t="s">
        <v>47843</v>
      </c>
      <c r="S9340">
        <v>28</v>
      </c>
    </row>
    <row r="9341" spans="1:19" x14ac:dyDescent="0.25">
      <c r="A9341">
        <v>47756582</v>
      </c>
      <c r="B9341" t="s">
        <v>47844</v>
      </c>
      <c r="C9341" s="1" t="s">
        <v>47845</v>
      </c>
      <c r="E9341">
        <v>1</v>
      </c>
      <c r="F9341">
        <v>8</v>
      </c>
      <c r="H9341" t="s">
        <v>47846</v>
      </c>
      <c r="J9341" t="s">
        <v>47847</v>
      </c>
      <c r="K9341" t="s">
        <v>47848</v>
      </c>
      <c r="M9341">
        <v>8970662</v>
      </c>
      <c r="O9341">
        <v>8970662</v>
      </c>
      <c r="P9341">
        <v>1</v>
      </c>
      <c r="Q9341">
        <v>1</v>
      </c>
      <c r="R9341" t="s">
        <v>18919</v>
      </c>
      <c r="S9341">
        <v>37</v>
      </c>
    </row>
    <row r="9342" spans="1:19" x14ac:dyDescent="0.25">
      <c r="A9342">
        <v>17540649</v>
      </c>
      <c r="B9342" t="s">
        <v>47849</v>
      </c>
      <c r="C9342" s="1" t="s">
        <v>47850</v>
      </c>
      <c r="D9342">
        <v>17544612</v>
      </c>
      <c r="E9342">
        <v>1</v>
      </c>
      <c r="F9342">
        <v>0</v>
      </c>
      <c r="H9342" t="s">
        <v>47851</v>
      </c>
      <c r="J9342" t="s">
        <v>47852</v>
      </c>
      <c r="O9342">
        <v>2434113</v>
      </c>
      <c r="P9342">
        <v>1</v>
      </c>
      <c r="Q9342">
        <v>2</v>
      </c>
      <c r="R9342" t="s">
        <v>47853</v>
      </c>
      <c r="S9342">
        <v>216</v>
      </c>
    </row>
    <row r="9343" spans="1:19" x14ac:dyDescent="0.25">
      <c r="A9343">
        <v>35434147</v>
      </c>
      <c r="B9343" t="s">
        <v>47854</v>
      </c>
      <c r="C9343" s="1" t="s">
        <v>47855</v>
      </c>
      <c r="D9343">
        <v>35435446</v>
      </c>
      <c r="E9343">
        <v>1</v>
      </c>
      <c r="F9343">
        <v>3</v>
      </c>
      <c r="H9343" t="s">
        <v>47856</v>
      </c>
      <c r="J9343" t="s">
        <v>47857</v>
      </c>
      <c r="O9343">
        <v>2180140</v>
      </c>
      <c r="P9343">
        <v>1</v>
      </c>
      <c r="Q9343">
        <v>1</v>
      </c>
      <c r="R9343" t="s">
        <v>47858</v>
      </c>
      <c r="S9343">
        <v>545</v>
      </c>
    </row>
    <row r="9344" spans="1:19" x14ac:dyDescent="0.25">
      <c r="A9344">
        <v>8845259</v>
      </c>
      <c r="B9344" t="s">
        <v>47859</v>
      </c>
      <c r="C9344" s="1" t="s">
        <v>47860</v>
      </c>
      <c r="E9344">
        <v>1</v>
      </c>
      <c r="F9344">
        <v>2</v>
      </c>
      <c r="H9344" t="s">
        <v>47861</v>
      </c>
      <c r="I9344">
        <v>2</v>
      </c>
      <c r="J9344" t="s">
        <v>47862</v>
      </c>
      <c r="K9344" t="s">
        <v>47863</v>
      </c>
      <c r="M9344">
        <v>-1</v>
      </c>
      <c r="O9344">
        <v>1146816</v>
      </c>
      <c r="P9344">
        <v>1</v>
      </c>
      <c r="Q9344">
        <v>4</v>
      </c>
      <c r="R9344" t="s">
        <v>47864</v>
      </c>
      <c r="S9344">
        <v>1869</v>
      </c>
    </row>
    <row r="9345" spans="1:19" x14ac:dyDescent="0.25">
      <c r="A9345">
        <v>50225839</v>
      </c>
      <c r="B9345" t="s">
        <v>47865</v>
      </c>
      <c r="C9345" s="1" t="s">
        <v>47866</v>
      </c>
      <c r="E9345">
        <v>0</v>
      </c>
      <c r="F9345">
        <v>1</v>
      </c>
      <c r="H9345" t="s">
        <v>47867</v>
      </c>
      <c r="J9345" t="s">
        <v>47868</v>
      </c>
      <c r="K9345" t="s">
        <v>47868</v>
      </c>
      <c r="M9345">
        <v>958529</v>
      </c>
      <c r="O9345">
        <v>9733573</v>
      </c>
      <c r="P9345">
        <v>1</v>
      </c>
      <c r="Q9345">
        <v>0</v>
      </c>
      <c r="R9345" t="s">
        <v>47869</v>
      </c>
      <c r="S9345">
        <v>54</v>
      </c>
    </row>
    <row r="9346" spans="1:19" x14ac:dyDescent="0.25">
      <c r="A9346">
        <v>9923160</v>
      </c>
      <c r="B9346" t="s">
        <v>47870</v>
      </c>
      <c r="C9346" s="1" t="s">
        <v>47871</v>
      </c>
      <c r="D9346">
        <v>9923447</v>
      </c>
      <c r="E9346">
        <v>1</v>
      </c>
      <c r="F9346">
        <v>0</v>
      </c>
      <c r="H9346" t="s">
        <v>47872</v>
      </c>
      <c r="J9346" t="s">
        <v>47873</v>
      </c>
      <c r="K9346" t="s">
        <v>47873</v>
      </c>
      <c r="M9346">
        <v>765890</v>
      </c>
      <c r="O9346">
        <v>493619</v>
      </c>
      <c r="P9346">
        <v>1</v>
      </c>
      <c r="Q9346">
        <v>1</v>
      </c>
      <c r="R9346" t="s">
        <v>3339</v>
      </c>
      <c r="S9346">
        <v>5032</v>
      </c>
    </row>
    <row r="9347" spans="1:19" x14ac:dyDescent="0.25">
      <c r="A9347">
        <v>28863868</v>
      </c>
      <c r="B9347" t="s">
        <v>47874</v>
      </c>
      <c r="C9347" s="1" t="s">
        <v>47875</v>
      </c>
      <c r="D9347">
        <v>28878431</v>
      </c>
      <c r="E9347">
        <v>1</v>
      </c>
      <c r="F9347">
        <v>3</v>
      </c>
      <c r="H9347" t="s">
        <v>47876</v>
      </c>
      <c r="J9347" t="s">
        <v>47877</v>
      </c>
      <c r="K9347" t="s">
        <v>47878</v>
      </c>
      <c r="M9347">
        <v>4562084</v>
      </c>
      <c r="O9347">
        <v>4562084</v>
      </c>
      <c r="P9347">
        <v>1</v>
      </c>
      <c r="Q9347">
        <v>0</v>
      </c>
      <c r="R9347" t="s">
        <v>47879</v>
      </c>
      <c r="S9347">
        <v>75</v>
      </c>
    </row>
    <row r="9348" spans="1:19" x14ac:dyDescent="0.25">
      <c r="A9348">
        <v>52613527</v>
      </c>
      <c r="B9348" t="s">
        <v>47880</v>
      </c>
      <c r="C9348" s="1" t="s">
        <v>47881</v>
      </c>
      <c r="E9348">
        <v>1</v>
      </c>
      <c r="F9348">
        <v>0</v>
      </c>
      <c r="H9348" t="s">
        <v>47882</v>
      </c>
      <c r="J9348" t="s">
        <v>47883</v>
      </c>
      <c r="K9348" t="s">
        <v>47884</v>
      </c>
      <c r="M9348">
        <v>4371354</v>
      </c>
      <c r="O9348">
        <v>4371354</v>
      </c>
      <c r="P9348">
        <v>1</v>
      </c>
      <c r="Q9348">
        <v>0</v>
      </c>
      <c r="R9348" t="s">
        <v>47885</v>
      </c>
      <c r="S9348">
        <v>53</v>
      </c>
    </row>
    <row r="9349" spans="1:19" x14ac:dyDescent="0.25">
      <c r="A9349">
        <v>1241427</v>
      </c>
      <c r="B9349" t="s">
        <v>47886</v>
      </c>
      <c r="C9349" s="1" t="s">
        <v>47887</v>
      </c>
      <c r="D9349">
        <v>1291756</v>
      </c>
      <c r="E9349">
        <v>2</v>
      </c>
      <c r="F9349">
        <v>0</v>
      </c>
      <c r="H9349" t="s">
        <v>47888</v>
      </c>
      <c r="J9349" t="s">
        <v>47889</v>
      </c>
      <c r="K9349" t="s">
        <v>47890</v>
      </c>
      <c r="M9349">
        <v>115681</v>
      </c>
      <c r="O9349">
        <v>115681</v>
      </c>
      <c r="P9349">
        <v>1</v>
      </c>
      <c r="Q9349">
        <v>0</v>
      </c>
      <c r="R9349" t="s">
        <v>47891</v>
      </c>
      <c r="S9349">
        <v>1822</v>
      </c>
    </row>
    <row r="9350" spans="1:19" x14ac:dyDescent="0.25">
      <c r="A9350">
        <v>20207529</v>
      </c>
      <c r="B9350" t="s">
        <v>47892</v>
      </c>
      <c r="C9350" s="1" t="s">
        <v>47893</v>
      </c>
      <c r="E9350">
        <v>2</v>
      </c>
      <c r="F9350">
        <v>4</v>
      </c>
      <c r="H9350" t="s">
        <v>47894</v>
      </c>
      <c r="J9350" t="s">
        <v>47895</v>
      </c>
      <c r="K9350" t="s">
        <v>47895</v>
      </c>
      <c r="M9350">
        <v>1009603</v>
      </c>
      <c r="O9350">
        <v>2830444</v>
      </c>
      <c r="P9350">
        <v>1</v>
      </c>
      <c r="Q9350">
        <v>6</v>
      </c>
      <c r="R9350" t="s">
        <v>47896</v>
      </c>
      <c r="S9350">
        <v>16924</v>
      </c>
    </row>
    <row r="9351" spans="1:19" x14ac:dyDescent="0.25">
      <c r="A9351">
        <v>25124153</v>
      </c>
      <c r="B9351" t="s">
        <v>47897</v>
      </c>
      <c r="C9351" s="1" t="s">
        <v>47898</v>
      </c>
      <c r="D9351">
        <v>25128205</v>
      </c>
      <c r="E9351">
        <v>1</v>
      </c>
      <c r="F9351">
        <v>0</v>
      </c>
      <c r="H9351" t="s">
        <v>47899</v>
      </c>
      <c r="J9351" t="s">
        <v>47900</v>
      </c>
      <c r="K9351" t="s">
        <v>47901</v>
      </c>
      <c r="M9351">
        <v>648044</v>
      </c>
      <c r="O9351">
        <v>648044</v>
      </c>
      <c r="P9351">
        <v>1</v>
      </c>
      <c r="Q9351">
        <v>0</v>
      </c>
      <c r="R9351" t="s">
        <v>47902</v>
      </c>
      <c r="S9351">
        <v>58</v>
      </c>
    </row>
    <row r="9352" spans="1:19" x14ac:dyDescent="0.25">
      <c r="A9352">
        <v>36925093</v>
      </c>
      <c r="B9352" t="s">
        <v>47903</v>
      </c>
      <c r="C9352" s="1" t="s">
        <v>47904</v>
      </c>
      <c r="E9352">
        <v>0</v>
      </c>
      <c r="F9352">
        <v>3</v>
      </c>
      <c r="H9352" t="s">
        <v>47905</v>
      </c>
      <c r="J9352" t="s">
        <v>47906</v>
      </c>
      <c r="K9352" t="s">
        <v>47906</v>
      </c>
      <c r="M9352">
        <v>2315281</v>
      </c>
      <c r="O9352">
        <v>2315281</v>
      </c>
      <c r="P9352">
        <v>1</v>
      </c>
      <c r="Q9352">
        <v>0</v>
      </c>
      <c r="R9352" t="s">
        <v>47907</v>
      </c>
      <c r="S9352">
        <v>41</v>
      </c>
    </row>
    <row r="9353" spans="1:19" x14ac:dyDescent="0.25">
      <c r="A9353">
        <v>19058103</v>
      </c>
      <c r="B9353" t="s">
        <v>47908</v>
      </c>
      <c r="C9353" t="s">
        <v>47909</v>
      </c>
      <c r="E9353">
        <v>1</v>
      </c>
      <c r="F9353">
        <v>0</v>
      </c>
      <c r="H9353" t="s">
        <v>47910</v>
      </c>
      <c r="J9353" t="s">
        <v>47911</v>
      </c>
      <c r="O9353">
        <v>317027</v>
      </c>
      <c r="P9353">
        <v>1</v>
      </c>
      <c r="Q9353">
        <v>0</v>
      </c>
      <c r="R9353" t="s">
        <v>47912</v>
      </c>
      <c r="S9353">
        <v>89</v>
      </c>
    </row>
    <row r="9354" spans="1:19" x14ac:dyDescent="0.25">
      <c r="A9354">
        <v>3581224</v>
      </c>
      <c r="B9354" t="s">
        <v>47913</v>
      </c>
      <c r="C9354" s="1" t="s">
        <v>47914</v>
      </c>
      <c r="D9354">
        <v>3581236</v>
      </c>
      <c r="E9354">
        <v>1</v>
      </c>
      <c r="F9354">
        <v>0</v>
      </c>
      <c r="H9354" t="s">
        <v>47915</v>
      </c>
      <c r="J9354" t="s">
        <v>47916</v>
      </c>
      <c r="K9354" t="s">
        <v>47917</v>
      </c>
      <c r="M9354">
        <v>24224</v>
      </c>
      <c r="O9354">
        <v>426590</v>
      </c>
      <c r="P9354">
        <v>1</v>
      </c>
      <c r="Q9354">
        <v>1</v>
      </c>
      <c r="R9354" t="s">
        <v>47918</v>
      </c>
      <c r="S9354">
        <v>8277</v>
      </c>
    </row>
    <row r="9355" spans="1:19" x14ac:dyDescent="0.25">
      <c r="A9355">
        <v>23906254</v>
      </c>
      <c r="B9355" t="s">
        <v>47919</v>
      </c>
      <c r="C9355" s="1" t="s">
        <v>47920</v>
      </c>
      <c r="E9355">
        <v>0</v>
      </c>
      <c r="F9355">
        <v>3</v>
      </c>
      <c r="H9355" t="s">
        <v>47921</v>
      </c>
      <c r="J9355" t="s">
        <v>47921</v>
      </c>
      <c r="O9355">
        <v>251434</v>
      </c>
      <c r="P9355">
        <v>1</v>
      </c>
      <c r="Q9355">
        <v>0</v>
      </c>
      <c r="R9355" t="s">
        <v>47922</v>
      </c>
      <c r="S9355">
        <v>49</v>
      </c>
    </row>
    <row r="9356" spans="1:19" x14ac:dyDescent="0.25">
      <c r="A9356">
        <v>40421734</v>
      </c>
      <c r="B9356" t="s">
        <v>47923</v>
      </c>
      <c r="C9356" s="1" t="s">
        <v>47924</v>
      </c>
      <c r="E9356">
        <v>1</v>
      </c>
      <c r="F9356">
        <v>2</v>
      </c>
      <c r="H9356" t="s">
        <v>47925</v>
      </c>
      <c r="J9356" t="s">
        <v>47926</v>
      </c>
      <c r="K9356" t="s">
        <v>47926</v>
      </c>
      <c r="M9356">
        <v>4523836</v>
      </c>
      <c r="O9356">
        <v>4523836</v>
      </c>
      <c r="P9356">
        <v>1</v>
      </c>
      <c r="Q9356">
        <v>0</v>
      </c>
      <c r="R9356" t="s">
        <v>40795</v>
      </c>
      <c r="S9356">
        <v>503</v>
      </c>
    </row>
    <row r="9357" spans="1:19" x14ac:dyDescent="0.25">
      <c r="A9357">
        <v>46548790</v>
      </c>
      <c r="B9357" t="s">
        <v>47927</v>
      </c>
      <c r="C9357" s="1" t="s">
        <v>47928</v>
      </c>
      <c r="D9357">
        <v>46549290</v>
      </c>
      <c r="E9357">
        <v>2</v>
      </c>
      <c r="F9357">
        <v>13</v>
      </c>
      <c r="H9357" t="s">
        <v>47929</v>
      </c>
      <c r="J9357" t="s">
        <v>47930</v>
      </c>
      <c r="K9357" t="s">
        <v>47931</v>
      </c>
      <c r="M9357">
        <v>393701</v>
      </c>
      <c r="O9357">
        <v>8715086</v>
      </c>
      <c r="P9357">
        <v>1</v>
      </c>
      <c r="Q9357">
        <v>-2</v>
      </c>
      <c r="R9357" t="s">
        <v>47932</v>
      </c>
      <c r="S9357">
        <v>249</v>
      </c>
    </row>
    <row r="9358" spans="1:19" x14ac:dyDescent="0.25">
      <c r="A9358">
        <v>5221646</v>
      </c>
      <c r="B9358" t="s">
        <v>47933</v>
      </c>
      <c r="C9358" s="1" t="s">
        <v>47934</v>
      </c>
      <c r="E9358">
        <v>0</v>
      </c>
      <c r="F9358">
        <v>2</v>
      </c>
      <c r="H9358" t="s">
        <v>47935</v>
      </c>
      <c r="J9358" t="s">
        <v>47936</v>
      </c>
      <c r="K9358" t="s">
        <v>47936</v>
      </c>
      <c r="M9358">
        <v>118110</v>
      </c>
      <c r="O9358">
        <v>118110</v>
      </c>
      <c r="P9358">
        <v>1</v>
      </c>
      <c r="Q9358">
        <v>0</v>
      </c>
      <c r="R9358" t="s">
        <v>47937</v>
      </c>
      <c r="S9358">
        <v>32</v>
      </c>
    </row>
    <row r="9359" spans="1:19" x14ac:dyDescent="0.25">
      <c r="A9359">
        <v>22750131</v>
      </c>
      <c r="B9359" t="s">
        <v>47938</v>
      </c>
      <c r="C9359" s="1" t="s">
        <v>47939</v>
      </c>
      <c r="D9359">
        <v>22765181</v>
      </c>
      <c r="E9359">
        <v>2</v>
      </c>
      <c r="F9359">
        <v>1</v>
      </c>
      <c r="H9359" t="s">
        <v>47940</v>
      </c>
      <c r="J9359" t="s">
        <v>47941</v>
      </c>
      <c r="K9359" t="s">
        <v>47942</v>
      </c>
      <c r="M9359">
        <v>3438986</v>
      </c>
      <c r="O9359">
        <v>3438986</v>
      </c>
      <c r="P9359">
        <v>1</v>
      </c>
      <c r="Q9359">
        <v>0</v>
      </c>
      <c r="R9359" t="s">
        <v>47943</v>
      </c>
      <c r="S9359">
        <v>299</v>
      </c>
    </row>
    <row r="9360" spans="1:19" x14ac:dyDescent="0.25">
      <c r="A9360">
        <v>9612587</v>
      </c>
      <c r="B9360" t="s">
        <v>47944</v>
      </c>
      <c r="C9360" s="1" t="s">
        <v>47945</v>
      </c>
      <c r="E9360">
        <v>0</v>
      </c>
      <c r="F9360">
        <v>0</v>
      </c>
      <c r="H9360" t="s">
        <v>47946</v>
      </c>
      <c r="J9360" t="s">
        <v>47946</v>
      </c>
      <c r="O9360">
        <v>1087219</v>
      </c>
      <c r="P9360">
        <v>1</v>
      </c>
      <c r="Q9360">
        <v>1</v>
      </c>
      <c r="R9360" t="s">
        <v>47947</v>
      </c>
      <c r="S9360">
        <v>155</v>
      </c>
    </row>
    <row r="9361" spans="1:19" x14ac:dyDescent="0.25">
      <c r="A9361">
        <v>11227349</v>
      </c>
      <c r="B9361" t="s">
        <v>47948</v>
      </c>
      <c r="C9361" s="1" t="s">
        <v>47949</v>
      </c>
      <c r="D9361">
        <v>11321783</v>
      </c>
      <c r="E9361">
        <v>1</v>
      </c>
      <c r="F9361">
        <v>0</v>
      </c>
      <c r="H9361" t="s">
        <v>47950</v>
      </c>
      <c r="I9361">
        <v>2</v>
      </c>
      <c r="J9361" t="s">
        <v>47951</v>
      </c>
      <c r="K9361" t="s">
        <v>47952</v>
      </c>
      <c r="M9361">
        <v>267025</v>
      </c>
      <c r="O9361">
        <v>1463479</v>
      </c>
      <c r="P9361">
        <v>1</v>
      </c>
      <c r="Q9361">
        <v>2</v>
      </c>
      <c r="R9361" t="s">
        <v>47953</v>
      </c>
      <c r="S9361">
        <v>3772</v>
      </c>
    </row>
    <row r="9362" spans="1:19" x14ac:dyDescent="0.25">
      <c r="A9362">
        <v>36101851</v>
      </c>
      <c r="B9362" t="s">
        <v>47954</v>
      </c>
      <c r="C9362" s="1" t="s">
        <v>47955</v>
      </c>
      <c r="D9362">
        <v>36102117</v>
      </c>
      <c r="E9362">
        <v>1</v>
      </c>
      <c r="F9362">
        <v>2</v>
      </c>
      <c r="H9362" t="s">
        <v>47956</v>
      </c>
      <c r="I9362">
        <v>1</v>
      </c>
      <c r="J9362" t="s">
        <v>47957</v>
      </c>
      <c r="K9362" t="s">
        <v>47958</v>
      </c>
      <c r="M9362">
        <v>476467</v>
      </c>
      <c r="O9362">
        <v>476467</v>
      </c>
      <c r="P9362">
        <v>1</v>
      </c>
      <c r="Q9362">
        <v>0</v>
      </c>
      <c r="R9362" t="s">
        <v>47959</v>
      </c>
      <c r="S9362">
        <v>368</v>
      </c>
    </row>
    <row r="9363" spans="1:19" x14ac:dyDescent="0.25">
      <c r="A9363">
        <v>28384217</v>
      </c>
      <c r="B9363" t="s">
        <v>47960</v>
      </c>
      <c r="C9363" s="1" t="s">
        <v>47961</v>
      </c>
      <c r="D9363">
        <v>28384280</v>
      </c>
      <c r="E9363">
        <v>2</v>
      </c>
      <c r="F9363">
        <v>2</v>
      </c>
      <c r="H9363" t="s">
        <v>47962</v>
      </c>
      <c r="J9363" t="s">
        <v>47963</v>
      </c>
      <c r="K9363" t="s">
        <v>47964</v>
      </c>
      <c r="M9363">
        <v>1524450</v>
      </c>
      <c r="O9363">
        <v>4149870</v>
      </c>
      <c r="P9363">
        <v>1</v>
      </c>
      <c r="Q9363">
        <v>0</v>
      </c>
      <c r="R9363" t="s">
        <v>351</v>
      </c>
      <c r="S9363">
        <v>43</v>
      </c>
    </row>
    <row r="9364" spans="1:19" x14ac:dyDescent="0.25">
      <c r="A9364">
        <v>24384955</v>
      </c>
      <c r="B9364" t="s">
        <v>47965</v>
      </c>
      <c r="C9364" s="1" t="s">
        <v>47966</v>
      </c>
      <c r="D9364">
        <v>24385163</v>
      </c>
      <c r="E9364">
        <v>2</v>
      </c>
      <c r="F9364">
        <v>15</v>
      </c>
      <c r="H9364" t="s">
        <v>47967</v>
      </c>
      <c r="I9364">
        <v>0</v>
      </c>
      <c r="J9364" t="s">
        <v>47968</v>
      </c>
      <c r="O9364">
        <v>3468893</v>
      </c>
      <c r="P9364">
        <v>1</v>
      </c>
      <c r="Q9364">
        <v>0</v>
      </c>
      <c r="R9364" t="s">
        <v>759</v>
      </c>
      <c r="S9364">
        <v>180</v>
      </c>
    </row>
    <row r="9365" spans="1:19" x14ac:dyDescent="0.25">
      <c r="A9365">
        <v>29874414</v>
      </c>
      <c r="B9365" t="s">
        <v>47969</v>
      </c>
      <c r="C9365" s="1" t="s">
        <v>47970</v>
      </c>
      <c r="D9365">
        <v>29874635</v>
      </c>
      <c r="E9365">
        <v>5</v>
      </c>
      <c r="F9365">
        <v>0</v>
      </c>
      <c r="H9365" t="s">
        <v>47971</v>
      </c>
      <c r="I9365">
        <v>1</v>
      </c>
      <c r="J9365" t="s">
        <v>47972</v>
      </c>
      <c r="K9365" t="s">
        <v>47973</v>
      </c>
      <c r="M9365">
        <v>814747</v>
      </c>
      <c r="O9365">
        <v>1406716</v>
      </c>
      <c r="P9365">
        <v>1</v>
      </c>
      <c r="Q9365">
        <v>24</v>
      </c>
      <c r="R9365" t="s">
        <v>47974</v>
      </c>
      <c r="S9365">
        <v>46463</v>
      </c>
    </row>
    <row r="9366" spans="1:19" x14ac:dyDescent="0.25">
      <c r="A9366">
        <v>3920040</v>
      </c>
      <c r="B9366" t="s">
        <v>47975</v>
      </c>
      <c r="C9366" s="1" t="s">
        <v>47976</v>
      </c>
      <c r="E9366">
        <v>3</v>
      </c>
      <c r="F9366">
        <v>0</v>
      </c>
      <c r="H9366" t="s">
        <v>47977</v>
      </c>
      <c r="I9366">
        <v>2</v>
      </c>
      <c r="J9366" t="s">
        <v>47978</v>
      </c>
      <c r="K9366" t="s">
        <v>47979</v>
      </c>
      <c r="M9366">
        <v>305637</v>
      </c>
      <c r="O9366">
        <v>473948</v>
      </c>
      <c r="P9366">
        <v>1</v>
      </c>
      <c r="Q9366">
        <v>7</v>
      </c>
      <c r="R9366" t="s">
        <v>47980</v>
      </c>
      <c r="S9366">
        <v>13681</v>
      </c>
    </row>
    <row r="9367" spans="1:19" x14ac:dyDescent="0.25">
      <c r="A9367">
        <v>23524345</v>
      </c>
      <c r="B9367" t="s">
        <v>47981</v>
      </c>
      <c r="C9367" s="1" t="s">
        <v>47982</v>
      </c>
      <c r="D9367">
        <v>23524701</v>
      </c>
      <c r="E9367">
        <v>2</v>
      </c>
      <c r="F9367">
        <v>0</v>
      </c>
      <c r="H9367" t="s">
        <v>47983</v>
      </c>
      <c r="J9367" t="s">
        <v>47984</v>
      </c>
      <c r="K9367" t="s">
        <v>47985</v>
      </c>
      <c r="M9367">
        <v>422543</v>
      </c>
      <c r="O9367">
        <v>422543</v>
      </c>
      <c r="P9367">
        <v>1</v>
      </c>
      <c r="Q9367">
        <v>0</v>
      </c>
      <c r="R9367" t="s">
        <v>47986</v>
      </c>
      <c r="S9367">
        <v>967</v>
      </c>
    </row>
    <row r="9368" spans="1:19" x14ac:dyDescent="0.25">
      <c r="A9368">
        <v>46896629</v>
      </c>
      <c r="B9368" t="s">
        <v>47987</v>
      </c>
      <c r="C9368" s="1" t="s">
        <v>47988</v>
      </c>
      <c r="D9368">
        <v>46942925</v>
      </c>
      <c r="E9368">
        <v>2</v>
      </c>
      <c r="F9368">
        <v>2</v>
      </c>
      <c r="H9368" t="s">
        <v>47989</v>
      </c>
      <c r="J9368" t="s">
        <v>47990</v>
      </c>
      <c r="K9368" t="s">
        <v>47991</v>
      </c>
      <c r="M9368">
        <v>4545616</v>
      </c>
      <c r="O9368">
        <v>4545616</v>
      </c>
      <c r="P9368">
        <v>1</v>
      </c>
      <c r="Q9368">
        <v>2</v>
      </c>
      <c r="R9368" t="s">
        <v>47992</v>
      </c>
      <c r="S9368">
        <v>49</v>
      </c>
    </row>
    <row r="9369" spans="1:19" x14ac:dyDescent="0.25">
      <c r="A9369">
        <v>48570343</v>
      </c>
      <c r="B9369" t="s">
        <v>47993</v>
      </c>
      <c r="C9369" s="1" t="s">
        <v>47994</v>
      </c>
      <c r="E9369">
        <v>1</v>
      </c>
      <c r="F9369">
        <v>0</v>
      </c>
      <c r="H9369" t="s">
        <v>47995</v>
      </c>
      <c r="J9369" t="s">
        <v>47996</v>
      </c>
      <c r="K9369" t="s">
        <v>47997</v>
      </c>
      <c r="M9369">
        <v>8996816</v>
      </c>
      <c r="O9369">
        <v>8996816</v>
      </c>
      <c r="P9369">
        <v>1</v>
      </c>
      <c r="Q9369">
        <v>0</v>
      </c>
      <c r="R9369" t="s">
        <v>47998</v>
      </c>
      <c r="S9369">
        <v>261</v>
      </c>
    </row>
    <row r="9370" spans="1:19" x14ac:dyDescent="0.25">
      <c r="A9370">
        <v>49609253</v>
      </c>
      <c r="B9370" t="s">
        <v>47999</v>
      </c>
      <c r="C9370" s="1" t="s">
        <v>48000</v>
      </c>
      <c r="D9370">
        <v>49610215</v>
      </c>
      <c r="E9370">
        <v>1</v>
      </c>
      <c r="F9370">
        <v>12</v>
      </c>
      <c r="H9370" t="s">
        <v>48001</v>
      </c>
      <c r="J9370" t="s">
        <v>48002</v>
      </c>
      <c r="K9370" t="s">
        <v>48003</v>
      </c>
      <c r="M9370">
        <v>3240998</v>
      </c>
      <c r="O9370">
        <v>3240998</v>
      </c>
      <c r="P9370">
        <v>1</v>
      </c>
      <c r="Q9370">
        <v>-4</v>
      </c>
      <c r="R9370" t="s">
        <v>780</v>
      </c>
      <c r="S9370">
        <v>63</v>
      </c>
    </row>
    <row r="9371" spans="1:19" x14ac:dyDescent="0.25">
      <c r="A9371">
        <v>16166321</v>
      </c>
      <c r="B9371" t="s">
        <v>48004</v>
      </c>
      <c r="C9371" s="1" t="s">
        <v>48005</v>
      </c>
      <c r="E9371">
        <v>0</v>
      </c>
      <c r="F9371">
        <v>4</v>
      </c>
      <c r="H9371" t="s">
        <v>48006</v>
      </c>
      <c r="J9371" t="s">
        <v>48006</v>
      </c>
      <c r="O9371">
        <v>1942867</v>
      </c>
      <c r="P9371">
        <v>1</v>
      </c>
      <c r="Q9371">
        <v>0</v>
      </c>
      <c r="R9371" t="s">
        <v>48007</v>
      </c>
      <c r="S9371">
        <v>54</v>
      </c>
    </row>
    <row r="9372" spans="1:19" x14ac:dyDescent="0.25">
      <c r="A9372">
        <v>28941768</v>
      </c>
      <c r="B9372" t="s">
        <v>48008</v>
      </c>
      <c r="C9372" s="1" t="s">
        <v>48009</v>
      </c>
      <c r="D9372">
        <v>28942939</v>
      </c>
      <c r="E9372">
        <v>2</v>
      </c>
      <c r="F9372">
        <v>2</v>
      </c>
      <c r="H9372" t="s">
        <v>48010</v>
      </c>
      <c r="J9372" t="s">
        <v>48011</v>
      </c>
      <c r="K9372" t="s">
        <v>48012</v>
      </c>
      <c r="M9372">
        <v>4122367</v>
      </c>
      <c r="O9372">
        <v>4122367</v>
      </c>
      <c r="P9372">
        <v>1</v>
      </c>
      <c r="Q9372">
        <v>0</v>
      </c>
      <c r="R9372" t="s">
        <v>48013</v>
      </c>
      <c r="S9372">
        <v>800</v>
      </c>
    </row>
    <row r="9373" spans="1:19" x14ac:dyDescent="0.25">
      <c r="A9373">
        <v>42517501</v>
      </c>
      <c r="B9373" t="s">
        <v>48014</v>
      </c>
      <c r="C9373" s="1" t="s">
        <v>48015</v>
      </c>
      <c r="E9373">
        <v>1</v>
      </c>
      <c r="F9373">
        <v>5</v>
      </c>
      <c r="H9373" t="s">
        <v>48016</v>
      </c>
      <c r="J9373" t="s">
        <v>48017</v>
      </c>
      <c r="O9373">
        <v>7637547</v>
      </c>
      <c r="P9373">
        <v>1</v>
      </c>
      <c r="Q9373">
        <v>0</v>
      </c>
      <c r="R9373" t="s">
        <v>48018</v>
      </c>
      <c r="S9373">
        <v>733</v>
      </c>
    </row>
    <row r="9374" spans="1:19" x14ac:dyDescent="0.25">
      <c r="A9374">
        <v>9088989</v>
      </c>
      <c r="B9374" t="s">
        <v>48019</v>
      </c>
      <c r="C9374" s="1" t="s">
        <v>48020</v>
      </c>
      <c r="D9374">
        <v>9089059</v>
      </c>
      <c r="E9374">
        <v>5</v>
      </c>
      <c r="F9374">
        <v>2</v>
      </c>
      <c r="H9374" t="s">
        <v>48021</v>
      </c>
      <c r="J9374" t="s">
        <v>48022</v>
      </c>
      <c r="O9374">
        <v>511438</v>
      </c>
      <c r="P9374">
        <v>1</v>
      </c>
      <c r="Q9374">
        <v>5</v>
      </c>
      <c r="R9374" t="s">
        <v>48023</v>
      </c>
      <c r="S9374">
        <v>4277</v>
      </c>
    </row>
    <row r="9375" spans="1:19" x14ac:dyDescent="0.25">
      <c r="A9375">
        <v>28389188</v>
      </c>
      <c r="B9375" t="s">
        <v>48024</v>
      </c>
      <c r="C9375" s="1" t="s">
        <v>48025</v>
      </c>
      <c r="D9375">
        <v>29199314</v>
      </c>
      <c r="E9375">
        <v>2</v>
      </c>
      <c r="F9375">
        <v>6</v>
      </c>
      <c r="H9375" t="s">
        <v>48026</v>
      </c>
      <c r="J9375" t="s">
        <v>48027</v>
      </c>
      <c r="K9375" t="s">
        <v>48028</v>
      </c>
      <c r="M9375">
        <v>-1</v>
      </c>
      <c r="O9375">
        <v>3761297</v>
      </c>
      <c r="P9375">
        <v>1</v>
      </c>
      <c r="Q9375">
        <v>0</v>
      </c>
      <c r="R9375" t="s">
        <v>48029</v>
      </c>
      <c r="S9375">
        <v>207</v>
      </c>
    </row>
    <row r="9376" spans="1:19" x14ac:dyDescent="0.25">
      <c r="A9376">
        <v>10355683</v>
      </c>
      <c r="B9376" t="s">
        <v>48030</v>
      </c>
      <c r="C9376" s="1" t="s">
        <v>48031</v>
      </c>
      <c r="E9376">
        <v>2</v>
      </c>
      <c r="F9376">
        <v>0</v>
      </c>
      <c r="H9376" t="s">
        <v>48032</v>
      </c>
      <c r="J9376" t="s">
        <v>48033</v>
      </c>
      <c r="K9376" t="s">
        <v>48033</v>
      </c>
      <c r="M9376">
        <v>759866</v>
      </c>
      <c r="O9376">
        <v>1361611</v>
      </c>
      <c r="P9376">
        <v>1</v>
      </c>
      <c r="Q9376">
        <v>0</v>
      </c>
      <c r="R9376" t="s">
        <v>819</v>
      </c>
      <c r="S9376">
        <v>2176</v>
      </c>
    </row>
    <row r="9377" spans="1:19" x14ac:dyDescent="0.25">
      <c r="A9377">
        <v>33026053</v>
      </c>
      <c r="B9377" t="s">
        <v>48034</v>
      </c>
      <c r="C9377" s="1" t="s">
        <v>48035</v>
      </c>
      <c r="E9377">
        <v>1</v>
      </c>
      <c r="F9377">
        <v>0</v>
      </c>
      <c r="H9377" t="s">
        <v>48036</v>
      </c>
      <c r="J9377" t="s">
        <v>48037</v>
      </c>
      <c r="O9377">
        <v>1137540</v>
      </c>
      <c r="P9377">
        <v>1</v>
      </c>
      <c r="Q9377">
        <v>1</v>
      </c>
      <c r="R9377" t="s">
        <v>48038</v>
      </c>
      <c r="S9377">
        <v>1492</v>
      </c>
    </row>
    <row r="9378" spans="1:19" x14ac:dyDescent="0.25">
      <c r="A9378">
        <v>12847057</v>
      </c>
      <c r="B9378" t="s">
        <v>48039</v>
      </c>
      <c r="C9378" s="1" t="s">
        <v>48040</v>
      </c>
      <c r="D9378">
        <v>12858035</v>
      </c>
      <c r="E9378">
        <v>1</v>
      </c>
      <c r="F9378">
        <v>6</v>
      </c>
      <c r="H9378" t="s">
        <v>48041</v>
      </c>
      <c r="J9378" t="s">
        <v>48042</v>
      </c>
      <c r="K9378" t="s">
        <v>48043</v>
      </c>
      <c r="M9378">
        <v>1118848</v>
      </c>
      <c r="O9378">
        <v>1118848</v>
      </c>
      <c r="P9378">
        <v>1</v>
      </c>
      <c r="Q9378">
        <v>0</v>
      </c>
      <c r="R9378" t="s">
        <v>48044</v>
      </c>
      <c r="S9378">
        <v>353</v>
      </c>
    </row>
    <row r="9379" spans="1:19" x14ac:dyDescent="0.25">
      <c r="A9379">
        <v>48689925</v>
      </c>
      <c r="B9379" t="s">
        <v>48045</v>
      </c>
      <c r="C9379" s="1" t="s">
        <v>48046</v>
      </c>
      <c r="D9379">
        <v>48690179</v>
      </c>
      <c r="E9379">
        <v>1</v>
      </c>
      <c r="F9379">
        <v>5</v>
      </c>
      <c r="H9379" t="s">
        <v>48047</v>
      </c>
      <c r="J9379" t="s">
        <v>48048</v>
      </c>
      <c r="O9379">
        <v>7474744</v>
      </c>
      <c r="P9379">
        <v>1</v>
      </c>
      <c r="Q9379">
        <v>0</v>
      </c>
      <c r="R9379" t="s">
        <v>48049</v>
      </c>
      <c r="S9379">
        <v>279</v>
      </c>
    </row>
    <row r="9380" spans="1:19" x14ac:dyDescent="0.25">
      <c r="A9380">
        <v>48764002</v>
      </c>
      <c r="B9380" t="s">
        <v>48050</v>
      </c>
      <c r="C9380" s="1" t="s">
        <v>48051</v>
      </c>
      <c r="E9380">
        <v>1</v>
      </c>
      <c r="F9380">
        <v>2</v>
      </c>
      <c r="H9380" t="s">
        <v>48052</v>
      </c>
      <c r="J9380" t="s">
        <v>48053</v>
      </c>
      <c r="O9380">
        <v>9354050</v>
      </c>
      <c r="P9380">
        <v>1</v>
      </c>
      <c r="Q9380">
        <v>0</v>
      </c>
      <c r="R9380" t="s">
        <v>48054</v>
      </c>
      <c r="S9380">
        <v>32</v>
      </c>
    </row>
    <row r="9381" spans="1:19" x14ac:dyDescent="0.25">
      <c r="A9381">
        <v>29834872</v>
      </c>
      <c r="B9381" t="s">
        <v>48055</v>
      </c>
      <c r="C9381" s="1" t="s">
        <v>48056</v>
      </c>
      <c r="E9381">
        <v>1</v>
      </c>
      <c r="F9381">
        <v>0</v>
      </c>
      <c r="H9381" t="s">
        <v>48057</v>
      </c>
      <c r="J9381" t="s">
        <v>48058</v>
      </c>
      <c r="O9381">
        <v>4825919</v>
      </c>
      <c r="P9381">
        <v>1</v>
      </c>
      <c r="Q9381">
        <v>0</v>
      </c>
      <c r="R9381" t="s">
        <v>48059</v>
      </c>
      <c r="S9381">
        <v>106</v>
      </c>
    </row>
    <row r="9382" spans="1:19" x14ac:dyDescent="0.25">
      <c r="A9382">
        <v>32504676</v>
      </c>
      <c r="B9382" t="s">
        <v>48060</v>
      </c>
      <c r="C9382" s="1" t="s">
        <v>48061</v>
      </c>
      <c r="D9382">
        <v>32913497</v>
      </c>
      <c r="E9382">
        <v>6</v>
      </c>
      <c r="F9382">
        <v>16</v>
      </c>
      <c r="H9382" t="s">
        <v>48062</v>
      </c>
      <c r="J9382" t="s">
        <v>48063</v>
      </c>
      <c r="K9382" t="s">
        <v>48063</v>
      </c>
      <c r="M9382">
        <v>569654</v>
      </c>
      <c r="O9382">
        <v>569654</v>
      </c>
      <c r="P9382">
        <v>1</v>
      </c>
      <c r="Q9382">
        <v>7</v>
      </c>
      <c r="R9382" t="s">
        <v>48064</v>
      </c>
      <c r="S9382">
        <v>428</v>
      </c>
    </row>
    <row r="9383" spans="1:19" x14ac:dyDescent="0.25">
      <c r="A9383">
        <v>33711237</v>
      </c>
      <c r="B9383" t="s">
        <v>48065</v>
      </c>
      <c r="C9383" s="1" t="s">
        <v>48066</v>
      </c>
      <c r="D9383">
        <v>33711298</v>
      </c>
      <c r="E9383">
        <v>2</v>
      </c>
      <c r="F9383">
        <v>6</v>
      </c>
      <c r="H9383" t="s">
        <v>48067</v>
      </c>
      <c r="J9383" t="s">
        <v>48068</v>
      </c>
      <c r="K9383" t="s">
        <v>48068</v>
      </c>
      <c r="M9383">
        <v>525036</v>
      </c>
      <c r="O9383">
        <v>4584004</v>
      </c>
      <c r="P9383">
        <v>1</v>
      </c>
      <c r="Q9383">
        <v>1</v>
      </c>
      <c r="R9383" t="s">
        <v>48069</v>
      </c>
      <c r="S9383">
        <v>180</v>
      </c>
    </row>
    <row r="9384" spans="1:19" x14ac:dyDescent="0.25">
      <c r="A9384">
        <v>39187135</v>
      </c>
      <c r="B9384" t="s">
        <v>48070</v>
      </c>
      <c r="C9384" s="1" t="s">
        <v>48071</v>
      </c>
      <c r="D9384">
        <v>39189561</v>
      </c>
      <c r="E9384">
        <v>1</v>
      </c>
      <c r="F9384">
        <v>0</v>
      </c>
      <c r="H9384" t="s">
        <v>48072</v>
      </c>
      <c r="J9384" t="s">
        <v>48073</v>
      </c>
      <c r="O9384">
        <v>6684551</v>
      </c>
      <c r="P9384">
        <v>1</v>
      </c>
      <c r="Q9384">
        <v>3</v>
      </c>
      <c r="R9384" t="s">
        <v>12396</v>
      </c>
      <c r="S9384">
        <v>107</v>
      </c>
    </row>
    <row r="9385" spans="1:19" x14ac:dyDescent="0.25">
      <c r="A9385">
        <v>24564525</v>
      </c>
      <c r="B9385" t="s">
        <v>48074</v>
      </c>
      <c r="C9385" s="1" t="s">
        <v>48075</v>
      </c>
      <c r="D9385">
        <v>24564626</v>
      </c>
      <c r="E9385">
        <v>1</v>
      </c>
      <c r="F9385">
        <v>0</v>
      </c>
      <c r="H9385" t="s">
        <v>48076</v>
      </c>
      <c r="J9385" t="s">
        <v>48077</v>
      </c>
      <c r="O9385">
        <v>377269</v>
      </c>
      <c r="P9385">
        <v>1</v>
      </c>
      <c r="Q9385">
        <v>0</v>
      </c>
      <c r="R9385" t="s">
        <v>29375</v>
      </c>
      <c r="S9385">
        <v>39</v>
      </c>
    </row>
    <row r="9386" spans="1:19" x14ac:dyDescent="0.25">
      <c r="A9386">
        <v>40208019</v>
      </c>
      <c r="B9386" t="s">
        <v>48078</v>
      </c>
      <c r="C9386" s="1" t="s">
        <v>48079</v>
      </c>
      <c r="E9386">
        <v>1</v>
      </c>
      <c r="F9386">
        <v>0</v>
      </c>
      <c r="H9386" t="s">
        <v>48080</v>
      </c>
      <c r="J9386" t="s">
        <v>48081</v>
      </c>
      <c r="O9386">
        <v>353150</v>
      </c>
      <c r="P9386">
        <v>1</v>
      </c>
      <c r="Q9386">
        <v>0</v>
      </c>
      <c r="R9386" t="s">
        <v>48082</v>
      </c>
      <c r="S9386">
        <v>61</v>
      </c>
    </row>
    <row r="9387" spans="1:19" x14ac:dyDescent="0.25">
      <c r="A9387">
        <v>42543294</v>
      </c>
      <c r="B9387" t="s">
        <v>48083</v>
      </c>
      <c r="C9387" s="1" t="s">
        <v>48084</v>
      </c>
      <c r="D9387">
        <v>42543370</v>
      </c>
      <c r="E9387">
        <v>1</v>
      </c>
      <c r="F9387">
        <v>0</v>
      </c>
      <c r="H9387" t="s">
        <v>48085</v>
      </c>
      <c r="I9387">
        <v>1</v>
      </c>
      <c r="J9387" t="s">
        <v>48086</v>
      </c>
      <c r="O9387">
        <v>7640916</v>
      </c>
      <c r="P9387">
        <v>1</v>
      </c>
      <c r="Q9387">
        <v>0</v>
      </c>
      <c r="R9387" t="s">
        <v>14674</v>
      </c>
      <c r="S9387">
        <v>36</v>
      </c>
    </row>
    <row r="9388" spans="1:19" x14ac:dyDescent="0.25">
      <c r="A9388">
        <v>50006201</v>
      </c>
      <c r="B9388" t="s">
        <v>48087</v>
      </c>
      <c r="C9388" s="1" t="s">
        <v>48088</v>
      </c>
      <c r="E9388">
        <v>0</v>
      </c>
      <c r="F9388">
        <v>2</v>
      </c>
      <c r="H9388" t="s">
        <v>48089</v>
      </c>
      <c r="J9388" t="s">
        <v>48090</v>
      </c>
      <c r="K9388" t="s">
        <v>48090</v>
      </c>
      <c r="M9388">
        <v>7537720</v>
      </c>
      <c r="O9388">
        <v>7537720</v>
      </c>
      <c r="P9388">
        <v>1</v>
      </c>
      <c r="Q9388">
        <v>0</v>
      </c>
      <c r="R9388" t="s">
        <v>3872</v>
      </c>
      <c r="S9388">
        <v>422</v>
      </c>
    </row>
    <row r="9389" spans="1:19" x14ac:dyDescent="0.25">
      <c r="A9389">
        <v>35858922</v>
      </c>
      <c r="B9389" t="s">
        <v>48091</v>
      </c>
      <c r="C9389" s="1" t="s">
        <v>48092</v>
      </c>
      <c r="D9389">
        <v>35859169</v>
      </c>
      <c r="E9389">
        <v>1</v>
      </c>
      <c r="F9389">
        <v>1</v>
      </c>
      <c r="H9389" t="s">
        <v>48093</v>
      </c>
      <c r="J9389" t="s">
        <v>48094</v>
      </c>
      <c r="O9389">
        <v>4118321</v>
      </c>
      <c r="P9389">
        <v>1</v>
      </c>
      <c r="Q9389">
        <v>0</v>
      </c>
      <c r="R9389" t="s">
        <v>3034</v>
      </c>
      <c r="S9389">
        <v>38</v>
      </c>
    </row>
    <row r="9390" spans="1:19" x14ac:dyDescent="0.25">
      <c r="A9390">
        <v>43753080</v>
      </c>
      <c r="B9390" t="s">
        <v>48095</v>
      </c>
      <c r="C9390" s="1" t="s">
        <v>48096</v>
      </c>
      <c r="E9390">
        <v>0</v>
      </c>
      <c r="F9390">
        <v>1</v>
      </c>
      <c r="H9390" t="s">
        <v>48097</v>
      </c>
      <c r="J9390" t="s">
        <v>48097</v>
      </c>
      <c r="O9390">
        <v>893766</v>
      </c>
      <c r="P9390">
        <v>1</v>
      </c>
      <c r="Q9390">
        <v>1</v>
      </c>
      <c r="R9390" t="s">
        <v>48098</v>
      </c>
      <c r="S9390">
        <v>231</v>
      </c>
    </row>
    <row r="9391" spans="1:19" x14ac:dyDescent="0.25">
      <c r="A9391">
        <v>36421736</v>
      </c>
      <c r="B9391" t="s">
        <v>48099</v>
      </c>
      <c r="C9391" s="1" t="s">
        <v>48100</v>
      </c>
      <c r="D9391">
        <v>36422132</v>
      </c>
      <c r="E9391">
        <v>3</v>
      </c>
      <c r="F9391">
        <v>0</v>
      </c>
      <c r="H9391" t="s">
        <v>48101</v>
      </c>
      <c r="J9391" t="s">
        <v>48102</v>
      </c>
      <c r="K9391" t="s">
        <v>48103</v>
      </c>
      <c r="M9391">
        <v>622310</v>
      </c>
      <c r="O9391">
        <v>3688062</v>
      </c>
      <c r="P9391">
        <v>1</v>
      </c>
      <c r="Q9391">
        <v>-1</v>
      </c>
      <c r="R9391" t="s">
        <v>6108</v>
      </c>
      <c r="S9391">
        <v>39</v>
      </c>
    </row>
    <row r="9392" spans="1:19" x14ac:dyDescent="0.25">
      <c r="A9392">
        <v>19557015</v>
      </c>
      <c r="B9392" t="s">
        <v>48104</v>
      </c>
      <c r="C9392" s="1" t="s">
        <v>48105</v>
      </c>
      <c r="E9392">
        <v>2</v>
      </c>
      <c r="F9392">
        <v>3</v>
      </c>
      <c r="H9392" t="s">
        <v>48106</v>
      </c>
      <c r="I9392">
        <v>1</v>
      </c>
      <c r="J9392" t="s">
        <v>48107</v>
      </c>
      <c r="O9392">
        <v>2914113</v>
      </c>
      <c r="P9392">
        <v>1</v>
      </c>
      <c r="Q9392">
        <v>0</v>
      </c>
      <c r="R9392" t="s">
        <v>759</v>
      </c>
      <c r="S9392">
        <v>283</v>
      </c>
    </row>
    <row r="9393" spans="1:19" x14ac:dyDescent="0.25">
      <c r="A9393">
        <v>31345810</v>
      </c>
      <c r="B9393" t="s">
        <v>48108</v>
      </c>
      <c r="C9393" s="1" t="s">
        <v>48109</v>
      </c>
      <c r="E9393">
        <v>1</v>
      </c>
      <c r="F9393">
        <v>10</v>
      </c>
      <c r="H9393" t="s">
        <v>48110</v>
      </c>
      <c r="J9393" t="s">
        <v>48111</v>
      </c>
      <c r="K9393" t="s">
        <v>48112</v>
      </c>
      <c r="M9393">
        <v>261996</v>
      </c>
      <c r="O9393">
        <v>261996</v>
      </c>
      <c r="P9393">
        <v>1</v>
      </c>
      <c r="Q9393">
        <v>-1</v>
      </c>
      <c r="R9393" t="s">
        <v>7990</v>
      </c>
      <c r="S9393">
        <v>61</v>
      </c>
    </row>
    <row r="9394" spans="1:19" x14ac:dyDescent="0.25">
      <c r="A9394">
        <v>3587037</v>
      </c>
      <c r="B9394" t="s">
        <v>48113</v>
      </c>
      <c r="C9394" s="1" t="s">
        <v>48114</v>
      </c>
      <c r="D9394">
        <v>3588320</v>
      </c>
      <c r="E9394">
        <v>2</v>
      </c>
      <c r="F9394">
        <v>1</v>
      </c>
      <c r="H9394" t="s">
        <v>48115</v>
      </c>
      <c r="I9394">
        <v>2</v>
      </c>
      <c r="J9394" t="s">
        <v>48116</v>
      </c>
      <c r="K9394" t="s">
        <v>48117</v>
      </c>
      <c r="M9394">
        <v>370431</v>
      </c>
      <c r="O9394">
        <v>370431</v>
      </c>
      <c r="P9394">
        <v>1</v>
      </c>
      <c r="Q9394">
        <v>2</v>
      </c>
      <c r="R9394" t="s">
        <v>48118</v>
      </c>
      <c r="S9394">
        <v>3093</v>
      </c>
    </row>
    <row r="9395" spans="1:19" x14ac:dyDescent="0.25">
      <c r="A9395">
        <v>7423753</v>
      </c>
      <c r="B9395" t="s">
        <v>48119</v>
      </c>
      <c r="C9395" s="1" t="s">
        <v>48120</v>
      </c>
      <c r="D9395">
        <v>7423769</v>
      </c>
      <c r="E9395">
        <v>2</v>
      </c>
      <c r="F9395">
        <v>0</v>
      </c>
      <c r="H9395" t="s">
        <v>48121</v>
      </c>
      <c r="J9395" t="s">
        <v>48122</v>
      </c>
      <c r="O9395">
        <v>521278</v>
      </c>
      <c r="P9395">
        <v>1</v>
      </c>
      <c r="Q9395">
        <v>3</v>
      </c>
      <c r="R9395" t="s">
        <v>48123</v>
      </c>
      <c r="S9395">
        <v>4458</v>
      </c>
    </row>
    <row r="9396" spans="1:19" x14ac:dyDescent="0.25">
      <c r="A9396">
        <v>53164999</v>
      </c>
      <c r="B9396" t="s">
        <v>48124</v>
      </c>
      <c r="C9396" s="1" t="s">
        <v>48125</v>
      </c>
      <c r="E9396">
        <v>1</v>
      </c>
      <c r="F9396">
        <v>5</v>
      </c>
      <c r="H9396" t="s">
        <v>48126</v>
      </c>
      <c r="J9396" t="s">
        <v>48127</v>
      </c>
      <c r="O9396">
        <v>2989658</v>
      </c>
      <c r="P9396">
        <v>1</v>
      </c>
      <c r="Q9396">
        <v>1</v>
      </c>
      <c r="R9396" t="s">
        <v>48128</v>
      </c>
      <c r="S9396">
        <v>30</v>
      </c>
    </row>
    <row r="9397" spans="1:19" x14ac:dyDescent="0.25">
      <c r="A9397">
        <v>34084927</v>
      </c>
      <c r="B9397" t="s">
        <v>48129</v>
      </c>
      <c r="C9397" s="1" t="s">
        <v>48130</v>
      </c>
      <c r="E9397">
        <v>0</v>
      </c>
      <c r="F9397">
        <v>3</v>
      </c>
      <c r="H9397" t="s">
        <v>48131</v>
      </c>
      <c r="J9397" t="s">
        <v>48132</v>
      </c>
      <c r="K9397" t="s">
        <v>48132</v>
      </c>
      <c r="M9397">
        <v>1056384</v>
      </c>
      <c r="O9397">
        <v>1056384</v>
      </c>
      <c r="P9397">
        <v>1</v>
      </c>
      <c r="Q9397">
        <v>1</v>
      </c>
      <c r="R9397" t="s">
        <v>48133</v>
      </c>
      <c r="S9397">
        <v>213</v>
      </c>
    </row>
    <row r="9398" spans="1:19" x14ac:dyDescent="0.25">
      <c r="A9398">
        <v>4749858</v>
      </c>
      <c r="B9398" t="s">
        <v>48134</v>
      </c>
      <c r="C9398" s="1" t="s">
        <v>48135</v>
      </c>
      <c r="D9398">
        <v>4749904</v>
      </c>
      <c r="E9398">
        <v>3</v>
      </c>
      <c r="F9398">
        <v>1</v>
      </c>
      <c r="H9398" t="s">
        <v>48136</v>
      </c>
      <c r="J9398" t="s">
        <v>48137</v>
      </c>
      <c r="K9398" t="s">
        <v>48137</v>
      </c>
      <c r="M9398">
        <v>1190388</v>
      </c>
      <c r="O9398">
        <v>564045</v>
      </c>
      <c r="P9398">
        <v>1</v>
      </c>
      <c r="Q9398">
        <v>0</v>
      </c>
      <c r="R9398" t="s">
        <v>48138</v>
      </c>
      <c r="S9398">
        <v>79</v>
      </c>
    </row>
    <row r="9399" spans="1:19" x14ac:dyDescent="0.25">
      <c r="A9399">
        <v>10941444</v>
      </c>
      <c r="B9399" t="s">
        <v>48139</v>
      </c>
      <c r="C9399" s="1" t="s">
        <v>48140</v>
      </c>
      <c r="E9399">
        <v>2</v>
      </c>
      <c r="F9399">
        <v>0</v>
      </c>
      <c r="H9399" t="s">
        <v>48141</v>
      </c>
      <c r="J9399" t="s">
        <v>48142</v>
      </c>
      <c r="K9399" t="s">
        <v>48143</v>
      </c>
      <c r="M9399">
        <v>823694</v>
      </c>
      <c r="O9399">
        <v>823694</v>
      </c>
      <c r="P9399">
        <v>1</v>
      </c>
      <c r="Q9399">
        <v>0</v>
      </c>
      <c r="R9399" t="s">
        <v>17368</v>
      </c>
      <c r="S9399">
        <v>54</v>
      </c>
    </row>
    <row r="9400" spans="1:19" x14ac:dyDescent="0.25">
      <c r="A9400">
        <v>38790556</v>
      </c>
      <c r="B9400" t="s">
        <v>48144</v>
      </c>
      <c r="C9400" s="1" t="s">
        <v>48145</v>
      </c>
      <c r="E9400">
        <v>0</v>
      </c>
      <c r="F9400">
        <v>5</v>
      </c>
      <c r="H9400" t="s">
        <v>48146</v>
      </c>
      <c r="J9400" t="s">
        <v>48146</v>
      </c>
      <c r="O9400">
        <v>6503789</v>
      </c>
      <c r="P9400">
        <v>1</v>
      </c>
      <c r="Q9400">
        <v>1</v>
      </c>
      <c r="R9400" t="s">
        <v>48147</v>
      </c>
      <c r="S9400">
        <v>64</v>
      </c>
    </row>
    <row r="9401" spans="1:19" x14ac:dyDescent="0.25">
      <c r="A9401">
        <v>279825</v>
      </c>
      <c r="B9401" t="s">
        <v>48148</v>
      </c>
      <c r="C9401" s="1" t="s">
        <v>48149</v>
      </c>
      <c r="D9401">
        <v>281028</v>
      </c>
      <c r="E9401">
        <v>9</v>
      </c>
      <c r="F9401">
        <v>0</v>
      </c>
      <c r="H9401" t="s">
        <v>48150</v>
      </c>
      <c r="I9401">
        <v>4</v>
      </c>
      <c r="J9401" t="s">
        <v>48151</v>
      </c>
      <c r="K9401" t="s">
        <v>48152</v>
      </c>
      <c r="L9401" t="s">
        <v>48153</v>
      </c>
      <c r="M9401">
        <v>12950</v>
      </c>
      <c r="N9401" t="s">
        <v>48154</v>
      </c>
      <c r="O9401">
        <v>525</v>
      </c>
      <c r="P9401">
        <v>1</v>
      </c>
      <c r="Q9401">
        <v>7</v>
      </c>
      <c r="R9401" t="s">
        <v>48155</v>
      </c>
      <c r="S9401">
        <v>4525</v>
      </c>
    </row>
    <row r="9402" spans="1:19" x14ac:dyDescent="0.25">
      <c r="A9402">
        <v>52290267</v>
      </c>
      <c r="B9402" t="s">
        <v>48156</v>
      </c>
      <c r="C9402" s="1" t="s">
        <v>48157</v>
      </c>
      <c r="E9402">
        <v>0</v>
      </c>
      <c r="F9402">
        <v>1</v>
      </c>
      <c r="H9402" t="s">
        <v>48158</v>
      </c>
      <c r="J9402" t="s">
        <v>48158</v>
      </c>
      <c r="O9402">
        <v>4541141</v>
      </c>
      <c r="P9402">
        <v>1</v>
      </c>
      <c r="Q9402">
        <v>0</v>
      </c>
      <c r="R9402" t="s">
        <v>48159</v>
      </c>
      <c r="S9402">
        <v>15</v>
      </c>
    </row>
    <row r="9403" spans="1:19" x14ac:dyDescent="0.25">
      <c r="A9403">
        <v>42119206</v>
      </c>
      <c r="B9403" t="s">
        <v>48160</v>
      </c>
      <c r="C9403" s="1" t="s">
        <v>48161</v>
      </c>
      <c r="E9403">
        <v>2</v>
      </c>
      <c r="F9403">
        <v>0</v>
      </c>
      <c r="H9403" t="s">
        <v>48162</v>
      </c>
      <c r="J9403" t="s">
        <v>48163</v>
      </c>
      <c r="O9403">
        <v>6230769</v>
      </c>
      <c r="P9403">
        <v>1</v>
      </c>
      <c r="Q9403">
        <v>1</v>
      </c>
      <c r="R9403" t="s">
        <v>48164</v>
      </c>
      <c r="S9403">
        <v>973</v>
      </c>
    </row>
    <row r="9404" spans="1:19" x14ac:dyDescent="0.25">
      <c r="A9404">
        <v>30477346</v>
      </c>
      <c r="B9404" t="s">
        <v>48165</v>
      </c>
      <c r="C9404" s="1" t="s">
        <v>48166</v>
      </c>
      <c r="E9404">
        <v>1</v>
      </c>
      <c r="F9404">
        <v>0</v>
      </c>
      <c r="H9404" t="s">
        <v>48167</v>
      </c>
      <c r="J9404" t="s">
        <v>48168</v>
      </c>
      <c r="O9404">
        <v>4943756</v>
      </c>
      <c r="P9404">
        <v>1</v>
      </c>
      <c r="Q9404">
        <v>1</v>
      </c>
      <c r="R9404" t="s">
        <v>48169</v>
      </c>
      <c r="S9404">
        <v>387</v>
      </c>
    </row>
    <row r="9405" spans="1:19" x14ac:dyDescent="0.25">
      <c r="A9405">
        <v>53347105</v>
      </c>
      <c r="B9405" t="s">
        <v>48170</v>
      </c>
      <c r="C9405" s="1" t="s">
        <v>48171</v>
      </c>
      <c r="D9405">
        <v>53347621</v>
      </c>
      <c r="E9405">
        <v>1</v>
      </c>
      <c r="F9405">
        <v>0</v>
      </c>
      <c r="H9405" t="s">
        <v>48172</v>
      </c>
      <c r="J9405" t="s">
        <v>48173</v>
      </c>
      <c r="K9405" t="s">
        <v>48173</v>
      </c>
      <c r="M9405">
        <v>202229</v>
      </c>
      <c r="O9405">
        <v>9302933</v>
      </c>
      <c r="P9405">
        <v>1</v>
      </c>
      <c r="Q9405">
        <v>2</v>
      </c>
      <c r="R9405" t="s">
        <v>48174</v>
      </c>
      <c r="S9405">
        <v>64</v>
      </c>
    </row>
    <row r="9406" spans="1:19" x14ac:dyDescent="0.25">
      <c r="A9406">
        <v>26930090</v>
      </c>
      <c r="B9406" t="s">
        <v>48175</v>
      </c>
      <c r="C9406" s="1" t="s">
        <v>48176</v>
      </c>
      <c r="D9406">
        <v>26930621</v>
      </c>
      <c r="E9406">
        <v>1</v>
      </c>
      <c r="F9406">
        <v>2</v>
      </c>
      <c r="H9406" t="s">
        <v>48177</v>
      </c>
      <c r="I9406">
        <v>1</v>
      </c>
      <c r="J9406" t="s">
        <v>48178</v>
      </c>
      <c r="O9406">
        <v>4252451</v>
      </c>
      <c r="P9406">
        <v>1</v>
      </c>
      <c r="Q9406">
        <v>3</v>
      </c>
      <c r="R9406" t="s">
        <v>48179</v>
      </c>
      <c r="S9406">
        <v>812</v>
      </c>
    </row>
    <row r="9407" spans="1:19" x14ac:dyDescent="0.25">
      <c r="A9407">
        <v>17976377</v>
      </c>
      <c r="B9407" t="s">
        <v>48180</v>
      </c>
      <c r="C9407" s="1" t="s">
        <v>48181</v>
      </c>
      <c r="E9407">
        <v>0</v>
      </c>
      <c r="F9407">
        <v>7</v>
      </c>
      <c r="H9407" t="s">
        <v>48182</v>
      </c>
      <c r="J9407" t="s">
        <v>48183</v>
      </c>
      <c r="K9407" t="s">
        <v>48183</v>
      </c>
      <c r="M9407">
        <v>832621</v>
      </c>
      <c r="O9407">
        <v>1963929</v>
      </c>
      <c r="P9407">
        <v>1</v>
      </c>
      <c r="Q9407">
        <v>0</v>
      </c>
      <c r="R9407" t="s">
        <v>48184</v>
      </c>
      <c r="S9407">
        <v>70</v>
      </c>
    </row>
    <row r="9408" spans="1:19" x14ac:dyDescent="0.25">
      <c r="A9408">
        <v>33577564</v>
      </c>
      <c r="B9408" t="s">
        <v>48185</v>
      </c>
      <c r="C9408" s="1" t="s">
        <v>48186</v>
      </c>
      <c r="D9408">
        <v>33577655</v>
      </c>
      <c r="E9408">
        <v>4</v>
      </c>
      <c r="F9408">
        <v>2</v>
      </c>
      <c r="H9408" t="s">
        <v>48187</v>
      </c>
      <c r="J9408" t="s">
        <v>48188</v>
      </c>
      <c r="K9408" t="s">
        <v>48189</v>
      </c>
      <c r="M9408">
        <v>2075848</v>
      </c>
      <c r="O9408">
        <v>2075848</v>
      </c>
      <c r="P9408">
        <v>1</v>
      </c>
      <c r="Q9408">
        <v>-1</v>
      </c>
      <c r="R9408" t="s">
        <v>48190</v>
      </c>
      <c r="S9408">
        <v>204</v>
      </c>
    </row>
    <row r="9409" spans="1:19" x14ac:dyDescent="0.25">
      <c r="A9409">
        <v>49660166</v>
      </c>
      <c r="B9409" t="s">
        <v>48191</v>
      </c>
      <c r="C9409" s="1" t="s">
        <v>48192</v>
      </c>
      <c r="D9409">
        <v>49691123</v>
      </c>
      <c r="E9409">
        <v>2</v>
      </c>
      <c r="F9409">
        <v>5</v>
      </c>
      <c r="H9409" t="s">
        <v>48193</v>
      </c>
      <c r="I9409">
        <v>2</v>
      </c>
      <c r="J9409" t="s">
        <v>48194</v>
      </c>
      <c r="O9409">
        <v>3977061</v>
      </c>
      <c r="P9409">
        <v>1</v>
      </c>
      <c r="Q9409">
        <v>0</v>
      </c>
      <c r="R9409" t="s">
        <v>48195</v>
      </c>
      <c r="S9409">
        <v>874</v>
      </c>
    </row>
    <row r="9410" spans="1:19" x14ac:dyDescent="0.25">
      <c r="A9410">
        <v>10724311</v>
      </c>
      <c r="B9410" t="s">
        <v>48196</v>
      </c>
      <c r="C9410" s="1" t="s">
        <v>48197</v>
      </c>
      <c r="D9410">
        <v>10731203</v>
      </c>
      <c r="E9410">
        <v>1</v>
      </c>
      <c r="F9410">
        <v>2</v>
      </c>
      <c r="H9410" t="s">
        <v>48198</v>
      </c>
      <c r="J9410" t="s">
        <v>48199</v>
      </c>
      <c r="K9410" t="s">
        <v>48200</v>
      </c>
      <c r="M9410">
        <v>1221869</v>
      </c>
      <c r="O9410">
        <v>1221869</v>
      </c>
      <c r="P9410">
        <v>1</v>
      </c>
      <c r="Q9410">
        <v>1</v>
      </c>
      <c r="R9410" t="s">
        <v>48201</v>
      </c>
      <c r="S9410">
        <v>1221</v>
      </c>
    </row>
    <row r="9411" spans="1:19" x14ac:dyDescent="0.25">
      <c r="A9411">
        <v>12478414</v>
      </c>
      <c r="B9411" t="s">
        <v>48202</v>
      </c>
      <c r="C9411" s="1" t="s">
        <v>48203</v>
      </c>
      <c r="D9411">
        <v>12478970</v>
      </c>
      <c r="E9411">
        <v>1</v>
      </c>
      <c r="F9411">
        <v>0</v>
      </c>
      <c r="H9411" t="s">
        <v>48204</v>
      </c>
      <c r="J9411" t="s">
        <v>48205</v>
      </c>
      <c r="O9411">
        <v>1293578</v>
      </c>
      <c r="P9411">
        <v>1</v>
      </c>
      <c r="Q9411">
        <v>1</v>
      </c>
      <c r="R9411" t="s">
        <v>48206</v>
      </c>
      <c r="S9411">
        <v>3083</v>
      </c>
    </row>
    <row r="9412" spans="1:19" x14ac:dyDescent="0.25">
      <c r="A9412">
        <v>53324955</v>
      </c>
      <c r="B9412" t="s">
        <v>48207</v>
      </c>
      <c r="C9412" t="s">
        <v>48208</v>
      </c>
      <c r="E9412">
        <v>1</v>
      </c>
      <c r="F9412">
        <v>3</v>
      </c>
      <c r="H9412" t="s">
        <v>48209</v>
      </c>
      <c r="J9412" t="s">
        <v>48210</v>
      </c>
      <c r="O9412">
        <v>7085476</v>
      </c>
      <c r="P9412">
        <v>1</v>
      </c>
      <c r="Q9412">
        <v>1</v>
      </c>
      <c r="R9412" t="s">
        <v>48211</v>
      </c>
      <c r="S9412">
        <v>27</v>
      </c>
    </row>
    <row r="9413" spans="1:19" x14ac:dyDescent="0.25">
      <c r="A9413">
        <v>14204742</v>
      </c>
      <c r="B9413" t="s">
        <v>48212</v>
      </c>
      <c r="C9413" t="s">
        <v>48213</v>
      </c>
      <c r="E9413">
        <v>4</v>
      </c>
      <c r="F9413">
        <v>0</v>
      </c>
      <c r="H9413" t="s">
        <v>48214</v>
      </c>
      <c r="J9413" t="s">
        <v>48215</v>
      </c>
      <c r="K9413" t="s">
        <v>48216</v>
      </c>
      <c r="M9413">
        <v>1904979</v>
      </c>
      <c r="O9413">
        <v>1956351</v>
      </c>
      <c r="P9413">
        <v>1</v>
      </c>
      <c r="Q9413">
        <v>2</v>
      </c>
      <c r="R9413" t="s">
        <v>351</v>
      </c>
      <c r="S9413">
        <v>172</v>
      </c>
    </row>
    <row r="9414" spans="1:19" x14ac:dyDescent="0.25">
      <c r="A9414">
        <v>31619110</v>
      </c>
      <c r="B9414" t="s">
        <v>48217</v>
      </c>
      <c r="C9414" s="1" t="s">
        <v>48218</v>
      </c>
      <c r="D9414">
        <v>31685477</v>
      </c>
      <c r="E9414">
        <v>2</v>
      </c>
      <c r="F9414">
        <v>9</v>
      </c>
      <c r="H9414" t="s">
        <v>48219</v>
      </c>
      <c r="I9414">
        <v>1</v>
      </c>
      <c r="J9414" t="s">
        <v>48220</v>
      </c>
      <c r="K9414" t="s">
        <v>48220</v>
      </c>
      <c r="M9414">
        <v>5202138</v>
      </c>
      <c r="O9414">
        <v>3708219</v>
      </c>
      <c r="P9414">
        <v>1</v>
      </c>
      <c r="Q9414">
        <v>-1</v>
      </c>
      <c r="R9414" t="s">
        <v>48221</v>
      </c>
      <c r="S9414">
        <v>516</v>
      </c>
    </row>
    <row r="9415" spans="1:19" x14ac:dyDescent="0.25">
      <c r="A9415">
        <v>12784807</v>
      </c>
      <c r="B9415" t="s">
        <v>48222</v>
      </c>
      <c r="C9415" s="1" t="s">
        <v>48223</v>
      </c>
      <c r="D9415">
        <v>12785589</v>
      </c>
      <c r="E9415">
        <v>1</v>
      </c>
      <c r="F9415">
        <v>0</v>
      </c>
      <c r="H9415" t="s">
        <v>48224</v>
      </c>
      <c r="I9415">
        <v>3</v>
      </c>
      <c r="J9415" t="s">
        <v>48225</v>
      </c>
      <c r="O9415">
        <v>1367796</v>
      </c>
      <c r="P9415">
        <v>1</v>
      </c>
      <c r="Q9415">
        <v>8</v>
      </c>
      <c r="R9415" t="s">
        <v>48226</v>
      </c>
      <c r="S9415">
        <v>4989</v>
      </c>
    </row>
    <row r="9416" spans="1:19" x14ac:dyDescent="0.25">
      <c r="A9416">
        <v>36550160</v>
      </c>
      <c r="B9416" t="s">
        <v>48227</v>
      </c>
      <c r="C9416" s="1" t="s">
        <v>48228</v>
      </c>
      <c r="D9416">
        <v>36563734</v>
      </c>
      <c r="E9416">
        <v>2</v>
      </c>
      <c r="F9416">
        <v>4</v>
      </c>
      <c r="H9416" t="s">
        <v>48229</v>
      </c>
      <c r="J9416" t="s">
        <v>48230</v>
      </c>
      <c r="O9416">
        <v>275218</v>
      </c>
      <c r="P9416">
        <v>1</v>
      </c>
      <c r="Q9416">
        <v>3</v>
      </c>
      <c r="R9416" t="s">
        <v>48231</v>
      </c>
      <c r="S9416">
        <v>71</v>
      </c>
    </row>
    <row r="9417" spans="1:19" x14ac:dyDescent="0.25">
      <c r="A9417">
        <v>3397733</v>
      </c>
      <c r="B9417" t="s">
        <v>48232</v>
      </c>
      <c r="C9417" s="1" t="s">
        <v>48233</v>
      </c>
      <c r="D9417">
        <v>3467063</v>
      </c>
      <c r="E9417">
        <v>2</v>
      </c>
      <c r="F9417">
        <v>0</v>
      </c>
      <c r="H9417" t="s">
        <v>48234</v>
      </c>
      <c r="I9417">
        <v>2</v>
      </c>
      <c r="J9417" t="s">
        <v>48235</v>
      </c>
      <c r="K9417" t="s">
        <v>48235</v>
      </c>
      <c r="M9417">
        <v>765031</v>
      </c>
      <c r="O9417">
        <v>105431</v>
      </c>
      <c r="P9417">
        <v>1</v>
      </c>
      <c r="Q9417">
        <v>2</v>
      </c>
      <c r="R9417" t="s">
        <v>48236</v>
      </c>
      <c r="S9417">
        <v>2617</v>
      </c>
    </row>
    <row r="9418" spans="1:19" x14ac:dyDescent="0.25">
      <c r="A9418">
        <v>13352153</v>
      </c>
      <c r="B9418" t="s">
        <v>48237</v>
      </c>
      <c r="C9418" s="1" t="s">
        <v>48238</v>
      </c>
      <c r="D9418">
        <v>13352319</v>
      </c>
      <c r="E9418">
        <v>1</v>
      </c>
      <c r="F9418">
        <v>0</v>
      </c>
      <c r="H9418" t="s">
        <v>48239</v>
      </c>
      <c r="J9418" t="s">
        <v>48240</v>
      </c>
      <c r="O9418">
        <v>1424168</v>
      </c>
      <c r="P9418">
        <v>1</v>
      </c>
      <c r="Q9418">
        <v>2</v>
      </c>
      <c r="R9418" t="s">
        <v>48241</v>
      </c>
      <c r="S9418">
        <v>64</v>
      </c>
    </row>
    <row r="9419" spans="1:19" x14ac:dyDescent="0.25">
      <c r="A9419">
        <v>26830204</v>
      </c>
      <c r="B9419" t="s">
        <v>48242</v>
      </c>
      <c r="C9419" s="1" t="s">
        <v>48243</v>
      </c>
      <c r="E9419">
        <v>0</v>
      </c>
      <c r="F9419">
        <v>3</v>
      </c>
      <c r="H9419" t="s">
        <v>48244</v>
      </c>
      <c r="J9419" t="s">
        <v>48245</v>
      </c>
      <c r="K9419" t="s">
        <v>48245</v>
      </c>
      <c r="M9419">
        <v>2650726</v>
      </c>
      <c r="O9419">
        <v>2650726</v>
      </c>
      <c r="P9419">
        <v>1</v>
      </c>
      <c r="Q9419">
        <v>1</v>
      </c>
      <c r="R9419" t="s">
        <v>48246</v>
      </c>
      <c r="S9419">
        <v>286</v>
      </c>
    </row>
    <row r="9420" spans="1:19" x14ac:dyDescent="0.25">
      <c r="A9420">
        <v>50848783</v>
      </c>
      <c r="B9420" t="s">
        <v>48247</v>
      </c>
      <c r="C9420" s="1" t="s">
        <v>48248</v>
      </c>
      <c r="E9420">
        <v>3</v>
      </c>
      <c r="F9420">
        <v>10</v>
      </c>
      <c r="H9420" t="s">
        <v>48249</v>
      </c>
      <c r="J9420" t="s">
        <v>48250</v>
      </c>
      <c r="K9420" t="s">
        <v>48251</v>
      </c>
      <c r="M9420">
        <v>3219613</v>
      </c>
      <c r="O9420">
        <v>9923846</v>
      </c>
      <c r="P9420">
        <v>1</v>
      </c>
      <c r="Q9420">
        <v>2</v>
      </c>
      <c r="R9420" t="s">
        <v>48252</v>
      </c>
      <c r="S9420">
        <v>53</v>
      </c>
    </row>
    <row r="9421" spans="1:19" x14ac:dyDescent="0.25">
      <c r="A9421">
        <v>37979951</v>
      </c>
      <c r="B9421" t="s">
        <v>48253</v>
      </c>
      <c r="C9421" s="1" t="s">
        <v>48254</v>
      </c>
      <c r="D9421">
        <v>37980138</v>
      </c>
      <c r="E9421">
        <v>3</v>
      </c>
      <c r="F9421">
        <v>0</v>
      </c>
      <c r="H9421" t="s">
        <v>48255</v>
      </c>
      <c r="J9421" t="s">
        <v>48256</v>
      </c>
      <c r="O9421">
        <v>1425140</v>
      </c>
      <c r="P9421">
        <v>1</v>
      </c>
      <c r="Q9421">
        <v>4</v>
      </c>
      <c r="R9421" t="s">
        <v>989</v>
      </c>
      <c r="S9421">
        <v>115</v>
      </c>
    </row>
    <row r="9422" spans="1:19" x14ac:dyDescent="0.25">
      <c r="A9422">
        <v>42949209</v>
      </c>
      <c r="B9422" t="s">
        <v>48257</v>
      </c>
      <c r="C9422" s="1" t="s">
        <v>48258</v>
      </c>
      <c r="D9422">
        <v>42949985</v>
      </c>
      <c r="E9422">
        <v>1</v>
      </c>
      <c r="F9422">
        <v>1</v>
      </c>
      <c r="H9422" t="s">
        <v>48259</v>
      </c>
      <c r="J9422" t="s">
        <v>48260</v>
      </c>
      <c r="O9422">
        <v>7750780</v>
      </c>
      <c r="P9422">
        <v>1</v>
      </c>
      <c r="Q9422">
        <v>3</v>
      </c>
      <c r="R9422" t="s">
        <v>48261</v>
      </c>
      <c r="S9422">
        <v>1872</v>
      </c>
    </row>
    <row r="9423" spans="1:19" x14ac:dyDescent="0.25">
      <c r="A9423">
        <v>23351389</v>
      </c>
      <c r="B9423" t="s">
        <v>48262</v>
      </c>
      <c r="C9423" s="1" t="s">
        <v>48263</v>
      </c>
      <c r="E9423">
        <v>1</v>
      </c>
      <c r="F9423">
        <v>1</v>
      </c>
      <c r="H9423" t="s">
        <v>48264</v>
      </c>
      <c r="J9423" t="s">
        <v>48265</v>
      </c>
      <c r="K9423" t="s">
        <v>48266</v>
      </c>
      <c r="M9423">
        <v>-1</v>
      </c>
      <c r="O9423">
        <v>3462220</v>
      </c>
      <c r="P9423">
        <v>1</v>
      </c>
      <c r="Q9423">
        <v>0</v>
      </c>
      <c r="R9423" t="s">
        <v>48267</v>
      </c>
      <c r="S9423">
        <v>84</v>
      </c>
    </row>
    <row r="9424" spans="1:19" x14ac:dyDescent="0.25">
      <c r="A9424">
        <v>40573282</v>
      </c>
      <c r="B9424" t="s">
        <v>48268</v>
      </c>
      <c r="C9424" s="1" t="s">
        <v>48269</v>
      </c>
      <c r="E9424">
        <v>0</v>
      </c>
      <c r="F9424">
        <v>2</v>
      </c>
      <c r="H9424" t="s">
        <v>48270</v>
      </c>
      <c r="J9424" t="s">
        <v>48271</v>
      </c>
      <c r="O9424">
        <v>6912216</v>
      </c>
      <c r="P9424">
        <v>1</v>
      </c>
      <c r="Q9424">
        <v>0</v>
      </c>
      <c r="R9424" t="s">
        <v>48272</v>
      </c>
      <c r="S9424">
        <v>55</v>
      </c>
    </row>
    <row r="9425" spans="1:19" x14ac:dyDescent="0.25">
      <c r="A9425">
        <v>47946267</v>
      </c>
      <c r="B9425" t="s">
        <v>48273</v>
      </c>
      <c r="C9425" s="1" t="s">
        <v>48274</v>
      </c>
      <c r="E9425">
        <v>1</v>
      </c>
      <c r="F9425">
        <v>0</v>
      </c>
      <c r="H9425" t="s">
        <v>48275</v>
      </c>
      <c r="J9425" t="s">
        <v>48276</v>
      </c>
      <c r="O9425">
        <v>3351984</v>
      </c>
      <c r="P9425">
        <v>1</v>
      </c>
      <c r="Q9425">
        <v>0</v>
      </c>
      <c r="R9425" t="s">
        <v>48277</v>
      </c>
      <c r="S9425">
        <v>251</v>
      </c>
    </row>
    <row r="9426" spans="1:19" x14ac:dyDescent="0.25">
      <c r="A9426">
        <v>31565609</v>
      </c>
      <c r="B9426" t="s">
        <v>48278</v>
      </c>
      <c r="C9426" s="1" t="s">
        <v>48279</v>
      </c>
      <c r="D9426">
        <v>31565662</v>
      </c>
      <c r="E9426">
        <v>1</v>
      </c>
      <c r="F9426">
        <v>1</v>
      </c>
      <c r="H9426" t="s">
        <v>48280</v>
      </c>
      <c r="J9426" t="s">
        <v>48281</v>
      </c>
      <c r="O9426">
        <v>5144013</v>
      </c>
      <c r="P9426">
        <v>1</v>
      </c>
      <c r="Q9426">
        <v>2</v>
      </c>
      <c r="R9426" t="s">
        <v>48282</v>
      </c>
      <c r="S9426">
        <v>5344</v>
      </c>
    </row>
    <row r="9427" spans="1:19" x14ac:dyDescent="0.25">
      <c r="A9427">
        <v>16005128</v>
      </c>
      <c r="B9427" t="s">
        <v>48283</v>
      </c>
      <c r="C9427" s="1" t="s">
        <v>48284</v>
      </c>
      <c r="D9427">
        <v>16005153</v>
      </c>
      <c r="E9427">
        <v>1</v>
      </c>
      <c r="F9427">
        <v>0</v>
      </c>
      <c r="H9427" t="s">
        <v>48285</v>
      </c>
      <c r="J9427" t="s">
        <v>48286</v>
      </c>
      <c r="K9427" t="s">
        <v>48286</v>
      </c>
      <c r="M9427">
        <v>2156756</v>
      </c>
      <c r="O9427">
        <v>2021554</v>
      </c>
      <c r="P9427">
        <v>1</v>
      </c>
      <c r="Q9427">
        <v>0</v>
      </c>
      <c r="R9427" t="s">
        <v>34162</v>
      </c>
      <c r="S9427">
        <v>67</v>
      </c>
    </row>
    <row r="9428" spans="1:19" x14ac:dyDescent="0.25">
      <c r="A9428">
        <v>26147913</v>
      </c>
      <c r="B9428" t="s">
        <v>48287</v>
      </c>
      <c r="C9428" s="1" t="s">
        <v>48288</v>
      </c>
      <c r="E9428">
        <v>4</v>
      </c>
      <c r="F9428">
        <v>10</v>
      </c>
      <c r="H9428" t="s">
        <v>48289</v>
      </c>
      <c r="I9428">
        <v>4</v>
      </c>
      <c r="J9428" t="s">
        <v>48290</v>
      </c>
      <c r="O9428">
        <v>1143938</v>
      </c>
      <c r="P9428">
        <v>1</v>
      </c>
      <c r="Q9428">
        <v>6</v>
      </c>
      <c r="R9428" t="s">
        <v>48291</v>
      </c>
      <c r="S9428">
        <v>4282</v>
      </c>
    </row>
    <row r="9429" spans="1:19" x14ac:dyDescent="0.25">
      <c r="A9429">
        <v>26320103</v>
      </c>
      <c r="B9429" t="s">
        <v>48292</v>
      </c>
      <c r="C9429" s="1" t="s">
        <v>48293</v>
      </c>
      <c r="E9429">
        <v>1</v>
      </c>
      <c r="F9429">
        <v>2</v>
      </c>
      <c r="H9429" t="s">
        <v>48294</v>
      </c>
      <c r="J9429" t="s">
        <v>48295</v>
      </c>
      <c r="O9429">
        <v>3312508</v>
      </c>
      <c r="P9429">
        <v>1</v>
      </c>
      <c r="Q9429">
        <v>0</v>
      </c>
      <c r="R9429" t="s">
        <v>48296</v>
      </c>
      <c r="S9429">
        <v>79</v>
      </c>
    </row>
    <row r="9430" spans="1:19" x14ac:dyDescent="0.25">
      <c r="A9430">
        <v>22402101</v>
      </c>
      <c r="B9430" t="s">
        <v>48297</v>
      </c>
      <c r="C9430" s="1" t="s">
        <v>48298</v>
      </c>
      <c r="E9430">
        <v>0</v>
      </c>
      <c r="F9430">
        <v>3</v>
      </c>
      <c r="H9430" t="s">
        <v>48299</v>
      </c>
      <c r="J9430" t="s">
        <v>48299</v>
      </c>
      <c r="O9430">
        <v>3162303</v>
      </c>
      <c r="P9430">
        <v>1</v>
      </c>
      <c r="Q9430">
        <v>0</v>
      </c>
      <c r="R9430" t="s">
        <v>48300</v>
      </c>
      <c r="S9430">
        <v>36</v>
      </c>
    </row>
    <row r="9431" spans="1:19" x14ac:dyDescent="0.25">
      <c r="A9431">
        <v>15482987</v>
      </c>
      <c r="B9431" t="s">
        <v>48301</v>
      </c>
      <c r="C9431" s="1" t="s">
        <v>48302</v>
      </c>
      <c r="E9431">
        <v>2</v>
      </c>
      <c r="F9431">
        <v>0</v>
      </c>
      <c r="H9431" t="s">
        <v>48303</v>
      </c>
      <c r="J9431" t="s">
        <v>48304</v>
      </c>
      <c r="O9431">
        <v>887651</v>
      </c>
      <c r="P9431">
        <v>1</v>
      </c>
      <c r="Q9431">
        <v>0</v>
      </c>
      <c r="R9431" t="s">
        <v>48305</v>
      </c>
      <c r="S9431">
        <v>113</v>
      </c>
    </row>
    <row r="9432" spans="1:19" x14ac:dyDescent="0.25">
      <c r="A9432">
        <v>27263152</v>
      </c>
      <c r="B9432" t="s">
        <v>48306</v>
      </c>
      <c r="C9432" s="1" t="s">
        <v>48307</v>
      </c>
      <c r="E9432">
        <v>1</v>
      </c>
      <c r="F9432">
        <v>8</v>
      </c>
      <c r="H9432" t="s">
        <v>48308</v>
      </c>
      <c r="J9432" t="s">
        <v>48309</v>
      </c>
      <c r="K9432" t="s">
        <v>48309</v>
      </c>
      <c r="M9432">
        <v>2257388</v>
      </c>
      <c r="O9432">
        <v>4294028</v>
      </c>
      <c r="P9432">
        <v>1</v>
      </c>
      <c r="Q9432">
        <v>0</v>
      </c>
      <c r="R9432" t="s">
        <v>48310</v>
      </c>
      <c r="S9432">
        <v>29</v>
      </c>
    </row>
    <row r="9433" spans="1:19" x14ac:dyDescent="0.25">
      <c r="A9433">
        <v>28287035</v>
      </c>
      <c r="B9433" t="s">
        <v>48311</v>
      </c>
      <c r="C9433" s="1" t="s">
        <v>48312</v>
      </c>
      <c r="D9433">
        <v>28287350</v>
      </c>
      <c r="E9433">
        <v>2</v>
      </c>
      <c r="F9433">
        <v>4</v>
      </c>
      <c r="H9433" t="s">
        <v>48313</v>
      </c>
      <c r="I9433">
        <v>1</v>
      </c>
      <c r="J9433" t="s">
        <v>48314</v>
      </c>
      <c r="K9433" t="s">
        <v>48315</v>
      </c>
      <c r="M9433">
        <v>1633308</v>
      </c>
      <c r="O9433">
        <v>4091919</v>
      </c>
      <c r="P9433">
        <v>1</v>
      </c>
      <c r="Q9433">
        <v>1</v>
      </c>
      <c r="R9433" t="s">
        <v>10727</v>
      </c>
      <c r="S9433">
        <v>748</v>
      </c>
    </row>
    <row r="9434" spans="1:19" x14ac:dyDescent="0.25">
      <c r="A9434">
        <v>13477037</v>
      </c>
      <c r="B9434" t="s">
        <v>48316</v>
      </c>
      <c r="C9434" s="1" t="s">
        <v>48317</v>
      </c>
      <c r="D9434">
        <v>13477133</v>
      </c>
      <c r="E9434">
        <v>1</v>
      </c>
      <c r="F9434">
        <v>0</v>
      </c>
      <c r="H9434" t="s">
        <v>48318</v>
      </c>
      <c r="J9434" t="s">
        <v>48319</v>
      </c>
      <c r="K9434" t="s">
        <v>48319</v>
      </c>
      <c r="M9434">
        <v>21849</v>
      </c>
      <c r="O9434">
        <v>21849</v>
      </c>
      <c r="P9434">
        <v>1</v>
      </c>
      <c r="Q9434">
        <v>3</v>
      </c>
      <c r="R9434" t="s">
        <v>48320</v>
      </c>
      <c r="S9434">
        <v>123</v>
      </c>
    </row>
    <row r="9435" spans="1:19" x14ac:dyDescent="0.25">
      <c r="A9435">
        <v>13249841</v>
      </c>
      <c r="B9435" t="s">
        <v>48321</v>
      </c>
      <c r="C9435" s="1" t="s">
        <v>48322</v>
      </c>
      <c r="D9435">
        <v>13249921</v>
      </c>
      <c r="E9435">
        <v>2</v>
      </c>
      <c r="F9435">
        <v>4</v>
      </c>
      <c r="H9435" t="s">
        <v>48323</v>
      </c>
      <c r="J9435" t="s">
        <v>48324</v>
      </c>
      <c r="O9435">
        <v>57428</v>
      </c>
      <c r="P9435">
        <v>1</v>
      </c>
      <c r="Q9435">
        <v>2</v>
      </c>
      <c r="R9435" t="s">
        <v>48325</v>
      </c>
      <c r="S9435">
        <v>585</v>
      </c>
    </row>
    <row r="9436" spans="1:19" x14ac:dyDescent="0.25">
      <c r="A9436">
        <v>38588348</v>
      </c>
      <c r="B9436" t="s">
        <v>48326</v>
      </c>
      <c r="C9436" s="1" t="s">
        <v>48327</v>
      </c>
      <c r="D9436">
        <v>38589365</v>
      </c>
      <c r="E9436">
        <v>2</v>
      </c>
      <c r="F9436">
        <v>2</v>
      </c>
      <c r="H9436" t="s">
        <v>48328</v>
      </c>
      <c r="J9436" t="s">
        <v>48329</v>
      </c>
      <c r="K9436" t="s">
        <v>48330</v>
      </c>
      <c r="M9436">
        <v>6639423</v>
      </c>
      <c r="O9436">
        <v>6639423</v>
      </c>
      <c r="P9436">
        <v>1</v>
      </c>
      <c r="Q9436">
        <v>-2</v>
      </c>
      <c r="R9436" t="s">
        <v>48331</v>
      </c>
      <c r="S9436">
        <v>55</v>
      </c>
    </row>
    <row r="9437" spans="1:19" x14ac:dyDescent="0.25">
      <c r="A9437">
        <v>51697780</v>
      </c>
      <c r="B9437" t="s">
        <v>48332</v>
      </c>
      <c r="C9437" s="1" t="s">
        <v>48333</v>
      </c>
      <c r="D9437">
        <v>51697839</v>
      </c>
      <c r="E9437">
        <v>1</v>
      </c>
      <c r="F9437">
        <v>0</v>
      </c>
      <c r="H9437" t="s">
        <v>48334</v>
      </c>
      <c r="J9437" t="s">
        <v>48335</v>
      </c>
      <c r="O9437">
        <v>5506824</v>
      </c>
      <c r="P9437">
        <v>1</v>
      </c>
      <c r="Q9437">
        <v>0</v>
      </c>
      <c r="R9437" t="s">
        <v>48336</v>
      </c>
      <c r="S9437">
        <v>22</v>
      </c>
    </row>
    <row r="9438" spans="1:19" x14ac:dyDescent="0.25">
      <c r="A9438">
        <v>50911703</v>
      </c>
      <c r="B9438" t="s">
        <v>48337</v>
      </c>
      <c r="C9438" s="1" t="s">
        <v>48338</v>
      </c>
      <c r="D9438">
        <v>51379764</v>
      </c>
      <c r="E9438">
        <v>2</v>
      </c>
      <c r="F9438">
        <v>1</v>
      </c>
      <c r="H9438" t="s">
        <v>48339</v>
      </c>
      <c r="J9438" t="s">
        <v>48340</v>
      </c>
      <c r="K9438" t="s">
        <v>48341</v>
      </c>
      <c r="M9438">
        <v>6810387</v>
      </c>
      <c r="O9438">
        <v>6810387</v>
      </c>
      <c r="P9438">
        <v>1</v>
      </c>
      <c r="Q9438">
        <v>0</v>
      </c>
      <c r="R9438" t="s">
        <v>48342</v>
      </c>
      <c r="S9438">
        <v>64</v>
      </c>
    </row>
    <row r="9439" spans="1:19" x14ac:dyDescent="0.25">
      <c r="A9439">
        <v>8736097</v>
      </c>
      <c r="B9439" t="s">
        <v>48343</v>
      </c>
      <c r="C9439" s="1" t="s">
        <v>48344</v>
      </c>
      <c r="D9439">
        <v>8736230</v>
      </c>
      <c r="E9439">
        <v>2</v>
      </c>
      <c r="F9439">
        <v>1</v>
      </c>
      <c r="H9439" t="s">
        <v>48345</v>
      </c>
      <c r="I9439">
        <v>1</v>
      </c>
      <c r="J9439" t="s">
        <v>48346</v>
      </c>
      <c r="K9439" t="s">
        <v>48347</v>
      </c>
      <c r="M9439">
        <v>411103</v>
      </c>
      <c r="O9439">
        <v>411103</v>
      </c>
      <c r="P9439">
        <v>1</v>
      </c>
      <c r="Q9439">
        <v>1</v>
      </c>
      <c r="R9439" t="s">
        <v>48348</v>
      </c>
      <c r="S9439">
        <v>1278</v>
      </c>
    </row>
    <row r="9440" spans="1:19" x14ac:dyDescent="0.25">
      <c r="A9440">
        <v>41718576</v>
      </c>
      <c r="B9440" t="s">
        <v>48349</v>
      </c>
      <c r="C9440" s="1" t="s">
        <v>48350</v>
      </c>
      <c r="D9440">
        <v>41720721</v>
      </c>
      <c r="E9440">
        <v>1</v>
      </c>
      <c r="F9440">
        <v>1</v>
      </c>
      <c r="H9440" t="s">
        <v>48351</v>
      </c>
      <c r="J9440" t="s">
        <v>48352</v>
      </c>
      <c r="K9440" t="s">
        <v>48352</v>
      </c>
      <c r="M9440">
        <v>1439912</v>
      </c>
      <c r="O9440">
        <v>1439912</v>
      </c>
      <c r="P9440">
        <v>1</v>
      </c>
      <c r="Q9440">
        <v>3</v>
      </c>
      <c r="R9440" t="s">
        <v>48353</v>
      </c>
      <c r="S9440">
        <v>92</v>
      </c>
    </row>
    <row r="9441" spans="1:19" x14ac:dyDescent="0.25">
      <c r="A9441">
        <v>4243386</v>
      </c>
      <c r="B9441" t="s">
        <v>48354</v>
      </c>
      <c r="C9441" t="s">
        <v>48355</v>
      </c>
      <c r="E9441">
        <v>3</v>
      </c>
      <c r="F9441">
        <v>0</v>
      </c>
      <c r="H9441" t="s">
        <v>48356</v>
      </c>
      <c r="J9441" t="s">
        <v>48357</v>
      </c>
      <c r="O9441">
        <v>404196</v>
      </c>
      <c r="P9441">
        <v>1</v>
      </c>
      <c r="Q9441">
        <v>1</v>
      </c>
      <c r="R9441" t="s">
        <v>48358</v>
      </c>
      <c r="S9441">
        <v>3576</v>
      </c>
    </row>
    <row r="9442" spans="1:19" x14ac:dyDescent="0.25">
      <c r="A9442">
        <v>28959208</v>
      </c>
      <c r="B9442" t="s">
        <v>48359</v>
      </c>
      <c r="C9442" s="1" t="s">
        <v>48360</v>
      </c>
      <c r="E9442">
        <v>1</v>
      </c>
      <c r="F9442">
        <v>0</v>
      </c>
      <c r="H9442" t="s">
        <v>48361</v>
      </c>
      <c r="J9442" t="s">
        <v>48362</v>
      </c>
      <c r="O9442">
        <v>702772</v>
      </c>
      <c r="P9442">
        <v>1</v>
      </c>
      <c r="Q9442">
        <v>2</v>
      </c>
      <c r="R9442" t="s">
        <v>48363</v>
      </c>
      <c r="S9442">
        <v>646</v>
      </c>
    </row>
    <row r="9443" spans="1:19" x14ac:dyDescent="0.25">
      <c r="A9443">
        <v>7305865</v>
      </c>
      <c r="B9443" t="s">
        <v>48364</v>
      </c>
      <c r="C9443" s="1" t="s">
        <v>48365</v>
      </c>
      <c r="E9443">
        <v>2</v>
      </c>
      <c r="F9443">
        <v>0</v>
      </c>
      <c r="H9443" t="s">
        <v>48366</v>
      </c>
      <c r="J9443" t="s">
        <v>48367</v>
      </c>
      <c r="O9443">
        <v>789165</v>
      </c>
      <c r="P9443">
        <v>1</v>
      </c>
      <c r="Q9443">
        <v>0</v>
      </c>
      <c r="R9443" t="s">
        <v>48368</v>
      </c>
      <c r="S9443">
        <v>520</v>
      </c>
    </row>
    <row r="9444" spans="1:19" x14ac:dyDescent="0.25">
      <c r="A9444">
        <v>50089626</v>
      </c>
      <c r="B9444" t="s">
        <v>48369</v>
      </c>
      <c r="C9444" s="1" t="s">
        <v>48370</v>
      </c>
      <c r="D9444">
        <v>50089735</v>
      </c>
      <c r="E9444">
        <v>1</v>
      </c>
      <c r="F9444">
        <v>0</v>
      </c>
      <c r="H9444" t="s">
        <v>48371</v>
      </c>
      <c r="J9444" t="s">
        <v>48372</v>
      </c>
      <c r="K9444" t="s">
        <v>48373</v>
      </c>
      <c r="M9444">
        <v>9644796</v>
      </c>
      <c r="O9444">
        <v>9644796</v>
      </c>
      <c r="P9444">
        <v>1</v>
      </c>
      <c r="Q9444">
        <v>0</v>
      </c>
      <c r="R9444" t="s">
        <v>48374</v>
      </c>
      <c r="S9444">
        <v>273</v>
      </c>
    </row>
    <row r="9445" spans="1:19" x14ac:dyDescent="0.25">
      <c r="A9445">
        <v>29959103</v>
      </c>
      <c r="B9445" t="s">
        <v>48375</v>
      </c>
      <c r="C9445" s="1" t="s">
        <v>48376</v>
      </c>
      <c r="E9445">
        <v>1</v>
      </c>
      <c r="F9445">
        <v>0</v>
      </c>
      <c r="H9445" t="s">
        <v>48377</v>
      </c>
      <c r="J9445" t="s">
        <v>48378</v>
      </c>
      <c r="K9445" t="s">
        <v>48379</v>
      </c>
      <c r="M9445">
        <v>1816580</v>
      </c>
      <c r="O9445">
        <v>2497991</v>
      </c>
      <c r="P9445">
        <v>1</v>
      </c>
      <c r="Q9445">
        <v>0</v>
      </c>
      <c r="R9445" t="s">
        <v>48380</v>
      </c>
      <c r="S9445">
        <v>536</v>
      </c>
    </row>
    <row r="9446" spans="1:19" x14ac:dyDescent="0.25">
      <c r="A9446">
        <v>22411852</v>
      </c>
      <c r="B9446" t="s">
        <v>48381</v>
      </c>
      <c r="C9446" s="1" t="s">
        <v>48382</v>
      </c>
      <c r="D9446">
        <v>22412491</v>
      </c>
      <c r="E9446">
        <v>1</v>
      </c>
      <c r="F9446">
        <v>0</v>
      </c>
      <c r="H9446" t="s">
        <v>48383</v>
      </c>
      <c r="J9446" t="s">
        <v>48384</v>
      </c>
      <c r="O9446">
        <v>3022875</v>
      </c>
      <c r="P9446">
        <v>1</v>
      </c>
      <c r="Q9446">
        <v>0</v>
      </c>
      <c r="R9446" t="s">
        <v>229</v>
      </c>
      <c r="S9446">
        <v>34</v>
      </c>
    </row>
    <row r="9447" spans="1:19" x14ac:dyDescent="0.25">
      <c r="A9447">
        <v>40596744</v>
      </c>
      <c r="B9447" t="e">
        <f>-I flag in the makefile does not result in a header file being found</f>
        <v>#NAME?</v>
      </c>
      <c r="C9447" s="1" t="s">
        <v>48385</v>
      </c>
      <c r="D9447">
        <v>40597042</v>
      </c>
      <c r="E9447">
        <v>1</v>
      </c>
      <c r="F9447">
        <v>3</v>
      </c>
      <c r="H9447" t="s">
        <v>48386</v>
      </c>
      <c r="J9447" t="s">
        <v>48387</v>
      </c>
      <c r="K9447" t="s">
        <v>48388</v>
      </c>
      <c r="L9447" t="s">
        <v>48389</v>
      </c>
      <c r="N9447" t="s">
        <v>48389</v>
      </c>
      <c r="P9447">
        <v>1</v>
      </c>
      <c r="Q9447">
        <v>2</v>
      </c>
      <c r="R9447" t="s">
        <v>48390</v>
      </c>
      <c r="S9447">
        <v>80</v>
      </c>
    </row>
    <row r="9448" spans="1:19" x14ac:dyDescent="0.25">
      <c r="A9448">
        <v>25587403</v>
      </c>
      <c r="B9448" t="s">
        <v>48391</v>
      </c>
      <c r="C9448" s="1" t="s">
        <v>48392</v>
      </c>
      <c r="D9448">
        <v>25703699</v>
      </c>
      <c r="E9448">
        <v>2</v>
      </c>
      <c r="F9448">
        <v>2</v>
      </c>
      <c r="H9448" t="s">
        <v>48393</v>
      </c>
      <c r="I9448">
        <v>14</v>
      </c>
      <c r="J9448" t="s">
        <v>48394</v>
      </c>
      <c r="K9448" t="s">
        <v>48395</v>
      </c>
      <c r="M9448">
        <v>1053968</v>
      </c>
      <c r="O9448">
        <v>134692</v>
      </c>
      <c r="P9448">
        <v>1</v>
      </c>
      <c r="Q9448">
        <v>21</v>
      </c>
      <c r="R9448" t="s">
        <v>48396</v>
      </c>
      <c r="S9448">
        <v>6232</v>
      </c>
    </row>
    <row r="9449" spans="1:19" x14ac:dyDescent="0.25">
      <c r="A9449">
        <v>40396598</v>
      </c>
      <c r="B9449" t="s">
        <v>48397</v>
      </c>
      <c r="C9449" s="1" t="s">
        <v>48398</v>
      </c>
      <c r="D9449">
        <v>40398931</v>
      </c>
      <c r="E9449">
        <v>1</v>
      </c>
      <c r="F9449">
        <v>0</v>
      </c>
      <c r="H9449" t="s">
        <v>48399</v>
      </c>
      <c r="J9449" t="s">
        <v>48400</v>
      </c>
      <c r="K9449" t="s">
        <v>48401</v>
      </c>
      <c r="M9449">
        <v>4003548</v>
      </c>
      <c r="O9449">
        <v>7089350</v>
      </c>
      <c r="P9449">
        <v>1</v>
      </c>
      <c r="Q9449">
        <v>1</v>
      </c>
      <c r="R9449" t="s">
        <v>48402</v>
      </c>
      <c r="S9449">
        <v>159</v>
      </c>
    </row>
    <row r="9450" spans="1:19" x14ac:dyDescent="0.25">
      <c r="A9450">
        <v>38344494</v>
      </c>
      <c r="B9450" t="s">
        <v>48403</v>
      </c>
      <c r="C9450" s="1" t="s">
        <v>48404</v>
      </c>
      <c r="E9450">
        <v>0</v>
      </c>
      <c r="F9450">
        <v>0</v>
      </c>
      <c r="H9450" t="s">
        <v>48405</v>
      </c>
      <c r="J9450" t="s">
        <v>48406</v>
      </c>
      <c r="K9450" t="s">
        <v>48406</v>
      </c>
      <c r="M9450">
        <v>5099208</v>
      </c>
      <c r="O9450">
        <v>6582860</v>
      </c>
      <c r="P9450">
        <v>1</v>
      </c>
      <c r="Q9450">
        <v>1</v>
      </c>
      <c r="R9450" t="s">
        <v>48407</v>
      </c>
      <c r="S9450">
        <v>260</v>
      </c>
    </row>
    <row r="9451" spans="1:19" x14ac:dyDescent="0.25">
      <c r="A9451">
        <v>33215601</v>
      </c>
      <c r="B9451" t="s">
        <v>48408</v>
      </c>
      <c r="C9451" s="1" t="s">
        <v>48409</v>
      </c>
      <c r="D9451">
        <v>33215814</v>
      </c>
      <c r="E9451">
        <v>2</v>
      </c>
      <c r="F9451">
        <v>0</v>
      </c>
      <c r="H9451" t="s">
        <v>48410</v>
      </c>
      <c r="J9451" t="s">
        <v>48411</v>
      </c>
      <c r="O9451">
        <v>4633109</v>
      </c>
      <c r="P9451">
        <v>1</v>
      </c>
      <c r="Q9451">
        <v>0</v>
      </c>
      <c r="R9451" t="s">
        <v>40299</v>
      </c>
      <c r="S9451">
        <v>60</v>
      </c>
    </row>
    <row r="9452" spans="1:19" x14ac:dyDescent="0.25">
      <c r="A9452">
        <v>37927367</v>
      </c>
      <c r="B9452" t="s">
        <v>48412</v>
      </c>
      <c r="C9452" s="1" t="s">
        <v>48413</v>
      </c>
      <c r="E9452">
        <v>0</v>
      </c>
      <c r="F9452">
        <v>3</v>
      </c>
      <c r="H9452" t="s">
        <v>48414</v>
      </c>
      <c r="J9452" t="s">
        <v>48415</v>
      </c>
      <c r="K9452" t="s">
        <v>48415</v>
      </c>
      <c r="M9452">
        <v>593177</v>
      </c>
      <c r="O9452">
        <v>5196035</v>
      </c>
      <c r="P9452">
        <v>1</v>
      </c>
      <c r="Q9452">
        <v>0</v>
      </c>
      <c r="R9452" t="s">
        <v>48416</v>
      </c>
      <c r="S9452">
        <v>117</v>
      </c>
    </row>
    <row r="9453" spans="1:19" x14ac:dyDescent="0.25">
      <c r="A9453">
        <v>18958184</v>
      </c>
      <c r="B9453" t="s">
        <v>48417</v>
      </c>
      <c r="C9453" s="1" t="s">
        <v>48418</v>
      </c>
      <c r="E9453">
        <v>1</v>
      </c>
      <c r="F9453">
        <v>1</v>
      </c>
      <c r="H9453" t="s">
        <v>48419</v>
      </c>
      <c r="J9453" t="s">
        <v>48420</v>
      </c>
      <c r="K9453" t="s">
        <v>48421</v>
      </c>
      <c r="M9453">
        <v>-1</v>
      </c>
      <c r="O9453">
        <v>2806861</v>
      </c>
      <c r="P9453">
        <v>1</v>
      </c>
      <c r="Q9453">
        <v>4</v>
      </c>
      <c r="R9453" t="s">
        <v>48422</v>
      </c>
      <c r="S9453">
        <v>5491</v>
      </c>
    </row>
    <row r="9454" spans="1:19" x14ac:dyDescent="0.25">
      <c r="A9454">
        <v>1210934</v>
      </c>
      <c r="B9454" t="s">
        <v>48423</v>
      </c>
      <c r="C9454" s="1" t="s">
        <v>48424</v>
      </c>
      <c r="D9454">
        <v>1389034</v>
      </c>
      <c r="E9454">
        <v>2</v>
      </c>
      <c r="F9454">
        <v>0</v>
      </c>
      <c r="H9454" t="s">
        <v>48425</v>
      </c>
      <c r="I9454">
        <v>2</v>
      </c>
      <c r="J9454" t="s">
        <v>48426</v>
      </c>
      <c r="K9454" t="s">
        <v>48427</v>
      </c>
      <c r="M9454">
        <v>33708</v>
      </c>
      <c r="O9454">
        <v>86683</v>
      </c>
      <c r="P9454">
        <v>1</v>
      </c>
      <c r="Q9454">
        <v>0</v>
      </c>
      <c r="R9454" t="s">
        <v>48428</v>
      </c>
      <c r="S9454">
        <v>3758</v>
      </c>
    </row>
    <row r="9455" spans="1:19" x14ac:dyDescent="0.25">
      <c r="A9455">
        <v>45091055</v>
      </c>
      <c r="B9455" t="s">
        <v>48429</v>
      </c>
      <c r="C9455" s="1" t="s">
        <v>48430</v>
      </c>
      <c r="E9455">
        <v>0</v>
      </c>
      <c r="F9455">
        <v>1</v>
      </c>
      <c r="H9455" t="s">
        <v>48431</v>
      </c>
      <c r="J9455" t="s">
        <v>48431</v>
      </c>
      <c r="O9455">
        <v>228371</v>
      </c>
      <c r="P9455">
        <v>1</v>
      </c>
      <c r="Q9455">
        <v>2</v>
      </c>
      <c r="R9455" t="s">
        <v>48432</v>
      </c>
      <c r="S9455">
        <v>225</v>
      </c>
    </row>
    <row r="9456" spans="1:19" x14ac:dyDescent="0.25">
      <c r="A9456">
        <v>24157599</v>
      </c>
      <c r="B9456" t="s">
        <v>48433</v>
      </c>
      <c r="C9456" s="1" t="s">
        <v>48434</v>
      </c>
      <c r="E9456">
        <v>1</v>
      </c>
      <c r="F9456">
        <v>4</v>
      </c>
      <c r="H9456" t="s">
        <v>48435</v>
      </c>
      <c r="J9456" t="s">
        <v>48436</v>
      </c>
      <c r="K9456" t="s">
        <v>48437</v>
      </c>
      <c r="M9456">
        <v>3721996</v>
      </c>
      <c r="O9456">
        <v>3721996</v>
      </c>
      <c r="P9456">
        <v>1</v>
      </c>
      <c r="Q9456">
        <v>-1</v>
      </c>
      <c r="R9456" t="s">
        <v>11685</v>
      </c>
      <c r="S9456">
        <v>839</v>
      </c>
    </row>
    <row r="9457" spans="1:19" x14ac:dyDescent="0.25">
      <c r="A9457">
        <v>38215785</v>
      </c>
      <c r="B9457" t="s">
        <v>48438</v>
      </c>
      <c r="C9457" s="1" t="s">
        <v>48439</v>
      </c>
      <c r="E9457">
        <v>1</v>
      </c>
      <c r="F9457">
        <v>1</v>
      </c>
      <c r="H9457" t="s">
        <v>48440</v>
      </c>
      <c r="J9457" t="s">
        <v>48441</v>
      </c>
      <c r="O9457">
        <v>1226062</v>
      </c>
      <c r="P9457">
        <v>1</v>
      </c>
      <c r="Q9457">
        <v>0</v>
      </c>
      <c r="R9457" t="s">
        <v>48442</v>
      </c>
      <c r="S9457">
        <v>656</v>
      </c>
    </row>
    <row r="9458" spans="1:19" x14ac:dyDescent="0.25">
      <c r="A9458">
        <v>6426649</v>
      </c>
      <c r="B9458" t="s">
        <v>48443</v>
      </c>
      <c r="C9458" s="1" t="s">
        <v>48444</v>
      </c>
      <c r="D9458">
        <v>6426722</v>
      </c>
      <c r="E9458">
        <v>7</v>
      </c>
      <c r="F9458">
        <v>5</v>
      </c>
      <c r="H9458" t="s">
        <v>48445</v>
      </c>
      <c r="J9458" t="s">
        <v>48446</v>
      </c>
      <c r="K9458" t="s">
        <v>48447</v>
      </c>
      <c r="M9458">
        <v>241876</v>
      </c>
      <c r="O9458">
        <v>767445</v>
      </c>
      <c r="P9458">
        <v>1</v>
      </c>
      <c r="Q9458">
        <v>2</v>
      </c>
      <c r="R9458" t="s">
        <v>48448</v>
      </c>
      <c r="S9458">
        <v>231</v>
      </c>
    </row>
    <row r="9459" spans="1:19" x14ac:dyDescent="0.25">
      <c r="A9459">
        <v>39306641</v>
      </c>
      <c r="B9459" t="s">
        <v>48449</v>
      </c>
      <c r="C9459" s="1" t="s">
        <v>48450</v>
      </c>
      <c r="E9459">
        <v>0</v>
      </c>
      <c r="F9459">
        <v>3</v>
      </c>
      <c r="H9459" t="s">
        <v>48451</v>
      </c>
      <c r="J9459" t="s">
        <v>48452</v>
      </c>
      <c r="K9459" t="s">
        <v>48452</v>
      </c>
      <c r="M9459">
        <v>4111710</v>
      </c>
      <c r="O9459">
        <v>6790255</v>
      </c>
      <c r="P9459">
        <v>1</v>
      </c>
      <c r="Q9459">
        <v>1</v>
      </c>
      <c r="R9459" t="s">
        <v>2771</v>
      </c>
      <c r="S9459">
        <v>64</v>
      </c>
    </row>
    <row r="9460" spans="1:19" x14ac:dyDescent="0.25">
      <c r="A9460">
        <v>26230721</v>
      </c>
      <c r="B9460" t="s">
        <v>48453</v>
      </c>
      <c r="C9460" t="s">
        <v>48454</v>
      </c>
      <c r="E9460">
        <v>0</v>
      </c>
      <c r="F9460">
        <v>1</v>
      </c>
      <c r="H9460" t="s">
        <v>48455</v>
      </c>
      <c r="J9460" t="s">
        <v>48455</v>
      </c>
      <c r="O9460">
        <v>4025182</v>
      </c>
      <c r="P9460">
        <v>1</v>
      </c>
      <c r="Q9460">
        <v>2</v>
      </c>
      <c r="R9460" t="s">
        <v>48456</v>
      </c>
      <c r="S9460">
        <v>121</v>
      </c>
    </row>
    <row r="9461" spans="1:19" x14ac:dyDescent="0.25">
      <c r="A9461">
        <v>49486099</v>
      </c>
      <c r="B9461" t="s">
        <v>48457</v>
      </c>
      <c r="C9461" s="1" t="s">
        <v>48458</v>
      </c>
      <c r="D9461">
        <v>49487018</v>
      </c>
      <c r="E9461">
        <v>1</v>
      </c>
      <c r="F9461">
        <v>0</v>
      </c>
      <c r="H9461" t="s">
        <v>48459</v>
      </c>
      <c r="I9461">
        <v>1</v>
      </c>
      <c r="J9461" t="s">
        <v>48460</v>
      </c>
      <c r="O9461">
        <v>2333663</v>
      </c>
      <c r="P9461">
        <v>1</v>
      </c>
      <c r="Q9461">
        <v>1</v>
      </c>
      <c r="R9461" t="s">
        <v>48461</v>
      </c>
      <c r="S9461">
        <v>26</v>
      </c>
    </row>
    <row r="9462" spans="1:19" x14ac:dyDescent="0.25">
      <c r="A9462">
        <v>40800307</v>
      </c>
      <c r="B9462" t="s">
        <v>48462</v>
      </c>
      <c r="C9462" s="1" t="s">
        <v>48463</v>
      </c>
      <c r="E9462">
        <v>0</v>
      </c>
      <c r="F9462">
        <v>3</v>
      </c>
      <c r="H9462" t="s">
        <v>48464</v>
      </c>
      <c r="I9462">
        <v>1</v>
      </c>
      <c r="J9462" t="s">
        <v>48465</v>
      </c>
      <c r="K9462" t="s">
        <v>48465</v>
      </c>
      <c r="M9462">
        <v>2295676</v>
      </c>
      <c r="O9462">
        <v>2295676</v>
      </c>
      <c r="P9462">
        <v>1</v>
      </c>
      <c r="Q9462">
        <v>0</v>
      </c>
      <c r="R9462" t="s">
        <v>48466</v>
      </c>
      <c r="S9462">
        <v>111</v>
      </c>
    </row>
    <row r="9463" spans="1:19" x14ac:dyDescent="0.25">
      <c r="A9463">
        <v>17719142</v>
      </c>
      <c r="B9463" t="s">
        <v>48467</v>
      </c>
      <c r="C9463" s="1" t="s">
        <v>48468</v>
      </c>
      <c r="E9463">
        <v>0</v>
      </c>
      <c r="F9463">
        <v>11</v>
      </c>
      <c r="H9463" t="s">
        <v>48469</v>
      </c>
      <c r="J9463" t="s">
        <v>48469</v>
      </c>
      <c r="O9463">
        <v>2586804</v>
      </c>
      <c r="P9463">
        <v>1</v>
      </c>
      <c r="Q9463">
        <v>0</v>
      </c>
      <c r="R9463" t="s">
        <v>48470</v>
      </c>
      <c r="S9463">
        <v>84</v>
      </c>
    </row>
    <row r="9464" spans="1:19" x14ac:dyDescent="0.25">
      <c r="A9464">
        <v>18976704</v>
      </c>
      <c r="B9464" t="s">
        <v>48471</v>
      </c>
      <c r="C9464" s="1" t="s">
        <v>48472</v>
      </c>
      <c r="D9464">
        <v>18976849</v>
      </c>
      <c r="E9464">
        <v>1</v>
      </c>
      <c r="F9464">
        <v>1</v>
      </c>
      <c r="H9464" t="s">
        <v>48473</v>
      </c>
      <c r="J9464" t="s">
        <v>48474</v>
      </c>
      <c r="O9464">
        <v>991830</v>
      </c>
      <c r="P9464">
        <v>1</v>
      </c>
      <c r="Q9464">
        <v>0</v>
      </c>
      <c r="R9464" t="s">
        <v>48475</v>
      </c>
      <c r="S9464">
        <v>88</v>
      </c>
    </row>
    <row r="9465" spans="1:19" x14ac:dyDescent="0.25">
      <c r="A9465">
        <v>26733005</v>
      </c>
      <c r="B9465" t="s">
        <v>48476</v>
      </c>
      <c r="C9465" s="1" t="s">
        <v>48477</v>
      </c>
      <c r="E9465">
        <v>2</v>
      </c>
      <c r="F9465">
        <v>1</v>
      </c>
      <c r="H9465" t="s">
        <v>48478</v>
      </c>
      <c r="I9465">
        <v>1</v>
      </c>
      <c r="J9465" t="s">
        <v>48479</v>
      </c>
      <c r="K9465" t="s">
        <v>48480</v>
      </c>
      <c r="M9465">
        <v>2463734</v>
      </c>
      <c r="O9465">
        <v>2463734</v>
      </c>
      <c r="P9465">
        <v>1</v>
      </c>
      <c r="Q9465">
        <v>7</v>
      </c>
      <c r="R9465" t="s">
        <v>48481</v>
      </c>
      <c r="S9465">
        <v>975</v>
      </c>
    </row>
    <row r="9466" spans="1:19" x14ac:dyDescent="0.25">
      <c r="A9466">
        <v>4395379</v>
      </c>
      <c r="B9466" t="s">
        <v>48482</v>
      </c>
      <c r="C9466" s="1" t="s">
        <v>48483</v>
      </c>
      <c r="E9466">
        <v>0</v>
      </c>
      <c r="F9466">
        <v>0</v>
      </c>
      <c r="H9466" t="s">
        <v>48484</v>
      </c>
      <c r="I9466">
        <v>1</v>
      </c>
      <c r="J9466" t="s">
        <v>48484</v>
      </c>
      <c r="O9466">
        <v>521706</v>
      </c>
      <c r="P9466">
        <v>1</v>
      </c>
      <c r="Q9466">
        <v>1</v>
      </c>
      <c r="R9466" t="s">
        <v>4652</v>
      </c>
      <c r="S9466">
        <v>567</v>
      </c>
    </row>
    <row r="9467" spans="1:19" x14ac:dyDescent="0.25">
      <c r="A9467">
        <v>49671889</v>
      </c>
      <c r="B9467" t="s">
        <v>48485</v>
      </c>
      <c r="C9467" s="1" t="s">
        <v>48486</v>
      </c>
      <c r="D9467">
        <v>49720904</v>
      </c>
      <c r="E9467">
        <v>2</v>
      </c>
      <c r="F9467">
        <v>0</v>
      </c>
      <c r="H9467" t="s">
        <v>48487</v>
      </c>
      <c r="J9467" t="s">
        <v>48488</v>
      </c>
      <c r="K9467" t="s">
        <v>48489</v>
      </c>
      <c r="M9467">
        <v>9601505</v>
      </c>
      <c r="O9467">
        <v>9601505</v>
      </c>
      <c r="P9467">
        <v>1</v>
      </c>
      <c r="Q9467">
        <v>0</v>
      </c>
      <c r="R9467" t="s">
        <v>48490</v>
      </c>
      <c r="S9467">
        <v>31</v>
      </c>
    </row>
    <row r="9468" spans="1:19" x14ac:dyDescent="0.25">
      <c r="A9468">
        <v>37858061</v>
      </c>
      <c r="B9468" t="s">
        <v>48491</v>
      </c>
      <c r="C9468" s="1" t="s">
        <v>48492</v>
      </c>
      <c r="D9468">
        <v>37858180</v>
      </c>
      <c r="E9468">
        <v>4</v>
      </c>
      <c r="F9468">
        <v>0</v>
      </c>
      <c r="H9468" t="s">
        <v>48493</v>
      </c>
      <c r="I9468">
        <v>1</v>
      </c>
      <c r="J9468" t="s">
        <v>48494</v>
      </c>
      <c r="O9468">
        <v>4697952</v>
      </c>
      <c r="P9468">
        <v>1</v>
      </c>
      <c r="Q9468">
        <v>0</v>
      </c>
      <c r="R9468" t="s">
        <v>48495</v>
      </c>
      <c r="S9468">
        <v>5617</v>
      </c>
    </row>
    <row r="9469" spans="1:19" x14ac:dyDescent="0.25">
      <c r="A9469">
        <v>13189804</v>
      </c>
      <c r="B9469" t="s">
        <v>48496</v>
      </c>
      <c r="C9469" s="1" t="s">
        <v>48497</v>
      </c>
      <c r="E9469">
        <v>0</v>
      </c>
      <c r="F9469">
        <v>1</v>
      </c>
      <c r="H9469" t="s">
        <v>48498</v>
      </c>
      <c r="J9469" t="s">
        <v>48499</v>
      </c>
      <c r="K9469" t="s">
        <v>48499</v>
      </c>
      <c r="M9469">
        <v>1793336</v>
      </c>
      <c r="O9469">
        <v>1793336</v>
      </c>
      <c r="P9469">
        <v>1</v>
      </c>
      <c r="Q9469">
        <v>1</v>
      </c>
      <c r="R9469" t="s">
        <v>48500</v>
      </c>
      <c r="S9469">
        <v>58</v>
      </c>
    </row>
    <row r="9470" spans="1:19" x14ac:dyDescent="0.25">
      <c r="A9470">
        <v>4180442</v>
      </c>
      <c r="B9470" t="s">
        <v>48501</v>
      </c>
      <c r="C9470" s="1" t="s">
        <v>48502</v>
      </c>
      <c r="E9470">
        <v>2</v>
      </c>
      <c r="F9470">
        <v>0</v>
      </c>
      <c r="H9470" t="s">
        <v>48503</v>
      </c>
      <c r="J9470" t="s">
        <v>48504</v>
      </c>
      <c r="O9470">
        <v>488693</v>
      </c>
      <c r="P9470">
        <v>1</v>
      </c>
      <c r="Q9470">
        <v>0</v>
      </c>
      <c r="R9470" t="s">
        <v>48505</v>
      </c>
      <c r="S9470">
        <v>1893</v>
      </c>
    </row>
    <row r="9471" spans="1:19" x14ac:dyDescent="0.25">
      <c r="A9471">
        <v>48355628</v>
      </c>
      <c r="B9471" t="s">
        <v>48506</v>
      </c>
      <c r="C9471" s="1" t="s">
        <v>48507</v>
      </c>
      <c r="E9471">
        <v>1</v>
      </c>
      <c r="F9471">
        <v>2</v>
      </c>
      <c r="H9471" t="s">
        <v>48508</v>
      </c>
      <c r="J9471" t="s">
        <v>48509</v>
      </c>
      <c r="K9471" t="s">
        <v>48510</v>
      </c>
      <c r="M9471">
        <v>2535338</v>
      </c>
      <c r="O9471">
        <v>2535338</v>
      </c>
      <c r="P9471">
        <v>1</v>
      </c>
      <c r="Q9471">
        <v>1</v>
      </c>
      <c r="R9471" t="s">
        <v>48511</v>
      </c>
      <c r="S9471">
        <v>42</v>
      </c>
    </row>
    <row r="9472" spans="1:19" x14ac:dyDescent="0.25">
      <c r="A9472">
        <v>2261395</v>
      </c>
      <c r="B9472" t="s">
        <v>48512</v>
      </c>
      <c r="C9472" s="1" t="s">
        <v>48513</v>
      </c>
      <c r="D9472">
        <v>2261464</v>
      </c>
      <c r="E9472">
        <v>1</v>
      </c>
      <c r="F9472">
        <v>4</v>
      </c>
      <c r="H9472" t="s">
        <v>48514</v>
      </c>
      <c r="J9472" t="s">
        <v>48515</v>
      </c>
      <c r="K9472" t="s">
        <v>48516</v>
      </c>
      <c r="M9472">
        <v>205040</v>
      </c>
      <c r="O9472">
        <v>205040</v>
      </c>
      <c r="P9472">
        <v>1</v>
      </c>
      <c r="Q9472">
        <v>3</v>
      </c>
      <c r="R9472" t="s">
        <v>989</v>
      </c>
      <c r="S9472">
        <v>3295</v>
      </c>
    </row>
    <row r="9473" spans="1:19" x14ac:dyDescent="0.25">
      <c r="A9473">
        <v>22253999</v>
      </c>
      <c r="B9473" t="s">
        <v>48517</v>
      </c>
      <c r="C9473" s="1" t="s">
        <v>48518</v>
      </c>
      <c r="D9473">
        <v>22254189</v>
      </c>
      <c r="E9473">
        <v>1</v>
      </c>
      <c r="F9473">
        <v>1</v>
      </c>
      <c r="H9473" t="s">
        <v>48519</v>
      </c>
      <c r="J9473" t="s">
        <v>48520</v>
      </c>
      <c r="O9473">
        <v>2367406</v>
      </c>
      <c r="P9473">
        <v>1</v>
      </c>
      <c r="Q9473">
        <v>0</v>
      </c>
      <c r="R9473" t="s">
        <v>48521</v>
      </c>
      <c r="S9473">
        <v>339</v>
      </c>
    </row>
    <row r="9474" spans="1:19" x14ac:dyDescent="0.25">
      <c r="A9474">
        <v>43968956</v>
      </c>
      <c r="B9474" t="s">
        <v>48522</v>
      </c>
      <c r="C9474" s="1" t="s">
        <v>48523</v>
      </c>
      <c r="D9474">
        <v>43991398</v>
      </c>
      <c r="E9474">
        <v>2</v>
      </c>
      <c r="F9474">
        <v>6</v>
      </c>
      <c r="H9474" t="s">
        <v>48524</v>
      </c>
      <c r="I9474">
        <v>0</v>
      </c>
      <c r="J9474" t="s">
        <v>48525</v>
      </c>
      <c r="K9474" t="s">
        <v>48526</v>
      </c>
      <c r="M9474">
        <v>164148</v>
      </c>
      <c r="O9474">
        <v>164148</v>
      </c>
      <c r="P9474">
        <v>1</v>
      </c>
      <c r="Q9474">
        <v>2</v>
      </c>
      <c r="R9474" t="s">
        <v>48527</v>
      </c>
      <c r="S9474">
        <v>496</v>
      </c>
    </row>
    <row r="9475" spans="1:19" x14ac:dyDescent="0.25">
      <c r="A9475">
        <v>33470888</v>
      </c>
      <c r="B9475" t="s">
        <v>48528</v>
      </c>
      <c r="C9475" s="1" t="s">
        <v>48529</v>
      </c>
      <c r="E9475">
        <v>0</v>
      </c>
      <c r="F9475">
        <v>2</v>
      </c>
      <c r="H9475" t="s">
        <v>48530</v>
      </c>
      <c r="J9475" t="s">
        <v>48530</v>
      </c>
      <c r="O9475">
        <v>4468905</v>
      </c>
      <c r="P9475">
        <v>1</v>
      </c>
      <c r="Q9475">
        <v>0</v>
      </c>
      <c r="R9475" t="s">
        <v>48531</v>
      </c>
      <c r="S9475">
        <v>883</v>
      </c>
    </row>
    <row r="9476" spans="1:19" x14ac:dyDescent="0.25">
      <c r="A9476">
        <v>6255693</v>
      </c>
      <c r="B9476" t="s">
        <v>48532</v>
      </c>
      <c r="C9476" s="1" t="s">
        <v>48533</v>
      </c>
      <c r="E9476">
        <v>1</v>
      </c>
      <c r="F9476">
        <v>0</v>
      </c>
      <c r="H9476" t="s">
        <v>48534</v>
      </c>
      <c r="J9476" t="s">
        <v>48535</v>
      </c>
      <c r="O9476">
        <v>483292</v>
      </c>
      <c r="P9476">
        <v>1</v>
      </c>
      <c r="Q9476">
        <v>2</v>
      </c>
      <c r="R9476" t="s">
        <v>17335</v>
      </c>
      <c r="S9476">
        <v>149</v>
      </c>
    </row>
    <row r="9477" spans="1:19" x14ac:dyDescent="0.25">
      <c r="A9477">
        <v>25208682</v>
      </c>
      <c r="B9477" t="s">
        <v>48536</v>
      </c>
      <c r="C9477" s="1" t="s">
        <v>48537</v>
      </c>
      <c r="D9477">
        <v>25208744</v>
      </c>
      <c r="E9477">
        <v>3</v>
      </c>
      <c r="F9477">
        <v>6</v>
      </c>
      <c r="H9477" t="s">
        <v>48538</v>
      </c>
      <c r="J9477" t="s">
        <v>48539</v>
      </c>
      <c r="K9477" t="s">
        <v>48540</v>
      </c>
      <c r="M9477">
        <v>2993960</v>
      </c>
      <c r="O9477">
        <v>3923108</v>
      </c>
      <c r="P9477">
        <v>1</v>
      </c>
      <c r="Q9477">
        <v>1</v>
      </c>
      <c r="R9477" t="s">
        <v>748</v>
      </c>
      <c r="S9477">
        <v>215</v>
      </c>
    </row>
    <row r="9478" spans="1:19" x14ac:dyDescent="0.25">
      <c r="A9478">
        <v>40759444</v>
      </c>
      <c r="B9478" t="s">
        <v>48541</v>
      </c>
      <c r="C9478" s="1" t="s">
        <v>48542</v>
      </c>
      <c r="E9478">
        <v>1</v>
      </c>
      <c r="F9478">
        <v>1</v>
      </c>
      <c r="H9478" t="s">
        <v>48543</v>
      </c>
      <c r="J9478" t="s">
        <v>48544</v>
      </c>
      <c r="O9478">
        <v>5489963</v>
      </c>
      <c r="P9478">
        <v>1</v>
      </c>
      <c r="Q9478">
        <v>2</v>
      </c>
      <c r="R9478" t="s">
        <v>27498</v>
      </c>
      <c r="S9478">
        <v>73</v>
      </c>
    </row>
    <row r="9479" spans="1:19" x14ac:dyDescent="0.25">
      <c r="A9479">
        <v>18683760</v>
      </c>
      <c r="B9479" t="s">
        <v>48545</v>
      </c>
      <c r="C9479" s="1" t="s">
        <v>48546</v>
      </c>
      <c r="D9479">
        <v>18684403</v>
      </c>
      <c r="E9479">
        <v>1</v>
      </c>
      <c r="F9479">
        <v>0</v>
      </c>
      <c r="H9479" t="s">
        <v>48547</v>
      </c>
      <c r="J9479" t="s">
        <v>48548</v>
      </c>
      <c r="O9479">
        <v>2706382</v>
      </c>
      <c r="P9479">
        <v>1</v>
      </c>
      <c r="Q9479">
        <v>1</v>
      </c>
      <c r="R9479" t="s">
        <v>48549</v>
      </c>
      <c r="S9479">
        <v>418</v>
      </c>
    </row>
    <row r="9480" spans="1:19" x14ac:dyDescent="0.25">
      <c r="A9480">
        <v>1400463</v>
      </c>
      <c r="B9480" t="s">
        <v>48550</v>
      </c>
      <c r="C9480" s="1" t="s">
        <v>48551</v>
      </c>
      <c r="E9480">
        <v>1</v>
      </c>
      <c r="F9480">
        <v>0</v>
      </c>
      <c r="H9480" t="s">
        <v>48552</v>
      </c>
      <c r="J9480" t="s">
        <v>48553</v>
      </c>
      <c r="O9480">
        <v>72859</v>
      </c>
      <c r="P9480">
        <v>1</v>
      </c>
      <c r="Q9480">
        <v>5</v>
      </c>
      <c r="R9480" t="s">
        <v>48554</v>
      </c>
      <c r="S9480">
        <v>2576</v>
      </c>
    </row>
    <row r="9481" spans="1:19" x14ac:dyDescent="0.25">
      <c r="A9481">
        <v>52910839</v>
      </c>
      <c r="B9481" t="s">
        <v>48555</v>
      </c>
      <c r="C9481" s="1" t="s">
        <v>48556</v>
      </c>
      <c r="E9481">
        <v>0</v>
      </c>
      <c r="F9481">
        <v>2</v>
      </c>
      <c r="H9481" t="s">
        <v>48557</v>
      </c>
      <c r="J9481" t="s">
        <v>48558</v>
      </c>
      <c r="K9481" t="s">
        <v>48558</v>
      </c>
      <c r="M9481">
        <v>3776858</v>
      </c>
      <c r="O9481">
        <v>10441250</v>
      </c>
      <c r="P9481">
        <v>1</v>
      </c>
      <c r="Q9481">
        <v>0</v>
      </c>
      <c r="R9481" t="s">
        <v>48559</v>
      </c>
      <c r="S9481">
        <v>18</v>
      </c>
    </row>
    <row r="9482" spans="1:19" x14ac:dyDescent="0.25">
      <c r="A9482">
        <v>26650246</v>
      </c>
      <c r="B9482" t="s">
        <v>48560</v>
      </c>
      <c r="C9482" s="1" t="s">
        <v>48561</v>
      </c>
      <c r="E9482">
        <v>2</v>
      </c>
      <c r="F9482">
        <v>9</v>
      </c>
      <c r="H9482" t="s">
        <v>48562</v>
      </c>
      <c r="J9482" t="s">
        <v>48563</v>
      </c>
      <c r="O9482">
        <v>2694184</v>
      </c>
      <c r="P9482">
        <v>1</v>
      </c>
      <c r="Q9482">
        <v>0</v>
      </c>
      <c r="R9482" t="s">
        <v>48564</v>
      </c>
      <c r="S9482">
        <v>85</v>
      </c>
    </row>
    <row r="9483" spans="1:19" x14ac:dyDescent="0.25">
      <c r="A9483">
        <v>44782197</v>
      </c>
      <c r="B9483" t="s">
        <v>48565</v>
      </c>
      <c r="C9483" s="1" t="s">
        <v>48566</v>
      </c>
      <c r="D9483">
        <v>44921387</v>
      </c>
      <c r="E9483">
        <v>1</v>
      </c>
      <c r="F9483">
        <v>0</v>
      </c>
      <c r="H9483" t="s">
        <v>48567</v>
      </c>
      <c r="J9483" t="s">
        <v>48568</v>
      </c>
      <c r="K9483" t="s">
        <v>48569</v>
      </c>
      <c r="M9483">
        <v>7473025</v>
      </c>
      <c r="O9483">
        <v>7473025</v>
      </c>
      <c r="P9483">
        <v>1</v>
      </c>
      <c r="Q9483">
        <v>0</v>
      </c>
      <c r="R9483" t="s">
        <v>48570</v>
      </c>
      <c r="S9483">
        <v>34</v>
      </c>
    </row>
    <row r="9484" spans="1:19" x14ac:dyDescent="0.25">
      <c r="A9484">
        <v>5832878</v>
      </c>
      <c r="B9484" t="s">
        <v>48571</v>
      </c>
      <c r="C9484" s="1" t="s">
        <v>48572</v>
      </c>
      <c r="E9484">
        <v>2</v>
      </c>
      <c r="F9484">
        <v>0</v>
      </c>
      <c r="H9484" t="s">
        <v>48573</v>
      </c>
      <c r="J9484" t="s">
        <v>48574</v>
      </c>
      <c r="O9484">
        <v>607552</v>
      </c>
      <c r="P9484">
        <v>1</v>
      </c>
      <c r="Q9484">
        <v>1</v>
      </c>
      <c r="R9484" t="s">
        <v>48575</v>
      </c>
      <c r="S9484">
        <v>204</v>
      </c>
    </row>
    <row r="9485" spans="1:19" x14ac:dyDescent="0.25">
      <c r="A9485">
        <v>2330410</v>
      </c>
      <c r="B9485" t="s">
        <v>48576</v>
      </c>
      <c r="C9485" s="1" t="s">
        <v>48577</v>
      </c>
      <c r="E9485">
        <v>2</v>
      </c>
      <c r="F9485">
        <v>6</v>
      </c>
      <c r="H9485" t="s">
        <v>48578</v>
      </c>
      <c r="I9485">
        <v>1</v>
      </c>
      <c r="J9485" t="s">
        <v>48579</v>
      </c>
      <c r="K9485" t="s">
        <v>48580</v>
      </c>
      <c r="M9485">
        <v>64771</v>
      </c>
      <c r="O9485">
        <v>64771</v>
      </c>
      <c r="P9485">
        <v>1</v>
      </c>
      <c r="Q9485">
        <v>7</v>
      </c>
      <c r="R9485" t="s">
        <v>48581</v>
      </c>
      <c r="S9485">
        <v>1561</v>
      </c>
    </row>
    <row r="9486" spans="1:19" x14ac:dyDescent="0.25">
      <c r="A9486">
        <v>34092887</v>
      </c>
      <c r="B9486" t="s">
        <v>48582</v>
      </c>
      <c r="C9486" s="1" t="s">
        <v>48583</v>
      </c>
      <c r="E9486">
        <v>4</v>
      </c>
      <c r="F9486">
        <v>2</v>
      </c>
      <c r="H9486" t="s">
        <v>48584</v>
      </c>
      <c r="J9486" t="s">
        <v>48585</v>
      </c>
      <c r="K9486" t="s">
        <v>48586</v>
      </c>
      <c r="M9486">
        <v>387981</v>
      </c>
      <c r="O9486">
        <v>1967473</v>
      </c>
      <c r="P9486">
        <v>1</v>
      </c>
      <c r="Q9486">
        <v>0</v>
      </c>
      <c r="R9486" t="s">
        <v>48587</v>
      </c>
      <c r="S9486">
        <v>2533</v>
      </c>
    </row>
    <row r="9487" spans="1:19" x14ac:dyDescent="0.25">
      <c r="A9487">
        <v>40229104</v>
      </c>
      <c r="B9487" t="s">
        <v>48588</v>
      </c>
      <c r="C9487" s="1" t="s">
        <v>48589</v>
      </c>
      <c r="E9487">
        <v>0</v>
      </c>
      <c r="F9487">
        <v>6</v>
      </c>
      <c r="H9487" t="s">
        <v>48590</v>
      </c>
      <c r="J9487" t="s">
        <v>48591</v>
      </c>
      <c r="K9487" t="s">
        <v>48591</v>
      </c>
      <c r="M9487">
        <v>5508073</v>
      </c>
      <c r="O9487">
        <v>5508073</v>
      </c>
      <c r="P9487">
        <v>1</v>
      </c>
      <c r="Q9487">
        <v>0</v>
      </c>
      <c r="R9487" t="s">
        <v>48592</v>
      </c>
      <c r="S9487">
        <v>37</v>
      </c>
    </row>
    <row r="9488" spans="1:19" x14ac:dyDescent="0.25">
      <c r="A9488">
        <v>39429755</v>
      </c>
      <c r="B9488" t="s">
        <v>48593</v>
      </c>
      <c r="C9488" s="1" t="s">
        <v>48594</v>
      </c>
      <c r="D9488">
        <v>39430005</v>
      </c>
      <c r="E9488">
        <v>2</v>
      </c>
      <c r="F9488">
        <v>0</v>
      </c>
      <c r="H9488" t="s">
        <v>48595</v>
      </c>
      <c r="J9488" t="s">
        <v>48596</v>
      </c>
      <c r="O9488">
        <v>4526012</v>
      </c>
      <c r="P9488">
        <v>1</v>
      </c>
      <c r="Q9488">
        <v>0</v>
      </c>
      <c r="R9488" t="s">
        <v>30879</v>
      </c>
      <c r="S9488">
        <v>59</v>
      </c>
    </row>
    <row r="9489" spans="1:19" x14ac:dyDescent="0.25">
      <c r="A9489">
        <v>10671109</v>
      </c>
      <c r="B9489" t="s">
        <v>48597</v>
      </c>
      <c r="C9489" s="1" t="s">
        <v>48598</v>
      </c>
      <c r="D9489">
        <v>10671122</v>
      </c>
      <c r="E9489">
        <v>1</v>
      </c>
      <c r="F9489">
        <v>3</v>
      </c>
      <c r="H9489" t="s">
        <v>48599</v>
      </c>
      <c r="I9489">
        <v>1</v>
      </c>
      <c r="J9489" t="s">
        <v>48600</v>
      </c>
      <c r="K9489" t="s">
        <v>48600</v>
      </c>
      <c r="M9489">
        <v>1388760</v>
      </c>
      <c r="O9489">
        <v>1388760</v>
      </c>
      <c r="P9489">
        <v>1</v>
      </c>
      <c r="Q9489">
        <v>1</v>
      </c>
      <c r="R9489" t="s">
        <v>48601</v>
      </c>
      <c r="S9489">
        <v>7698</v>
      </c>
    </row>
    <row r="9490" spans="1:19" x14ac:dyDescent="0.25">
      <c r="A9490">
        <v>51527317</v>
      </c>
      <c r="B9490" t="s">
        <v>48602</v>
      </c>
      <c r="C9490" s="1" t="s">
        <v>48603</v>
      </c>
      <c r="E9490">
        <v>0</v>
      </c>
      <c r="F9490">
        <v>3</v>
      </c>
      <c r="H9490" t="s">
        <v>48604</v>
      </c>
      <c r="I9490">
        <v>1</v>
      </c>
      <c r="J9490" t="s">
        <v>48604</v>
      </c>
      <c r="O9490">
        <v>3112364</v>
      </c>
      <c r="P9490">
        <v>1</v>
      </c>
      <c r="Q9490">
        <v>2</v>
      </c>
      <c r="R9490" t="s">
        <v>48605</v>
      </c>
      <c r="S9490">
        <v>146</v>
      </c>
    </row>
    <row r="9491" spans="1:19" x14ac:dyDescent="0.25">
      <c r="A9491">
        <v>15144896</v>
      </c>
      <c r="B9491" t="s">
        <v>48606</v>
      </c>
      <c r="C9491" s="1" t="s">
        <v>48607</v>
      </c>
      <c r="E9491">
        <v>1</v>
      </c>
      <c r="F9491">
        <v>0</v>
      </c>
      <c r="H9491" t="s">
        <v>48608</v>
      </c>
      <c r="J9491" t="s">
        <v>48609</v>
      </c>
      <c r="O9491">
        <v>2121096</v>
      </c>
      <c r="P9491">
        <v>1</v>
      </c>
      <c r="Q9491">
        <v>0</v>
      </c>
      <c r="R9491" t="s">
        <v>989</v>
      </c>
      <c r="S9491">
        <v>93</v>
      </c>
    </row>
    <row r="9492" spans="1:19" x14ac:dyDescent="0.25">
      <c r="A9492">
        <v>18532989</v>
      </c>
      <c r="B9492" t="s">
        <v>48610</v>
      </c>
      <c r="C9492" s="1" t="s">
        <v>48611</v>
      </c>
      <c r="D9492">
        <v>18618822</v>
      </c>
      <c r="E9492">
        <v>1</v>
      </c>
      <c r="F9492">
        <v>3</v>
      </c>
      <c r="H9492" t="s">
        <v>48612</v>
      </c>
      <c r="I9492">
        <v>1</v>
      </c>
      <c r="J9492" t="s">
        <v>48613</v>
      </c>
      <c r="O9492">
        <v>1773155</v>
      </c>
      <c r="P9492">
        <v>1</v>
      </c>
      <c r="Q9492">
        <v>1</v>
      </c>
      <c r="R9492" t="s">
        <v>48614</v>
      </c>
      <c r="S9492">
        <v>4667</v>
      </c>
    </row>
    <row r="9493" spans="1:19" x14ac:dyDescent="0.25">
      <c r="A9493">
        <v>42834820</v>
      </c>
      <c r="B9493" t="s">
        <v>48615</v>
      </c>
      <c r="C9493" s="1" t="s">
        <v>48616</v>
      </c>
      <c r="D9493">
        <v>42892941</v>
      </c>
      <c r="E9493">
        <v>1</v>
      </c>
      <c r="F9493">
        <v>0</v>
      </c>
      <c r="H9493" t="s">
        <v>48617</v>
      </c>
      <c r="J9493" t="s">
        <v>48618</v>
      </c>
      <c r="K9493" t="s">
        <v>48619</v>
      </c>
      <c r="M9493">
        <v>345530</v>
      </c>
      <c r="O9493">
        <v>7113481</v>
      </c>
      <c r="P9493">
        <v>1</v>
      </c>
      <c r="Q9493">
        <v>3</v>
      </c>
      <c r="R9493" t="s">
        <v>48620</v>
      </c>
      <c r="S9493">
        <v>89</v>
      </c>
    </row>
    <row r="9494" spans="1:19" x14ac:dyDescent="0.25">
      <c r="A9494">
        <v>30147590</v>
      </c>
      <c r="B9494" t="s">
        <v>48621</v>
      </c>
      <c r="C9494" s="1" t="s">
        <v>48622</v>
      </c>
      <c r="E9494">
        <v>2</v>
      </c>
      <c r="F9494">
        <v>3</v>
      </c>
      <c r="H9494" t="s">
        <v>48623</v>
      </c>
      <c r="J9494" t="s">
        <v>48624</v>
      </c>
      <c r="O9494">
        <v>4273071</v>
      </c>
      <c r="P9494">
        <v>1</v>
      </c>
      <c r="Q9494">
        <v>-4</v>
      </c>
      <c r="R9494" t="s">
        <v>989</v>
      </c>
      <c r="S9494">
        <v>107</v>
      </c>
    </row>
    <row r="9495" spans="1:19" x14ac:dyDescent="0.25">
      <c r="A9495">
        <v>17494078</v>
      </c>
      <c r="B9495" t="s">
        <v>48625</v>
      </c>
      <c r="C9495" s="1" t="s">
        <v>48626</v>
      </c>
      <c r="D9495">
        <v>17494525</v>
      </c>
      <c r="E9495">
        <v>1</v>
      </c>
      <c r="F9495">
        <v>3</v>
      </c>
      <c r="H9495" t="s">
        <v>48627</v>
      </c>
      <c r="J9495" t="s">
        <v>48628</v>
      </c>
      <c r="O9495">
        <v>329637</v>
      </c>
      <c r="P9495">
        <v>1</v>
      </c>
      <c r="Q9495">
        <v>0</v>
      </c>
      <c r="R9495" t="s">
        <v>1239</v>
      </c>
      <c r="S9495">
        <v>54</v>
      </c>
    </row>
    <row r="9496" spans="1:19" x14ac:dyDescent="0.25">
      <c r="A9496">
        <v>7851710</v>
      </c>
      <c r="B9496" t="s">
        <v>48629</v>
      </c>
      <c r="C9496" s="1" t="s">
        <v>48630</v>
      </c>
      <c r="E9496">
        <v>1</v>
      </c>
      <c r="F9496">
        <v>0</v>
      </c>
      <c r="H9496" t="s">
        <v>48631</v>
      </c>
      <c r="J9496" t="s">
        <v>48632</v>
      </c>
      <c r="O9496">
        <v>992061</v>
      </c>
      <c r="P9496">
        <v>1</v>
      </c>
      <c r="Q9496">
        <v>1</v>
      </c>
      <c r="R9496" t="s">
        <v>48633</v>
      </c>
      <c r="S9496">
        <v>684</v>
      </c>
    </row>
    <row r="9497" spans="1:19" x14ac:dyDescent="0.25">
      <c r="A9497">
        <v>17359319</v>
      </c>
      <c r="B9497" t="s">
        <v>48634</v>
      </c>
      <c r="C9497" s="1" t="s">
        <v>48635</v>
      </c>
      <c r="E9497">
        <v>0</v>
      </c>
      <c r="F9497">
        <v>3</v>
      </c>
      <c r="H9497" t="s">
        <v>48636</v>
      </c>
      <c r="J9497" t="s">
        <v>48637</v>
      </c>
      <c r="K9497" t="s">
        <v>48637</v>
      </c>
      <c r="M9497">
        <v>2515311</v>
      </c>
      <c r="O9497">
        <v>2515311</v>
      </c>
      <c r="P9497">
        <v>1</v>
      </c>
      <c r="Q9497">
        <v>1</v>
      </c>
      <c r="R9497" t="s">
        <v>48638</v>
      </c>
      <c r="S9497">
        <v>149</v>
      </c>
    </row>
    <row r="9498" spans="1:19" x14ac:dyDescent="0.25">
      <c r="A9498">
        <v>23183791</v>
      </c>
      <c r="B9498" t="s">
        <v>48639</v>
      </c>
      <c r="C9498" s="1" t="s">
        <v>48640</v>
      </c>
      <c r="E9498">
        <v>2</v>
      </c>
      <c r="F9498">
        <v>1</v>
      </c>
      <c r="H9498" t="s">
        <v>48641</v>
      </c>
      <c r="I9498">
        <v>1</v>
      </c>
      <c r="J9498" t="s">
        <v>48642</v>
      </c>
      <c r="O9498">
        <v>3552848</v>
      </c>
      <c r="P9498">
        <v>1</v>
      </c>
      <c r="Q9498">
        <v>0</v>
      </c>
      <c r="R9498" t="s">
        <v>48643</v>
      </c>
      <c r="S9498">
        <v>298</v>
      </c>
    </row>
    <row r="9499" spans="1:19" x14ac:dyDescent="0.25">
      <c r="A9499">
        <v>51729973</v>
      </c>
      <c r="B9499" t="s">
        <v>48644</v>
      </c>
      <c r="C9499" s="1" t="s">
        <v>48645</v>
      </c>
      <c r="D9499">
        <v>51731286</v>
      </c>
      <c r="E9499">
        <v>1</v>
      </c>
      <c r="F9499">
        <v>2</v>
      </c>
      <c r="H9499" t="s">
        <v>48646</v>
      </c>
      <c r="J9499" t="s">
        <v>48647</v>
      </c>
      <c r="K9499" t="s">
        <v>48647</v>
      </c>
      <c r="M9499">
        <v>8915881</v>
      </c>
      <c r="O9499">
        <v>8915881</v>
      </c>
      <c r="P9499">
        <v>1</v>
      </c>
      <c r="Q9499">
        <v>0</v>
      </c>
      <c r="R9499" t="s">
        <v>48648</v>
      </c>
      <c r="S9499">
        <v>55</v>
      </c>
    </row>
    <row r="9500" spans="1:19" x14ac:dyDescent="0.25">
      <c r="A9500">
        <v>48127318</v>
      </c>
      <c r="B9500" t="s">
        <v>48649</v>
      </c>
      <c r="C9500" s="1" t="s">
        <v>48650</v>
      </c>
      <c r="D9500">
        <v>48130023</v>
      </c>
      <c r="E9500">
        <v>1</v>
      </c>
      <c r="F9500">
        <v>2</v>
      </c>
      <c r="H9500" t="s">
        <v>48651</v>
      </c>
      <c r="J9500" t="s">
        <v>48652</v>
      </c>
      <c r="K9500" t="s">
        <v>48653</v>
      </c>
      <c r="M9500">
        <v>4322687</v>
      </c>
      <c r="O9500">
        <v>8805150</v>
      </c>
      <c r="P9500">
        <v>1</v>
      </c>
      <c r="Q9500">
        <v>0</v>
      </c>
      <c r="R9500" t="s">
        <v>48654</v>
      </c>
      <c r="S9500">
        <v>53</v>
      </c>
    </row>
    <row r="9501" spans="1:19" x14ac:dyDescent="0.25">
      <c r="A9501">
        <v>9198133</v>
      </c>
      <c r="B9501" t="s">
        <v>48655</v>
      </c>
      <c r="C9501" s="1" t="s">
        <v>48656</v>
      </c>
      <c r="D9501">
        <v>9198202</v>
      </c>
      <c r="E9501">
        <v>1</v>
      </c>
      <c r="F9501">
        <v>1</v>
      </c>
      <c r="H9501" t="s">
        <v>48657</v>
      </c>
      <c r="J9501" t="s">
        <v>48658</v>
      </c>
      <c r="K9501" t="s">
        <v>48659</v>
      </c>
      <c r="M9501">
        <v>1171620</v>
      </c>
      <c r="O9501">
        <v>1171620</v>
      </c>
      <c r="P9501">
        <v>1</v>
      </c>
      <c r="Q9501">
        <v>0</v>
      </c>
      <c r="R9501" t="s">
        <v>48660</v>
      </c>
      <c r="S9501">
        <v>732</v>
      </c>
    </row>
    <row r="9502" spans="1:19" x14ac:dyDescent="0.25">
      <c r="A9502">
        <v>25669132</v>
      </c>
      <c r="B9502" t="s">
        <v>48661</v>
      </c>
      <c r="C9502" s="1" t="s">
        <v>48662</v>
      </c>
      <c r="E9502">
        <v>1</v>
      </c>
      <c r="F9502">
        <v>0</v>
      </c>
      <c r="H9502" t="s">
        <v>48663</v>
      </c>
      <c r="J9502" t="s">
        <v>48664</v>
      </c>
      <c r="O9502">
        <v>4008479</v>
      </c>
      <c r="P9502">
        <v>1</v>
      </c>
      <c r="Q9502">
        <v>-1</v>
      </c>
      <c r="R9502" t="s">
        <v>48665</v>
      </c>
      <c r="S9502">
        <v>736</v>
      </c>
    </row>
    <row r="9503" spans="1:19" x14ac:dyDescent="0.25">
      <c r="A9503">
        <v>3681798</v>
      </c>
      <c r="B9503" t="s">
        <v>48666</v>
      </c>
      <c r="C9503" s="1" t="s">
        <v>48667</v>
      </c>
      <c r="D9503">
        <v>3681856</v>
      </c>
      <c r="E9503">
        <v>5</v>
      </c>
      <c r="F9503">
        <v>0</v>
      </c>
      <c r="H9503" t="s">
        <v>48668</v>
      </c>
      <c r="J9503" t="s">
        <v>48669</v>
      </c>
      <c r="K9503" t="s">
        <v>48670</v>
      </c>
      <c r="M9503">
        <v>274117</v>
      </c>
      <c r="O9503">
        <v>274117</v>
      </c>
      <c r="P9503">
        <v>1</v>
      </c>
      <c r="Q9503">
        <v>0</v>
      </c>
      <c r="R9503" t="s">
        <v>48671</v>
      </c>
      <c r="S9503">
        <v>1451</v>
      </c>
    </row>
    <row r="9504" spans="1:19" x14ac:dyDescent="0.25">
      <c r="A9504">
        <v>12732046</v>
      </c>
      <c r="B9504" t="s">
        <v>48672</v>
      </c>
      <c r="C9504" s="1" t="s">
        <v>48673</v>
      </c>
      <c r="D9504">
        <v>12732078</v>
      </c>
      <c r="E9504">
        <v>1</v>
      </c>
      <c r="F9504">
        <v>0</v>
      </c>
      <c r="H9504" t="s">
        <v>48674</v>
      </c>
      <c r="I9504">
        <v>3</v>
      </c>
      <c r="J9504" t="s">
        <v>48675</v>
      </c>
      <c r="O9504">
        <v>1292663</v>
      </c>
      <c r="P9504">
        <v>1</v>
      </c>
      <c r="Q9504">
        <v>8</v>
      </c>
      <c r="R9504" t="s">
        <v>6962</v>
      </c>
      <c r="S9504">
        <v>14690</v>
      </c>
    </row>
    <row r="9505" spans="1:19" x14ac:dyDescent="0.25">
      <c r="A9505">
        <v>3348808</v>
      </c>
      <c r="B9505" t="s">
        <v>48676</v>
      </c>
      <c r="C9505" t="s">
        <v>48677</v>
      </c>
      <c r="D9505">
        <v>3356949</v>
      </c>
      <c r="E9505">
        <v>2</v>
      </c>
      <c r="F9505">
        <v>0</v>
      </c>
      <c r="H9505" t="s">
        <v>48678</v>
      </c>
      <c r="J9505" t="s">
        <v>48679</v>
      </c>
      <c r="O9505">
        <v>8424</v>
      </c>
      <c r="P9505">
        <v>1</v>
      </c>
      <c r="Q9505">
        <v>0</v>
      </c>
      <c r="R9505" t="s">
        <v>48680</v>
      </c>
      <c r="S9505">
        <v>1744</v>
      </c>
    </row>
    <row r="9506" spans="1:19" x14ac:dyDescent="0.25">
      <c r="A9506">
        <v>53251819</v>
      </c>
      <c r="B9506" t="s">
        <v>48681</v>
      </c>
      <c r="C9506" s="1" t="s">
        <v>48682</v>
      </c>
      <c r="E9506">
        <v>0</v>
      </c>
      <c r="F9506">
        <v>1</v>
      </c>
      <c r="H9506" t="s">
        <v>48683</v>
      </c>
      <c r="J9506" t="s">
        <v>48683</v>
      </c>
      <c r="O9506">
        <v>10144043</v>
      </c>
      <c r="P9506">
        <v>1</v>
      </c>
      <c r="Q9506">
        <v>0</v>
      </c>
      <c r="R9506" t="s">
        <v>48684</v>
      </c>
      <c r="S9506">
        <v>27</v>
      </c>
    </row>
    <row r="9507" spans="1:19" x14ac:dyDescent="0.25">
      <c r="A9507">
        <v>37987863</v>
      </c>
      <c r="B9507" t="s">
        <v>48685</v>
      </c>
      <c r="C9507" s="1" t="s">
        <v>48686</v>
      </c>
      <c r="E9507">
        <v>0</v>
      </c>
      <c r="F9507">
        <v>3</v>
      </c>
      <c r="H9507" t="s">
        <v>48687</v>
      </c>
      <c r="J9507" t="s">
        <v>48687</v>
      </c>
      <c r="K9507" t="s">
        <v>48688</v>
      </c>
      <c r="M9507">
        <v>-1</v>
      </c>
      <c r="O9507">
        <v>4480180</v>
      </c>
      <c r="P9507">
        <v>1</v>
      </c>
      <c r="Q9507">
        <v>0</v>
      </c>
      <c r="R9507" t="s">
        <v>48689</v>
      </c>
      <c r="S9507">
        <v>109</v>
      </c>
    </row>
    <row r="9508" spans="1:19" x14ac:dyDescent="0.25">
      <c r="A9508">
        <v>29859697</v>
      </c>
      <c r="B9508" t="s">
        <v>48690</v>
      </c>
      <c r="C9508" s="1" t="s">
        <v>48691</v>
      </c>
      <c r="E9508">
        <v>1</v>
      </c>
      <c r="F9508">
        <v>0</v>
      </c>
      <c r="H9508" t="s">
        <v>48692</v>
      </c>
      <c r="J9508" t="s">
        <v>48693</v>
      </c>
      <c r="K9508" t="s">
        <v>48694</v>
      </c>
      <c r="M9508">
        <v>64904</v>
      </c>
      <c r="O9508">
        <v>4656055</v>
      </c>
      <c r="P9508">
        <v>1</v>
      </c>
      <c r="Q9508">
        <v>2</v>
      </c>
      <c r="R9508" t="s">
        <v>48695</v>
      </c>
      <c r="S9508">
        <v>65</v>
      </c>
    </row>
    <row r="9509" spans="1:19" x14ac:dyDescent="0.25">
      <c r="A9509">
        <v>30212330</v>
      </c>
      <c r="B9509" t="s">
        <v>48696</v>
      </c>
      <c r="C9509" s="1" t="s">
        <v>48697</v>
      </c>
      <c r="D9509">
        <v>30218038</v>
      </c>
      <c r="E9509">
        <v>1</v>
      </c>
      <c r="F9509">
        <v>0</v>
      </c>
      <c r="H9509" t="s">
        <v>48698</v>
      </c>
      <c r="J9509" t="s">
        <v>48699</v>
      </c>
      <c r="K9509" t="s">
        <v>48700</v>
      </c>
      <c r="M9509">
        <v>1216612</v>
      </c>
      <c r="O9509">
        <v>3253659</v>
      </c>
      <c r="P9509">
        <v>1</v>
      </c>
      <c r="Q9509">
        <v>0</v>
      </c>
      <c r="R9509" t="s">
        <v>48701</v>
      </c>
      <c r="S9509">
        <v>692</v>
      </c>
    </row>
    <row r="9510" spans="1:19" x14ac:dyDescent="0.25">
      <c r="A9510">
        <v>28682452</v>
      </c>
      <c r="B9510" t="s">
        <v>48702</v>
      </c>
      <c r="C9510" s="1" t="s">
        <v>48703</v>
      </c>
      <c r="D9510">
        <v>28682850</v>
      </c>
      <c r="E9510">
        <v>3</v>
      </c>
      <c r="F9510">
        <v>2</v>
      </c>
      <c r="H9510" t="s">
        <v>48704</v>
      </c>
      <c r="I9510">
        <v>1</v>
      </c>
      <c r="J9510" t="s">
        <v>48705</v>
      </c>
      <c r="N9510" t="s">
        <v>48706</v>
      </c>
      <c r="P9510">
        <v>1</v>
      </c>
      <c r="Q9510">
        <v>4</v>
      </c>
      <c r="R9510" t="s">
        <v>48707</v>
      </c>
      <c r="S9510">
        <v>1220</v>
      </c>
    </row>
    <row r="9511" spans="1:19" x14ac:dyDescent="0.25">
      <c r="A9511">
        <v>9217808</v>
      </c>
      <c r="B9511" t="s">
        <v>48708</v>
      </c>
      <c r="C9511" s="1" t="s">
        <v>48709</v>
      </c>
      <c r="E9511">
        <v>0</v>
      </c>
      <c r="F9511">
        <v>2</v>
      </c>
      <c r="H9511" t="s">
        <v>48710</v>
      </c>
      <c r="I9511">
        <v>0</v>
      </c>
      <c r="J9511" t="s">
        <v>48710</v>
      </c>
      <c r="O9511">
        <v>1200483</v>
      </c>
      <c r="P9511">
        <v>1</v>
      </c>
      <c r="Q9511">
        <v>0</v>
      </c>
      <c r="R9511" t="s">
        <v>48711</v>
      </c>
      <c r="S9511">
        <v>403</v>
      </c>
    </row>
    <row r="9512" spans="1:19" x14ac:dyDescent="0.25">
      <c r="A9512">
        <v>37349897</v>
      </c>
      <c r="B9512" t="s">
        <v>48712</v>
      </c>
      <c r="C9512" s="1" t="s">
        <v>48713</v>
      </c>
      <c r="D9512">
        <v>37368928</v>
      </c>
      <c r="E9512">
        <v>1</v>
      </c>
      <c r="F9512">
        <v>0</v>
      </c>
      <c r="H9512" t="s">
        <v>48714</v>
      </c>
      <c r="J9512" t="s">
        <v>48715</v>
      </c>
      <c r="O9512">
        <v>2642996</v>
      </c>
      <c r="P9512">
        <v>1</v>
      </c>
      <c r="Q9512">
        <v>0</v>
      </c>
      <c r="R9512" t="s">
        <v>15992</v>
      </c>
      <c r="S9512">
        <v>65</v>
      </c>
    </row>
    <row r="9513" spans="1:19" x14ac:dyDescent="0.25">
      <c r="A9513">
        <v>29054280</v>
      </c>
      <c r="B9513" t="s">
        <v>48716</v>
      </c>
      <c r="C9513" s="1" t="s">
        <v>48717</v>
      </c>
      <c r="E9513">
        <v>1</v>
      </c>
      <c r="F9513">
        <v>1</v>
      </c>
      <c r="H9513" t="s">
        <v>48718</v>
      </c>
      <c r="J9513" t="s">
        <v>48719</v>
      </c>
      <c r="O9513">
        <v>4581141</v>
      </c>
      <c r="P9513">
        <v>1</v>
      </c>
      <c r="Q9513">
        <v>0</v>
      </c>
      <c r="R9513" t="s">
        <v>48720</v>
      </c>
      <c r="S9513">
        <v>108</v>
      </c>
    </row>
    <row r="9514" spans="1:19" x14ac:dyDescent="0.25">
      <c r="A9514">
        <v>34535555</v>
      </c>
      <c r="B9514" t="s">
        <v>48721</v>
      </c>
      <c r="C9514" s="1" t="s">
        <v>48722</v>
      </c>
      <c r="E9514">
        <v>3</v>
      </c>
      <c r="F9514">
        <v>1</v>
      </c>
      <c r="H9514" t="s">
        <v>48723</v>
      </c>
      <c r="J9514" t="s">
        <v>48724</v>
      </c>
      <c r="O9514">
        <v>5228881</v>
      </c>
      <c r="P9514">
        <v>1</v>
      </c>
      <c r="Q9514">
        <v>1</v>
      </c>
      <c r="R9514" t="s">
        <v>48725</v>
      </c>
      <c r="S9514">
        <v>2422</v>
      </c>
    </row>
    <row r="9515" spans="1:19" x14ac:dyDescent="0.25">
      <c r="A9515">
        <v>9603960</v>
      </c>
      <c r="B9515" t="s">
        <v>48726</v>
      </c>
      <c r="C9515" s="1" t="s">
        <v>48727</v>
      </c>
      <c r="E9515">
        <v>1</v>
      </c>
      <c r="F9515">
        <v>3</v>
      </c>
      <c r="H9515" t="s">
        <v>48728</v>
      </c>
      <c r="J9515" t="s">
        <v>48729</v>
      </c>
      <c r="K9515" t="s">
        <v>48730</v>
      </c>
      <c r="M9515">
        <v>1146775</v>
      </c>
      <c r="O9515">
        <v>1146775</v>
      </c>
      <c r="P9515">
        <v>1</v>
      </c>
      <c r="Q9515">
        <v>-1</v>
      </c>
      <c r="R9515" t="s">
        <v>48731</v>
      </c>
      <c r="S9515">
        <v>1475</v>
      </c>
    </row>
    <row r="9516" spans="1:19" x14ac:dyDescent="0.25">
      <c r="A9516">
        <v>16818541</v>
      </c>
      <c r="B9516" t="s">
        <v>48732</v>
      </c>
      <c r="C9516" s="1" t="s">
        <v>48733</v>
      </c>
      <c r="D9516">
        <v>16818721</v>
      </c>
      <c r="E9516">
        <v>3</v>
      </c>
      <c r="F9516">
        <v>1</v>
      </c>
      <c r="H9516" t="s">
        <v>48734</v>
      </c>
      <c r="I9516">
        <v>1</v>
      </c>
      <c r="J9516" t="s">
        <v>48735</v>
      </c>
      <c r="O9516">
        <v>2291321</v>
      </c>
      <c r="P9516">
        <v>1</v>
      </c>
      <c r="Q9516">
        <v>2</v>
      </c>
      <c r="R9516" t="s">
        <v>48736</v>
      </c>
      <c r="S9516">
        <v>487</v>
      </c>
    </row>
    <row r="9517" spans="1:19" x14ac:dyDescent="0.25">
      <c r="A9517">
        <v>51507309</v>
      </c>
      <c r="B9517" t="s">
        <v>48737</v>
      </c>
      <c r="C9517" s="1" t="s">
        <v>48738</v>
      </c>
      <c r="E9517">
        <v>0</v>
      </c>
      <c r="F9517">
        <v>0</v>
      </c>
      <c r="H9517" t="s">
        <v>48739</v>
      </c>
      <c r="I9517">
        <v>1</v>
      </c>
      <c r="J9517" t="s">
        <v>48739</v>
      </c>
      <c r="O9517">
        <v>1331233</v>
      </c>
      <c r="P9517">
        <v>1</v>
      </c>
      <c r="Q9517">
        <v>0</v>
      </c>
      <c r="R9517" t="s">
        <v>48740</v>
      </c>
      <c r="S9517">
        <v>18</v>
      </c>
    </row>
    <row r="9518" spans="1:19" x14ac:dyDescent="0.25">
      <c r="A9518">
        <v>42717191</v>
      </c>
      <c r="B9518" t="s">
        <v>48741</v>
      </c>
      <c r="C9518" s="1" t="s">
        <v>48742</v>
      </c>
      <c r="D9518">
        <v>42717376</v>
      </c>
      <c r="E9518">
        <v>1</v>
      </c>
      <c r="F9518">
        <v>2</v>
      </c>
      <c r="H9518" t="s">
        <v>48743</v>
      </c>
      <c r="J9518" t="s">
        <v>48744</v>
      </c>
      <c r="K9518" t="s">
        <v>48745</v>
      </c>
      <c r="M9518">
        <v>7568433</v>
      </c>
      <c r="O9518">
        <v>7568433</v>
      </c>
      <c r="P9518">
        <v>1</v>
      </c>
      <c r="Q9518">
        <v>1</v>
      </c>
      <c r="R9518" t="s">
        <v>9846</v>
      </c>
      <c r="S9518">
        <v>505</v>
      </c>
    </row>
    <row r="9519" spans="1:19" x14ac:dyDescent="0.25">
      <c r="A9519">
        <v>42689836</v>
      </c>
      <c r="B9519" t="s">
        <v>48746</v>
      </c>
      <c r="C9519" s="1" t="s">
        <v>48747</v>
      </c>
      <c r="E9519">
        <v>0</v>
      </c>
      <c r="F9519">
        <v>2</v>
      </c>
      <c r="H9519" t="s">
        <v>48748</v>
      </c>
      <c r="J9519" t="s">
        <v>48748</v>
      </c>
      <c r="O9519">
        <v>6837785</v>
      </c>
      <c r="P9519">
        <v>1</v>
      </c>
      <c r="Q9519">
        <v>0</v>
      </c>
      <c r="R9519" t="s">
        <v>48749</v>
      </c>
      <c r="S9519">
        <v>73</v>
      </c>
    </row>
    <row r="9520" spans="1:19" x14ac:dyDescent="0.25">
      <c r="A9520">
        <v>44418275</v>
      </c>
      <c r="B9520" t="s">
        <v>48750</v>
      </c>
      <c r="C9520" s="1" t="s">
        <v>48751</v>
      </c>
      <c r="E9520">
        <v>1</v>
      </c>
      <c r="F9520">
        <v>1</v>
      </c>
      <c r="H9520" t="s">
        <v>48752</v>
      </c>
      <c r="J9520" t="s">
        <v>48753</v>
      </c>
      <c r="O9520">
        <v>3700330</v>
      </c>
      <c r="P9520">
        <v>1</v>
      </c>
      <c r="Q9520">
        <v>0</v>
      </c>
      <c r="R9520" t="s">
        <v>48754</v>
      </c>
      <c r="S9520">
        <v>107</v>
      </c>
    </row>
    <row r="9521" spans="1:19" x14ac:dyDescent="0.25">
      <c r="A9521">
        <v>28988670</v>
      </c>
      <c r="B9521" t="s">
        <v>48755</v>
      </c>
      <c r="C9521" s="1" t="s">
        <v>48756</v>
      </c>
      <c r="D9521">
        <v>28988911</v>
      </c>
      <c r="E9521">
        <v>1</v>
      </c>
      <c r="F9521">
        <v>7</v>
      </c>
      <c r="H9521" t="s">
        <v>48757</v>
      </c>
      <c r="I9521">
        <v>2</v>
      </c>
      <c r="J9521" t="s">
        <v>48758</v>
      </c>
      <c r="K9521" t="s">
        <v>48758</v>
      </c>
      <c r="M9521">
        <v>578411</v>
      </c>
      <c r="O9521">
        <v>4619747</v>
      </c>
      <c r="P9521">
        <v>1</v>
      </c>
      <c r="Q9521">
        <v>3</v>
      </c>
      <c r="R9521" t="s">
        <v>48759</v>
      </c>
      <c r="S9521">
        <v>1194</v>
      </c>
    </row>
    <row r="9522" spans="1:19" x14ac:dyDescent="0.25">
      <c r="A9522">
        <v>42259093</v>
      </c>
      <c r="B9522" t="s">
        <v>48760</v>
      </c>
      <c r="C9522" s="1" t="s">
        <v>48761</v>
      </c>
      <c r="D9522">
        <v>42259255</v>
      </c>
      <c r="E9522">
        <v>2</v>
      </c>
      <c r="F9522">
        <v>1</v>
      </c>
      <c r="H9522" t="s">
        <v>48762</v>
      </c>
      <c r="J9522" t="s">
        <v>48763</v>
      </c>
      <c r="K9522" t="s">
        <v>48764</v>
      </c>
      <c r="M9522">
        <v>-1</v>
      </c>
      <c r="O9522">
        <v>6655140</v>
      </c>
      <c r="P9522">
        <v>1</v>
      </c>
      <c r="Q9522">
        <v>0</v>
      </c>
      <c r="R9522" t="s">
        <v>8920</v>
      </c>
      <c r="S9522">
        <v>477</v>
      </c>
    </row>
    <row r="9523" spans="1:19" x14ac:dyDescent="0.25">
      <c r="A9523">
        <v>49605451</v>
      </c>
      <c r="B9523" t="s">
        <v>48765</v>
      </c>
      <c r="C9523" s="1" t="s">
        <v>48766</v>
      </c>
      <c r="D9523">
        <v>49605532</v>
      </c>
      <c r="E9523">
        <v>1</v>
      </c>
      <c r="F9523">
        <v>3</v>
      </c>
      <c r="H9523" t="s">
        <v>48767</v>
      </c>
      <c r="J9523" t="s">
        <v>48768</v>
      </c>
      <c r="K9523" t="s">
        <v>48768</v>
      </c>
      <c r="M9523">
        <v>5321363</v>
      </c>
      <c r="O9523">
        <v>9583959</v>
      </c>
      <c r="P9523">
        <v>1</v>
      </c>
      <c r="Q9523">
        <v>0</v>
      </c>
      <c r="R9523" t="s">
        <v>48769</v>
      </c>
      <c r="S9523">
        <v>47</v>
      </c>
    </row>
    <row r="9524" spans="1:19" x14ac:dyDescent="0.25">
      <c r="A9524">
        <v>24578528</v>
      </c>
      <c r="B9524" t="s">
        <v>48770</v>
      </c>
      <c r="C9524" s="1" t="s">
        <v>48771</v>
      </c>
      <c r="D9524">
        <v>24582004</v>
      </c>
      <c r="E9524">
        <v>1</v>
      </c>
      <c r="F9524">
        <v>0</v>
      </c>
      <c r="H9524" t="s">
        <v>48772</v>
      </c>
      <c r="J9524" t="s">
        <v>48773</v>
      </c>
      <c r="O9524">
        <v>2246079</v>
      </c>
      <c r="P9524">
        <v>1</v>
      </c>
      <c r="Q9524">
        <v>1</v>
      </c>
      <c r="R9524" t="s">
        <v>46519</v>
      </c>
      <c r="S9524">
        <v>484</v>
      </c>
    </row>
    <row r="9525" spans="1:19" x14ac:dyDescent="0.25">
      <c r="A9525">
        <v>22161488</v>
      </c>
      <c r="B9525" t="s">
        <v>48774</v>
      </c>
      <c r="C9525" s="1" t="s">
        <v>48775</v>
      </c>
      <c r="E9525">
        <v>2</v>
      </c>
      <c r="F9525">
        <v>0</v>
      </c>
      <c r="H9525" t="s">
        <v>48776</v>
      </c>
      <c r="J9525" t="s">
        <v>48777</v>
      </c>
      <c r="O9525">
        <v>2097541</v>
      </c>
      <c r="P9525">
        <v>1</v>
      </c>
      <c r="Q9525">
        <v>0</v>
      </c>
      <c r="R9525" t="s">
        <v>48778</v>
      </c>
      <c r="S9525">
        <v>305</v>
      </c>
    </row>
    <row r="9526" spans="1:19" x14ac:dyDescent="0.25">
      <c r="A9526">
        <v>23308257</v>
      </c>
      <c r="B9526" t="s">
        <v>48779</v>
      </c>
      <c r="C9526" s="1" t="s">
        <v>48780</v>
      </c>
      <c r="D9526">
        <v>23311593</v>
      </c>
      <c r="E9526">
        <v>1</v>
      </c>
      <c r="F9526">
        <v>2</v>
      </c>
      <c r="H9526" t="s">
        <v>48781</v>
      </c>
      <c r="J9526" t="s">
        <v>48782</v>
      </c>
      <c r="K9526" t="s">
        <v>48783</v>
      </c>
      <c r="M9526">
        <v>699864</v>
      </c>
      <c r="O9526">
        <v>3575379</v>
      </c>
      <c r="P9526">
        <v>1</v>
      </c>
      <c r="Q9526">
        <v>0</v>
      </c>
      <c r="R9526" t="s">
        <v>16047</v>
      </c>
      <c r="S9526">
        <v>56</v>
      </c>
    </row>
    <row r="9527" spans="1:19" x14ac:dyDescent="0.25">
      <c r="A9527">
        <v>14051080</v>
      </c>
      <c r="B9527" t="s">
        <v>48784</v>
      </c>
      <c r="C9527" s="1" t="s">
        <v>48785</v>
      </c>
      <c r="E9527">
        <v>1</v>
      </c>
      <c r="F9527">
        <v>2</v>
      </c>
      <c r="H9527" t="s">
        <v>48786</v>
      </c>
      <c r="I9527">
        <v>1</v>
      </c>
      <c r="J9527" t="s">
        <v>48787</v>
      </c>
      <c r="K9527" t="s">
        <v>48788</v>
      </c>
      <c r="M9527">
        <v>521799</v>
      </c>
      <c r="O9527">
        <v>1900723</v>
      </c>
      <c r="P9527">
        <v>1</v>
      </c>
      <c r="Q9527">
        <v>9</v>
      </c>
      <c r="R9527" t="s">
        <v>48789</v>
      </c>
      <c r="S9527">
        <v>10741</v>
      </c>
    </row>
    <row r="9528" spans="1:19" x14ac:dyDescent="0.25">
      <c r="A9528">
        <v>8389969</v>
      </c>
      <c r="B9528" t="s">
        <v>48790</v>
      </c>
      <c r="C9528" s="1" t="s">
        <v>48791</v>
      </c>
      <c r="E9528">
        <v>2</v>
      </c>
      <c r="F9528">
        <v>0</v>
      </c>
      <c r="H9528" t="s">
        <v>48792</v>
      </c>
      <c r="J9528" t="s">
        <v>48793</v>
      </c>
      <c r="K9528" t="s">
        <v>48793</v>
      </c>
      <c r="M9528">
        <v>285578</v>
      </c>
      <c r="O9528">
        <v>1082068</v>
      </c>
      <c r="P9528">
        <v>1</v>
      </c>
      <c r="Q9528">
        <v>0</v>
      </c>
      <c r="R9528" t="s">
        <v>48794</v>
      </c>
      <c r="S9528">
        <v>211</v>
      </c>
    </row>
    <row r="9529" spans="1:19" x14ac:dyDescent="0.25">
      <c r="A9529">
        <v>38629305</v>
      </c>
      <c r="B9529" t="s">
        <v>48795</v>
      </c>
      <c r="C9529" s="1" t="s">
        <v>48796</v>
      </c>
      <c r="D9529">
        <v>38629694</v>
      </c>
      <c r="E9529">
        <v>1</v>
      </c>
      <c r="F9529">
        <v>2</v>
      </c>
      <c r="H9529" t="s">
        <v>48797</v>
      </c>
      <c r="J9529" t="s">
        <v>48798</v>
      </c>
      <c r="K9529" t="s">
        <v>48799</v>
      </c>
      <c r="M9529">
        <v>5131937</v>
      </c>
      <c r="O9529">
        <v>6648179</v>
      </c>
      <c r="P9529">
        <v>1</v>
      </c>
      <c r="Q9529">
        <v>0</v>
      </c>
      <c r="R9529" t="s">
        <v>48800</v>
      </c>
      <c r="S9529">
        <v>795</v>
      </c>
    </row>
    <row r="9530" spans="1:19" x14ac:dyDescent="0.25">
      <c r="A9530">
        <v>38653289</v>
      </c>
      <c r="B9530" t="s">
        <v>48801</v>
      </c>
      <c r="C9530" s="1" t="s">
        <v>48802</v>
      </c>
      <c r="D9530">
        <v>38653689</v>
      </c>
      <c r="E9530">
        <v>2</v>
      </c>
      <c r="F9530">
        <v>3</v>
      </c>
      <c r="H9530" t="s">
        <v>48803</v>
      </c>
      <c r="I9530">
        <v>3</v>
      </c>
      <c r="J9530" t="s">
        <v>48804</v>
      </c>
      <c r="K9530" t="s">
        <v>48805</v>
      </c>
      <c r="M9530">
        <v>3309480</v>
      </c>
      <c r="O9530">
        <v>3309480</v>
      </c>
      <c r="P9530">
        <v>1</v>
      </c>
      <c r="Q9530">
        <v>2</v>
      </c>
      <c r="R9530" t="s">
        <v>871</v>
      </c>
      <c r="S9530">
        <v>386</v>
      </c>
    </row>
    <row r="9531" spans="1:19" x14ac:dyDescent="0.25">
      <c r="A9531">
        <v>40799582</v>
      </c>
      <c r="B9531" t="s">
        <v>48806</v>
      </c>
      <c r="C9531" s="1" t="s">
        <v>48807</v>
      </c>
      <c r="E9531">
        <v>2</v>
      </c>
      <c r="F9531">
        <v>4</v>
      </c>
      <c r="H9531" t="s">
        <v>48808</v>
      </c>
      <c r="J9531" t="s">
        <v>48809</v>
      </c>
      <c r="K9531" t="s">
        <v>48810</v>
      </c>
      <c r="M9531">
        <v>7102967</v>
      </c>
      <c r="O9531">
        <v>7102967</v>
      </c>
      <c r="P9531">
        <v>1</v>
      </c>
      <c r="Q9531">
        <v>2</v>
      </c>
      <c r="R9531" t="s">
        <v>48811</v>
      </c>
      <c r="S9531">
        <v>71</v>
      </c>
    </row>
    <row r="9532" spans="1:19" x14ac:dyDescent="0.25">
      <c r="A9532">
        <v>7207422</v>
      </c>
      <c r="B9532" t="s">
        <v>48812</v>
      </c>
      <c r="C9532" s="1" t="s">
        <v>48813</v>
      </c>
      <c r="D9532">
        <v>7211253</v>
      </c>
      <c r="E9532">
        <v>1</v>
      </c>
      <c r="F9532">
        <v>0</v>
      </c>
      <c r="H9532" t="s">
        <v>48814</v>
      </c>
      <c r="I9532">
        <v>12</v>
      </c>
      <c r="J9532" t="s">
        <v>48815</v>
      </c>
      <c r="O9532">
        <v>840949</v>
      </c>
      <c r="P9532">
        <v>1</v>
      </c>
      <c r="Q9532">
        <v>22</v>
      </c>
      <c r="R9532" t="s">
        <v>48816</v>
      </c>
      <c r="S9532">
        <v>18286</v>
      </c>
    </row>
    <row r="9533" spans="1:19" x14ac:dyDescent="0.25">
      <c r="A9533">
        <v>39140507</v>
      </c>
      <c r="B9533" t="s">
        <v>48817</v>
      </c>
      <c r="C9533" s="1" t="s">
        <v>48818</v>
      </c>
      <c r="E9533">
        <v>2</v>
      </c>
      <c r="F9533">
        <v>4</v>
      </c>
      <c r="H9533" t="s">
        <v>48819</v>
      </c>
      <c r="J9533" t="s">
        <v>48820</v>
      </c>
      <c r="K9533" t="s">
        <v>48821</v>
      </c>
      <c r="M9533">
        <v>1796907</v>
      </c>
      <c r="O9533">
        <v>5527776</v>
      </c>
      <c r="P9533">
        <v>1</v>
      </c>
      <c r="Q9533">
        <v>0</v>
      </c>
      <c r="R9533" t="s">
        <v>48822</v>
      </c>
      <c r="S9533">
        <v>83</v>
      </c>
    </row>
    <row r="9534" spans="1:19" x14ac:dyDescent="0.25">
      <c r="A9534">
        <v>35884825</v>
      </c>
      <c r="B9534" t="s">
        <v>48823</v>
      </c>
      <c r="C9534" s="1" t="s">
        <v>48824</v>
      </c>
      <c r="D9534">
        <v>36139155</v>
      </c>
      <c r="E9534">
        <v>1</v>
      </c>
      <c r="F9534">
        <v>6</v>
      </c>
      <c r="H9534" t="s">
        <v>48825</v>
      </c>
      <c r="I9534">
        <v>1</v>
      </c>
      <c r="J9534" t="s">
        <v>48826</v>
      </c>
      <c r="K9534" t="s">
        <v>48827</v>
      </c>
      <c r="M9534">
        <v>-1</v>
      </c>
      <c r="O9534">
        <v>1796173</v>
      </c>
      <c r="P9534">
        <v>1</v>
      </c>
      <c r="Q9534">
        <v>5</v>
      </c>
      <c r="R9534" t="s">
        <v>4767</v>
      </c>
      <c r="S9534">
        <v>601</v>
      </c>
    </row>
    <row r="9535" spans="1:19" x14ac:dyDescent="0.25">
      <c r="A9535">
        <v>13600827</v>
      </c>
      <c r="B9535" t="s">
        <v>48828</v>
      </c>
      <c r="C9535" s="1" t="s">
        <v>48829</v>
      </c>
      <c r="E9535">
        <v>0</v>
      </c>
      <c r="F9535">
        <v>2</v>
      </c>
      <c r="H9535" t="s">
        <v>48830</v>
      </c>
      <c r="J9535" t="s">
        <v>48831</v>
      </c>
      <c r="K9535" t="s">
        <v>48831</v>
      </c>
      <c r="M9535">
        <v>961234</v>
      </c>
      <c r="O9535">
        <v>1614819</v>
      </c>
      <c r="P9535">
        <v>1</v>
      </c>
      <c r="Q9535">
        <v>1</v>
      </c>
      <c r="R9535" t="s">
        <v>48832</v>
      </c>
      <c r="S9535">
        <v>687</v>
      </c>
    </row>
    <row r="9536" spans="1:19" x14ac:dyDescent="0.25">
      <c r="A9536">
        <v>11936790</v>
      </c>
      <c r="B9536" t="s">
        <v>48833</v>
      </c>
      <c r="C9536" s="1" t="s">
        <v>48834</v>
      </c>
      <c r="D9536">
        <v>11955844</v>
      </c>
      <c r="E9536">
        <v>3</v>
      </c>
      <c r="F9536">
        <v>5</v>
      </c>
      <c r="H9536" t="s">
        <v>48835</v>
      </c>
      <c r="J9536" t="s">
        <v>48836</v>
      </c>
      <c r="K9536" t="s">
        <v>48837</v>
      </c>
      <c r="M9536">
        <v>-1</v>
      </c>
      <c r="O9536">
        <v>1595702</v>
      </c>
      <c r="P9536">
        <v>1</v>
      </c>
      <c r="Q9536">
        <v>0</v>
      </c>
      <c r="R9536" t="s">
        <v>48838</v>
      </c>
      <c r="S9536">
        <v>176</v>
      </c>
    </row>
    <row r="9537" spans="1:19" x14ac:dyDescent="0.25">
      <c r="A9537">
        <v>50707438</v>
      </c>
      <c r="B9537" t="s">
        <v>48839</v>
      </c>
      <c r="C9537" s="1" t="s">
        <v>48840</v>
      </c>
      <c r="E9537">
        <v>0</v>
      </c>
      <c r="F9537">
        <v>1</v>
      </c>
      <c r="H9537" t="s">
        <v>48841</v>
      </c>
      <c r="J9537" t="s">
        <v>48841</v>
      </c>
      <c r="O9537">
        <v>9688314</v>
      </c>
      <c r="P9537">
        <v>1</v>
      </c>
      <c r="Q9537">
        <v>0</v>
      </c>
      <c r="R9537" t="s">
        <v>48842</v>
      </c>
      <c r="S9537">
        <v>15</v>
      </c>
    </row>
    <row r="9538" spans="1:19" x14ac:dyDescent="0.25">
      <c r="A9538">
        <v>15969082</v>
      </c>
      <c r="B9538" t="s">
        <v>48843</v>
      </c>
      <c r="C9538" s="1" t="s">
        <v>48844</v>
      </c>
      <c r="D9538">
        <v>15969256</v>
      </c>
      <c r="E9538">
        <v>5</v>
      </c>
      <c r="F9538">
        <v>0</v>
      </c>
      <c r="H9538" t="s">
        <v>48845</v>
      </c>
      <c r="I9538">
        <v>14</v>
      </c>
      <c r="J9538" t="s">
        <v>48846</v>
      </c>
      <c r="O9538">
        <v>1780678</v>
      </c>
      <c r="P9538">
        <v>1</v>
      </c>
      <c r="Q9538">
        <v>28</v>
      </c>
      <c r="R9538" t="s">
        <v>48847</v>
      </c>
      <c r="S9538">
        <v>48364</v>
      </c>
    </row>
    <row r="9539" spans="1:19" x14ac:dyDescent="0.25">
      <c r="A9539">
        <v>9479571</v>
      </c>
      <c r="B9539" t="s">
        <v>48848</v>
      </c>
      <c r="C9539" s="1" t="s">
        <v>48849</v>
      </c>
      <c r="E9539">
        <v>1</v>
      </c>
      <c r="F9539">
        <v>3</v>
      </c>
      <c r="H9539" t="s">
        <v>48850</v>
      </c>
      <c r="J9539" t="s">
        <v>48851</v>
      </c>
      <c r="O9539">
        <v>978709</v>
      </c>
      <c r="P9539">
        <v>1</v>
      </c>
      <c r="Q9539">
        <v>3</v>
      </c>
      <c r="R9539" t="s">
        <v>48852</v>
      </c>
      <c r="S9539">
        <v>2346</v>
      </c>
    </row>
    <row r="9540" spans="1:19" x14ac:dyDescent="0.25">
      <c r="A9540">
        <v>15055718</v>
      </c>
      <c r="B9540" t="s">
        <v>48853</v>
      </c>
      <c r="C9540" s="1" t="s">
        <v>48854</v>
      </c>
      <c r="E9540">
        <v>3</v>
      </c>
      <c r="F9540">
        <v>2</v>
      </c>
      <c r="H9540" t="s">
        <v>48855</v>
      </c>
      <c r="J9540" t="s">
        <v>48856</v>
      </c>
      <c r="O9540">
        <v>1111198</v>
      </c>
      <c r="P9540">
        <v>1</v>
      </c>
      <c r="Q9540">
        <v>0</v>
      </c>
      <c r="R9540" t="s">
        <v>48857</v>
      </c>
      <c r="S9540">
        <v>4685</v>
      </c>
    </row>
    <row r="9541" spans="1:19" x14ac:dyDescent="0.25">
      <c r="A9541">
        <v>4482394</v>
      </c>
      <c r="B9541" t="s">
        <v>48858</v>
      </c>
      <c r="C9541" s="1" t="s">
        <v>48859</v>
      </c>
      <c r="D9541">
        <v>4482428</v>
      </c>
      <c r="E9541">
        <v>2</v>
      </c>
      <c r="F9541">
        <v>0</v>
      </c>
      <c r="H9541" t="s">
        <v>48860</v>
      </c>
      <c r="J9541" t="s">
        <v>48861</v>
      </c>
      <c r="O9541">
        <v>443966</v>
      </c>
      <c r="P9541">
        <v>1</v>
      </c>
      <c r="Q9541">
        <v>2</v>
      </c>
      <c r="R9541" t="s">
        <v>48862</v>
      </c>
      <c r="S9541">
        <v>6143</v>
      </c>
    </row>
    <row r="9542" spans="1:19" x14ac:dyDescent="0.25">
      <c r="A9542">
        <v>39253377</v>
      </c>
      <c r="B9542" t="s">
        <v>48863</v>
      </c>
      <c r="C9542" s="1" t="s">
        <v>48864</v>
      </c>
      <c r="E9542">
        <v>0</v>
      </c>
      <c r="F9542">
        <v>3</v>
      </c>
      <c r="H9542" t="s">
        <v>48865</v>
      </c>
      <c r="J9542" t="s">
        <v>48866</v>
      </c>
      <c r="K9542" t="s">
        <v>48866</v>
      </c>
      <c r="M9542">
        <v>5848808</v>
      </c>
      <c r="O9542">
        <v>6779379</v>
      </c>
      <c r="P9542">
        <v>1</v>
      </c>
      <c r="Q9542">
        <v>2</v>
      </c>
      <c r="R9542" t="s">
        <v>48867</v>
      </c>
      <c r="S9542">
        <v>55</v>
      </c>
    </row>
    <row r="9543" spans="1:19" x14ac:dyDescent="0.25">
      <c r="A9543">
        <v>16893848</v>
      </c>
      <c r="B9543" t="s">
        <v>48868</v>
      </c>
      <c r="C9543" s="1" t="s">
        <v>48869</v>
      </c>
      <c r="E9543">
        <v>1</v>
      </c>
      <c r="F9543">
        <v>2</v>
      </c>
      <c r="H9543" t="s">
        <v>48870</v>
      </c>
      <c r="I9543">
        <v>1</v>
      </c>
      <c r="J9543" t="s">
        <v>48871</v>
      </c>
      <c r="K9543" t="s">
        <v>48871</v>
      </c>
      <c r="M9543">
        <v>1153747</v>
      </c>
      <c r="O9543">
        <v>1297064</v>
      </c>
      <c r="P9543">
        <v>1</v>
      </c>
      <c r="Q9543">
        <v>1</v>
      </c>
      <c r="R9543" t="s">
        <v>48872</v>
      </c>
      <c r="S9543">
        <v>528</v>
      </c>
    </row>
    <row r="9544" spans="1:19" x14ac:dyDescent="0.25">
      <c r="A9544">
        <v>29579163</v>
      </c>
      <c r="B9544" t="s">
        <v>48873</v>
      </c>
      <c r="C9544" s="1" t="s">
        <v>48874</v>
      </c>
      <c r="D9544">
        <v>29655730</v>
      </c>
      <c r="E9544">
        <v>1</v>
      </c>
      <c r="F9544">
        <v>0</v>
      </c>
      <c r="H9544" t="s">
        <v>48875</v>
      </c>
      <c r="J9544" t="s">
        <v>48876</v>
      </c>
      <c r="K9544" t="s">
        <v>48877</v>
      </c>
      <c r="M9544">
        <v>4777021</v>
      </c>
      <c r="O9544">
        <v>4777021</v>
      </c>
      <c r="P9544">
        <v>1</v>
      </c>
      <c r="Q9544">
        <v>-1</v>
      </c>
      <c r="R9544" t="s">
        <v>48878</v>
      </c>
      <c r="S9544">
        <v>12</v>
      </c>
    </row>
    <row r="9545" spans="1:19" x14ac:dyDescent="0.25">
      <c r="A9545">
        <v>6543352</v>
      </c>
      <c r="B9545" t="s">
        <v>48879</v>
      </c>
      <c r="C9545" s="1" t="s">
        <v>48880</v>
      </c>
      <c r="D9545">
        <v>6543542</v>
      </c>
      <c r="E9545">
        <v>2</v>
      </c>
      <c r="F9545">
        <v>0</v>
      </c>
      <c r="H9545" t="s">
        <v>48881</v>
      </c>
      <c r="J9545" t="s">
        <v>48882</v>
      </c>
      <c r="O9545">
        <v>160830</v>
      </c>
      <c r="P9545">
        <v>1</v>
      </c>
      <c r="Q9545">
        <v>2</v>
      </c>
      <c r="R9545" t="s">
        <v>48883</v>
      </c>
      <c r="S9545">
        <v>363</v>
      </c>
    </row>
    <row r="9546" spans="1:19" x14ac:dyDescent="0.25">
      <c r="A9546">
        <v>2460040</v>
      </c>
      <c r="B9546" t="s">
        <v>48884</v>
      </c>
      <c r="C9546" s="1" t="s">
        <v>48885</v>
      </c>
      <c r="D9546">
        <v>2460059</v>
      </c>
      <c r="E9546">
        <v>3</v>
      </c>
      <c r="F9546">
        <v>9</v>
      </c>
      <c r="H9546" t="s">
        <v>48886</v>
      </c>
      <c r="J9546" t="s">
        <v>48887</v>
      </c>
      <c r="K9546" t="s">
        <v>48888</v>
      </c>
      <c r="M9546">
        <v>193619</v>
      </c>
      <c r="O9546">
        <v>193619</v>
      </c>
      <c r="P9546">
        <v>1</v>
      </c>
      <c r="Q9546">
        <v>2</v>
      </c>
      <c r="R9546" t="s">
        <v>48889</v>
      </c>
      <c r="S9546">
        <v>128</v>
      </c>
    </row>
    <row r="9547" spans="1:19" x14ac:dyDescent="0.25">
      <c r="A9547">
        <v>41301334</v>
      </c>
      <c r="B9547" t="s">
        <v>48890</v>
      </c>
      <c r="C9547" s="1" t="s">
        <v>48891</v>
      </c>
      <c r="E9547">
        <v>1</v>
      </c>
      <c r="F9547">
        <v>3</v>
      </c>
      <c r="H9547" t="s">
        <v>48892</v>
      </c>
      <c r="J9547" t="s">
        <v>48893</v>
      </c>
      <c r="K9547" t="s">
        <v>48893</v>
      </c>
      <c r="M9547">
        <v>4843993</v>
      </c>
      <c r="O9547">
        <v>7250452</v>
      </c>
      <c r="P9547">
        <v>1</v>
      </c>
      <c r="Q9547">
        <v>0</v>
      </c>
      <c r="R9547" t="s">
        <v>48894</v>
      </c>
      <c r="S9547">
        <v>60</v>
      </c>
    </row>
    <row r="9548" spans="1:19" x14ac:dyDescent="0.25">
      <c r="A9548">
        <v>42613033</v>
      </c>
      <c r="B9548" t="s">
        <v>48895</v>
      </c>
      <c r="C9548" s="1" t="s">
        <v>48896</v>
      </c>
      <c r="E9548">
        <v>0</v>
      </c>
      <c r="F9548">
        <v>2</v>
      </c>
      <c r="H9548" t="s">
        <v>48897</v>
      </c>
      <c r="J9548" t="s">
        <v>48897</v>
      </c>
      <c r="O9548">
        <v>6093370</v>
      </c>
      <c r="P9548">
        <v>1</v>
      </c>
      <c r="Q9548">
        <v>0</v>
      </c>
      <c r="R9548" t="s">
        <v>48898</v>
      </c>
      <c r="S9548">
        <v>35</v>
      </c>
    </row>
    <row r="9549" spans="1:19" x14ac:dyDescent="0.25">
      <c r="A9549">
        <v>11956701</v>
      </c>
      <c r="B9549" t="s">
        <v>48899</v>
      </c>
      <c r="C9549" s="1" t="s">
        <v>48900</v>
      </c>
      <c r="D9549">
        <v>11957460</v>
      </c>
      <c r="E9549">
        <v>2</v>
      </c>
      <c r="F9549">
        <v>2</v>
      </c>
      <c r="H9549" t="s">
        <v>48901</v>
      </c>
      <c r="J9549" t="s">
        <v>48902</v>
      </c>
      <c r="O9549">
        <v>863637</v>
      </c>
      <c r="P9549">
        <v>1</v>
      </c>
      <c r="Q9549">
        <v>0</v>
      </c>
      <c r="R9549" t="s">
        <v>48903</v>
      </c>
      <c r="S9549">
        <v>97</v>
      </c>
    </row>
    <row r="9550" spans="1:19" x14ac:dyDescent="0.25">
      <c r="A9550">
        <v>8974537</v>
      </c>
      <c r="B9550" t="s">
        <v>48904</v>
      </c>
      <c r="C9550" s="1" t="s">
        <v>48905</v>
      </c>
      <c r="D9550">
        <v>8975396</v>
      </c>
      <c r="E9550">
        <v>5</v>
      </c>
      <c r="F9550">
        <v>2</v>
      </c>
      <c r="H9550" t="s">
        <v>48906</v>
      </c>
      <c r="I9550">
        <v>4</v>
      </c>
      <c r="J9550" t="s">
        <v>48907</v>
      </c>
      <c r="K9550" t="s">
        <v>48908</v>
      </c>
      <c r="M9550">
        <v>178433</v>
      </c>
      <c r="O9550">
        <v>178433</v>
      </c>
      <c r="P9550">
        <v>1</v>
      </c>
      <c r="Q9550">
        <v>12</v>
      </c>
      <c r="R9550" t="s">
        <v>48909</v>
      </c>
      <c r="S9550">
        <v>2368</v>
      </c>
    </row>
    <row r="9551" spans="1:19" x14ac:dyDescent="0.25">
      <c r="A9551">
        <v>52703139</v>
      </c>
      <c r="B9551" t="s">
        <v>48910</v>
      </c>
      <c r="C9551" s="1" t="s">
        <v>48911</v>
      </c>
      <c r="D9551">
        <v>52703414</v>
      </c>
      <c r="E9551">
        <v>1</v>
      </c>
      <c r="F9551">
        <v>3</v>
      </c>
      <c r="H9551" t="s">
        <v>48912</v>
      </c>
      <c r="J9551" t="s">
        <v>48913</v>
      </c>
      <c r="K9551" t="s">
        <v>48914</v>
      </c>
      <c r="M9551">
        <v>1117716</v>
      </c>
      <c r="O9551">
        <v>1117716</v>
      </c>
      <c r="P9551">
        <v>1</v>
      </c>
      <c r="Q9551">
        <v>0</v>
      </c>
      <c r="R9551" t="s">
        <v>48915</v>
      </c>
      <c r="S9551">
        <v>33</v>
      </c>
    </row>
    <row r="9552" spans="1:19" x14ac:dyDescent="0.25">
      <c r="A9552">
        <v>3966029</v>
      </c>
      <c r="B9552" t="s">
        <v>48916</v>
      </c>
      <c r="C9552" t="s">
        <v>48917</v>
      </c>
      <c r="E9552">
        <v>1</v>
      </c>
      <c r="F9552">
        <v>0</v>
      </c>
      <c r="H9552" t="s">
        <v>48918</v>
      </c>
      <c r="J9552" t="s">
        <v>48919</v>
      </c>
      <c r="O9552">
        <v>335499</v>
      </c>
      <c r="P9552">
        <v>1</v>
      </c>
      <c r="Q9552">
        <v>0</v>
      </c>
      <c r="R9552" t="s">
        <v>24850</v>
      </c>
      <c r="S9552">
        <v>164</v>
      </c>
    </row>
    <row r="9553" spans="1:19" x14ac:dyDescent="0.25">
      <c r="A9553">
        <v>17333571</v>
      </c>
      <c r="B9553" t="s">
        <v>48920</v>
      </c>
      <c r="C9553" s="1" t="s">
        <v>48921</v>
      </c>
      <c r="D9553">
        <v>17333594</v>
      </c>
      <c r="E9553">
        <v>2</v>
      </c>
      <c r="F9553">
        <v>0</v>
      </c>
      <c r="H9553" t="s">
        <v>48922</v>
      </c>
      <c r="J9553" t="s">
        <v>48923</v>
      </c>
      <c r="K9553" t="s">
        <v>48924</v>
      </c>
      <c r="M9553">
        <v>2011291</v>
      </c>
      <c r="O9553">
        <v>2011291</v>
      </c>
      <c r="P9553">
        <v>1</v>
      </c>
      <c r="Q9553">
        <v>1</v>
      </c>
      <c r="R9553" t="s">
        <v>48925</v>
      </c>
      <c r="S9553">
        <v>562</v>
      </c>
    </row>
    <row r="9554" spans="1:19" x14ac:dyDescent="0.25">
      <c r="A9554">
        <v>6116606</v>
      </c>
      <c r="B9554" t="s">
        <v>48926</v>
      </c>
      <c r="C9554" s="1" t="s">
        <v>48927</v>
      </c>
      <c r="E9554">
        <v>0</v>
      </c>
      <c r="F9554">
        <v>8</v>
      </c>
      <c r="H9554" t="s">
        <v>48928</v>
      </c>
      <c r="J9554" t="s">
        <v>48928</v>
      </c>
      <c r="O9554">
        <v>766974</v>
      </c>
      <c r="P9554">
        <v>1</v>
      </c>
      <c r="Q9554">
        <v>0</v>
      </c>
      <c r="R9554" t="s">
        <v>48929</v>
      </c>
      <c r="S9554">
        <v>99</v>
      </c>
    </row>
    <row r="9555" spans="1:19" x14ac:dyDescent="0.25">
      <c r="A9555">
        <v>19902454</v>
      </c>
      <c r="B9555" t="s">
        <v>48930</v>
      </c>
      <c r="C9555" s="1" t="s">
        <v>48931</v>
      </c>
      <c r="E9555">
        <v>2</v>
      </c>
      <c r="F9555">
        <v>4</v>
      </c>
      <c r="H9555" t="s">
        <v>48932</v>
      </c>
      <c r="J9555" t="s">
        <v>48933</v>
      </c>
      <c r="O9555">
        <v>1314444</v>
      </c>
      <c r="P9555">
        <v>1</v>
      </c>
      <c r="Q9555">
        <v>0</v>
      </c>
      <c r="R9555" t="s">
        <v>48934</v>
      </c>
      <c r="S9555">
        <v>72</v>
      </c>
    </row>
    <row r="9556" spans="1:19" x14ac:dyDescent="0.25">
      <c r="A9556">
        <v>49810977</v>
      </c>
      <c r="B9556" t="s">
        <v>48935</v>
      </c>
      <c r="C9556" s="1" t="s">
        <v>48936</v>
      </c>
      <c r="E9556">
        <v>2</v>
      </c>
      <c r="F9556">
        <v>6</v>
      </c>
      <c r="H9556" t="s">
        <v>48937</v>
      </c>
      <c r="J9556" t="s">
        <v>48938</v>
      </c>
      <c r="O9556">
        <v>5607231</v>
      </c>
      <c r="P9556">
        <v>1</v>
      </c>
      <c r="Q9556">
        <v>0</v>
      </c>
      <c r="R9556" t="s">
        <v>48939</v>
      </c>
      <c r="S9556">
        <v>517</v>
      </c>
    </row>
    <row r="9557" spans="1:19" x14ac:dyDescent="0.25">
      <c r="A9557">
        <v>41953855</v>
      </c>
      <c r="B9557" t="s">
        <v>48940</v>
      </c>
      <c r="C9557" s="1" t="s">
        <v>48941</v>
      </c>
      <c r="E9557">
        <v>0</v>
      </c>
      <c r="F9557">
        <v>3</v>
      </c>
      <c r="H9557" t="s">
        <v>48942</v>
      </c>
      <c r="J9557" t="s">
        <v>48943</v>
      </c>
      <c r="K9557" t="s">
        <v>48943</v>
      </c>
      <c r="M9557">
        <v>472495</v>
      </c>
      <c r="O9557">
        <v>6926168</v>
      </c>
      <c r="P9557">
        <v>1</v>
      </c>
      <c r="Q9557">
        <v>0</v>
      </c>
      <c r="R9557" t="s">
        <v>48944</v>
      </c>
      <c r="S9557">
        <v>93</v>
      </c>
    </row>
    <row r="9558" spans="1:19" x14ac:dyDescent="0.25">
      <c r="A9558">
        <v>26637230</v>
      </c>
      <c r="B9558" t="s">
        <v>48945</v>
      </c>
      <c r="C9558" s="1" t="s">
        <v>48946</v>
      </c>
      <c r="E9558">
        <v>0</v>
      </c>
      <c r="F9558">
        <v>3</v>
      </c>
      <c r="H9558" t="s">
        <v>48947</v>
      </c>
      <c r="J9558" t="s">
        <v>48948</v>
      </c>
      <c r="K9558" t="s">
        <v>48948</v>
      </c>
      <c r="M9558">
        <v>4142557</v>
      </c>
      <c r="O9558">
        <v>4142557</v>
      </c>
      <c r="P9558">
        <v>1</v>
      </c>
      <c r="Q9558">
        <v>0</v>
      </c>
      <c r="R9558" t="s">
        <v>48949</v>
      </c>
      <c r="S9558">
        <v>31</v>
      </c>
    </row>
    <row r="9559" spans="1:19" x14ac:dyDescent="0.25">
      <c r="A9559">
        <v>38349921</v>
      </c>
      <c r="B9559" t="s">
        <v>48950</v>
      </c>
      <c r="C9559" s="1" t="s">
        <v>48951</v>
      </c>
      <c r="E9559">
        <v>3</v>
      </c>
      <c r="F9559">
        <v>0</v>
      </c>
      <c r="H9559" t="s">
        <v>48952</v>
      </c>
      <c r="J9559" t="s">
        <v>48953</v>
      </c>
      <c r="K9559" t="s">
        <v>48954</v>
      </c>
      <c r="M9559">
        <v>6568597</v>
      </c>
      <c r="O9559">
        <v>6568597</v>
      </c>
      <c r="P9559">
        <v>1</v>
      </c>
      <c r="Q9559">
        <v>0</v>
      </c>
      <c r="R9559" t="s">
        <v>48955</v>
      </c>
      <c r="S9559">
        <v>163</v>
      </c>
    </row>
    <row r="9560" spans="1:19" x14ac:dyDescent="0.25">
      <c r="A9560">
        <v>42270726</v>
      </c>
      <c r="B9560" t="s">
        <v>48956</v>
      </c>
      <c r="C9560" s="1" t="s">
        <v>48957</v>
      </c>
      <c r="D9560">
        <v>42288560</v>
      </c>
      <c r="E9560">
        <v>2</v>
      </c>
      <c r="F9560">
        <v>0</v>
      </c>
      <c r="H9560" t="s">
        <v>48958</v>
      </c>
      <c r="J9560" t="s">
        <v>48959</v>
      </c>
      <c r="K9560" t="s">
        <v>48959</v>
      </c>
      <c r="M9560">
        <v>1134181</v>
      </c>
      <c r="O9560">
        <v>1134181</v>
      </c>
      <c r="P9560">
        <v>1</v>
      </c>
      <c r="Q9560">
        <v>0</v>
      </c>
      <c r="R9560" t="s">
        <v>48960</v>
      </c>
      <c r="S9560">
        <v>537</v>
      </c>
    </row>
    <row r="9561" spans="1:19" x14ac:dyDescent="0.25">
      <c r="A9561">
        <v>2416888</v>
      </c>
      <c r="B9561" t="s">
        <v>48961</v>
      </c>
      <c r="C9561" s="1" t="s">
        <v>48962</v>
      </c>
      <c r="E9561">
        <v>3</v>
      </c>
      <c r="F9561">
        <v>0</v>
      </c>
      <c r="H9561" t="s">
        <v>48963</v>
      </c>
      <c r="I9561">
        <v>1</v>
      </c>
      <c r="J9561" t="s">
        <v>48964</v>
      </c>
      <c r="O9561">
        <v>248827</v>
      </c>
      <c r="P9561">
        <v>1</v>
      </c>
      <c r="Q9561">
        <v>0</v>
      </c>
      <c r="R9561" t="s">
        <v>48965</v>
      </c>
      <c r="S9561">
        <v>2648</v>
      </c>
    </row>
    <row r="9562" spans="1:19" x14ac:dyDescent="0.25">
      <c r="A9562">
        <v>35806096</v>
      </c>
      <c r="B9562" t="s">
        <v>48966</v>
      </c>
      <c r="C9562" s="1" t="s">
        <v>48967</v>
      </c>
      <c r="E9562">
        <v>0</v>
      </c>
      <c r="F9562">
        <v>1</v>
      </c>
      <c r="H9562" t="s">
        <v>48968</v>
      </c>
      <c r="J9562" t="s">
        <v>48969</v>
      </c>
      <c r="O9562">
        <v>2488744</v>
      </c>
      <c r="P9562">
        <v>1</v>
      </c>
      <c r="Q9562">
        <v>1</v>
      </c>
      <c r="R9562" t="s">
        <v>48970</v>
      </c>
      <c r="S9562">
        <v>576</v>
      </c>
    </row>
    <row r="9563" spans="1:19" x14ac:dyDescent="0.25">
      <c r="A9563">
        <v>13348843</v>
      </c>
      <c r="B9563" t="s">
        <v>48971</v>
      </c>
      <c r="C9563" s="1" t="s">
        <v>48972</v>
      </c>
      <c r="E9563">
        <v>1</v>
      </c>
      <c r="F9563">
        <v>5</v>
      </c>
      <c r="H9563" t="s">
        <v>48973</v>
      </c>
      <c r="J9563" t="s">
        <v>48974</v>
      </c>
      <c r="K9563" t="s">
        <v>48975</v>
      </c>
      <c r="M9563">
        <v>880925</v>
      </c>
      <c r="O9563">
        <v>880925</v>
      </c>
      <c r="P9563">
        <v>1</v>
      </c>
      <c r="Q9563">
        <v>1</v>
      </c>
      <c r="R9563" t="s">
        <v>48976</v>
      </c>
      <c r="S9563">
        <v>261</v>
      </c>
    </row>
    <row r="9564" spans="1:19" x14ac:dyDescent="0.25">
      <c r="A9564">
        <v>24129063</v>
      </c>
      <c r="B9564" t="s">
        <v>48977</v>
      </c>
      <c r="C9564" s="1" t="s">
        <v>48978</v>
      </c>
      <c r="E9564">
        <v>2</v>
      </c>
      <c r="F9564">
        <v>0</v>
      </c>
      <c r="H9564" t="s">
        <v>48979</v>
      </c>
      <c r="J9564" t="s">
        <v>48980</v>
      </c>
      <c r="K9564" t="s">
        <v>48981</v>
      </c>
      <c r="M9564">
        <v>1209340</v>
      </c>
      <c r="O9564">
        <v>1209340</v>
      </c>
      <c r="P9564">
        <v>1</v>
      </c>
      <c r="Q9564">
        <v>1</v>
      </c>
      <c r="R9564" t="s">
        <v>48982</v>
      </c>
      <c r="S9564">
        <v>2950</v>
      </c>
    </row>
    <row r="9565" spans="1:19" x14ac:dyDescent="0.25">
      <c r="A9565">
        <v>24496413</v>
      </c>
      <c r="B9565" t="s">
        <v>48983</v>
      </c>
      <c r="C9565" s="1" t="s">
        <v>48984</v>
      </c>
      <c r="D9565">
        <v>24755141</v>
      </c>
      <c r="E9565">
        <v>1</v>
      </c>
      <c r="F9565">
        <v>4</v>
      </c>
      <c r="H9565" t="s">
        <v>48985</v>
      </c>
      <c r="J9565" t="s">
        <v>48986</v>
      </c>
      <c r="K9565" t="s">
        <v>48987</v>
      </c>
      <c r="M9565">
        <v>1467082</v>
      </c>
      <c r="O9565">
        <v>1611421</v>
      </c>
      <c r="P9565">
        <v>1</v>
      </c>
      <c r="Q9565">
        <v>2</v>
      </c>
      <c r="R9565" t="s">
        <v>48988</v>
      </c>
      <c r="S9565">
        <v>638</v>
      </c>
    </row>
    <row r="9566" spans="1:19" x14ac:dyDescent="0.25">
      <c r="A9566">
        <v>12357098</v>
      </c>
      <c r="B9566" t="s">
        <v>48989</v>
      </c>
      <c r="C9566" s="1" t="s">
        <v>48990</v>
      </c>
      <c r="E9566">
        <v>2</v>
      </c>
      <c r="F9566">
        <v>3</v>
      </c>
      <c r="H9566" t="s">
        <v>48991</v>
      </c>
      <c r="J9566" t="s">
        <v>48992</v>
      </c>
      <c r="K9566" t="s">
        <v>48993</v>
      </c>
      <c r="M9566">
        <v>-1</v>
      </c>
      <c r="O9566">
        <v>1660527</v>
      </c>
      <c r="P9566">
        <v>1</v>
      </c>
      <c r="Q9566">
        <v>2</v>
      </c>
      <c r="R9566" t="s">
        <v>48994</v>
      </c>
      <c r="S9566">
        <v>575</v>
      </c>
    </row>
    <row r="9567" spans="1:19" x14ac:dyDescent="0.25">
      <c r="A9567">
        <v>50935657</v>
      </c>
      <c r="B9567" t="s">
        <v>48995</v>
      </c>
      <c r="C9567" s="1" t="s">
        <v>48996</v>
      </c>
      <c r="D9567">
        <v>50935712</v>
      </c>
      <c r="E9567">
        <v>2</v>
      </c>
      <c r="F9567">
        <v>0</v>
      </c>
      <c r="H9567" t="s">
        <v>48997</v>
      </c>
      <c r="J9567" t="s">
        <v>48998</v>
      </c>
      <c r="O9567">
        <v>6631314</v>
      </c>
      <c r="P9567">
        <v>1</v>
      </c>
      <c r="Q9567">
        <v>1</v>
      </c>
      <c r="R9567" t="s">
        <v>48999</v>
      </c>
      <c r="S9567">
        <v>17</v>
      </c>
    </row>
    <row r="9568" spans="1:19" x14ac:dyDescent="0.25">
      <c r="A9568">
        <v>41747485</v>
      </c>
      <c r="B9568" t="s">
        <v>49000</v>
      </c>
      <c r="C9568" s="1" t="s">
        <v>49001</v>
      </c>
      <c r="D9568">
        <v>41747813</v>
      </c>
      <c r="E9568">
        <v>1</v>
      </c>
      <c r="F9568">
        <v>4</v>
      </c>
      <c r="H9568" t="s">
        <v>49002</v>
      </c>
      <c r="J9568" t="s">
        <v>49003</v>
      </c>
      <c r="K9568" t="s">
        <v>49004</v>
      </c>
      <c r="M9568">
        <v>4464551</v>
      </c>
      <c r="O9568">
        <v>4464551</v>
      </c>
      <c r="P9568">
        <v>1</v>
      </c>
      <c r="Q9568">
        <v>1</v>
      </c>
      <c r="R9568" t="s">
        <v>28645</v>
      </c>
      <c r="S9568">
        <v>188</v>
      </c>
    </row>
    <row r="9569" spans="1:19" x14ac:dyDescent="0.25">
      <c r="A9569">
        <v>43414611</v>
      </c>
      <c r="B9569" t="s">
        <v>49005</v>
      </c>
      <c r="C9569" s="1" t="s">
        <v>49006</v>
      </c>
      <c r="D9569">
        <v>43416034</v>
      </c>
      <c r="E9569">
        <v>1</v>
      </c>
      <c r="F9569">
        <v>0</v>
      </c>
      <c r="H9569" t="s">
        <v>49007</v>
      </c>
      <c r="J9569" t="s">
        <v>49008</v>
      </c>
      <c r="O9569">
        <v>6791097</v>
      </c>
      <c r="P9569">
        <v>1</v>
      </c>
      <c r="Q9569">
        <v>0</v>
      </c>
      <c r="R9569" t="s">
        <v>49009</v>
      </c>
      <c r="S9569">
        <v>78</v>
      </c>
    </row>
    <row r="9570" spans="1:19" x14ac:dyDescent="0.25">
      <c r="A9570">
        <v>34671196</v>
      </c>
      <c r="B9570" t="s">
        <v>49010</v>
      </c>
      <c r="C9570" s="1" t="s">
        <v>49011</v>
      </c>
      <c r="E9570">
        <v>0</v>
      </c>
      <c r="F9570">
        <v>5</v>
      </c>
      <c r="H9570" t="s">
        <v>49012</v>
      </c>
      <c r="J9570" t="s">
        <v>49013</v>
      </c>
      <c r="K9570" t="s">
        <v>49014</v>
      </c>
      <c r="M9570">
        <v>4966945</v>
      </c>
      <c r="O9570">
        <v>4966945</v>
      </c>
      <c r="P9570">
        <v>1</v>
      </c>
      <c r="Q9570">
        <v>1</v>
      </c>
      <c r="R9570" t="s">
        <v>49015</v>
      </c>
      <c r="S9570">
        <v>97</v>
      </c>
    </row>
    <row r="9571" spans="1:19" x14ac:dyDescent="0.25">
      <c r="A9571">
        <v>36777445</v>
      </c>
      <c r="B9571" t="s">
        <v>49016</v>
      </c>
      <c r="C9571" t="s">
        <v>49017</v>
      </c>
      <c r="E9571">
        <v>1</v>
      </c>
      <c r="F9571">
        <v>2</v>
      </c>
      <c r="H9571" t="s">
        <v>49018</v>
      </c>
      <c r="J9571" t="s">
        <v>49019</v>
      </c>
      <c r="O9571">
        <v>6131421</v>
      </c>
      <c r="P9571">
        <v>1</v>
      </c>
      <c r="Q9571">
        <v>0</v>
      </c>
      <c r="R9571" t="s">
        <v>1239</v>
      </c>
      <c r="S9571">
        <v>260</v>
      </c>
    </row>
    <row r="9572" spans="1:19" x14ac:dyDescent="0.25">
      <c r="A9572">
        <v>6244548</v>
      </c>
      <c r="B9572" t="s">
        <v>49020</v>
      </c>
      <c r="C9572" s="1" t="s">
        <v>49021</v>
      </c>
      <c r="D9572">
        <v>6244677</v>
      </c>
      <c r="E9572">
        <v>4</v>
      </c>
      <c r="F9572">
        <v>7</v>
      </c>
      <c r="H9572" t="s">
        <v>49022</v>
      </c>
      <c r="J9572" t="s">
        <v>49023</v>
      </c>
      <c r="K9572" t="s">
        <v>49023</v>
      </c>
      <c r="M9572">
        <v>2209007</v>
      </c>
      <c r="O9572">
        <v>506517</v>
      </c>
      <c r="P9572">
        <v>1</v>
      </c>
      <c r="Q9572">
        <v>8</v>
      </c>
      <c r="R9572" t="s">
        <v>49024</v>
      </c>
      <c r="S9572">
        <v>3502</v>
      </c>
    </row>
    <row r="9573" spans="1:19" x14ac:dyDescent="0.25">
      <c r="A9573">
        <v>18512246</v>
      </c>
      <c r="B9573" t="s">
        <v>49025</v>
      </c>
      <c r="C9573" s="1" t="s">
        <v>49026</v>
      </c>
      <c r="D9573">
        <v>18512695</v>
      </c>
      <c r="E9573">
        <v>1</v>
      </c>
      <c r="F9573">
        <v>6</v>
      </c>
      <c r="H9573" t="s">
        <v>49027</v>
      </c>
      <c r="J9573" t="s">
        <v>49028</v>
      </c>
      <c r="K9573" t="s">
        <v>49029</v>
      </c>
      <c r="M9573">
        <v>2585850</v>
      </c>
      <c r="O9573">
        <v>2581038</v>
      </c>
      <c r="P9573">
        <v>1</v>
      </c>
      <c r="Q9573">
        <v>-4</v>
      </c>
      <c r="R9573" t="s">
        <v>413</v>
      </c>
      <c r="S9573">
        <v>83</v>
      </c>
    </row>
    <row r="9574" spans="1:19" x14ac:dyDescent="0.25">
      <c r="A9574">
        <v>23344541</v>
      </c>
      <c r="B9574" t="s">
        <v>49030</v>
      </c>
      <c r="C9574" s="1" t="s">
        <v>49031</v>
      </c>
      <c r="D9574">
        <v>23348045</v>
      </c>
      <c r="E9574">
        <v>3</v>
      </c>
      <c r="F9574">
        <v>2</v>
      </c>
      <c r="H9574" t="s">
        <v>49032</v>
      </c>
      <c r="J9574" t="s">
        <v>49033</v>
      </c>
      <c r="K9574" t="s">
        <v>49034</v>
      </c>
      <c r="M9574">
        <v>1807753</v>
      </c>
      <c r="O9574">
        <v>1807753</v>
      </c>
      <c r="P9574">
        <v>1</v>
      </c>
      <c r="Q9574">
        <v>-1</v>
      </c>
      <c r="R9574" t="s">
        <v>16696</v>
      </c>
      <c r="S9574">
        <v>265</v>
      </c>
    </row>
    <row r="9575" spans="1:19" x14ac:dyDescent="0.25">
      <c r="A9575">
        <v>14569074</v>
      </c>
      <c r="B9575" t="s">
        <v>49035</v>
      </c>
      <c r="C9575" s="1" t="s">
        <v>49036</v>
      </c>
      <c r="D9575">
        <v>14596882</v>
      </c>
      <c r="E9575">
        <v>4</v>
      </c>
      <c r="F9575">
        <v>1</v>
      </c>
      <c r="H9575" t="s">
        <v>49037</v>
      </c>
      <c r="I9575">
        <v>0</v>
      </c>
      <c r="J9575" t="s">
        <v>49038</v>
      </c>
      <c r="O9575">
        <v>1204092</v>
      </c>
      <c r="P9575">
        <v>1</v>
      </c>
      <c r="Q9575">
        <v>1</v>
      </c>
      <c r="R9575" t="s">
        <v>49039</v>
      </c>
      <c r="S9575">
        <v>1319</v>
      </c>
    </row>
    <row r="9576" spans="1:19" x14ac:dyDescent="0.25">
      <c r="A9576">
        <v>8161568</v>
      </c>
      <c r="B9576" t="s">
        <v>49040</v>
      </c>
      <c r="C9576" s="1" t="s">
        <v>49041</v>
      </c>
      <c r="D9576">
        <v>8162310</v>
      </c>
      <c r="E9576">
        <v>2</v>
      </c>
      <c r="F9576">
        <v>0</v>
      </c>
      <c r="H9576" t="s">
        <v>49042</v>
      </c>
      <c r="I9576">
        <v>1</v>
      </c>
      <c r="J9576" t="s">
        <v>49043</v>
      </c>
      <c r="O9576">
        <v>366908</v>
      </c>
      <c r="P9576">
        <v>1</v>
      </c>
      <c r="Q9576">
        <v>15</v>
      </c>
      <c r="R9576" t="s">
        <v>49044</v>
      </c>
      <c r="S9576">
        <v>4781</v>
      </c>
    </row>
    <row r="9577" spans="1:19" x14ac:dyDescent="0.25">
      <c r="A9577">
        <v>17276013</v>
      </c>
      <c r="B9577" t="s">
        <v>49045</v>
      </c>
      <c r="C9577" s="1" t="s">
        <v>49046</v>
      </c>
      <c r="E9577">
        <v>1</v>
      </c>
      <c r="F9577">
        <v>0</v>
      </c>
      <c r="H9577" t="s">
        <v>49047</v>
      </c>
      <c r="I9577">
        <v>3</v>
      </c>
      <c r="J9577" t="s">
        <v>49048</v>
      </c>
      <c r="K9577" t="s">
        <v>49049</v>
      </c>
      <c r="M9577">
        <v>1194837</v>
      </c>
      <c r="O9577">
        <v>1194837</v>
      </c>
      <c r="P9577">
        <v>1</v>
      </c>
      <c r="Q9577">
        <v>6</v>
      </c>
      <c r="R9577" t="s">
        <v>49050</v>
      </c>
      <c r="S9577">
        <v>1459</v>
      </c>
    </row>
    <row r="9578" spans="1:19" x14ac:dyDescent="0.25">
      <c r="A9578">
        <v>5362343</v>
      </c>
      <c r="B9578" t="s">
        <v>49051</v>
      </c>
      <c r="C9578" s="1" t="s">
        <v>49052</v>
      </c>
      <c r="D9578">
        <v>5362426</v>
      </c>
      <c r="E9578">
        <v>4</v>
      </c>
      <c r="F9578">
        <v>0</v>
      </c>
      <c r="H9578" t="s">
        <v>49053</v>
      </c>
      <c r="J9578" t="s">
        <v>49054</v>
      </c>
      <c r="O9578">
        <v>585329</v>
      </c>
      <c r="P9578">
        <v>1</v>
      </c>
      <c r="Q9578">
        <v>1</v>
      </c>
      <c r="R9578" t="s">
        <v>413</v>
      </c>
      <c r="S9578">
        <v>202</v>
      </c>
    </row>
    <row r="9579" spans="1:19" x14ac:dyDescent="0.25">
      <c r="A9579">
        <v>41348427</v>
      </c>
      <c r="B9579" t="s">
        <v>49055</v>
      </c>
      <c r="C9579" s="1" t="s">
        <v>49056</v>
      </c>
      <c r="E9579">
        <v>2</v>
      </c>
      <c r="F9579">
        <v>2</v>
      </c>
      <c r="H9579" t="s">
        <v>49057</v>
      </c>
      <c r="J9579" t="s">
        <v>49058</v>
      </c>
      <c r="K9579" t="s">
        <v>49059</v>
      </c>
      <c r="M9579">
        <v>5047996</v>
      </c>
      <c r="O9579">
        <v>7332077</v>
      </c>
      <c r="P9579">
        <v>1</v>
      </c>
      <c r="Q9579">
        <v>-3</v>
      </c>
      <c r="R9579" t="s">
        <v>1767</v>
      </c>
      <c r="S9579">
        <v>32</v>
      </c>
    </row>
    <row r="9580" spans="1:19" x14ac:dyDescent="0.25">
      <c r="A9580">
        <v>4172148</v>
      </c>
      <c r="B9580" t="s">
        <v>49060</v>
      </c>
      <c r="C9580" s="1" t="s">
        <v>49061</v>
      </c>
      <c r="D9580">
        <v>4175231</v>
      </c>
      <c r="E9580">
        <v>1</v>
      </c>
      <c r="F9580">
        <v>0</v>
      </c>
      <c r="H9580" t="s">
        <v>49062</v>
      </c>
      <c r="J9580" t="s">
        <v>49063</v>
      </c>
      <c r="O9580">
        <v>506639</v>
      </c>
      <c r="P9580">
        <v>1</v>
      </c>
      <c r="Q9580">
        <v>0</v>
      </c>
      <c r="R9580" t="s">
        <v>49064</v>
      </c>
      <c r="S9580">
        <v>489</v>
      </c>
    </row>
    <row r="9581" spans="1:19" x14ac:dyDescent="0.25">
      <c r="A9581">
        <v>9118566</v>
      </c>
      <c r="B9581" t="s">
        <v>49065</v>
      </c>
      <c r="C9581" s="1" t="s">
        <v>49066</v>
      </c>
      <c r="E9581">
        <v>1</v>
      </c>
      <c r="F9581">
        <v>6</v>
      </c>
      <c r="H9581" t="s">
        <v>49067</v>
      </c>
      <c r="J9581" t="s">
        <v>49068</v>
      </c>
      <c r="K9581" t="s">
        <v>49068</v>
      </c>
      <c r="M9581">
        <v>143804</v>
      </c>
      <c r="O9581">
        <v>1389528</v>
      </c>
      <c r="P9581">
        <v>1</v>
      </c>
      <c r="Q9581">
        <v>0</v>
      </c>
      <c r="R9581" t="s">
        <v>49069</v>
      </c>
      <c r="S9581">
        <v>955</v>
      </c>
    </row>
    <row r="9582" spans="1:19" x14ac:dyDescent="0.25">
      <c r="A9582">
        <v>44120102</v>
      </c>
      <c r="B9582" t="s">
        <v>49070</v>
      </c>
      <c r="C9582" s="1" t="s">
        <v>49071</v>
      </c>
      <c r="E9582">
        <v>2</v>
      </c>
      <c r="F9582">
        <v>1</v>
      </c>
      <c r="H9582" t="s">
        <v>49072</v>
      </c>
      <c r="J9582" t="s">
        <v>49073</v>
      </c>
      <c r="K9582" t="s">
        <v>49073</v>
      </c>
      <c r="M9582">
        <v>461294</v>
      </c>
      <c r="O9582">
        <v>8049812</v>
      </c>
      <c r="P9582">
        <v>1</v>
      </c>
      <c r="Q9582">
        <v>-1</v>
      </c>
      <c r="R9582" t="s">
        <v>989</v>
      </c>
      <c r="S9582">
        <v>23</v>
      </c>
    </row>
    <row r="9583" spans="1:19" x14ac:dyDescent="0.25">
      <c r="A9583">
        <v>41823022</v>
      </c>
      <c r="B9583" t="s">
        <v>49074</v>
      </c>
      <c r="C9583" s="1" t="s">
        <v>49075</v>
      </c>
      <c r="D9583">
        <v>41824422</v>
      </c>
      <c r="E9583">
        <v>3</v>
      </c>
      <c r="F9583">
        <v>3</v>
      </c>
      <c r="H9583" t="s">
        <v>49076</v>
      </c>
      <c r="J9583" t="s">
        <v>49077</v>
      </c>
      <c r="K9583" t="s">
        <v>49078</v>
      </c>
      <c r="M9583">
        <v>2279977</v>
      </c>
      <c r="O9583">
        <v>7461646</v>
      </c>
      <c r="P9583">
        <v>1</v>
      </c>
      <c r="Q9583">
        <v>0</v>
      </c>
      <c r="R9583" t="s">
        <v>49079</v>
      </c>
      <c r="S9583">
        <v>110</v>
      </c>
    </row>
    <row r="9584" spans="1:19" x14ac:dyDescent="0.25">
      <c r="A9584">
        <v>7361446</v>
      </c>
      <c r="B9584" t="s">
        <v>49080</v>
      </c>
      <c r="C9584" s="1" t="s">
        <v>49081</v>
      </c>
      <c r="E9584">
        <v>1</v>
      </c>
      <c r="F9584">
        <v>0</v>
      </c>
      <c r="H9584" t="s">
        <v>49082</v>
      </c>
      <c r="J9584" t="s">
        <v>49083</v>
      </c>
      <c r="K9584" t="s">
        <v>49084</v>
      </c>
      <c r="M9584">
        <v>911934</v>
      </c>
      <c r="O9584">
        <v>911934</v>
      </c>
      <c r="P9584">
        <v>1</v>
      </c>
      <c r="Q9584">
        <v>0</v>
      </c>
      <c r="R9584" t="s">
        <v>49085</v>
      </c>
      <c r="S9584">
        <v>745</v>
      </c>
    </row>
    <row r="9585" spans="1:19" x14ac:dyDescent="0.25">
      <c r="A9585">
        <v>30415181</v>
      </c>
      <c r="B9585" t="s">
        <v>49086</v>
      </c>
      <c r="C9585" s="1" t="s">
        <v>49087</v>
      </c>
      <c r="E9585">
        <v>0</v>
      </c>
      <c r="F9585">
        <v>2</v>
      </c>
      <c r="H9585" t="s">
        <v>49088</v>
      </c>
      <c r="J9585" t="s">
        <v>49088</v>
      </c>
      <c r="O9585">
        <v>1115817</v>
      </c>
      <c r="P9585">
        <v>1</v>
      </c>
      <c r="Q9585">
        <v>1</v>
      </c>
      <c r="R9585" t="s">
        <v>49089</v>
      </c>
      <c r="S9585">
        <v>312</v>
      </c>
    </row>
    <row r="9586" spans="1:19" x14ac:dyDescent="0.25">
      <c r="A9586">
        <v>28467689</v>
      </c>
      <c r="B9586" t="s">
        <v>49090</v>
      </c>
      <c r="C9586" s="1" t="s">
        <v>49091</v>
      </c>
      <c r="D9586">
        <v>28468205</v>
      </c>
      <c r="E9586">
        <v>2</v>
      </c>
      <c r="F9586">
        <v>2</v>
      </c>
      <c r="H9586" t="s">
        <v>49092</v>
      </c>
      <c r="J9586" t="s">
        <v>49093</v>
      </c>
      <c r="O9586">
        <v>3029486</v>
      </c>
      <c r="P9586">
        <v>1</v>
      </c>
      <c r="Q9586">
        <v>0</v>
      </c>
      <c r="R9586" t="s">
        <v>2867</v>
      </c>
      <c r="S9586">
        <v>92</v>
      </c>
    </row>
    <row r="9587" spans="1:19" x14ac:dyDescent="0.25">
      <c r="A9587">
        <v>48076782</v>
      </c>
      <c r="B9587" t="s">
        <v>49094</v>
      </c>
      <c r="C9587" s="1" t="s">
        <v>49095</v>
      </c>
      <c r="E9587">
        <v>1</v>
      </c>
      <c r="F9587">
        <v>0</v>
      </c>
      <c r="H9587" t="s">
        <v>49096</v>
      </c>
      <c r="J9587" t="s">
        <v>49097</v>
      </c>
      <c r="K9587" t="s">
        <v>49098</v>
      </c>
      <c r="M9587">
        <v>6036428</v>
      </c>
      <c r="O9587">
        <v>1106406</v>
      </c>
      <c r="P9587">
        <v>1</v>
      </c>
      <c r="Q9587">
        <v>0</v>
      </c>
      <c r="R9587" t="s">
        <v>49099</v>
      </c>
      <c r="S9587">
        <v>100</v>
      </c>
    </row>
    <row r="9588" spans="1:19" x14ac:dyDescent="0.25">
      <c r="A9588">
        <v>53121492</v>
      </c>
      <c r="B9588" t="s">
        <v>49100</v>
      </c>
      <c r="C9588" s="1" t="s">
        <v>49101</v>
      </c>
      <c r="E9588">
        <v>0</v>
      </c>
      <c r="F9588">
        <v>0</v>
      </c>
      <c r="H9588" t="s">
        <v>49102</v>
      </c>
      <c r="J9588" t="s">
        <v>49102</v>
      </c>
      <c r="O9588">
        <v>9664983</v>
      </c>
      <c r="P9588">
        <v>1</v>
      </c>
      <c r="Q9588">
        <v>0</v>
      </c>
      <c r="R9588" t="s">
        <v>49103</v>
      </c>
      <c r="S9588">
        <v>18</v>
      </c>
    </row>
    <row r="9589" spans="1:19" x14ac:dyDescent="0.25">
      <c r="A9589">
        <v>8122000</v>
      </c>
      <c r="B9589" t="s">
        <v>49104</v>
      </c>
      <c r="C9589" s="1" t="s">
        <v>49105</v>
      </c>
      <c r="D9589">
        <v>8122461</v>
      </c>
      <c r="E9589">
        <v>2</v>
      </c>
      <c r="F9589">
        <v>0</v>
      </c>
      <c r="H9589" t="s">
        <v>49106</v>
      </c>
      <c r="J9589" t="s">
        <v>49107</v>
      </c>
      <c r="O9589">
        <v>474499</v>
      </c>
      <c r="P9589">
        <v>1</v>
      </c>
      <c r="Q9589">
        <v>0</v>
      </c>
      <c r="R9589" t="s">
        <v>49108</v>
      </c>
      <c r="S9589">
        <v>1391</v>
      </c>
    </row>
    <row r="9590" spans="1:19" x14ac:dyDescent="0.25">
      <c r="A9590">
        <v>24418534</v>
      </c>
      <c r="B9590" t="s">
        <v>49109</v>
      </c>
      <c r="C9590" s="1" t="s">
        <v>49110</v>
      </c>
      <c r="E9590">
        <v>1</v>
      </c>
      <c r="F9590">
        <v>0</v>
      </c>
      <c r="H9590" t="s">
        <v>49111</v>
      </c>
      <c r="I9590">
        <v>1</v>
      </c>
      <c r="J9590" t="s">
        <v>49112</v>
      </c>
      <c r="K9590" t="s">
        <v>49113</v>
      </c>
      <c r="M9590">
        <v>2985321</v>
      </c>
      <c r="O9590">
        <v>2985321</v>
      </c>
      <c r="P9590">
        <v>1</v>
      </c>
      <c r="Q9590">
        <v>4</v>
      </c>
      <c r="R9590" t="s">
        <v>49114</v>
      </c>
      <c r="S9590">
        <v>989</v>
      </c>
    </row>
    <row r="9591" spans="1:19" x14ac:dyDescent="0.25">
      <c r="A9591">
        <v>15175066</v>
      </c>
      <c r="B9591" t="s">
        <v>49115</v>
      </c>
      <c r="C9591" s="1" t="s">
        <v>49116</v>
      </c>
      <c r="D9591">
        <v>15175585</v>
      </c>
      <c r="E9591">
        <v>5</v>
      </c>
      <c r="F9591">
        <v>3</v>
      </c>
      <c r="H9591" t="s">
        <v>49117</v>
      </c>
      <c r="J9591" t="s">
        <v>49118</v>
      </c>
      <c r="O9591">
        <v>2126696</v>
      </c>
      <c r="P9591">
        <v>1</v>
      </c>
      <c r="Q9591">
        <v>3</v>
      </c>
      <c r="R9591" t="s">
        <v>49119</v>
      </c>
      <c r="S9591">
        <v>1126</v>
      </c>
    </row>
    <row r="9592" spans="1:19" x14ac:dyDescent="0.25">
      <c r="A9592">
        <v>6115222</v>
      </c>
      <c r="B9592" t="s">
        <v>49120</v>
      </c>
      <c r="C9592" s="1" t="s">
        <v>49121</v>
      </c>
      <c r="D9592">
        <v>6115463</v>
      </c>
      <c r="E9592">
        <v>4</v>
      </c>
      <c r="F9592">
        <v>6</v>
      </c>
      <c r="H9592" t="s">
        <v>49122</v>
      </c>
      <c r="J9592" t="s">
        <v>49123</v>
      </c>
      <c r="K9592" t="s">
        <v>49123</v>
      </c>
      <c r="M9592">
        <v>50049</v>
      </c>
      <c r="O9592">
        <v>50049</v>
      </c>
      <c r="P9592">
        <v>1</v>
      </c>
      <c r="Q9592">
        <v>2</v>
      </c>
      <c r="R9592" t="s">
        <v>49124</v>
      </c>
      <c r="S9592">
        <v>817</v>
      </c>
    </row>
    <row r="9593" spans="1:19" x14ac:dyDescent="0.25">
      <c r="A9593">
        <v>52233376</v>
      </c>
      <c r="B9593" t="s">
        <v>49125</v>
      </c>
      <c r="C9593" s="1" t="s">
        <v>49126</v>
      </c>
      <c r="E9593">
        <v>0</v>
      </c>
      <c r="F9593">
        <v>3</v>
      </c>
      <c r="H9593" t="s">
        <v>49127</v>
      </c>
      <c r="J9593" t="s">
        <v>49128</v>
      </c>
      <c r="K9593" t="s">
        <v>49128</v>
      </c>
      <c r="M9593">
        <v>165216</v>
      </c>
      <c r="O9593">
        <v>4664877</v>
      </c>
      <c r="P9593">
        <v>1</v>
      </c>
      <c r="Q9593">
        <v>0</v>
      </c>
      <c r="R9593" t="s">
        <v>49129</v>
      </c>
      <c r="S9593">
        <v>17</v>
      </c>
    </row>
    <row r="9594" spans="1:19" x14ac:dyDescent="0.25">
      <c r="A9594">
        <v>27886055</v>
      </c>
      <c r="B9594" t="s">
        <v>49130</v>
      </c>
      <c r="C9594" s="1" t="s">
        <v>49131</v>
      </c>
      <c r="D9594">
        <v>27886089</v>
      </c>
      <c r="E9594">
        <v>1</v>
      </c>
      <c r="F9594">
        <v>0</v>
      </c>
      <c r="H9594" t="s">
        <v>49132</v>
      </c>
      <c r="J9594" t="s">
        <v>49133</v>
      </c>
      <c r="O9594">
        <v>3364820</v>
      </c>
      <c r="P9594">
        <v>1</v>
      </c>
      <c r="Q9594">
        <v>0</v>
      </c>
      <c r="R9594" t="s">
        <v>6707</v>
      </c>
      <c r="S9594">
        <v>73</v>
      </c>
    </row>
    <row r="9595" spans="1:19" x14ac:dyDescent="0.25">
      <c r="A9595">
        <v>39828738</v>
      </c>
      <c r="B9595" t="s">
        <v>49134</v>
      </c>
      <c r="C9595" s="1" t="s">
        <v>49135</v>
      </c>
      <c r="E9595">
        <v>1</v>
      </c>
      <c r="F9595">
        <v>1</v>
      </c>
      <c r="H9595" t="s">
        <v>49136</v>
      </c>
      <c r="I9595">
        <v>0</v>
      </c>
      <c r="J9595" t="s">
        <v>49137</v>
      </c>
      <c r="K9595" t="s">
        <v>49138</v>
      </c>
      <c r="M9595">
        <v>1371853</v>
      </c>
      <c r="O9595">
        <v>3801798</v>
      </c>
      <c r="P9595">
        <v>1</v>
      </c>
      <c r="Q9595">
        <v>0</v>
      </c>
      <c r="R9595" t="s">
        <v>49139</v>
      </c>
      <c r="S9595">
        <v>242</v>
      </c>
    </row>
    <row r="9596" spans="1:19" x14ac:dyDescent="0.25">
      <c r="A9596">
        <v>28680865</v>
      </c>
      <c r="B9596" t="s">
        <v>49140</v>
      </c>
      <c r="C9596" s="1" t="s">
        <v>49141</v>
      </c>
      <c r="E9596">
        <v>2</v>
      </c>
      <c r="F9596">
        <v>1</v>
      </c>
      <c r="H9596" t="s">
        <v>49142</v>
      </c>
      <c r="J9596" t="s">
        <v>49143</v>
      </c>
      <c r="O9596">
        <v>4598151</v>
      </c>
      <c r="P9596">
        <v>1</v>
      </c>
      <c r="Q9596">
        <v>0</v>
      </c>
      <c r="R9596" t="s">
        <v>2771</v>
      </c>
      <c r="S9596">
        <v>31</v>
      </c>
    </row>
    <row r="9597" spans="1:19" x14ac:dyDescent="0.25">
      <c r="A9597">
        <v>50499848</v>
      </c>
      <c r="B9597" t="s">
        <v>49144</v>
      </c>
      <c r="C9597" s="1" t="s">
        <v>49145</v>
      </c>
      <c r="E9597">
        <v>1</v>
      </c>
      <c r="F9597">
        <v>16</v>
      </c>
      <c r="H9597" t="s">
        <v>49146</v>
      </c>
      <c r="J9597" t="s">
        <v>49147</v>
      </c>
      <c r="K9597" t="s">
        <v>49148</v>
      </c>
      <c r="M9597">
        <v>7212853</v>
      </c>
      <c r="O9597">
        <v>7212853</v>
      </c>
      <c r="P9597">
        <v>1</v>
      </c>
      <c r="Q9597">
        <v>-1</v>
      </c>
      <c r="R9597" t="s">
        <v>49149</v>
      </c>
      <c r="S9597">
        <v>85</v>
      </c>
    </row>
    <row r="9598" spans="1:19" x14ac:dyDescent="0.25">
      <c r="A9598">
        <v>31855592</v>
      </c>
      <c r="B9598" t="s">
        <v>49150</v>
      </c>
      <c r="C9598" s="1" t="s">
        <v>49151</v>
      </c>
      <c r="D9598">
        <v>31936852</v>
      </c>
      <c r="E9598">
        <v>1</v>
      </c>
      <c r="F9598">
        <v>0</v>
      </c>
      <c r="H9598" t="s">
        <v>49152</v>
      </c>
      <c r="I9598">
        <v>4</v>
      </c>
      <c r="J9598" t="s">
        <v>49153</v>
      </c>
      <c r="O9598">
        <v>528842</v>
      </c>
      <c r="P9598">
        <v>1</v>
      </c>
      <c r="Q9598">
        <v>3</v>
      </c>
      <c r="R9598" t="s">
        <v>20929</v>
      </c>
      <c r="S9598">
        <v>1802</v>
      </c>
    </row>
    <row r="9599" spans="1:19" x14ac:dyDescent="0.25">
      <c r="A9599">
        <v>17393638</v>
      </c>
      <c r="B9599" t="s">
        <v>49154</v>
      </c>
      <c r="C9599" s="1" t="s">
        <v>49155</v>
      </c>
      <c r="D9599">
        <v>17396396</v>
      </c>
      <c r="E9599">
        <v>2</v>
      </c>
      <c r="F9599">
        <v>0</v>
      </c>
      <c r="H9599" t="s">
        <v>49156</v>
      </c>
      <c r="J9599" t="s">
        <v>49157</v>
      </c>
      <c r="K9599" t="s">
        <v>49158</v>
      </c>
      <c r="M9599">
        <v>2536954</v>
      </c>
      <c r="O9599">
        <v>2536954</v>
      </c>
      <c r="P9599">
        <v>1</v>
      </c>
      <c r="Q9599">
        <v>0</v>
      </c>
      <c r="R9599" t="s">
        <v>48007</v>
      </c>
      <c r="S9599">
        <v>148</v>
      </c>
    </row>
    <row r="9600" spans="1:19" x14ac:dyDescent="0.25">
      <c r="A9600">
        <v>22628111</v>
      </c>
      <c r="B9600" t="s">
        <v>49159</v>
      </c>
      <c r="C9600" s="1" t="s">
        <v>49160</v>
      </c>
      <c r="E9600">
        <v>1</v>
      </c>
      <c r="F9600">
        <v>2</v>
      </c>
      <c r="H9600" t="s">
        <v>49161</v>
      </c>
      <c r="J9600" t="s">
        <v>49162</v>
      </c>
      <c r="O9600">
        <v>3148392</v>
      </c>
      <c r="P9600">
        <v>1</v>
      </c>
      <c r="Q9600">
        <v>-1</v>
      </c>
      <c r="R9600" t="s">
        <v>49163</v>
      </c>
      <c r="S9600">
        <v>27</v>
      </c>
    </row>
    <row r="9601" spans="1:19" x14ac:dyDescent="0.25">
      <c r="A9601">
        <v>49684003</v>
      </c>
      <c r="B9601" t="s">
        <v>49164</v>
      </c>
      <c r="C9601" s="1" t="s">
        <v>49165</v>
      </c>
      <c r="E9601">
        <v>0</v>
      </c>
      <c r="F9601">
        <v>0</v>
      </c>
      <c r="H9601" t="s">
        <v>49166</v>
      </c>
      <c r="J9601" t="s">
        <v>49167</v>
      </c>
      <c r="K9601" t="s">
        <v>49167</v>
      </c>
      <c r="M9601">
        <v>9423077</v>
      </c>
      <c r="O9601">
        <v>9423077</v>
      </c>
      <c r="P9601">
        <v>1</v>
      </c>
      <c r="Q9601">
        <v>0</v>
      </c>
      <c r="R9601" t="s">
        <v>49168</v>
      </c>
      <c r="S9601">
        <v>257</v>
      </c>
    </row>
    <row r="9602" spans="1:19" x14ac:dyDescent="0.25">
      <c r="A9602">
        <v>27231944</v>
      </c>
      <c r="B9602" t="s">
        <v>49169</v>
      </c>
      <c r="C9602" s="1" t="s">
        <v>49170</v>
      </c>
      <c r="D9602">
        <v>27234104</v>
      </c>
      <c r="E9602">
        <v>1</v>
      </c>
      <c r="F9602">
        <v>1</v>
      </c>
      <c r="H9602" t="s">
        <v>49171</v>
      </c>
      <c r="I9602">
        <v>0</v>
      </c>
      <c r="J9602" t="s">
        <v>49172</v>
      </c>
      <c r="K9602" t="s">
        <v>49173</v>
      </c>
      <c r="M9602">
        <v>1716963</v>
      </c>
      <c r="O9602">
        <v>1716963</v>
      </c>
      <c r="P9602">
        <v>1</v>
      </c>
      <c r="Q9602">
        <v>0</v>
      </c>
      <c r="R9602" t="s">
        <v>49174</v>
      </c>
      <c r="S9602">
        <v>1129</v>
      </c>
    </row>
    <row r="9603" spans="1:19" x14ac:dyDescent="0.25">
      <c r="A9603">
        <v>49202542</v>
      </c>
      <c r="B9603" t="s">
        <v>49175</v>
      </c>
      <c r="C9603" s="1" t="s">
        <v>49176</v>
      </c>
      <c r="E9603">
        <v>0</v>
      </c>
      <c r="F9603">
        <v>0</v>
      </c>
      <c r="H9603" t="s">
        <v>49177</v>
      </c>
      <c r="J9603" t="s">
        <v>49178</v>
      </c>
      <c r="K9603" t="s">
        <v>49178</v>
      </c>
      <c r="M9603">
        <v>641914</v>
      </c>
      <c r="O9603">
        <v>9469627</v>
      </c>
      <c r="P9603">
        <v>1</v>
      </c>
      <c r="Q9603">
        <v>0</v>
      </c>
      <c r="R9603" t="s">
        <v>49179</v>
      </c>
      <c r="S9603">
        <v>44</v>
      </c>
    </row>
    <row r="9604" spans="1:19" x14ac:dyDescent="0.25">
      <c r="A9604">
        <v>18502188</v>
      </c>
      <c r="B9604" t="s">
        <v>49180</v>
      </c>
      <c r="C9604" s="1" t="s">
        <v>49181</v>
      </c>
      <c r="D9604">
        <v>18502590</v>
      </c>
      <c r="E9604">
        <v>1</v>
      </c>
      <c r="F9604">
        <v>4</v>
      </c>
      <c r="H9604" t="s">
        <v>49182</v>
      </c>
      <c r="I9604">
        <v>2</v>
      </c>
      <c r="J9604" t="s">
        <v>49183</v>
      </c>
      <c r="O9604">
        <v>1426649</v>
      </c>
      <c r="P9604">
        <v>1</v>
      </c>
      <c r="Q9604">
        <v>8</v>
      </c>
      <c r="R9604" t="s">
        <v>49184</v>
      </c>
      <c r="S9604">
        <v>1328</v>
      </c>
    </row>
    <row r="9605" spans="1:19" x14ac:dyDescent="0.25">
      <c r="A9605">
        <v>23463979</v>
      </c>
      <c r="B9605" t="s">
        <v>49185</v>
      </c>
      <c r="C9605" s="1" t="s">
        <v>49186</v>
      </c>
      <c r="D9605">
        <v>23464112</v>
      </c>
      <c r="E9605">
        <v>1</v>
      </c>
      <c r="F9605">
        <v>0</v>
      </c>
      <c r="H9605" t="s">
        <v>49187</v>
      </c>
      <c r="I9605">
        <v>1</v>
      </c>
      <c r="J9605" t="s">
        <v>49188</v>
      </c>
      <c r="K9605" t="s">
        <v>49189</v>
      </c>
      <c r="M9605">
        <v>1799136</v>
      </c>
      <c r="O9605">
        <v>1799136</v>
      </c>
      <c r="P9605">
        <v>1</v>
      </c>
      <c r="Q9605">
        <v>3</v>
      </c>
      <c r="R9605" t="s">
        <v>49190</v>
      </c>
      <c r="S9605">
        <v>3450</v>
      </c>
    </row>
    <row r="9606" spans="1:19" x14ac:dyDescent="0.25">
      <c r="A9606">
        <v>45254143</v>
      </c>
      <c r="B9606" t="s">
        <v>49191</v>
      </c>
      <c r="C9606" s="1" t="s">
        <v>49192</v>
      </c>
      <c r="D9606">
        <v>45254202</v>
      </c>
      <c r="E9606">
        <v>1</v>
      </c>
      <c r="F9606">
        <v>0</v>
      </c>
      <c r="H9606" t="s">
        <v>49193</v>
      </c>
      <c r="J9606" t="s">
        <v>49194</v>
      </c>
      <c r="O9606">
        <v>7319247</v>
      </c>
      <c r="P9606">
        <v>1</v>
      </c>
      <c r="Q9606">
        <v>0</v>
      </c>
      <c r="R9606" t="s">
        <v>2122</v>
      </c>
      <c r="S9606">
        <v>56</v>
      </c>
    </row>
    <row r="9607" spans="1:19" x14ac:dyDescent="0.25">
      <c r="A9607">
        <v>32882015</v>
      </c>
      <c r="B9607" t="s">
        <v>49195</v>
      </c>
      <c r="C9607" s="1" t="s">
        <v>49196</v>
      </c>
      <c r="E9607">
        <v>0</v>
      </c>
      <c r="F9607">
        <v>0</v>
      </c>
      <c r="H9607" t="s">
        <v>49197</v>
      </c>
      <c r="J9607" t="s">
        <v>49198</v>
      </c>
      <c r="K9607" t="s">
        <v>49198</v>
      </c>
      <c r="M9607">
        <v>3733230</v>
      </c>
      <c r="O9607">
        <v>3733230</v>
      </c>
      <c r="P9607">
        <v>1</v>
      </c>
      <c r="Q9607">
        <v>1</v>
      </c>
      <c r="R9607" t="s">
        <v>49199</v>
      </c>
      <c r="S9607">
        <v>274</v>
      </c>
    </row>
    <row r="9608" spans="1:19" x14ac:dyDescent="0.25">
      <c r="A9608">
        <v>46988172</v>
      </c>
      <c r="B9608" t="s">
        <v>49200</v>
      </c>
      <c r="C9608" s="1" t="s">
        <v>49201</v>
      </c>
      <c r="D9608">
        <v>46993921</v>
      </c>
      <c r="E9608">
        <v>1</v>
      </c>
      <c r="F9608">
        <v>0</v>
      </c>
      <c r="H9608" t="s">
        <v>49202</v>
      </c>
      <c r="J9608" t="s">
        <v>49203</v>
      </c>
      <c r="O9608">
        <v>7142928</v>
      </c>
      <c r="P9608">
        <v>1</v>
      </c>
      <c r="Q9608">
        <v>1</v>
      </c>
      <c r="R9608" t="s">
        <v>49204</v>
      </c>
      <c r="S9608">
        <v>55</v>
      </c>
    </row>
    <row r="9609" spans="1:19" x14ac:dyDescent="0.25">
      <c r="A9609">
        <v>15852946</v>
      </c>
      <c r="B9609" t="s">
        <v>49205</v>
      </c>
      <c r="C9609" s="1" t="s">
        <v>49206</v>
      </c>
      <c r="E9609">
        <v>0</v>
      </c>
      <c r="F9609">
        <v>6</v>
      </c>
      <c r="H9609" t="s">
        <v>49207</v>
      </c>
      <c r="J9609" t="s">
        <v>49207</v>
      </c>
      <c r="O9609">
        <v>2024011</v>
      </c>
      <c r="P9609">
        <v>1</v>
      </c>
      <c r="Q9609">
        <v>1</v>
      </c>
      <c r="R9609" t="s">
        <v>14610</v>
      </c>
      <c r="S9609">
        <v>459</v>
      </c>
    </row>
    <row r="9610" spans="1:19" x14ac:dyDescent="0.25">
      <c r="A9610">
        <v>42911493</v>
      </c>
      <c r="B9610" t="s">
        <v>49208</v>
      </c>
      <c r="C9610" s="1" t="s">
        <v>49209</v>
      </c>
      <c r="E9610">
        <v>1</v>
      </c>
      <c r="F9610">
        <v>3</v>
      </c>
      <c r="H9610" t="s">
        <v>49210</v>
      </c>
      <c r="J9610" t="s">
        <v>49211</v>
      </c>
      <c r="K9610" t="s">
        <v>49212</v>
      </c>
      <c r="M9610">
        <v>1015786</v>
      </c>
      <c r="O9610">
        <v>5113836</v>
      </c>
      <c r="P9610">
        <v>1</v>
      </c>
      <c r="Q9610">
        <v>0</v>
      </c>
      <c r="R9610" t="s">
        <v>49213</v>
      </c>
      <c r="S9610">
        <v>102</v>
      </c>
    </row>
    <row r="9611" spans="1:19" x14ac:dyDescent="0.25">
      <c r="A9611">
        <v>18800991</v>
      </c>
      <c r="B9611" t="s">
        <v>49214</v>
      </c>
      <c r="C9611" s="1" t="s">
        <v>49215</v>
      </c>
      <c r="E9611">
        <v>1</v>
      </c>
      <c r="F9611">
        <v>0</v>
      </c>
      <c r="H9611" t="s">
        <v>49216</v>
      </c>
      <c r="I9611">
        <v>1</v>
      </c>
      <c r="J9611" t="s">
        <v>49217</v>
      </c>
      <c r="K9611" t="s">
        <v>49217</v>
      </c>
      <c r="M9611">
        <v>1905949</v>
      </c>
      <c r="O9611">
        <v>2778983</v>
      </c>
      <c r="P9611">
        <v>1</v>
      </c>
      <c r="Q9611">
        <v>1</v>
      </c>
      <c r="R9611" t="s">
        <v>49218</v>
      </c>
      <c r="S9611">
        <v>791</v>
      </c>
    </row>
    <row r="9612" spans="1:19" x14ac:dyDescent="0.25">
      <c r="A9612">
        <v>37053921</v>
      </c>
      <c r="B9612" t="s">
        <v>49219</v>
      </c>
      <c r="C9612" s="1" t="s">
        <v>49220</v>
      </c>
      <c r="D9612">
        <v>37053989</v>
      </c>
      <c r="E9612">
        <v>1</v>
      </c>
      <c r="F9612">
        <v>0</v>
      </c>
      <c r="H9612" t="s">
        <v>49221</v>
      </c>
      <c r="J9612" t="s">
        <v>49222</v>
      </c>
      <c r="O9612">
        <v>3192657</v>
      </c>
      <c r="P9612">
        <v>1</v>
      </c>
      <c r="Q9612">
        <v>0</v>
      </c>
      <c r="R9612" t="s">
        <v>49223</v>
      </c>
      <c r="S9612">
        <v>36</v>
      </c>
    </row>
    <row r="9613" spans="1:19" x14ac:dyDescent="0.25">
      <c r="A9613">
        <v>19502166</v>
      </c>
      <c r="B9613" t="s">
        <v>49224</v>
      </c>
      <c r="C9613" s="1" t="s">
        <v>49225</v>
      </c>
      <c r="D9613">
        <v>19502464</v>
      </c>
      <c r="E9613">
        <v>1</v>
      </c>
      <c r="F9613">
        <v>0</v>
      </c>
      <c r="H9613" t="s">
        <v>49226</v>
      </c>
      <c r="J9613" t="s">
        <v>49227</v>
      </c>
      <c r="O9613">
        <v>2039848</v>
      </c>
      <c r="P9613">
        <v>1</v>
      </c>
      <c r="Q9613">
        <v>0</v>
      </c>
      <c r="R9613" t="s">
        <v>989</v>
      </c>
      <c r="S9613">
        <v>1835</v>
      </c>
    </row>
    <row r="9614" spans="1:19" x14ac:dyDescent="0.25">
      <c r="A9614">
        <v>47825870</v>
      </c>
      <c r="B9614" t="s">
        <v>49228</v>
      </c>
      <c r="C9614" s="1" t="s">
        <v>49229</v>
      </c>
      <c r="D9614">
        <v>47828967</v>
      </c>
      <c r="E9614">
        <v>1</v>
      </c>
      <c r="F9614">
        <v>4</v>
      </c>
      <c r="H9614" t="s">
        <v>49230</v>
      </c>
      <c r="J9614" t="s">
        <v>49231</v>
      </c>
      <c r="K9614" t="s">
        <v>49231</v>
      </c>
      <c r="M9614">
        <v>472495</v>
      </c>
      <c r="O9614">
        <v>9101876</v>
      </c>
      <c r="P9614">
        <v>1</v>
      </c>
      <c r="Q9614">
        <v>0</v>
      </c>
      <c r="R9614" t="s">
        <v>275</v>
      </c>
      <c r="S9614">
        <v>178</v>
      </c>
    </row>
    <row r="9615" spans="1:19" x14ac:dyDescent="0.25">
      <c r="A9615">
        <v>51863769</v>
      </c>
      <c r="B9615" t="s">
        <v>49232</v>
      </c>
      <c r="C9615" s="1" t="s">
        <v>49233</v>
      </c>
      <c r="D9615">
        <v>51866243</v>
      </c>
      <c r="E9615">
        <v>1</v>
      </c>
      <c r="F9615">
        <v>0</v>
      </c>
      <c r="H9615" t="s">
        <v>49234</v>
      </c>
      <c r="J9615" t="s">
        <v>49235</v>
      </c>
      <c r="O9615">
        <v>10230548</v>
      </c>
      <c r="P9615">
        <v>1</v>
      </c>
      <c r="Q9615">
        <v>2</v>
      </c>
      <c r="R9615" t="s">
        <v>5251</v>
      </c>
      <c r="S9615">
        <v>60</v>
      </c>
    </row>
    <row r="9616" spans="1:19" x14ac:dyDescent="0.25">
      <c r="A9616">
        <v>25020390</v>
      </c>
      <c r="B9616" t="s">
        <v>49236</v>
      </c>
      <c r="C9616" s="1" t="s">
        <v>49237</v>
      </c>
      <c r="D9616">
        <v>25020786</v>
      </c>
      <c r="E9616">
        <v>3</v>
      </c>
      <c r="F9616">
        <v>2</v>
      </c>
      <c r="H9616" t="s">
        <v>49238</v>
      </c>
      <c r="I9616">
        <v>1</v>
      </c>
      <c r="J9616" t="s">
        <v>49239</v>
      </c>
      <c r="O9616">
        <v>2796614</v>
      </c>
      <c r="P9616">
        <v>1</v>
      </c>
      <c r="Q9616">
        <v>6</v>
      </c>
      <c r="R9616" t="s">
        <v>3056</v>
      </c>
      <c r="S9616">
        <v>507</v>
      </c>
    </row>
    <row r="9617" spans="1:19" x14ac:dyDescent="0.25">
      <c r="A9617">
        <v>27519699</v>
      </c>
      <c r="B9617" t="s">
        <v>49240</v>
      </c>
      <c r="C9617" s="1" t="s">
        <v>49241</v>
      </c>
      <c r="D9617">
        <v>27523203</v>
      </c>
      <c r="E9617">
        <v>1</v>
      </c>
      <c r="F9617">
        <v>2</v>
      </c>
      <c r="H9617" t="s">
        <v>49242</v>
      </c>
      <c r="J9617" t="s">
        <v>49243</v>
      </c>
      <c r="K9617" t="s">
        <v>49244</v>
      </c>
      <c r="L9617" t="s">
        <v>10209</v>
      </c>
      <c r="N9617" t="s">
        <v>10209</v>
      </c>
      <c r="P9617">
        <v>1</v>
      </c>
      <c r="Q9617">
        <v>0</v>
      </c>
      <c r="R9617" t="s">
        <v>49245</v>
      </c>
      <c r="S9617">
        <v>508</v>
      </c>
    </row>
    <row r="9618" spans="1:19" x14ac:dyDescent="0.25">
      <c r="A9618">
        <v>25413248</v>
      </c>
      <c r="B9618" t="s">
        <v>49246</v>
      </c>
      <c r="C9618" s="1" t="s">
        <v>49247</v>
      </c>
      <c r="E9618">
        <v>1</v>
      </c>
      <c r="F9618">
        <v>5</v>
      </c>
      <c r="H9618" t="s">
        <v>49248</v>
      </c>
      <c r="J9618" t="s">
        <v>49249</v>
      </c>
      <c r="K9618" t="s">
        <v>49250</v>
      </c>
      <c r="M9618">
        <v>-1</v>
      </c>
      <c r="O9618">
        <v>627473</v>
      </c>
      <c r="P9618">
        <v>1</v>
      </c>
      <c r="Q9618">
        <v>-2</v>
      </c>
      <c r="R9618" t="s">
        <v>24070</v>
      </c>
      <c r="S9618">
        <v>42</v>
      </c>
    </row>
    <row r="9619" spans="1:19" x14ac:dyDescent="0.25">
      <c r="A9619">
        <v>35348465</v>
      </c>
      <c r="B9619" t="s">
        <v>49251</v>
      </c>
      <c r="C9619" s="1" t="s">
        <v>49252</v>
      </c>
      <c r="D9619">
        <v>35353094</v>
      </c>
      <c r="E9619">
        <v>2</v>
      </c>
      <c r="F9619">
        <v>0</v>
      </c>
      <c r="H9619" t="s">
        <v>49253</v>
      </c>
      <c r="J9619" t="s">
        <v>49254</v>
      </c>
      <c r="O9619">
        <v>333566</v>
      </c>
      <c r="P9619">
        <v>1</v>
      </c>
      <c r="Q9619">
        <v>0</v>
      </c>
      <c r="R9619" t="s">
        <v>49255</v>
      </c>
      <c r="S9619">
        <v>350</v>
      </c>
    </row>
    <row r="9620" spans="1:19" x14ac:dyDescent="0.25">
      <c r="A9620">
        <v>36476076</v>
      </c>
      <c r="B9620" t="s">
        <v>49256</v>
      </c>
      <c r="C9620" s="1" t="s">
        <v>49257</v>
      </c>
      <c r="D9620">
        <v>36529043</v>
      </c>
      <c r="E9620">
        <v>1</v>
      </c>
      <c r="F9620">
        <v>0</v>
      </c>
      <c r="H9620" t="s">
        <v>49258</v>
      </c>
      <c r="I9620">
        <v>2</v>
      </c>
      <c r="J9620" t="s">
        <v>49259</v>
      </c>
      <c r="O9620">
        <v>399891</v>
      </c>
      <c r="P9620">
        <v>1</v>
      </c>
      <c r="Q9620">
        <v>1</v>
      </c>
      <c r="R9620" t="s">
        <v>49260</v>
      </c>
      <c r="S9620">
        <v>669</v>
      </c>
    </row>
    <row r="9621" spans="1:19" x14ac:dyDescent="0.25">
      <c r="A9621">
        <v>30925541</v>
      </c>
      <c r="B9621" t="s">
        <v>49261</v>
      </c>
      <c r="C9621" s="1" t="s">
        <v>49262</v>
      </c>
      <c r="D9621">
        <v>30926034</v>
      </c>
      <c r="E9621">
        <v>3</v>
      </c>
      <c r="F9621">
        <v>7</v>
      </c>
      <c r="H9621" t="s">
        <v>49263</v>
      </c>
      <c r="J9621" t="s">
        <v>49264</v>
      </c>
      <c r="K9621" t="s">
        <v>49265</v>
      </c>
      <c r="M9621">
        <v>-1</v>
      </c>
      <c r="O9621">
        <v>1135541</v>
      </c>
      <c r="P9621">
        <v>1</v>
      </c>
      <c r="Q9621">
        <v>1</v>
      </c>
      <c r="R9621" t="s">
        <v>49266</v>
      </c>
      <c r="S9621">
        <v>109</v>
      </c>
    </row>
    <row r="9622" spans="1:19" x14ac:dyDescent="0.25">
      <c r="A9622">
        <v>28750211</v>
      </c>
      <c r="B9622" t="s">
        <v>49267</v>
      </c>
      <c r="C9622" s="1" t="s">
        <v>49268</v>
      </c>
      <c r="D9622">
        <v>28751199</v>
      </c>
      <c r="E9622">
        <v>3</v>
      </c>
      <c r="F9622">
        <v>2</v>
      </c>
      <c r="H9622" t="s">
        <v>49269</v>
      </c>
      <c r="J9622" t="s">
        <v>49270</v>
      </c>
      <c r="K9622" t="s">
        <v>49271</v>
      </c>
      <c r="M9622">
        <v>-1</v>
      </c>
      <c r="O9622">
        <v>4556852</v>
      </c>
      <c r="P9622">
        <v>1</v>
      </c>
      <c r="Q9622">
        <v>1</v>
      </c>
      <c r="R9622" t="s">
        <v>49272</v>
      </c>
      <c r="S9622">
        <v>857</v>
      </c>
    </row>
    <row r="9623" spans="1:19" x14ac:dyDescent="0.25">
      <c r="A9623">
        <v>2274173</v>
      </c>
      <c r="B9623" t="s">
        <v>49273</v>
      </c>
      <c r="C9623" s="1" t="s">
        <v>49274</v>
      </c>
      <c r="D9623">
        <v>2274204</v>
      </c>
      <c r="E9623">
        <v>2</v>
      </c>
      <c r="F9623">
        <v>2</v>
      </c>
      <c r="H9623" t="s">
        <v>49275</v>
      </c>
      <c r="J9623" t="s">
        <v>49276</v>
      </c>
      <c r="K9623" t="s">
        <v>49277</v>
      </c>
      <c r="M9623">
        <v>-1</v>
      </c>
      <c r="O9623">
        <v>231435</v>
      </c>
      <c r="P9623">
        <v>1</v>
      </c>
      <c r="Q9623">
        <v>0</v>
      </c>
      <c r="R9623" t="s">
        <v>49278</v>
      </c>
      <c r="S9623">
        <v>4162</v>
      </c>
    </row>
    <row r="9624" spans="1:19" x14ac:dyDescent="0.25">
      <c r="A9624">
        <v>40984961</v>
      </c>
      <c r="B9624" t="s">
        <v>49279</v>
      </c>
      <c r="C9624" t="s">
        <v>49280</v>
      </c>
      <c r="E9624">
        <v>1</v>
      </c>
      <c r="F9624">
        <v>1</v>
      </c>
      <c r="H9624" t="s">
        <v>49281</v>
      </c>
      <c r="J9624" t="s">
        <v>49282</v>
      </c>
      <c r="O9624">
        <v>4139729</v>
      </c>
      <c r="P9624">
        <v>1</v>
      </c>
      <c r="Q9624">
        <v>0</v>
      </c>
      <c r="R9624" t="s">
        <v>49283</v>
      </c>
      <c r="S9624">
        <v>194</v>
      </c>
    </row>
    <row r="9625" spans="1:19" x14ac:dyDescent="0.25">
      <c r="A9625">
        <v>15762014</v>
      </c>
      <c r="B9625" t="s">
        <v>49284</v>
      </c>
      <c r="C9625" s="1" t="s">
        <v>49285</v>
      </c>
      <c r="D9625">
        <v>15772259</v>
      </c>
      <c r="E9625">
        <v>1</v>
      </c>
      <c r="F9625">
        <v>0</v>
      </c>
      <c r="H9625" t="s">
        <v>49286</v>
      </c>
      <c r="I9625">
        <v>1</v>
      </c>
      <c r="J9625" t="s">
        <v>49287</v>
      </c>
      <c r="O9625">
        <v>1898534</v>
      </c>
      <c r="P9625">
        <v>1</v>
      </c>
      <c r="Q9625">
        <v>2</v>
      </c>
      <c r="R9625" t="s">
        <v>49288</v>
      </c>
      <c r="S9625">
        <v>1694</v>
      </c>
    </row>
    <row r="9626" spans="1:19" x14ac:dyDescent="0.25">
      <c r="A9626">
        <v>16868163</v>
      </c>
      <c r="B9626" t="s">
        <v>49289</v>
      </c>
      <c r="C9626" s="1" t="s">
        <v>49290</v>
      </c>
      <c r="E9626">
        <v>2</v>
      </c>
      <c r="F9626">
        <v>0</v>
      </c>
      <c r="H9626" t="s">
        <v>49291</v>
      </c>
      <c r="J9626" t="s">
        <v>49292</v>
      </c>
      <c r="K9626" t="s">
        <v>49292</v>
      </c>
      <c r="M9626">
        <v>1687533</v>
      </c>
      <c r="O9626">
        <v>1687533</v>
      </c>
      <c r="P9626">
        <v>1</v>
      </c>
      <c r="Q9626">
        <v>0</v>
      </c>
      <c r="R9626" t="s">
        <v>49293</v>
      </c>
      <c r="S9626">
        <v>5062</v>
      </c>
    </row>
    <row r="9627" spans="1:19" x14ac:dyDescent="0.25">
      <c r="A9627">
        <v>47002793</v>
      </c>
      <c r="B9627" t="s">
        <v>49294</v>
      </c>
      <c r="C9627" s="1" t="s">
        <v>49295</v>
      </c>
      <c r="E9627">
        <v>1</v>
      </c>
      <c r="F9627">
        <v>0</v>
      </c>
      <c r="H9627" t="s">
        <v>49296</v>
      </c>
      <c r="J9627" t="s">
        <v>49297</v>
      </c>
      <c r="K9627" t="s">
        <v>49298</v>
      </c>
      <c r="M9627">
        <v>8559106</v>
      </c>
      <c r="O9627">
        <v>8559106</v>
      </c>
      <c r="P9627">
        <v>1</v>
      </c>
      <c r="Q9627">
        <v>0</v>
      </c>
      <c r="R9627" t="s">
        <v>49299</v>
      </c>
      <c r="S9627">
        <v>39</v>
      </c>
    </row>
    <row r="9628" spans="1:19" x14ac:dyDescent="0.25">
      <c r="A9628">
        <v>46799591</v>
      </c>
      <c r="B9628" t="s">
        <v>49300</v>
      </c>
      <c r="C9628" s="1" t="s">
        <v>49301</v>
      </c>
      <c r="E9628">
        <v>1</v>
      </c>
      <c r="F9628">
        <v>3</v>
      </c>
      <c r="H9628" t="s">
        <v>49302</v>
      </c>
      <c r="J9628" t="s">
        <v>49303</v>
      </c>
      <c r="K9628" t="s">
        <v>49304</v>
      </c>
      <c r="M9628">
        <v>3627756</v>
      </c>
      <c r="O9628">
        <v>3803124</v>
      </c>
      <c r="P9628">
        <v>1</v>
      </c>
      <c r="Q9628">
        <v>-1</v>
      </c>
      <c r="R9628" t="s">
        <v>549</v>
      </c>
      <c r="S9628">
        <v>35</v>
      </c>
    </row>
    <row r="9629" spans="1:19" x14ac:dyDescent="0.25">
      <c r="A9629">
        <v>42457416</v>
      </c>
      <c r="B9629" t="s">
        <v>49305</v>
      </c>
      <c r="C9629" s="1" t="s">
        <v>49306</v>
      </c>
      <c r="D9629">
        <v>42461709</v>
      </c>
      <c r="E9629">
        <v>2</v>
      </c>
      <c r="F9629">
        <v>0</v>
      </c>
      <c r="H9629" t="s">
        <v>49307</v>
      </c>
      <c r="I9629">
        <v>1</v>
      </c>
      <c r="J9629" t="s">
        <v>49308</v>
      </c>
      <c r="K9629" t="s">
        <v>49309</v>
      </c>
      <c r="M9629">
        <v>997358</v>
      </c>
      <c r="O9629">
        <v>148423</v>
      </c>
      <c r="P9629">
        <v>1</v>
      </c>
      <c r="Q9629">
        <v>2</v>
      </c>
      <c r="R9629" t="s">
        <v>49310</v>
      </c>
      <c r="S9629">
        <v>780</v>
      </c>
    </row>
    <row r="9630" spans="1:19" x14ac:dyDescent="0.25">
      <c r="A9630">
        <v>40081322</v>
      </c>
      <c r="B9630" t="s">
        <v>49311</v>
      </c>
      <c r="C9630" s="1" t="s">
        <v>49312</v>
      </c>
      <c r="E9630">
        <v>1</v>
      </c>
      <c r="F9630">
        <v>1</v>
      </c>
      <c r="H9630" t="s">
        <v>49313</v>
      </c>
      <c r="J9630" t="s">
        <v>49314</v>
      </c>
      <c r="K9630" t="s">
        <v>49315</v>
      </c>
      <c r="M9630">
        <v>1538553</v>
      </c>
      <c r="O9630">
        <v>1538553</v>
      </c>
      <c r="P9630">
        <v>1</v>
      </c>
      <c r="Q9630">
        <v>0</v>
      </c>
      <c r="R9630" t="s">
        <v>49316</v>
      </c>
      <c r="S9630">
        <v>307</v>
      </c>
    </row>
    <row r="9631" spans="1:19" x14ac:dyDescent="0.25">
      <c r="A9631">
        <v>23540675</v>
      </c>
      <c r="B9631" t="s">
        <v>49317</v>
      </c>
      <c r="C9631" s="1" t="s">
        <v>49318</v>
      </c>
      <c r="E9631">
        <v>1</v>
      </c>
      <c r="F9631">
        <v>0</v>
      </c>
      <c r="H9631" t="s">
        <v>49319</v>
      </c>
      <c r="J9631" t="s">
        <v>49320</v>
      </c>
      <c r="K9631" t="s">
        <v>49321</v>
      </c>
      <c r="M9631">
        <v>2519700</v>
      </c>
      <c r="O9631">
        <v>511484</v>
      </c>
      <c r="P9631">
        <v>1</v>
      </c>
      <c r="Q9631">
        <v>0</v>
      </c>
      <c r="R9631" t="s">
        <v>49322</v>
      </c>
      <c r="S9631">
        <v>340</v>
      </c>
    </row>
    <row r="9632" spans="1:19" x14ac:dyDescent="0.25">
      <c r="A9632">
        <v>48066060</v>
      </c>
      <c r="B9632" t="s">
        <v>49323</v>
      </c>
      <c r="C9632" s="1" t="s">
        <v>49324</v>
      </c>
      <c r="E9632">
        <v>0</v>
      </c>
      <c r="F9632">
        <v>3</v>
      </c>
      <c r="H9632" t="s">
        <v>49325</v>
      </c>
      <c r="J9632" t="s">
        <v>49326</v>
      </c>
      <c r="K9632" t="s">
        <v>49326</v>
      </c>
      <c r="M9632">
        <v>2548267</v>
      </c>
      <c r="O9632">
        <v>2548267</v>
      </c>
      <c r="P9632">
        <v>1</v>
      </c>
      <c r="Q9632">
        <v>0</v>
      </c>
      <c r="R9632" t="s">
        <v>49327</v>
      </c>
      <c r="S9632">
        <v>131</v>
      </c>
    </row>
    <row r="9633" spans="1:19" x14ac:dyDescent="0.25">
      <c r="A9633">
        <v>6550157</v>
      </c>
      <c r="B9633" t="s">
        <v>49328</v>
      </c>
      <c r="C9633" s="1" t="s">
        <v>49329</v>
      </c>
      <c r="D9633">
        <v>6561370</v>
      </c>
      <c r="E9633">
        <v>3</v>
      </c>
      <c r="F9633">
        <v>2</v>
      </c>
      <c r="H9633" t="s">
        <v>49330</v>
      </c>
      <c r="J9633" t="s">
        <v>49331</v>
      </c>
      <c r="K9633" t="s">
        <v>49332</v>
      </c>
      <c r="M9633">
        <v>15168</v>
      </c>
      <c r="O9633">
        <v>528130</v>
      </c>
      <c r="P9633">
        <v>1</v>
      </c>
      <c r="Q9633">
        <v>3</v>
      </c>
      <c r="R9633" t="s">
        <v>49333</v>
      </c>
      <c r="S9633">
        <v>7963</v>
      </c>
    </row>
    <row r="9634" spans="1:19" x14ac:dyDescent="0.25">
      <c r="A9634">
        <v>45870562</v>
      </c>
      <c r="B9634" t="s">
        <v>49334</v>
      </c>
      <c r="C9634" t="s">
        <v>49335</v>
      </c>
      <c r="D9634">
        <v>45871034</v>
      </c>
      <c r="E9634">
        <v>2</v>
      </c>
      <c r="F9634">
        <v>0</v>
      </c>
      <c r="H9634" t="s">
        <v>49336</v>
      </c>
      <c r="J9634" t="s">
        <v>49337</v>
      </c>
      <c r="O9634">
        <v>3645337</v>
      </c>
      <c r="P9634">
        <v>1</v>
      </c>
      <c r="Q9634">
        <v>3</v>
      </c>
      <c r="R9634" t="s">
        <v>49338</v>
      </c>
      <c r="S9634">
        <v>268</v>
      </c>
    </row>
    <row r="9635" spans="1:19" x14ac:dyDescent="0.25">
      <c r="A9635">
        <v>26868159</v>
      </c>
      <c r="B9635" t="s">
        <v>49339</v>
      </c>
      <c r="C9635" s="1" t="s">
        <v>49340</v>
      </c>
      <c r="E9635">
        <v>1</v>
      </c>
      <c r="F9635">
        <v>0</v>
      </c>
      <c r="H9635" t="s">
        <v>49341</v>
      </c>
      <c r="J9635" t="s">
        <v>49342</v>
      </c>
      <c r="O9635">
        <v>3341132</v>
      </c>
      <c r="P9635">
        <v>1</v>
      </c>
      <c r="Q9635">
        <v>1</v>
      </c>
      <c r="R9635" t="s">
        <v>49343</v>
      </c>
      <c r="S9635">
        <v>132</v>
      </c>
    </row>
    <row r="9636" spans="1:19" x14ac:dyDescent="0.25">
      <c r="A9636">
        <v>24128486</v>
      </c>
      <c r="B9636" t="s">
        <v>49344</v>
      </c>
      <c r="C9636" s="1" t="s">
        <v>49345</v>
      </c>
      <c r="D9636">
        <v>24128487</v>
      </c>
      <c r="E9636">
        <v>1</v>
      </c>
      <c r="F9636">
        <v>0</v>
      </c>
      <c r="H9636" t="s">
        <v>49346</v>
      </c>
      <c r="J9636" t="s">
        <v>49346</v>
      </c>
      <c r="O9636">
        <v>2433271</v>
      </c>
      <c r="P9636">
        <v>1</v>
      </c>
      <c r="Q9636">
        <v>0</v>
      </c>
      <c r="R9636" t="s">
        <v>49347</v>
      </c>
      <c r="S9636">
        <v>337</v>
      </c>
    </row>
    <row r="9637" spans="1:19" x14ac:dyDescent="0.25">
      <c r="A9637">
        <v>24274815</v>
      </c>
      <c r="B9637" t="s">
        <v>49348</v>
      </c>
      <c r="C9637" s="1" t="s">
        <v>49349</v>
      </c>
      <c r="D9637">
        <v>24295335</v>
      </c>
      <c r="E9637">
        <v>3</v>
      </c>
      <c r="F9637">
        <v>2</v>
      </c>
      <c r="H9637" t="s">
        <v>49350</v>
      </c>
      <c r="J9637" t="s">
        <v>49351</v>
      </c>
      <c r="K9637" t="s">
        <v>49352</v>
      </c>
      <c r="M9637">
        <v>1044686</v>
      </c>
      <c r="O9637">
        <v>1044686</v>
      </c>
      <c r="P9637">
        <v>1</v>
      </c>
      <c r="Q9637">
        <v>2</v>
      </c>
      <c r="R9637" t="s">
        <v>34057</v>
      </c>
      <c r="S9637">
        <v>1319</v>
      </c>
    </row>
    <row r="9638" spans="1:19" x14ac:dyDescent="0.25">
      <c r="A9638">
        <v>44288999</v>
      </c>
      <c r="B9638" t="s">
        <v>49353</v>
      </c>
      <c r="C9638" s="1" t="s">
        <v>49354</v>
      </c>
      <c r="D9638">
        <v>44289464</v>
      </c>
      <c r="E9638">
        <v>1</v>
      </c>
      <c r="F9638">
        <v>0</v>
      </c>
      <c r="H9638" t="s">
        <v>49355</v>
      </c>
      <c r="J9638" t="s">
        <v>49356</v>
      </c>
      <c r="K9638" t="s">
        <v>49356</v>
      </c>
      <c r="M9638">
        <v>5037201</v>
      </c>
      <c r="O9638">
        <v>5037201</v>
      </c>
      <c r="P9638">
        <v>1</v>
      </c>
      <c r="Q9638">
        <v>0</v>
      </c>
      <c r="R9638" t="s">
        <v>49357</v>
      </c>
      <c r="S9638">
        <v>134</v>
      </c>
    </row>
    <row r="9639" spans="1:19" x14ac:dyDescent="0.25">
      <c r="A9639">
        <v>51369426</v>
      </c>
      <c r="B9639" t="s">
        <v>49358</v>
      </c>
      <c r="C9639" s="1" t="s">
        <v>49359</v>
      </c>
      <c r="D9639">
        <v>51369672</v>
      </c>
      <c r="E9639">
        <v>2</v>
      </c>
      <c r="F9639">
        <v>10</v>
      </c>
      <c r="H9639" t="s">
        <v>49360</v>
      </c>
      <c r="J9639" t="s">
        <v>49361</v>
      </c>
      <c r="K9639" t="s">
        <v>49362</v>
      </c>
      <c r="M9639">
        <v>9621248</v>
      </c>
      <c r="O9639">
        <v>9621248</v>
      </c>
      <c r="P9639">
        <v>1</v>
      </c>
      <c r="Q9639">
        <v>0</v>
      </c>
      <c r="R9639" t="s">
        <v>49363</v>
      </c>
      <c r="S9639">
        <v>34</v>
      </c>
    </row>
    <row r="9640" spans="1:19" x14ac:dyDescent="0.25">
      <c r="A9640">
        <v>37404840</v>
      </c>
      <c r="B9640" t="s">
        <v>49364</v>
      </c>
      <c r="C9640" t="s">
        <v>49365</v>
      </c>
      <c r="E9640">
        <v>0</v>
      </c>
      <c r="F9640">
        <v>5</v>
      </c>
      <c r="H9640" t="s">
        <v>49366</v>
      </c>
      <c r="J9640" t="s">
        <v>49367</v>
      </c>
      <c r="K9640" t="s">
        <v>49367</v>
      </c>
      <c r="M9640">
        <v>6298498</v>
      </c>
      <c r="O9640">
        <v>6298498</v>
      </c>
      <c r="P9640">
        <v>1</v>
      </c>
      <c r="Q9640">
        <v>1</v>
      </c>
      <c r="R9640" t="s">
        <v>49368</v>
      </c>
      <c r="S9640">
        <v>51</v>
      </c>
    </row>
    <row r="9641" spans="1:19" x14ac:dyDescent="0.25">
      <c r="A9641">
        <v>7672379</v>
      </c>
      <c r="B9641" t="s">
        <v>49369</v>
      </c>
      <c r="C9641" s="1" t="s">
        <v>49370</v>
      </c>
      <c r="D9641">
        <v>7672465</v>
      </c>
      <c r="E9641">
        <v>2</v>
      </c>
      <c r="F9641">
        <v>0</v>
      </c>
      <c r="H9641" t="s">
        <v>49371</v>
      </c>
      <c r="J9641" t="s">
        <v>49372</v>
      </c>
      <c r="O9641">
        <v>441365</v>
      </c>
      <c r="P9641">
        <v>1</v>
      </c>
      <c r="Q9641">
        <v>3</v>
      </c>
      <c r="R9641" t="s">
        <v>49373</v>
      </c>
      <c r="S9641">
        <v>1982</v>
      </c>
    </row>
    <row r="9642" spans="1:19" x14ac:dyDescent="0.25">
      <c r="A9642">
        <v>8974749</v>
      </c>
      <c r="B9642" t="s">
        <v>49374</v>
      </c>
      <c r="C9642" s="1" t="s">
        <v>49375</v>
      </c>
      <c r="D9642">
        <v>8974972</v>
      </c>
      <c r="E9642">
        <v>3</v>
      </c>
      <c r="F9642">
        <v>2</v>
      </c>
      <c r="H9642" t="s">
        <v>49376</v>
      </c>
      <c r="J9642" t="s">
        <v>49377</v>
      </c>
      <c r="K9642" t="s">
        <v>49378</v>
      </c>
      <c r="M9642">
        <v>720816</v>
      </c>
      <c r="O9642">
        <v>720816</v>
      </c>
      <c r="P9642">
        <v>1</v>
      </c>
      <c r="Q9642">
        <v>1</v>
      </c>
      <c r="R9642" t="s">
        <v>49379</v>
      </c>
      <c r="S9642">
        <v>7043</v>
      </c>
    </row>
    <row r="9643" spans="1:19" x14ac:dyDescent="0.25">
      <c r="A9643">
        <v>46624491</v>
      </c>
      <c r="B9643" t="s">
        <v>49380</v>
      </c>
      <c r="C9643" s="1" t="s">
        <v>49381</v>
      </c>
      <c r="E9643">
        <v>1</v>
      </c>
      <c r="F9643">
        <v>2</v>
      </c>
      <c r="H9643" t="s">
        <v>49382</v>
      </c>
      <c r="J9643" t="s">
        <v>49383</v>
      </c>
      <c r="K9643" t="s">
        <v>49383</v>
      </c>
      <c r="M9643">
        <v>6296561</v>
      </c>
      <c r="O9643">
        <v>8220319</v>
      </c>
      <c r="P9643">
        <v>1</v>
      </c>
      <c r="Q9643">
        <v>0</v>
      </c>
      <c r="R9643" t="s">
        <v>49384</v>
      </c>
      <c r="S9643">
        <v>35</v>
      </c>
    </row>
    <row r="9644" spans="1:19" x14ac:dyDescent="0.25">
      <c r="A9644">
        <v>39632810</v>
      </c>
      <c r="B9644" t="s">
        <v>49385</v>
      </c>
      <c r="C9644" s="1" t="s">
        <v>49386</v>
      </c>
      <c r="D9644">
        <v>39632855</v>
      </c>
      <c r="E9644">
        <v>1</v>
      </c>
      <c r="F9644">
        <v>0</v>
      </c>
      <c r="H9644" t="s">
        <v>49387</v>
      </c>
      <c r="J9644" t="s">
        <v>49388</v>
      </c>
      <c r="K9644" t="s">
        <v>49388</v>
      </c>
      <c r="M9644">
        <v>5599387</v>
      </c>
      <c r="O9644">
        <v>5599387</v>
      </c>
      <c r="P9644">
        <v>1</v>
      </c>
      <c r="Q9644">
        <v>1</v>
      </c>
      <c r="R9644" t="s">
        <v>49389</v>
      </c>
      <c r="S9644">
        <v>103</v>
      </c>
    </row>
    <row r="9645" spans="1:19" x14ac:dyDescent="0.25">
      <c r="A9645">
        <v>16194600</v>
      </c>
      <c r="B9645" t="s">
        <v>49390</v>
      </c>
      <c r="C9645" s="1" t="s">
        <v>49391</v>
      </c>
      <c r="D9645">
        <v>16194782</v>
      </c>
      <c r="E9645">
        <v>1</v>
      </c>
      <c r="F9645">
        <v>5</v>
      </c>
      <c r="H9645" t="s">
        <v>49392</v>
      </c>
      <c r="J9645" t="s">
        <v>49393</v>
      </c>
      <c r="K9645" t="s">
        <v>49393</v>
      </c>
      <c r="M9645">
        <v>801306</v>
      </c>
      <c r="O9645">
        <v>801306</v>
      </c>
      <c r="P9645">
        <v>1</v>
      </c>
      <c r="Q9645">
        <v>2</v>
      </c>
      <c r="R9645" t="s">
        <v>49394</v>
      </c>
      <c r="S9645">
        <v>1029</v>
      </c>
    </row>
    <row r="9646" spans="1:19" x14ac:dyDescent="0.25">
      <c r="A9646">
        <v>26362447</v>
      </c>
      <c r="B9646" t="s">
        <v>49395</v>
      </c>
      <c r="C9646" s="1" t="s">
        <v>49396</v>
      </c>
      <c r="D9646">
        <v>26363179</v>
      </c>
      <c r="E9646">
        <v>1</v>
      </c>
      <c r="F9646">
        <v>0</v>
      </c>
      <c r="H9646" t="s">
        <v>49397</v>
      </c>
      <c r="J9646" t="s">
        <v>49398</v>
      </c>
      <c r="O9646">
        <v>2053808</v>
      </c>
      <c r="P9646">
        <v>1</v>
      </c>
      <c r="Q9646">
        <v>0</v>
      </c>
      <c r="R9646" t="s">
        <v>49399</v>
      </c>
      <c r="S9646">
        <v>274</v>
      </c>
    </row>
    <row r="9647" spans="1:19" x14ac:dyDescent="0.25">
      <c r="A9647">
        <v>6080321</v>
      </c>
      <c r="B9647" t="s">
        <v>49400</v>
      </c>
      <c r="C9647" s="1" t="s">
        <v>49401</v>
      </c>
      <c r="D9647">
        <v>6081073</v>
      </c>
      <c r="E9647">
        <v>2</v>
      </c>
      <c r="F9647">
        <v>1</v>
      </c>
      <c r="H9647" t="s">
        <v>49402</v>
      </c>
      <c r="I9647">
        <v>1</v>
      </c>
      <c r="J9647" t="s">
        <v>49403</v>
      </c>
      <c r="O9647">
        <v>463857</v>
      </c>
      <c r="P9647">
        <v>1</v>
      </c>
      <c r="Q9647">
        <v>1</v>
      </c>
      <c r="R9647" t="s">
        <v>49404</v>
      </c>
      <c r="S9647">
        <v>5022</v>
      </c>
    </row>
    <row r="9648" spans="1:19" x14ac:dyDescent="0.25">
      <c r="A9648">
        <v>48683878</v>
      </c>
      <c r="B9648" t="s">
        <v>49405</v>
      </c>
      <c r="C9648" s="1" t="s">
        <v>49406</v>
      </c>
      <c r="E9648">
        <v>1</v>
      </c>
      <c r="F9648">
        <v>1</v>
      </c>
      <c r="H9648" t="s">
        <v>49407</v>
      </c>
      <c r="J9648" t="s">
        <v>49408</v>
      </c>
      <c r="K9648" t="s">
        <v>49409</v>
      </c>
      <c r="M9648">
        <v>9031685</v>
      </c>
      <c r="O9648">
        <v>8091001</v>
      </c>
      <c r="P9648">
        <v>1</v>
      </c>
      <c r="Q9648">
        <v>0</v>
      </c>
      <c r="R9648" t="s">
        <v>49410</v>
      </c>
      <c r="S9648">
        <v>85</v>
      </c>
    </row>
    <row r="9649" spans="1:19" x14ac:dyDescent="0.25">
      <c r="A9649">
        <v>20794608</v>
      </c>
      <c r="B9649" t="s">
        <v>49411</v>
      </c>
      <c r="C9649" s="1" t="s">
        <v>49412</v>
      </c>
      <c r="E9649">
        <v>3</v>
      </c>
      <c r="F9649">
        <v>1</v>
      </c>
      <c r="H9649" t="s">
        <v>49413</v>
      </c>
      <c r="J9649" t="s">
        <v>49414</v>
      </c>
      <c r="K9649" t="s">
        <v>49415</v>
      </c>
      <c r="M9649">
        <v>1467858</v>
      </c>
      <c r="O9649">
        <v>3138018</v>
      </c>
      <c r="P9649">
        <v>1</v>
      </c>
      <c r="Q9649">
        <v>1</v>
      </c>
      <c r="R9649" t="s">
        <v>49416</v>
      </c>
      <c r="S9649">
        <v>113</v>
      </c>
    </row>
    <row r="9650" spans="1:19" x14ac:dyDescent="0.25">
      <c r="A9650">
        <v>48940518</v>
      </c>
      <c r="B9650" t="s">
        <v>49417</v>
      </c>
      <c r="C9650" s="1" t="s">
        <v>49418</v>
      </c>
      <c r="E9650">
        <v>2</v>
      </c>
      <c r="F9650">
        <v>2</v>
      </c>
      <c r="H9650" t="s">
        <v>49419</v>
      </c>
      <c r="J9650" t="s">
        <v>49420</v>
      </c>
      <c r="K9650" t="s">
        <v>49421</v>
      </c>
      <c r="M9650">
        <v>9388370</v>
      </c>
      <c r="O9650">
        <v>9388370</v>
      </c>
      <c r="P9650">
        <v>1</v>
      </c>
      <c r="Q9650">
        <v>1</v>
      </c>
      <c r="R9650" t="s">
        <v>351</v>
      </c>
      <c r="S9650">
        <v>30</v>
      </c>
    </row>
    <row r="9651" spans="1:19" x14ac:dyDescent="0.25">
      <c r="A9651">
        <v>30050126</v>
      </c>
      <c r="B9651" t="s">
        <v>49422</v>
      </c>
      <c r="C9651" s="1" t="s">
        <v>49423</v>
      </c>
      <c r="D9651">
        <v>30050302</v>
      </c>
      <c r="E9651">
        <v>1</v>
      </c>
      <c r="F9651">
        <v>3</v>
      </c>
      <c r="H9651" t="s">
        <v>49424</v>
      </c>
      <c r="J9651" t="s">
        <v>49425</v>
      </c>
      <c r="K9651" t="s">
        <v>49425</v>
      </c>
      <c r="M9651">
        <v>19068</v>
      </c>
      <c r="O9651">
        <v>2350095</v>
      </c>
      <c r="P9651">
        <v>1</v>
      </c>
      <c r="Q9651">
        <v>2</v>
      </c>
      <c r="R9651" t="s">
        <v>1446</v>
      </c>
      <c r="S9651">
        <v>313</v>
      </c>
    </row>
    <row r="9652" spans="1:19" x14ac:dyDescent="0.25">
      <c r="A9652">
        <v>35765760</v>
      </c>
      <c r="B9652" t="s">
        <v>49426</v>
      </c>
      <c r="C9652" s="1" t="s">
        <v>49427</v>
      </c>
      <c r="D9652">
        <v>35770381</v>
      </c>
      <c r="E9652">
        <v>3</v>
      </c>
      <c r="F9652">
        <v>4</v>
      </c>
      <c r="H9652" t="s">
        <v>49428</v>
      </c>
      <c r="I9652">
        <v>4</v>
      </c>
      <c r="J9652" t="s">
        <v>49429</v>
      </c>
      <c r="K9652" t="s">
        <v>49430</v>
      </c>
      <c r="M9652">
        <v>382564</v>
      </c>
      <c r="O9652">
        <v>382564</v>
      </c>
      <c r="P9652">
        <v>1</v>
      </c>
      <c r="Q9652">
        <v>17</v>
      </c>
      <c r="R9652" t="s">
        <v>49431</v>
      </c>
      <c r="S9652">
        <v>10786</v>
      </c>
    </row>
    <row r="9653" spans="1:19" x14ac:dyDescent="0.25">
      <c r="A9653">
        <v>14094045</v>
      </c>
      <c r="B9653" t="s">
        <v>49432</v>
      </c>
      <c r="C9653" s="1" t="s">
        <v>49433</v>
      </c>
      <c r="E9653">
        <v>1</v>
      </c>
      <c r="F9653">
        <v>1</v>
      </c>
      <c r="H9653" t="s">
        <v>49434</v>
      </c>
      <c r="I9653">
        <v>1</v>
      </c>
      <c r="J9653" t="s">
        <v>49435</v>
      </c>
      <c r="O9653">
        <v>903324</v>
      </c>
      <c r="P9653">
        <v>1</v>
      </c>
      <c r="Q9653">
        <v>2</v>
      </c>
      <c r="R9653" t="s">
        <v>49436</v>
      </c>
      <c r="S9653">
        <v>3727</v>
      </c>
    </row>
    <row r="9654" spans="1:19" x14ac:dyDescent="0.25">
      <c r="A9654">
        <v>30911369</v>
      </c>
      <c r="B9654" t="s">
        <v>49437</v>
      </c>
      <c r="C9654" s="1" t="s">
        <v>49438</v>
      </c>
      <c r="E9654">
        <v>1</v>
      </c>
      <c r="F9654">
        <v>6</v>
      </c>
      <c r="H9654" t="s">
        <v>49439</v>
      </c>
      <c r="J9654" t="s">
        <v>49440</v>
      </c>
      <c r="K9654" t="s">
        <v>49440</v>
      </c>
      <c r="M9654">
        <v>4135142</v>
      </c>
      <c r="O9654">
        <v>4135142</v>
      </c>
      <c r="P9654">
        <v>1</v>
      </c>
      <c r="Q9654">
        <v>1</v>
      </c>
      <c r="R9654" t="s">
        <v>49441</v>
      </c>
      <c r="S9654">
        <v>1882</v>
      </c>
    </row>
    <row r="9655" spans="1:19" x14ac:dyDescent="0.25">
      <c r="A9655">
        <v>22204964</v>
      </c>
      <c r="B9655" t="s">
        <v>49442</v>
      </c>
      <c r="C9655" s="1" t="s">
        <v>49443</v>
      </c>
      <c r="D9655">
        <v>22234274</v>
      </c>
      <c r="E9655">
        <v>1</v>
      </c>
      <c r="F9655">
        <v>1</v>
      </c>
      <c r="H9655" t="s">
        <v>49444</v>
      </c>
      <c r="J9655" t="s">
        <v>49445</v>
      </c>
      <c r="K9655" t="s">
        <v>49445</v>
      </c>
      <c r="M9655">
        <v>445131</v>
      </c>
      <c r="O9655">
        <v>2293086</v>
      </c>
      <c r="P9655">
        <v>1</v>
      </c>
      <c r="Q9655">
        <v>0</v>
      </c>
      <c r="R9655" t="s">
        <v>49446</v>
      </c>
      <c r="S9655">
        <v>121</v>
      </c>
    </row>
    <row r="9656" spans="1:19" x14ac:dyDescent="0.25">
      <c r="A9656">
        <v>32550979</v>
      </c>
      <c r="B9656" t="s">
        <v>49447</v>
      </c>
      <c r="C9656" s="1" t="s">
        <v>49448</v>
      </c>
      <c r="D9656">
        <v>32551834</v>
      </c>
      <c r="E9656">
        <v>2</v>
      </c>
      <c r="F9656">
        <v>0</v>
      </c>
      <c r="H9656" t="s">
        <v>49449</v>
      </c>
      <c r="J9656" t="s">
        <v>49450</v>
      </c>
      <c r="K9656" t="s">
        <v>49451</v>
      </c>
      <c r="M9656">
        <v>3779389</v>
      </c>
      <c r="O9656">
        <v>3779389</v>
      </c>
      <c r="P9656">
        <v>1</v>
      </c>
      <c r="Q9656">
        <v>3</v>
      </c>
      <c r="R9656" t="s">
        <v>49452</v>
      </c>
      <c r="S9656">
        <v>596</v>
      </c>
    </row>
    <row r="9657" spans="1:19" x14ac:dyDescent="0.25">
      <c r="A9657">
        <v>32599609</v>
      </c>
      <c r="B9657" t="s">
        <v>49453</v>
      </c>
      <c r="C9657" s="1" t="s">
        <v>49454</v>
      </c>
      <c r="D9657">
        <v>32600039</v>
      </c>
      <c r="E9657">
        <v>1</v>
      </c>
      <c r="F9657">
        <v>0</v>
      </c>
      <c r="H9657" t="s">
        <v>49455</v>
      </c>
      <c r="I9657">
        <v>1</v>
      </c>
      <c r="J9657" t="s">
        <v>49456</v>
      </c>
      <c r="O9657">
        <v>5213618</v>
      </c>
      <c r="P9657">
        <v>1</v>
      </c>
      <c r="Q9657">
        <v>1</v>
      </c>
      <c r="R9657" t="s">
        <v>49457</v>
      </c>
      <c r="S9657">
        <v>423</v>
      </c>
    </row>
    <row r="9658" spans="1:19" x14ac:dyDescent="0.25">
      <c r="A9658">
        <v>20647329</v>
      </c>
      <c r="B9658" t="s">
        <v>49458</v>
      </c>
      <c r="C9658" s="1" t="s">
        <v>49459</v>
      </c>
      <c r="D9658">
        <v>20647392</v>
      </c>
      <c r="E9658">
        <v>1</v>
      </c>
      <c r="F9658">
        <v>2</v>
      </c>
      <c r="H9658" t="s">
        <v>49460</v>
      </c>
      <c r="J9658" t="s">
        <v>49461</v>
      </c>
      <c r="K9658" t="s">
        <v>49462</v>
      </c>
      <c r="M9658">
        <v>2998535</v>
      </c>
      <c r="O9658">
        <v>2998535</v>
      </c>
      <c r="P9658">
        <v>1</v>
      </c>
      <c r="Q9658">
        <v>1</v>
      </c>
      <c r="R9658" t="s">
        <v>49463</v>
      </c>
      <c r="S9658">
        <v>1662</v>
      </c>
    </row>
    <row r="9659" spans="1:19" x14ac:dyDescent="0.25">
      <c r="A9659">
        <v>7855384</v>
      </c>
      <c r="B9659" t="s">
        <v>49464</v>
      </c>
      <c r="C9659" s="1" t="s">
        <v>49465</v>
      </c>
      <c r="E9659">
        <v>1</v>
      </c>
      <c r="F9659">
        <v>0</v>
      </c>
      <c r="H9659" t="s">
        <v>49466</v>
      </c>
      <c r="I9659">
        <v>1</v>
      </c>
      <c r="J9659" t="s">
        <v>49467</v>
      </c>
      <c r="K9659" t="s">
        <v>49468</v>
      </c>
      <c r="M9659">
        <v>-1</v>
      </c>
      <c r="O9659">
        <v>20126</v>
      </c>
      <c r="P9659">
        <v>1</v>
      </c>
      <c r="Q9659">
        <v>0</v>
      </c>
      <c r="R9659" t="s">
        <v>49469</v>
      </c>
      <c r="S9659">
        <v>256</v>
      </c>
    </row>
    <row r="9660" spans="1:19" x14ac:dyDescent="0.25">
      <c r="A9660">
        <v>31038543</v>
      </c>
      <c r="B9660" t="s">
        <v>49470</v>
      </c>
      <c r="C9660" s="1" t="s">
        <v>49471</v>
      </c>
      <c r="D9660">
        <v>31038593</v>
      </c>
      <c r="E9660">
        <v>1</v>
      </c>
      <c r="F9660">
        <v>0</v>
      </c>
      <c r="H9660" t="s">
        <v>49472</v>
      </c>
      <c r="J9660" t="s">
        <v>49473</v>
      </c>
      <c r="O9660">
        <v>5031477</v>
      </c>
      <c r="P9660">
        <v>1</v>
      </c>
      <c r="Q9660">
        <v>0</v>
      </c>
      <c r="R9660" t="s">
        <v>10194</v>
      </c>
      <c r="S9660">
        <v>586</v>
      </c>
    </row>
    <row r="9661" spans="1:19" x14ac:dyDescent="0.25">
      <c r="A9661">
        <v>5293065</v>
      </c>
      <c r="B9661" t="s">
        <v>49474</v>
      </c>
      <c r="C9661" s="1" t="s">
        <v>49475</v>
      </c>
      <c r="D9661">
        <v>5293720</v>
      </c>
      <c r="E9661">
        <v>4</v>
      </c>
      <c r="F9661">
        <v>0</v>
      </c>
      <c r="H9661" t="s">
        <v>49476</v>
      </c>
      <c r="J9661" t="s">
        <v>49477</v>
      </c>
      <c r="O9661">
        <v>85952</v>
      </c>
      <c r="P9661">
        <v>1</v>
      </c>
      <c r="Q9661">
        <v>1</v>
      </c>
      <c r="R9661" t="s">
        <v>49478</v>
      </c>
      <c r="S9661">
        <v>569</v>
      </c>
    </row>
    <row r="9662" spans="1:19" x14ac:dyDescent="0.25">
      <c r="A9662">
        <v>28285597</v>
      </c>
      <c r="B9662" t="s">
        <v>49479</v>
      </c>
      <c r="C9662" s="1" t="s">
        <v>49480</v>
      </c>
      <c r="D9662">
        <v>28285861</v>
      </c>
      <c r="E9662">
        <v>1</v>
      </c>
      <c r="F9662">
        <v>0</v>
      </c>
      <c r="H9662" t="s">
        <v>49481</v>
      </c>
      <c r="J9662" t="s">
        <v>49482</v>
      </c>
      <c r="O9662">
        <v>2247506</v>
      </c>
      <c r="P9662">
        <v>1</v>
      </c>
      <c r="Q9662">
        <v>0</v>
      </c>
      <c r="R9662" t="s">
        <v>49483</v>
      </c>
      <c r="S9662">
        <v>1039</v>
      </c>
    </row>
    <row r="9663" spans="1:19" x14ac:dyDescent="0.25">
      <c r="A9663">
        <v>52134803</v>
      </c>
      <c r="B9663" t="s">
        <v>49484</v>
      </c>
      <c r="C9663" s="1" t="s">
        <v>49485</v>
      </c>
      <c r="D9663">
        <v>52134946</v>
      </c>
      <c r="E9663">
        <v>1</v>
      </c>
      <c r="F9663">
        <v>6</v>
      </c>
      <c r="H9663" t="s">
        <v>49486</v>
      </c>
      <c r="J9663" t="s">
        <v>49487</v>
      </c>
      <c r="K9663" t="s">
        <v>49488</v>
      </c>
      <c r="M9663">
        <v>6579245</v>
      </c>
      <c r="O9663">
        <v>6579245</v>
      </c>
      <c r="P9663">
        <v>1</v>
      </c>
      <c r="Q9663">
        <v>0</v>
      </c>
      <c r="R9663" t="s">
        <v>4668</v>
      </c>
      <c r="S9663">
        <v>34</v>
      </c>
    </row>
    <row r="9664" spans="1:19" x14ac:dyDescent="0.25">
      <c r="A9664">
        <v>9216326</v>
      </c>
      <c r="B9664" t="s">
        <v>49489</v>
      </c>
      <c r="C9664" s="1" t="s">
        <v>49490</v>
      </c>
      <c r="D9664">
        <v>9216387</v>
      </c>
      <c r="E9664">
        <v>6</v>
      </c>
      <c r="F9664">
        <v>2</v>
      </c>
      <c r="H9664" t="s">
        <v>49491</v>
      </c>
      <c r="J9664" t="s">
        <v>49492</v>
      </c>
      <c r="O9664">
        <v>1200294</v>
      </c>
      <c r="P9664">
        <v>1</v>
      </c>
      <c r="Q9664">
        <v>0</v>
      </c>
      <c r="R9664" t="s">
        <v>30756</v>
      </c>
      <c r="S9664">
        <v>5444</v>
      </c>
    </row>
    <row r="9665" spans="1:19" x14ac:dyDescent="0.25">
      <c r="A9665">
        <v>27014151</v>
      </c>
      <c r="B9665" t="s">
        <v>49493</v>
      </c>
      <c r="C9665" s="1" t="s">
        <v>49494</v>
      </c>
      <c r="D9665">
        <v>27017130</v>
      </c>
      <c r="E9665">
        <v>1</v>
      </c>
      <c r="F9665">
        <v>0</v>
      </c>
      <c r="H9665" t="s">
        <v>49495</v>
      </c>
      <c r="J9665" t="s">
        <v>49496</v>
      </c>
      <c r="O9665">
        <v>1107562</v>
      </c>
      <c r="P9665">
        <v>1</v>
      </c>
      <c r="Q9665">
        <v>0</v>
      </c>
      <c r="R9665" t="s">
        <v>49497</v>
      </c>
      <c r="S9665">
        <v>347</v>
      </c>
    </row>
    <row r="9666" spans="1:19" x14ac:dyDescent="0.25">
      <c r="A9666">
        <v>44699884</v>
      </c>
      <c r="B9666" t="s">
        <v>49498</v>
      </c>
      <c r="C9666" s="1" t="s">
        <v>49499</v>
      </c>
      <c r="D9666">
        <v>44700167</v>
      </c>
      <c r="E9666">
        <v>1</v>
      </c>
      <c r="F9666">
        <v>3</v>
      </c>
      <c r="H9666" t="s">
        <v>49500</v>
      </c>
      <c r="I9666">
        <v>1</v>
      </c>
      <c r="J9666" t="s">
        <v>49501</v>
      </c>
      <c r="O9666">
        <v>2397605</v>
      </c>
      <c r="P9666">
        <v>1</v>
      </c>
      <c r="Q9666">
        <v>1</v>
      </c>
      <c r="R9666" t="s">
        <v>49502</v>
      </c>
      <c r="S9666">
        <v>615</v>
      </c>
    </row>
    <row r="9667" spans="1:19" x14ac:dyDescent="0.25">
      <c r="A9667">
        <v>48738701</v>
      </c>
      <c r="B9667" t="s">
        <v>49503</v>
      </c>
      <c r="C9667" s="1" t="s">
        <v>49504</v>
      </c>
      <c r="E9667">
        <v>1</v>
      </c>
      <c r="F9667">
        <v>0</v>
      </c>
      <c r="H9667" t="s">
        <v>49505</v>
      </c>
      <c r="J9667" t="s">
        <v>49506</v>
      </c>
      <c r="K9667" t="s">
        <v>49507</v>
      </c>
      <c r="M9667">
        <v>8498164</v>
      </c>
      <c r="O9667">
        <v>8498164</v>
      </c>
      <c r="P9667">
        <v>1</v>
      </c>
      <c r="Q9667">
        <v>-1</v>
      </c>
      <c r="R9667" t="s">
        <v>49508</v>
      </c>
      <c r="S9667">
        <v>36</v>
      </c>
    </row>
    <row r="9668" spans="1:19" x14ac:dyDescent="0.25">
      <c r="A9668">
        <v>50333956</v>
      </c>
      <c r="B9668" t="s">
        <v>49509</v>
      </c>
      <c r="C9668" s="1" t="s">
        <v>49510</v>
      </c>
      <c r="E9668">
        <v>1</v>
      </c>
      <c r="F9668">
        <v>4</v>
      </c>
      <c r="H9668" t="s">
        <v>49511</v>
      </c>
      <c r="J9668" t="s">
        <v>49512</v>
      </c>
      <c r="K9668" t="s">
        <v>49512</v>
      </c>
      <c r="M9668">
        <v>472495</v>
      </c>
      <c r="O9668">
        <v>830704</v>
      </c>
      <c r="P9668">
        <v>1</v>
      </c>
      <c r="Q9668">
        <v>1</v>
      </c>
      <c r="R9668" t="s">
        <v>49513</v>
      </c>
      <c r="S9668">
        <v>44</v>
      </c>
    </row>
    <row r="9669" spans="1:19" x14ac:dyDescent="0.25">
      <c r="A9669">
        <v>23634196</v>
      </c>
      <c r="B9669" t="s">
        <v>49514</v>
      </c>
      <c r="C9669" s="1" t="s">
        <v>49515</v>
      </c>
      <c r="D9669">
        <v>23637583</v>
      </c>
      <c r="E9669">
        <v>1</v>
      </c>
      <c r="F9669">
        <v>0</v>
      </c>
      <c r="H9669" t="s">
        <v>49516</v>
      </c>
      <c r="J9669" t="s">
        <v>49517</v>
      </c>
      <c r="K9669" t="s">
        <v>49518</v>
      </c>
      <c r="M9669">
        <v>806952</v>
      </c>
      <c r="O9669">
        <v>3632911</v>
      </c>
      <c r="P9669">
        <v>1</v>
      </c>
      <c r="Q9669">
        <v>0</v>
      </c>
      <c r="R9669" t="s">
        <v>49519</v>
      </c>
      <c r="S9669">
        <v>38</v>
      </c>
    </row>
    <row r="9670" spans="1:19" x14ac:dyDescent="0.25">
      <c r="A9670">
        <v>5064843</v>
      </c>
      <c r="B9670" t="s">
        <v>49520</v>
      </c>
      <c r="C9670" s="1" t="s">
        <v>49521</v>
      </c>
      <c r="D9670">
        <v>5076537</v>
      </c>
      <c r="E9670">
        <v>2</v>
      </c>
      <c r="F9670">
        <v>2</v>
      </c>
      <c r="H9670" t="s">
        <v>49522</v>
      </c>
      <c r="J9670" t="s">
        <v>49523</v>
      </c>
      <c r="K9670" t="s">
        <v>49524</v>
      </c>
      <c r="M9670">
        <v>457148</v>
      </c>
      <c r="O9670">
        <v>457148</v>
      </c>
      <c r="P9670">
        <v>1</v>
      </c>
      <c r="Q9670">
        <v>1</v>
      </c>
      <c r="R9670" t="s">
        <v>49525</v>
      </c>
      <c r="S9670">
        <v>75</v>
      </c>
    </row>
    <row r="9671" spans="1:19" x14ac:dyDescent="0.25">
      <c r="A9671">
        <v>27498632</v>
      </c>
      <c r="B9671" t="s">
        <v>49526</v>
      </c>
      <c r="C9671" s="1" t="s">
        <v>49527</v>
      </c>
      <c r="E9671">
        <v>0</v>
      </c>
      <c r="F9671">
        <v>0</v>
      </c>
      <c r="H9671" t="s">
        <v>49528</v>
      </c>
      <c r="I9671">
        <v>1</v>
      </c>
      <c r="J9671" t="s">
        <v>49529</v>
      </c>
      <c r="K9671" t="s">
        <v>49529</v>
      </c>
      <c r="M9671">
        <v>698067</v>
      </c>
      <c r="O9671">
        <v>698067</v>
      </c>
      <c r="P9671">
        <v>1</v>
      </c>
      <c r="Q9671">
        <v>2</v>
      </c>
      <c r="R9671" t="s">
        <v>26807</v>
      </c>
      <c r="S9671">
        <v>112</v>
      </c>
    </row>
    <row r="9672" spans="1:19" x14ac:dyDescent="0.25">
      <c r="A9672">
        <v>27436132</v>
      </c>
      <c r="B9672" t="s">
        <v>49530</v>
      </c>
      <c r="C9672" s="1" t="s">
        <v>49531</v>
      </c>
      <c r="D9672">
        <v>27436194</v>
      </c>
      <c r="E9672">
        <v>1</v>
      </c>
      <c r="F9672">
        <v>0</v>
      </c>
      <c r="H9672" t="s">
        <v>49532</v>
      </c>
      <c r="I9672">
        <v>1</v>
      </c>
      <c r="J9672" t="s">
        <v>49533</v>
      </c>
      <c r="O9672">
        <v>4349139</v>
      </c>
      <c r="P9672">
        <v>1</v>
      </c>
      <c r="Q9672">
        <v>-1</v>
      </c>
      <c r="R9672" t="s">
        <v>213</v>
      </c>
      <c r="S9672">
        <v>245</v>
      </c>
    </row>
    <row r="9673" spans="1:19" x14ac:dyDescent="0.25">
      <c r="A9673">
        <v>8776751</v>
      </c>
      <c r="B9673" t="s">
        <v>49534</v>
      </c>
      <c r="C9673" s="1" t="s">
        <v>49535</v>
      </c>
      <c r="D9673">
        <v>8779830</v>
      </c>
      <c r="E9673">
        <v>3</v>
      </c>
      <c r="F9673">
        <v>4</v>
      </c>
      <c r="H9673" t="s">
        <v>49536</v>
      </c>
      <c r="I9673">
        <v>2</v>
      </c>
      <c r="J9673" t="s">
        <v>49537</v>
      </c>
      <c r="K9673" t="s">
        <v>49538</v>
      </c>
      <c r="M9673">
        <v>155</v>
      </c>
      <c r="O9673">
        <v>155</v>
      </c>
      <c r="P9673">
        <v>1</v>
      </c>
      <c r="Q9673">
        <v>5</v>
      </c>
      <c r="R9673" t="s">
        <v>49539</v>
      </c>
      <c r="S9673">
        <v>3905</v>
      </c>
    </row>
    <row r="9674" spans="1:19" x14ac:dyDescent="0.25">
      <c r="A9674">
        <v>14870689</v>
      </c>
      <c r="B9674" t="s">
        <v>49540</v>
      </c>
      <c r="C9674" s="1" t="s">
        <v>49541</v>
      </c>
      <c r="D9674">
        <v>14875394</v>
      </c>
      <c r="E9674">
        <v>1</v>
      </c>
      <c r="F9674">
        <v>0</v>
      </c>
      <c r="H9674" t="s">
        <v>49542</v>
      </c>
      <c r="J9674" t="s">
        <v>49543</v>
      </c>
      <c r="O9674">
        <v>278664</v>
      </c>
      <c r="P9674">
        <v>1</v>
      </c>
      <c r="Q9674">
        <v>0</v>
      </c>
      <c r="R9674" t="s">
        <v>49544</v>
      </c>
      <c r="S9674">
        <v>205</v>
      </c>
    </row>
    <row r="9675" spans="1:19" x14ac:dyDescent="0.25">
      <c r="A9675">
        <v>42821558</v>
      </c>
      <c r="B9675" t="s">
        <v>49545</v>
      </c>
      <c r="C9675" s="1" t="s">
        <v>49546</v>
      </c>
      <c r="D9675">
        <v>42822429</v>
      </c>
      <c r="E9675">
        <v>2</v>
      </c>
      <c r="F9675">
        <v>0</v>
      </c>
      <c r="H9675" t="s">
        <v>49547</v>
      </c>
      <c r="J9675" t="s">
        <v>49548</v>
      </c>
      <c r="K9675" t="s">
        <v>49548</v>
      </c>
      <c r="M9675">
        <v>5715663</v>
      </c>
      <c r="O9675">
        <v>5715663</v>
      </c>
      <c r="P9675">
        <v>1</v>
      </c>
      <c r="Q9675">
        <v>0</v>
      </c>
      <c r="R9675" t="s">
        <v>49549</v>
      </c>
      <c r="S9675">
        <v>78</v>
      </c>
    </row>
    <row r="9676" spans="1:19" x14ac:dyDescent="0.25">
      <c r="A9676">
        <v>39687740</v>
      </c>
      <c r="B9676" t="s">
        <v>49550</v>
      </c>
      <c r="C9676" s="1" t="s">
        <v>49551</v>
      </c>
      <c r="D9676">
        <v>39687787</v>
      </c>
      <c r="E9676">
        <v>2</v>
      </c>
      <c r="F9676">
        <v>3</v>
      </c>
      <c r="H9676" t="s">
        <v>49552</v>
      </c>
      <c r="J9676" t="s">
        <v>49553</v>
      </c>
      <c r="K9676" t="s">
        <v>49554</v>
      </c>
      <c r="M9676">
        <v>2310830</v>
      </c>
      <c r="O9676">
        <v>5364644</v>
      </c>
      <c r="P9676">
        <v>1</v>
      </c>
      <c r="Q9676">
        <v>0</v>
      </c>
      <c r="R9676" t="s">
        <v>49555</v>
      </c>
      <c r="S9676">
        <v>233</v>
      </c>
    </row>
    <row r="9677" spans="1:19" x14ac:dyDescent="0.25">
      <c r="A9677">
        <v>24828369</v>
      </c>
      <c r="B9677" t="s">
        <v>49556</v>
      </c>
      <c r="C9677" s="1" t="s">
        <v>49557</v>
      </c>
      <c r="D9677">
        <v>24828566</v>
      </c>
      <c r="E9677">
        <v>1</v>
      </c>
      <c r="F9677">
        <v>4</v>
      </c>
      <c r="H9677" t="s">
        <v>49558</v>
      </c>
      <c r="J9677" t="s">
        <v>49559</v>
      </c>
      <c r="O9677">
        <v>3710896</v>
      </c>
      <c r="P9677">
        <v>1</v>
      </c>
      <c r="Q9677">
        <v>0</v>
      </c>
      <c r="R9677" t="s">
        <v>49560</v>
      </c>
      <c r="S9677">
        <v>133</v>
      </c>
    </row>
    <row r="9678" spans="1:19" x14ac:dyDescent="0.25">
      <c r="A9678">
        <v>46188464</v>
      </c>
      <c r="B9678" t="s">
        <v>49561</v>
      </c>
      <c r="C9678" s="1" t="s">
        <v>49562</v>
      </c>
      <c r="D9678">
        <v>46188836</v>
      </c>
      <c r="E9678">
        <v>1</v>
      </c>
      <c r="F9678">
        <v>1</v>
      </c>
      <c r="H9678" t="s">
        <v>49563</v>
      </c>
      <c r="J9678" t="s">
        <v>49564</v>
      </c>
      <c r="K9678" t="s">
        <v>49564</v>
      </c>
      <c r="M9678">
        <v>2449905</v>
      </c>
      <c r="O9678">
        <v>3342427</v>
      </c>
      <c r="P9678">
        <v>1</v>
      </c>
      <c r="Q9678">
        <v>0</v>
      </c>
      <c r="R9678" t="s">
        <v>110</v>
      </c>
      <c r="S9678">
        <v>89</v>
      </c>
    </row>
    <row r="9679" spans="1:19" x14ac:dyDescent="0.25">
      <c r="A9679">
        <v>32513762</v>
      </c>
      <c r="B9679" t="s">
        <v>49565</v>
      </c>
      <c r="C9679" t="s">
        <v>49566</v>
      </c>
      <c r="D9679">
        <v>32527355</v>
      </c>
      <c r="E9679">
        <v>1</v>
      </c>
      <c r="F9679">
        <v>0</v>
      </c>
      <c r="H9679" t="s">
        <v>49567</v>
      </c>
      <c r="J9679" t="s">
        <v>49568</v>
      </c>
      <c r="O9679">
        <v>5323376</v>
      </c>
      <c r="P9679">
        <v>1</v>
      </c>
      <c r="Q9679">
        <v>3</v>
      </c>
      <c r="R9679" t="s">
        <v>49569</v>
      </c>
      <c r="S9679">
        <v>88</v>
      </c>
    </row>
    <row r="9680" spans="1:19" x14ac:dyDescent="0.25">
      <c r="A9680">
        <v>52307243</v>
      </c>
      <c r="B9680" t="s">
        <v>49570</v>
      </c>
      <c r="C9680" s="1" t="s">
        <v>49571</v>
      </c>
      <c r="E9680">
        <v>0</v>
      </c>
      <c r="F9680">
        <v>1</v>
      </c>
      <c r="H9680" t="s">
        <v>49572</v>
      </c>
      <c r="J9680" t="s">
        <v>49573</v>
      </c>
      <c r="K9680" t="s">
        <v>49573</v>
      </c>
      <c r="M9680">
        <v>783119</v>
      </c>
      <c r="O9680">
        <v>9742615</v>
      </c>
      <c r="P9680">
        <v>1</v>
      </c>
      <c r="Q9680">
        <v>0</v>
      </c>
      <c r="R9680" t="s">
        <v>49574</v>
      </c>
      <c r="S9680">
        <v>12</v>
      </c>
    </row>
    <row r="9681" spans="1:19" x14ac:dyDescent="0.25">
      <c r="A9681">
        <v>50413031</v>
      </c>
      <c r="B9681" t="s">
        <v>49575</v>
      </c>
      <c r="C9681" s="1" t="s">
        <v>49576</v>
      </c>
      <c r="E9681">
        <v>0</v>
      </c>
      <c r="F9681">
        <v>0</v>
      </c>
      <c r="H9681" t="s">
        <v>49577</v>
      </c>
      <c r="J9681" t="s">
        <v>49578</v>
      </c>
      <c r="K9681" t="s">
        <v>49578</v>
      </c>
      <c r="M9681">
        <v>7707677</v>
      </c>
      <c r="O9681">
        <v>7707677</v>
      </c>
      <c r="P9681">
        <v>1</v>
      </c>
      <c r="Q9681">
        <v>0</v>
      </c>
      <c r="R9681" t="s">
        <v>49579</v>
      </c>
      <c r="S9681">
        <v>34</v>
      </c>
    </row>
    <row r="9682" spans="1:19" x14ac:dyDescent="0.25">
      <c r="A9682">
        <v>43327126</v>
      </c>
      <c r="B9682" t="s">
        <v>49580</v>
      </c>
      <c r="C9682" s="1" t="s">
        <v>49581</v>
      </c>
      <c r="D9682">
        <v>43332945</v>
      </c>
      <c r="E9682">
        <v>1</v>
      </c>
      <c r="F9682">
        <v>0</v>
      </c>
      <c r="H9682" t="s">
        <v>49582</v>
      </c>
      <c r="J9682" t="s">
        <v>49583</v>
      </c>
      <c r="K9682" t="s">
        <v>49584</v>
      </c>
      <c r="M9682">
        <v>1685405</v>
      </c>
      <c r="O9682">
        <v>1685405</v>
      </c>
      <c r="P9682">
        <v>1</v>
      </c>
      <c r="Q9682">
        <v>0</v>
      </c>
      <c r="R9682" t="s">
        <v>49585</v>
      </c>
      <c r="S9682">
        <v>293</v>
      </c>
    </row>
    <row r="9683" spans="1:19" x14ac:dyDescent="0.25">
      <c r="A9683">
        <v>28317291</v>
      </c>
      <c r="B9683" t="s">
        <v>49586</v>
      </c>
      <c r="C9683" s="1" t="s">
        <v>49587</v>
      </c>
      <c r="E9683">
        <v>1</v>
      </c>
      <c r="F9683">
        <v>0</v>
      </c>
      <c r="H9683" t="s">
        <v>49588</v>
      </c>
      <c r="J9683" t="s">
        <v>49589</v>
      </c>
      <c r="K9683" t="s">
        <v>49590</v>
      </c>
      <c r="M9683">
        <v>3383213</v>
      </c>
      <c r="N9683" t="s">
        <v>49591</v>
      </c>
      <c r="P9683">
        <v>1</v>
      </c>
      <c r="Q9683">
        <v>0</v>
      </c>
      <c r="R9683" t="s">
        <v>49592</v>
      </c>
      <c r="S9683">
        <v>334</v>
      </c>
    </row>
    <row r="9684" spans="1:19" x14ac:dyDescent="0.25">
      <c r="A9684">
        <v>18392432</v>
      </c>
      <c r="B9684" t="s">
        <v>49593</v>
      </c>
      <c r="C9684" s="1" t="s">
        <v>49594</v>
      </c>
      <c r="E9684">
        <v>1</v>
      </c>
      <c r="F9684">
        <v>0</v>
      </c>
      <c r="H9684" t="s">
        <v>49595</v>
      </c>
      <c r="J9684" t="s">
        <v>49596</v>
      </c>
      <c r="O9684">
        <v>2709161</v>
      </c>
      <c r="P9684">
        <v>1</v>
      </c>
      <c r="Q9684">
        <v>-1</v>
      </c>
      <c r="R9684" t="s">
        <v>49597</v>
      </c>
      <c r="S9684">
        <v>99</v>
      </c>
    </row>
    <row r="9685" spans="1:19" x14ac:dyDescent="0.25">
      <c r="A9685">
        <v>53328407</v>
      </c>
      <c r="B9685" t="s">
        <v>49598</v>
      </c>
      <c r="C9685" s="1" t="s">
        <v>49599</v>
      </c>
      <c r="D9685">
        <v>53328487</v>
      </c>
      <c r="E9685">
        <v>1</v>
      </c>
      <c r="F9685">
        <v>1</v>
      </c>
      <c r="H9685" t="s">
        <v>49600</v>
      </c>
      <c r="J9685" t="s">
        <v>49601</v>
      </c>
      <c r="K9685" t="s">
        <v>49602</v>
      </c>
      <c r="M9685">
        <v>1708801</v>
      </c>
      <c r="O9685">
        <v>6084517</v>
      </c>
      <c r="P9685">
        <v>1</v>
      </c>
      <c r="Q9685">
        <v>4</v>
      </c>
      <c r="R9685" t="s">
        <v>49603</v>
      </c>
      <c r="S9685">
        <v>108</v>
      </c>
    </row>
    <row r="9686" spans="1:19" x14ac:dyDescent="0.25">
      <c r="A9686">
        <v>19359822</v>
      </c>
      <c r="B9686" t="s">
        <v>49604</v>
      </c>
      <c r="C9686" s="1" t="s">
        <v>49605</v>
      </c>
      <c r="D9686">
        <v>19360104</v>
      </c>
      <c r="E9686">
        <v>3</v>
      </c>
      <c r="F9686">
        <v>5</v>
      </c>
      <c r="H9686" t="s">
        <v>49606</v>
      </c>
      <c r="J9686" t="s">
        <v>49607</v>
      </c>
      <c r="O9686">
        <v>457352</v>
      </c>
      <c r="P9686">
        <v>1</v>
      </c>
      <c r="Q9686">
        <v>0</v>
      </c>
      <c r="R9686" t="s">
        <v>49608</v>
      </c>
      <c r="S9686">
        <v>1457</v>
      </c>
    </row>
    <row r="9687" spans="1:19" x14ac:dyDescent="0.25">
      <c r="A9687">
        <v>34720203</v>
      </c>
      <c r="B9687" t="s">
        <v>49609</v>
      </c>
      <c r="C9687" s="1" t="s">
        <v>49610</v>
      </c>
      <c r="E9687">
        <v>2</v>
      </c>
      <c r="F9687">
        <v>1</v>
      </c>
      <c r="H9687" t="s">
        <v>49611</v>
      </c>
      <c r="J9687" t="s">
        <v>49612</v>
      </c>
      <c r="O9687">
        <v>1671558</v>
      </c>
      <c r="P9687">
        <v>1</v>
      </c>
      <c r="Q9687">
        <v>0</v>
      </c>
      <c r="R9687" t="s">
        <v>49613</v>
      </c>
      <c r="S9687">
        <v>44</v>
      </c>
    </row>
    <row r="9688" spans="1:19" x14ac:dyDescent="0.25">
      <c r="A9688">
        <v>12231481</v>
      </c>
      <c r="B9688" t="s">
        <v>49614</v>
      </c>
      <c r="C9688" s="1" t="s">
        <v>49615</v>
      </c>
      <c r="D9688">
        <v>12272552</v>
      </c>
      <c r="E9688">
        <v>1</v>
      </c>
      <c r="F9688">
        <v>6</v>
      </c>
      <c r="H9688" t="s">
        <v>49616</v>
      </c>
      <c r="I9688">
        <v>1</v>
      </c>
      <c r="J9688" t="s">
        <v>49617</v>
      </c>
      <c r="O9688">
        <v>1596461</v>
      </c>
      <c r="P9688">
        <v>1</v>
      </c>
      <c r="Q9688">
        <v>0</v>
      </c>
      <c r="R9688" t="s">
        <v>49618</v>
      </c>
      <c r="S9688">
        <v>413</v>
      </c>
    </row>
    <row r="9689" spans="1:19" x14ac:dyDescent="0.25">
      <c r="A9689">
        <v>15901621</v>
      </c>
      <c r="B9689" t="s">
        <v>49619</v>
      </c>
      <c r="C9689" s="1" t="s">
        <v>49620</v>
      </c>
      <c r="D9689">
        <v>15901799</v>
      </c>
      <c r="E9689">
        <v>1</v>
      </c>
      <c r="F9689">
        <v>4</v>
      </c>
      <c r="H9689" t="s">
        <v>49621</v>
      </c>
      <c r="J9689" t="s">
        <v>49622</v>
      </c>
      <c r="K9689" t="s">
        <v>49622</v>
      </c>
      <c r="M9689">
        <v>706456</v>
      </c>
      <c r="O9689">
        <v>1885147</v>
      </c>
      <c r="P9689">
        <v>1</v>
      </c>
      <c r="Q9689">
        <v>1</v>
      </c>
      <c r="R9689" t="s">
        <v>49623</v>
      </c>
      <c r="S9689">
        <v>838</v>
      </c>
    </row>
    <row r="9690" spans="1:19" x14ac:dyDescent="0.25">
      <c r="A9690">
        <v>27089196</v>
      </c>
      <c r="B9690" t="s">
        <v>49624</v>
      </c>
      <c r="C9690" s="1" t="s">
        <v>49625</v>
      </c>
      <c r="D9690">
        <v>27089242</v>
      </c>
      <c r="E9690">
        <v>2</v>
      </c>
      <c r="F9690">
        <v>7</v>
      </c>
      <c r="H9690" t="s">
        <v>49626</v>
      </c>
      <c r="I9690">
        <v>9</v>
      </c>
      <c r="J9690" t="s">
        <v>49627</v>
      </c>
      <c r="K9690" t="s">
        <v>49628</v>
      </c>
      <c r="M9690">
        <v>1073386</v>
      </c>
      <c r="O9690">
        <v>1073386</v>
      </c>
      <c r="P9690">
        <v>1</v>
      </c>
      <c r="Q9690">
        <v>73</v>
      </c>
      <c r="R9690" t="s">
        <v>49629</v>
      </c>
      <c r="S9690">
        <v>3115</v>
      </c>
    </row>
    <row r="9691" spans="1:19" x14ac:dyDescent="0.25">
      <c r="A9691">
        <v>35907334</v>
      </c>
      <c r="B9691" t="s">
        <v>49630</v>
      </c>
      <c r="C9691" s="1" t="s">
        <v>49631</v>
      </c>
      <c r="E9691">
        <v>0</v>
      </c>
      <c r="F9691">
        <v>2</v>
      </c>
      <c r="H9691" t="s">
        <v>49632</v>
      </c>
      <c r="J9691" t="s">
        <v>49632</v>
      </c>
      <c r="O9691">
        <v>3606176</v>
      </c>
      <c r="P9691">
        <v>1</v>
      </c>
      <c r="Q9691">
        <v>0</v>
      </c>
      <c r="R9691" t="s">
        <v>1759</v>
      </c>
      <c r="S9691">
        <v>321</v>
      </c>
    </row>
    <row r="9692" spans="1:19" x14ac:dyDescent="0.25">
      <c r="A9692">
        <v>8034361</v>
      </c>
      <c r="B9692" t="s">
        <v>49633</v>
      </c>
      <c r="C9692" s="1" t="s">
        <v>49634</v>
      </c>
      <c r="D9692">
        <v>8034440</v>
      </c>
      <c r="E9692">
        <v>1</v>
      </c>
      <c r="F9692">
        <v>1</v>
      </c>
      <c r="H9692" t="s">
        <v>49635</v>
      </c>
      <c r="J9692" t="s">
        <v>49636</v>
      </c>
      <c r="O9692">
        <v>977498</v>
      </c>
      <c r="P9692">
        <v>1</v>
      </c>
      <c r="Q9692">
        <v>0</v>
      </c>
      <c r="R9692" t="s">
        <v>1159</v>
      </c>
      <c r="S9692">
        <v>4039</v>
      </c>
    </row>
    <row r="9693" spans="1:19" x14ac:dyDescent="0.25">
      <c r="A9693">
        <v>16280746</v>
      </c>
      <c r="B9693" t="s">
        <v>49637</v>
      </c>
      <c r="C9693" s="1" t="s">
        <v>49638</v>
      </c>
      <c r="E9693">
        <v>0</v>
      </c>
      <c r="F9693">
        <v>3</v>
      </c>
      <c r="H9693" t="s">
        <v>49639</v>
      </c>
      <c r="J9693" t="s">
        <v>49640</v>
      </c>
      <c r="K9693" t="s">
        <v>49640</v>
      </c>
      <c r="M9693">
        <v>4299166</v>
      </c>
      <c r="O9693">
        <v>2332378</v>
      </c>
      <c r="P9693">
        <v>1</v>
      </c>
      <c r="Q9693">
        <v>0</v>
      </c>
      <c r="R9693" t="s">
        <v>49641</v>
      </c>
      <c r="S9693">
        <v>338</v>
      </c>
    </row>
    <row r="9694" spans="1:19" x14ac:dyDescent="0.25">
      <c r="A9694">
        <v>41930893</v>
      </c>
      <c r="B9694" t="s">
        <v>49642</v>
      </c>
      <c r="C9694" s="1" t="s">
        <v>49643</v>
      </c>
      <c r="E9694">
        <v>1</v>
      </c>
      <c r="F9694">
        <v>1</v>
      </c>
      <c r="H9694" t="s">
        <v>49644</v>
      </c>
      <c r="J9694" t="s">
        <v>49645</v>
      </c>
      <c r="K9694" t="s">
        <v>49645</v>
      </c>
      <c r="M9694">
        <v>3206440</v>
      </c>
      <c r="O9694">
        <v>3206440</v>
      </c>
      <c r="P9694">
        <v>1</v>
      </c>
      <c r="Q9694">
        <v>-1</v>
      </c>
      <c r="R9694" t="s">
        <v>229</v>
      </c>
      <c r="S9694">
        <v>63</v>
      </c>
    </row>
    <row r="9695" spans="1:19" x14ac:dyDescent="0.25">
      <c r="A9695">
        <v>39383866</v>
      </c>
      <c r="B9695" t="s">
        <v>49646</v>
      </c>
      <c r="C9695" s="1" t="s">
        <v>49647</v>
      </c>
      <c r="E9695">
        <v>1</v>
      </c>
      <c r="F9695">
        <v>0</v>
      </c>
      <c r="H9695" t="s">
        <v>49648</v>
      </c>
      <c r="J9695" t="s">
        <v>49649</v>
      </c>
      <c r="K9695" t="s">
        <v>49649</v>
      </c>
      <c r="M9695">
        <v>4558029</v>
      </c>
      <c r="O9695">
        <v>6592412</v>
      </c>
      <c r="P9695">
        <v>1</v>
      </c>
      <c r="Q9695">
        <v>-1</v>
      </c>
      <c r="R9695" t="s">
        <v>49650</v>
      </c>
      <c r="S9695">
        <v>298</v>
      </c>
    </row>
    <row r="9696" spans="1:19" x14ac:dyDescent="0.25">
      <c r="A9696">
        <v>3672212</v>
      </c>
      <c r="B9696" t="s">
        <v>49651</v>
      </c>
      <c r="C9696" t="s">
        <v>49652</v>
      </c>
      <c r="D9696">
        <v>3672340</v>
      </c>
      <c r="E9696">
        <v>2</v>
      </c>
      <c r="F9696">
        <v>2</v>
      </c>
      <c r="H9696" t="s">
        <v>49653</v>
      </c>
      <c r="J9696" t="s">
        <v>49654</v>
      </c>
      <c r="O9696">
        <v>285070</v>
      </c>
      <c r="P9696">
        <v>1</v>
      </c>
      <c r="Q9696">
        <v>2</v>
      </c>
      <c r="R9696" t="s">
        <v>49655</v>
      </c>
      <c r="S9696">
        <v>2095</v>
      </c>
    </row>
    <row r="9697" spans="1:19" x14ac:dyDescent="0.25">
      <c r="A9697">
        <v>5575401</v>
      </c>
      <c r="B9697" t="s">
        <v>49656</v>
      </c>
      <c r="C9697" s="1" t="s">
        <v>49657</v>
      </c>
      <c r="D9697">
        <v>5712079</v>
      </c>
      <c r="E9697">
        <v>2</v>
      </c>
      <c r="F9697">
        <v>3</v>
      </c>
      <c r="H9697" t="s">
        <v>49658</v>
      </c>
      <c r="I9697">
        <v>1</v>
      </c>
      <c r="J9697" t="s">
        <v>49659</v>
      </c>
      <c r="K9697" t="s">
        <v>49659</v>
      </c>
      <c r="M9697">
        <v>640731</v>
      </c>
      <c r="O9697">
        <v>265341</v>
      </c>
      <c r="P9697">
        <v>1</v>
      </c>
      <c r="Q9697">
        <v>0</v>
      </c>
      <c r="R9697" t="s">
        <v>49660</v>
      </c>
      <c r="S9697">
        <v>185</v>
      </c>
    </row>
    <row r="9698" spans="1:19" x14ac:dyDescent="0.25">
      <c r="A9698">
        <v>51015979</v>
      </c>
      <c r="B9698" t="s">
        <v>49661</v>
      </c>
      <c r="C9698" s="1" t="s">
        <v>49662</v>
      </c>
      <c r="E9698">
        <v>1</v>
      </c>
      <c r="F9698">
        <v>0</v>
      </c>
      <c r="H9698" t="s">
        <v>49663</v>
      </c>
      <c r="J9698" t="s">
        <v>49664</v>
      </c>
      <c r="O9698">
        <v>9434696</v>
      </c>
      <c r="P9698">
        <v>1</v>
      </c>
      <c r="Q9698">
        <v>1</v>
      </c>
      <c r="R9698" t="s">
        <v>35076</v>
      </c>
      <c r="S9698">
        <v>16</v>
      </c>
    </row>
    <row r="9699" spans="1:19" x14ac:dyDescent="0.25">
      <c r="A9699">
        <v>5125717</v>
      </c>
      <c r="B9699" t="s">
        <v>49665</v>
      </c>
      <c r="C9699" s="1" t="s">
        <v>49666</v>
      </c>
      <c r="D9699">
        <v>5125730</v>
      </c>
      <c r="E9699">
        <v>2</v>
      </c>
      <c r="F9699">
        <v>2</v>
      </c>
      <c r="H9699" t="s">
        <v>49667</v>
      </c>
      <c r="I9699">
        <v>1</v>
      </c>
      <c r="J9699" t="s">
        <v>49668</v>
      </c>
      <c r="O9699">
        <v>621033</v>
      </c>
      <c r="P9699">
        <v>1</v>
      </c>
      <c r="Q9699">
        <v>2</v>
      </c>
      <c r="R9699" t="s">
        <v>49669</v>
      </c>
      <c r="S9699">
        <v>3080</v>
      </c>
    </row>
    <row r="9700" spans="1:19" x14ac:dyDescent="0.25">
      <c r="A9700">
        <v>46674669</v>
      </c>
      <c r="B9700" t="s">
        <v>49670</v>
      </c>
      <c r="C9700" s="1" t="s">
        <v>49671</v>
      </c>
      <c r="D9700">
        <v>46674773</v>
      </c>
      <c r="E9700">
        <v>1</v>
      </c>
      <c r="F9700">
        <v>5</v>
      </c>
      <c r="H9700" t="s">
        <v>49672</v>
      </c>
      <c r="J9700" t="s">
        <v>49673</v>
      </c>
      <c r="O9700">
        <v>8591775</v>
      </c>
      <c r="P9700">
        <v>1</v>
      </c>
      <c r="Q9700">
        <v>0</v>
      </c>
      <c r="R9700" t="s">
        <v>351</v>
      </c>
      <c r="S9700">
        <v>39</v>
      </c>
    </row>
    <row r="9701" spans="1:19" x14ac:dyDescent="0.25">
      <c r="A9701">
        <v>17081456</v>
      </c>
      <c r="B9701" t="s">
        <v>49674</v>
      </c>
      <c r="C9701" s="1" t="s">
        <v>49675</v>
      </c>
      <c r="D9701">
        <v>17081470</v>
      </c>
      <c r="E9701">
        <v>2</v>
      </c>
      <c r="F9701">
        <v>2</v>
      </c>
      <c r="H9701" t="s">
        <v>49676</v>
      </c>
      <c r="J9701" t="s">
        <v>49677</v>
      </c>
      <c r="O9701">
        <v>1993545</v>
      </c>
      <c r="P9701">
        <v>1</v>
      </c>
      <c r="Q9701">
        <v>1</v>
      </c>
      <c r="R9701" t="s">
        <v>49678</v>
      </c>
      <c r="S9701">
        <v>180</v>
      </c>
    </row>
    <row r="9702" spans="1:19" x14ac:dyDescent="0.25">
      <c r="A9702">
        <v>2834704</v>
      </c>
      <c r="B9702" t="s">
        <v>49679</v>
      </c>
      <c r="C9702" s="1" t="s">
        <v>49680</v>
      </c>
      <c r="E9702">
        <v>1</v>
      </c>
      <c r="F9702">
        <v>0</v>
      </c>
      <c r="H9702" t="s">
        <v>49681</v>
      </c>
      <c r="J9702" t="s">
        <v>49682</v>
      </c>
      <c r="K9702" t="s">
        <v>49682</v>
      </c>
      <c r="M9702">
        <v>13302</v>
      </c>
      <c r="O9702">
        <v>341266</v>
      </c>
      <c r="P9702">
        <v>1</v>
      </c>
      <c r="Q9702">
        <v>0</v>
      </c>
      <c r="R9702" t="s">
        <v>26907</v>
      </c>
      <c r="S9702">
        <v>531</v>
      </c>
    </row>
    <row r="9703" spans="1:19" x14ac:dyDescent="0.25">
      <c r="A9703">
        <v>32093697</v>
      </c>
      <c r="B9703" t="s">
        <v>49683</v>
      </c>
      <c r="C9703" s="1" t="s">
        <v>49684</v>
      </c>
      <c r="E9703">
        <v>1</v>
      </c>
      <c r="F9703">
        <v>1</v>
      </c>
      <c r="H9703" t="s">
        <v>49685</v>
      </c>
      <c r="I9703">
        <v>0</v>
      </c>
      <c r="J9703" t="s">
        <v>49686</v>
      </c>
      <c r="O9703">
        <v>4720237</v>
      </c>
      <c r="P9703">
        <v>1</v>
      </c>
      <c r="Q9703">
        <v>0</v>
      </c>
      <c r="R9703" t="s">
        <v>1466</v>
      </c>
      <c r="S9703">
        <v>194</v>
      </c>
    </row>
    <row r="9704" spans="1:19" x14ac:dyDescent="0.25">
      <c r="A9704">
        <v>36818022</v>
      </c>
      <c r="B9704" t="s">
        <v>49687</v>
      </c>
      <c r="C9704" s="1" t="s">
        <v>49688</v>
      </c>
      <c r="E9704">
        <v>1</v>
      </c>
      <c r="F9704">
        <v>0</v>
      </c>
      <c r="H9704" t="s">
        <v>49689</v>
      </c>
      <c r="J9704" t="s">
        <v>49690</v>
      </c>
      <c r="O9704">
        <v>1133488</v>
      </c>
      <c r="P9704">
        <v>1</v>
      </c>
      <c r="Q9704">
        <v>1</v>
      </c>
      <c r="R9704" t="s">
        <v>49691</v>
      </c>
      <c r="S9704">
        <v>335</v>
      </c>
    </row>
    <row r="9705" spans="1:19" x14ac:dyDescent="0.25">
      <c r="A9705">
        <v>32566703</v>
      </c>
      <c r="B9705" t="s">
        <v>49692</v>
      </c>
      <c r="C9705" t="s">
        <v>49693</v>
      </c>
      <c r="D9705">
        <v>32567370</v>
      </c>
      <c r="E9705">
        <v>1</v>
      </c>
      <c r="F9705">
        <v>2</v>
      </c>
      <c r="H9705" t="s">
        <v>49694</v>
      </c>
      <c r="J9705" t="s">
        <v>49695</v>
      </c>
      <c r="O9705">
        <v>4555797</v>
      </c>
      <c r="P9705">
        <v>1</v>
      </c>
      <c r="Q9705">
        <v>-1</v>
      </c>
      <c r="R9705" t="s">
        <v>1239</v>
      </c>
      <c r="S9705">
        <v>24</v>
      </c>
    </row>
    <row r="9706" spans="1:19" x14ac:dyDescent="0.25">
      <c r="A9706">
        <v>52484260</v>
      </c>
      <c r="B9706" t="s">
        <v>49696</v>
      </c>
      <c r="C9706" t="s">
        <v>49697</v>
      </c>
      <c r="E9706">
        <v>0</v>
      </c>
      <c r="F9706">
        <v>7</v>
      </c>
      <c r="H9706" t="s">
        <v>49698</v>
      </c>
      <c r="J9706" t="s">
        <v>49699</v>
      </c>
      <c r="K9706" t="s">
        <v>49699</v>
      </c>
      <c r="M9706">
        <v>2954547</v>
      </c>
      <c r="O9706">
        <v>2232378</v>
      </c>
      <c r="P9706">
        <v>1</v>
      </c>
      <c r="Q9706">
        <v>0</v>
      </c>
      <c r="R9706" t="s">
        <v>3969</v>
      </c>
      <c r="S9706">
        <v>36</v>
      </c>
    </row>
    <row r="9707" spans="1:19" x14ac:dyDescent="0.25">
      <c r="A9707">
        <v>12335058</v>
      </c>
      <c r="B9707" t="s">
        <v>49700</v>
      </c>
      <c r="C9707" s="1" t="s">
        <v>49701</v>
      </c>
      <c r="D9707">
        <v>12580853</v>
      </c>
      <c r="E9707">
        <v>1</v>
      </c>
      <c r="F9707">
        <v>0</v>
      </c>
      <c r="H9707" t="s">
        <v>49702</v>
      </c>
      <c r="J9707" t="s">
        <v>49703</v>
      </c>
      <c r="O9707">
        <v>1657390</v>
      </c>
      <c r="P9707">
        <v>1</v>
      </c>
      <c r="Q9707">
        <v>1</v>
      </c>
      <c r="R9707" t="s">
        <v>18665</v>
      </c>
      <c r="S9707">
        <v>141</v>
      </c>
    </row>
    <row r="9708" spans="1:19" x14ac:dyDescent="0.25">
      <c r="A9708">
        <v>29196052</v>
      </c>
      <c r="B9708" t="s">
        <v>49704</v>
      </c>
      <c r="C9708" s="1" t="s">
        <v>49705</v>
      </c>
      <c r="E9708">
        <v>2</v>
      </c>
      <c r="F9708">
        <v>2</v>
      </c>
      <c r="H9708" t="s">
        <v>49706</v>
      </c>
      <c r="I9708">
        <v>1</v>
      </c>
      <c r="J9708" t="s">
        <v>49707</v>
      </c>
      <c r="K9708" t="s">
        <v>49708</v>
      </c>
      <c r="M9708">
        <v>360695</v>
      </c>
      <c r="O9708">
        <v>4582502</v>
      </c>
      <c r="P9708">
        <v>1</v>
      </c>
      <c r="Q9708">
        <v>3</v>
      </c>
      <c r="R9708" t="s">
        <v>49709</v>
      </c>
      <c r="S9708">
        <v>4759</v>
      </c>
    </row>
    <row r="9709" spans="1:19" x14ac:dyDescent="0.25">
      <c r="A9709">
        <v>47782751</v>
      </c>
      <c r="B9709" t="s">
        <v>49710</v>
      </c>
      <c r="C9709" s="1" t="s">
        <v>49711</v>
      </c>
      <c r="E9709">
        <v>0</v>
      </c>
      <c r="F9709">
        <v>0</v>
      </c>
      <c r="H9709" t="s">
        <v>49712</v>
      </c>
      <c r="J9709" t="s">
        <v>49712</v>
      </c>
      <c r="O9709">
        <v>1654930</v>
      </c>
      <c r="P9709">
        <v>1</v>
      </c>
      <c r="Q9709">
        <v>0</v>
      </c>
      <c r="R9709" t="s">
        <v>49713</v>
      </c>
      <c r="S9709">
        <v>22</v>
      </c>
    </row>
    <row r="9710" spans="1:19" x14ac:dyDescent="0.25">
      <c r="A9710">
        <v>16646076</v>
      </c>
      <c r="B9710" t="s">
        <v>49714</v>
      </c>
      <c r="C9710" s="1" t="s">
        <v>49715</v>
      </c>
      <c r="D9710">
        <v>16646382</v>
      </c>
      <c r="E9710">
        <v>2</v>
      </c>
      <c r="F9710">
        <v>0</v>
      </c>
      <c r="H9710" t="s">
        <v>49716</v>
      </c>
      <c r="J9710" t="s">
        <v>49717</v>
      </c>
      <c r="K9710" t="s">
        <v>49718</v>
      </c>
      <c r="M9710">
        <v>235710</v>
      </c>
      <c r="O9710">
        <v>1435930</v>
      </c>
      <c r="P9710">
        <v>1</v>
      </c>
      <c r="Q9710">
        <v>3</v>
      </c>
      <c r="R9710" t="s">
        <v>11552</v>
      </c>
      <c r="S9710">
        <v>3272</v>
      </c>
    </row>
    <row r="9711" spans="1:19" x14ac:dyDescent="0.25">
      <c r="A9711">
        <v>41439231</v>
      </c>
      <c r="B9711" t="s">
        <v>49719</v>
      </c>
      <c r="C9711" s="1" t="s">
        <v>49720</v>
      </c>
      <c r="D9711">
        <v>41440320</v>
      </c>
      <c r="E9711">
        <v>3</v>
      </c>
      <c r="F9711">
        <v>7</v>
      </c>
      <c r="H9711" t="s">
        <v>49721</v>
      </c>
      <c r="J9711" t="s">
        <v>49722</v>
      </c>
      <c r="O9711">
        <v>2697145</v>
      </c>
      <c r="P9711">
        <v>1</v>
      </c>
      <c r="Q9711">
        <v>0</v>
      </c>
      <c r="R9711" t="s">
        <v>780</v>
      </c>
      <c r="S9711">
        <v>38</v>
      </c>
    </row>
    <row r="9712" spans="1:19" x14ac:dyDescent="0.25">
      <c r="A9712">
        <v>36022132</v>
      </c>
      <c r="B9712" t="s">
        <v>49723</v>
      </c>
      <c r="C9712" s="1" t="s">
        <v>49724</v>
      </c>
      <c r="E9712">
        <v>1</v>
      </c>
      <c r="F9712">
        <v>0</v>
      </c>
      <c r="H9712" t="s">
        <v>49725</v>
      </c>
      <c r="J9712" t="s">
        <v>49726</v>
      </c>
      <c r="O9712">
        <v>6057497</v>
      </c>
      <c r="P9712">
        <v>1</v>
      </c>
      <c r="Q9712">
        <v>1</v>
      </c>
      <c r="R9712" t="s">
        <v>49727</v>
      </c>
      <c r="S9712">
        <v>1612</v>
      </c>
    </row>
    <row r="9713" spans="1:19" x14ac:dyDescent="0.25">
      <c r="A9713">
        <v>42081813</v>
      </c>
      <c r="B9713" t="s">
        <v>49728</v>
      </c>
      <c r="C9713" s="1" t="s">
        <v>49729</v>
      </c>
      <c r="D9713">
        <v>42082482</v>
      </c>
      <c r="E9713">
        <v>3</v>
      </c>
      <c r="F9713">
        <v>5</v>
      </c>
      <c r="H9713" t="s">
        <v>49730</v>
      </c>
      <c r="J9713" t="s">
        <v>49731</v>
      </c>
      <c r="K9713" t="s">
        <v>49732</v>
      </c>
      <c r="M9713">
        <v>4034534</v>
      </c>
      <c r="O9713">
        <v>4034534</v>
      </c>
      <c r="P9713">
        <v>1</v>
      </c>
      <c r="Q9713">
        <v>0</v>
      </c>
      <c r="R9713" t="s">
        <v>2664</v>
      </c>
      <c r="S9713">
        <v>736</v>
      </c>
    </row>
    <row r="9714" spans="1:19" x14ac:dyDescent="0.25">
      <c r="A9714">
        <v>2502411</v>
      </c>
      <c r="B9714" t="s">
        <v>49733</v>
      </c>
      <c r="C9714" s="1" t="s">
        <v>49734</v>
      </c>
      <c r="D9714">
        <v>2502649</v>
      </c>
      <c r="E9714">
        <v>1</v>
      </c>
      <c r="F9714">
        <v>0</v>
      </c>
      <c r="H9714" t="s">
        <v>49735</v>
      </c>
      <c r="J9714" t="s">
        <v>49736</v>
      </c>
      <c r="O9714">
        <v>87152</v>
      </c>
      <c r="P9714">
        <v>1</v>
      </c>
      <c r="Q9714">
        <v>0</v>
      </c>
      <c r="R9714" t="s">
        <v>49737</v>
      </c>
      <c r="S9714">
        <v>726</v>
      </c>
    </row>
    <row r="9715" spans="1:19" x14ac:dyDescent="0.25">
      <c r="A9715">
        <v>8087945</v>
      </c>
      <c r="B9715" t="s">
        <v>49738</v>
      </c>
      <c r="C9715" s="1" t="s">
        <v>49739</v>
      </c>
      <c r="D9715">
        <v>8096800</v>
      </c>
      <c r="E9715">
        <v>1</v>
      </c>
      <c r="F9715">
        <v>1</v>
      </c>
      <c r="H9715" t="s">
        <v>49740</v>
      </c>
      <c r="I9715">
        <v>0</v>
      </c>
      <c r="J9715" t="s">
        <v>49741</v>
      </c>
      <c r="O9715">
        <v>519495</v>
      </c>
      <c r="P9715">
        <v>1</v>
      </c>
      <c r="Q9715">
        <v>1</v>
      </c>
      <c r="R9715" t="s">
        <v>49742</v>
      </c>
      <c r="S9715">
        <v>4797</v>
      </c>
    </row>
    <row r="9716" spans="1:19" x14ac:dyDescent="0.25">
      <c r="A9716">
        <v>35665624</v>
      </c>
      <c r="B9716" t="s">
        <v>49743</v>
      </c>
      <c r="C9716" s="1" t="s">
        <v>49744</v>
      </c>
      <c r="D9716">
        <v>35665806</v>
      </c>
      <c r="E9716">
        <v>1</v>
      </c>
      <c r="F9716">
        <v>3</v>
      </c>
      <c r="H9716" t="s">
        <v>49745</v>
      </c>
      <c r="J9716" t="s">
        <v>49746</v>
      </c>
      <c r="K9716" t="s">
        <v>49747</v>
      </c>
      <c r="M9716">
        <v>997358</v>
      </c>
      <c r="O9716">
        <v>770618</v>
      </c>
      <c r="P9716">
        <v>1</v>
      </c>
      <c r="Q9716">
        <v>0</v>
      </c>
      <c r="R9716" t="s">
        <v>14180</v>
      </c>
      <c r="S9716">
        <v>44</v>
      </c>
    </row>
    <row r="9717" spans="1:19" x14ac:dyDescent="0.25">
      <c r="A9717">
        <v>52708200</v>
      </c>
      <c r="B9717" t="s">
        <v>49748</v>
      </c>
      <c r="C9717" s="1" t="s">
        <v>49749</v>
      </c>
      <c r="E9717">
        <v>1</v>
      </c>
      <c r="F9717">
        <v>0</v>
      </c>
      <c r="H9717" t="s">
        <v>49750</v>
      </c>
      <c r="J9717" t="s">
        <v>49751</v>
      </c>
      <c r="K9717" t="s">
        <v>49751</v>
      </c>
      <c r="M9717">
        <v>1390056</v>
      </c>
      <c r="O9717">
        <v>1390056</v>
      </c>
      <c r="P9717">
        <v>1</v>
      </c>
      <c r="Q9717">
        <v>0</v>
      </c>
      <c r="R9717" t="s">
        <v>49752</v>
      </c>
      <c r="S9717">
        <v>90</v>
      </c>
    </row>
    <row r="9718" spans="1:19" x14ac:dyDescent="0.25">
      <c r="A9718">
        <v>23018572</v>
      </c>
      <c r="B9718" t="s">
        <v>49753</v>
      </c>
      <c r="C9718" s="1" t="s">
        <v>49754</v>
      </c>
      <c r="D9718">
        <v>23226703</v>
      </c>
      <c r="E9718">
        <v>1</v>
      </c>
      <c r="F9718">
        <v>2</v>
      </c>
      <c r="H9718" t="s">
        <v>49755</v>
      </c>
      <c r="J9718" t="s">
        <v>49756</v>
      </c>
      <c r="K9718" t="s">
        <v>49757</v>
      </c>
      <c r="M9718">
        <v>2998271</v>
      </c>
      <c r="O9718">
        <v>1950812</v>
      </c>
      <c r="P9718">
        <v>1</v>
      </c>
      <c r="Q9718">
        <v>1</v>
      </c>
      <c r="R9718" t="s">
        <v>49758</v>
      </c>
      <c r="S9718">
        <v>96</v>
      </c>
    </row>
    <row r="9719" spans="1:19" x14ac:dyDescent="0.25">
      <c r="A9719">
        <v>6863690</v>
      </c>
      <c r="B9719" t="s">
        <v>49759</v>
      </c>
      <c r="C9719" s="1" t="s">
        <v>49760</v>
      </c>
      <c r="E9719">
        <v>0</v>
      </c>
      <c r="F9719">
        <v>1</v>
      </c>
      <c r="H9719" t="s">
        <v>49761</v>
      </c>
      <c r="I9719">
        <v>1</v>
      </c>
      <c r="J9719" t="s">
        <v>49762</v>
      </c>
      <c r="K9719" t="s">
        <v>49762</v>
      </c>
      <c r="M9719">
        <v>868074</v>
      </c>
      <c r="O9719">
        <v>868074</v>
      </c>
      <c r="P9719">
        <v>1</v>
      </c>
      <c r="Q9719">
        <v>2</v>
      </c>
      <c r="R9719" t="s">
        <v>49763</v>
      </c>
      <c r="S9719">
        <v>353</v>
      </c>
    </row>
    <row r="9720" spans="1:19" x14ac:dyDescent="0.25">
      <c r="A9720">
        <v>20245245</v>
      </c>
      <c r="B9720" t="s">
        <v>49764</v>
      </c>
      <c r="C9720" s="1" t="s">
        <v>49765</v>
      </c>
      <c r="E9720">
        <v>1</v>
      </c>
      <c r="F9720">
        <v>0</v>
      </c>
      <c r="H9720" t="s">
        <v>49766</v>
      </c>
      <c r="I9720">
        <v>5</v>
      </c>
      <c r="J9720" t="s">
        <v>49767</v>
      </c>
      <c r="O9720">
        <v>3036488</v>
      </c>
      <c r="P9720">
        <v>1</v>
      </c>
      <c r="Q9720">
        <v>1</v>
      </c>
      <c r="R9720" t="s">
        <v>49768</v>
      </c>
      <c r="S9720">
        <v>590</v>
      </c>
    </row>
    <row r="9721" spans="1:19" x14ac:dyDescent="0.25">
      <c r="A9721">
        <v>5653604</v>
      </c>
      <c r="B9721" t="s">
        <v>49769</v>
      </c>
      <c r="C9721" s="1" t="s">
        <v>49770</v>
      </c>
      <c r="E9721">
        <v>4</v>
      </c>
      <c r="F9721">
        <v>0</v>
      </c>
      <c r="H9721" t="s">
        <v>49771</v>
      </c>
      <c r="J9721" t="s">
        <v>49772</v>
      </c>
      <c r="O9721">
        <v>238260</v>
      </c>
      <c r="P9721">
        <v>1</v>
      </c>
      <c r="Q9721">
        <v>0</v>
      </c>
      <c r="R9721" t="s">
        <v>49773</v>
      </c>
      <c r="S9721">
        <v>1224</v>
      </c>
    </row>
    <row r="9722" spans="1:19" x14ac:dyDescent="0.25">
      <c r="A9722">
        <v>16452715</v>
      </c>
      <c r="B9722" t="s">
        <v>49774</v>
      </c>
      <c r="C9722" s="1" t="s">
        <v>49775</v>
      </c>
      <c r="E9722">
        <v>1</v>
      </c>
      <c r="F9722">
        <v>1</v>
      </c>
      <c r="H9722" t="s">
        <v>49776</v>
      </c>
      <c r="I9722">
        <v>1</v>
      </c>
      <c r="J9722" t="s">
        <v>49777</v>
      </c>
      <c r="K9722" t="s">
        <v>49778</v>
      </c>
      <c r="M9722">
        <v>4370109</v>
      </c>
      <c r="O9722">
        <v>2364410</v>
      </c>
      <c r="P9722">
        <v>1</v>
      </c>
      <c r="Q9722">
        <v>-1</v>
      </c>
      <c r="R9722" t="s">
        <v>49779</v>
      </c>
      <c r="S9722">
        <v>12081</v>
      </c>
    </row>
    <row r="9723" spans="1:19" x14ac:dyDescent="0.25">
      <c r="A9723">
        <v>20038273</v>
      </c>
      <c r="B9723" t="s">
        <v>49780</v>
      </c>
      <c r="C9723" s="1" t="s">
        <v>49781</v>
      </c>
      <c r="E9723">
        <v>0</v>
      </c>
      <c r="F9723">
        <v>2</v>
      </c>
      <c r="H9723" t="s">
        <v>49782</v>
      </c>
      <c r="J9723" t="s">
        <v>49783</v>
      </c>
      <c r="O9723">
        <v>3002674</v>
      </c>
      <c r="P9723">
        <v>1</v>
      </c>
      <c r="Q9723">
        <v>0</v>
      </c>
      <c r="R9723" t="s">
        <v>49784</v>
      </c>
      <c r="S9723">
        <v>408</v>
      </c>
    </row>
    <row r="9724" spans="1:19" x14ac:dyDescent="0.25">
      <c r="A9724">
        <v>15001524</v>
      </c>
      <c r="B9724" t="s">
        <v>49785</v>
      </c>
      <c r="C9724" s="1" t="s">
        <v>49786</v>
      </c>
      <c r="D9724">
        <v>15002087</v>
      </c>
      <c r="E9724">
        <v>2</v>
      </c>
      <c r="F9724">
        <v>0</v>
      </c>
      <c r="H9724" t="s">
        <v>49787</v>
      </c>
      <c r="J9724" t="s">
        <v>49788</v>
      </c>
      <c r="K9724" t="s">
        <v>49788</v>
      </c>
      <c r="M9724">
        <v>211563</v>
      </c>
      <c r="O9724">
        <v>976691</v>
      </c>
      <c r="P9724">
        <v>1</v>
      </c>
      <c r="Q9724">
        <v>0</v>
      </c>
      <c r="R9724" t="s">
        <v>6962</v>
      </c>
      <c r="S9724">
        <v>102</v>
      </c>
    </row>
    <row r="9725" spans="1:19" x14ac:dyDescent="0.25">
      <c r="A9725">
        <v>27277025</v>
      </c>
      <c r="B9725" t="s">
        <v>49789</v>
      </c>
      <c r="C9725" s="1" t="s">
        <v>49790</v>
      </c>
      <c r="D9725">
        <v>27277449</v>
      </c>
      <c r="E9725">
        <v>2</v>
      </c>
      <c r="F9725">
        <v>3</v>
      </c>
      <c r="H9725" t="s">
        <v>49791</v>
      </c>
      <c r="I9725">
        <v>6</v>
      </c>
      <c r="J9725" t="s">
        <v>49792</v>
      </c>
      <c r="K9725" t="s">
        <v>49792</v>
      </c>
      <c r="M9725">
        <v>1054558</v>
      </c>
      <c r="O9725">
        <v>90328</v>
      </c>
      <c r="P9725">
        <v>1</v>
      </c>
      <c r="Q9725">
        <v>8</v>
      </c>
      <c r="R9725" t="s">
        <v>49793</v>
      </c>
      <c r="S9725">
        <v>11551</v>
      </c>
    </row>
    <row r="9726" spans="1:19" x14ac:dyDescent="0.25">
      <c r="A9726">
        <v>2202147</v>
      </c>
      <c r="B9726" t="s">
        <v>49794</v>
      </c>
      <c r="C9726" s="1" t="s">
        <v>49795</v>
      </c>
      <c r="D9726">
        <v>2202387</v>
      </c>
      <c r="E9726">
        <v>2</v>
      </c>
      <c r="F9726">
        <v>0</v>
      </c>
      <c r="H9726" t="s">
        <v>49796</v>
      </c>
      <c r="J9726" t="s">
        <v>49797</v>
      </c>
      <c r="K9726" t="s">
        <v>49797</v>
      </c>
      <c r="M9726">
        <v>4370109</v>
      </c>
      <c r="O9726">
        <v>266456</v>
      </c>
      <c r="P9726">
        <v>1</v>
      </c>
      <c r="Q9726">
        <v>3</v>
      </c>
      <c r="R9726" t="s">
        <v>49798</v>
      </c>
      <c r="S9726">
        <v>3078</v>
      </c>
    </row>
    <row r="9727" spans="1:19" x14ac:dyDescent="0.25">
      <c r="A9727">
        <v>16713656</v>
      </c>
      <c r="B9727" t="s">
        <v>49799</v>
      </c>
      <c r="C9727" s="1" t="s">
        <v>49800</v>
      </c>
      <c r="E9727">
        <v>1</v>
      </c>
      <c r="F9727">
        <v>0</v>
      </c>
      <c r="H9727" t="s">
        <v>49801</v>
      </c>
      <c r="J9727" t="s">
        <v>49802</v>
      </c>
      <c r="O9727">
        <v>1152292</v>
      </c>
      <c r="P9727">
        <v>1</v>
      </c>
      <c r="Q9727">
        <v>0</v>
      </c>
      <c r="R9727" t="s">
        <v>49803</v>
      </c>
      <c r="S9727">
        <v>201</v>
      </c>
    </row>
    <row r="9728" spans="1:19" x14ac:dyDescent="0.25">
      <c r="A9728">
        <v>28844788</v>
      </c>
      <c r="B9728" t="s">
        <v>49804</v>
      </c>
      <c r="C9728" s="1" t="s">
        <v>49805</v>
      </c>
      <c r="E9728">
        <v>1</v>
      </c>
      <c r="F9728">
        <v>2</v>
      </c>
      <c r="H9728" t="s">
        <v>49806</v>
      </c>
      <c r="I9728">
        <v>2</v>
      </c>
      <c r="J9728" t="s">
        <v>49807</v>
      </c>
      <c r="K9728" t="s">
        <v>49808</v>
      </c>
      <c r="M9728">
        <v>4630076</v>
      </c>
      <c r="O9728">
        <v>4630076</v>
      </c>
      <c r="P9728">
        <v>1</v>
      </c>
      <c r="Q9728">
        <v>1</v>
      </c>
      <c r="R9728" t="s">
        <v>49809</v>
      </c>
      <c r="S9728">
        <v>287</v>
      </c>
    </row>
    <row r="9729" spans="1:19" x14ac:dyDescent="0.25">
      <c r="A9729">
        <v>52476282</v>
      </c>
      <c r="B9729" t="s">
        <v>49810</v>
      </c>
      <c r="C9729" s="1" t="s">
        <v>49811</v>
      </c>
      <c r="E9729">
        <v>2</v>
      </c>
      <c r="F9729">
        <v>2</v>
      </c>
      <c r="H9729" t="s">
        <v>49812</v>
      </c>
      <c r="J9729" t="s">
        <v>49813</v>
      </c>
      <c r="K9729" t="s">
        <v>49814</v>
      </c>
      <c r="M9729">
        <v>10381160</v>
      </c>
      <c r="O9729">
        <v>3663922</v>
      </c>
      <c r="P9729">
        <v>1</v>
      </c>
      <c r="Q9729">
        <v>1</v>
      </c>
      <c r="R9729" t="s">
        <v>93</v>
      </c>
      <c r="S9729">
        <v>41</v>
      </c>
    </row>
    <row r="9730" spans="1:19" x14ac:dyDescent="0.25">
      <c r="A9730">
        <v>37820945</v>
      </c>
      <c r="B9730" t="s">
        <v>49815</v>
      </c>
      <c r="C9730" s="1" t="s">
        <v>49816</v>
      </c>
      <c r="E9730">
        <v>1</v>
      </c>
      <c r="F9730">
        <v>2</v>
      </c>
      <c r="H9730" t="s">
        <v>49817</v>
      </c>
      <c r="J9730" t="s">
        <v>49818</v>
      </c>
      <c r="O9730">
        <v>6465070</v>
      </c>
      <c r="P9730">
        <v>1</v>
      </c>
      <c r="Q9730">
        <v>0</v>
      </c>
      <c r="R9730" t="s">
        <v>49819</v>
      </c>
      <c r="S9730">
        <v>56</v>
      </c>
    </row>
    <row r="9731" spans="1:19" x14ac:dyDescent="0.25">
      <c r="A9731">
        <v>48772472</v>
      </c>
      <c r="B9731" t="s">
        <v>49820</v>
      </c>
      <c r="C9731" s="1" t="s">
        <v>49821</v>
      </c>
      <c r="D9731">
        <v>48832000</v>
      </c>
      <c r="E9731">
        <v>1</v>
      </c>
      <c r="F9731">
        <v>2</v>
      </c>
      <c r="H9731" t="s">
        <v>49822</v>
      </c>
      <c r="J9731" t="s">
        <v>49823</v>
      </c>
      <c r="O9731">
        <v>4668</v>
      </c>
      <c r="P9731">
        <v>1</v>
      </c>
      <c r="Q9731">
        <v>2</v>
      </c>
      <c r="R9731" t="s">
        <v>49824</v>
      </c>
      <c r="S9731">
        <v>112</v>
      </c>
    </row>
    <row r="9732" spans="1:19" x14ac:dyDescent="0.25">
      <c r="A9732">
        <v>47658845</v>
      </c>
      <c r="B9732" t="s">
        <v>49825</v>
      </c>
      <c r="C9732" s="1" t="s">
        <v>49826</v>
      </c>
      <c r="E9732">
        <v>1</v>
      </c>
      <c r="F9732">
        <v>2</v>
      </c>
      <c r="H9732" t="s">
        <v>49827</v>
      </c>
      <c r="J9732" t="s">
        <v>49828</v>
      </c>
      <c r="K9732" t="s">
        <v>49828</v>
      </c>
      <c r="M9732">
        <v>8223702</v>
      </c>
      <c r="O9732">
        <v>8223702</v>
      </c>
      <c r="P9732">
        <v>1</v>
      </c>
      <c r="Q9732">
        <v>0</v>
      </c>
      <c r="R9732" t="s">
        <v>49829</v>
      </c>
      <c r="S9732">
        <v>974</v>
      </c>
    </row>
    <row r="9733" spans="1:19" x14ac:dyDescent="0.25">
      <c r="A9733">
        <v>20177945</v>
      </c>
      <c r="B9733" t="s">
        <v>49830</v>
      </c>
      <c r="C9733" s="1" t="s">
        <v>49831</v>
      </c>
      <c r="D9733">
        <v>20178034</v>
      </c>
      <c r="E9733">
        <v>1</v>
      </c>
      <c r="F9733">
        <v>5</v>
      </c>
      <c r="H9733" t="s">
        <v>49832</v>
      </c>
      <c r="J9733" t="s">
        <v>49833</v>
      </c>
      <c r="O9733">
        <v>3013083</v>
      </c>
      <c r="P9733">
        <v>1</v>
      </c>
      <c r="Q9733">
        <v>0</v>
      </c>
      <c r="R9733" t="s">
        <v>49834</v>
      </c>
      <c r="S9733">
        <v>1927</v>
      </c>
    </row>
    <row r="9734" spans="1:19" x14ac:dyDescent="0.25">
      <c r="A9734">
        <v>33357355</v>
      </c>
      <c r="B9734" t="s">
        <v>49835</v>
      </c>
      <c r="C9734" s="1" t="s">
        <v>49836</v>
      </c>
      <c r="D9734">
        <v>33380204</v>
      </c>
      <c r="E9734">
        <v>1</v>
      </c>
      <c r="F9734">
        <v>5</v>
      </c>
      <c r="H9734" t="s">
        <v>49837</v>
      </c>
      <c r="J9734" t="s">
        <v>49838</v>
      </c>
      <c r="K9734" t="s">
        <v>49838</v>
      </c>
      <c r="M9734">
        <v>4127388</v>
      </c>
      <c r="O9734">
        <v>4127388</v>
      </c>
      <c r="P9734">
        <v>1</v>
      </c>
      <c r="Q9734">
        <v>0</v>
      </c>
      <c r="R9734" t="s">
        <v>49839</v>
      </c>
      <c r="S9734">
        <v>262</v>
      </c>
    </row>
    <row r="9735" spans="1:19" x14ac:dyDescent="0.25">
      <c r="A9735">
        <v>41355153</v>
      </c>
      <c r="B9735" t="s">
        <v>49840</v>
      </c>
      <c r="C9735" s="1" t="s">
        <v>49841</v>
      </c>
      <c r="D9735">
        <v>41355289</v>
      </c>
      <c r="E9735">
        <v>1</v>
      </c>
      <c r="F9735">
        <v>2</v>
      </c>
      <c r="H9735" t="s">
        <v>49842</v>
      </c>
      <c r="J9735" t="s">
        <v>49843</v>
      </c>
      <c r="O9735">
        <v>5532616</v>
      </c>
      <c r="P9735">
        <v>1</v>
      </c>
      <c r="Q9735">
        <v>0</v>
      </c>
      <c r="R9735" t="s">
        <v>472</v>
      </c>
      <c r="S9735">
        <v>68</v>
      </c>
    </row>
    <row r="9736" spans="1:19" x14ac:dyDescent="0.25">
      <c r="A9736">
        <v>25725844</v>
      </c>
      <c r="B9736" t="s">
        <v>49844</v>
      </c>
      <c r="C9736" s="1" t="s">
        <v>49845</v>
      </c>
      <c r="E9736">
        <v>1</v>
      </c>
      <c r="F9736">
        <v>1</v>
      </c>
      <c r="H9736" t="s">
        <v>49846</v>
      </c>
      <c r="I9736">
        <v>1</v>
      </c>
      <c r="J9736" t="s">
        <v>49847</v>
      </c>
      <c r="K9736" t="s">
        <v>49848</v>
      </c>
      <c r="M9736">
        <v>-1</v>
      </c>
      <c r="O9736">
        <v>2941390</v>
      </c>
      <c r="P9736">
        <v>1</v>
      </c>
      <c r="Q9736">
        <v>0</v>
      </c>
      <c r="R9736" t="s">
        <v>49849</v>
      </c>
      <c r="S9736">
        <v>147</v>
      </c>
    </row>
    <row r="9737" spans="1:19" x14ac:dyDescent="0.25">
      <c r="A9737">
        <v>23251559</v>
      </c>
      <c r="B9737" t="s">
        <v>49850</v>
      </c>
      <c r="C9737" s="1" t="s">
        <v>49851</v>
      </c>
      <c r="D9737">
        <v>23251762</v>
      </c>
      <c r="E9737">
        <v>4</v>
      </c>
      <c r="F9737">
        <v>3</v>
      </c>
      <c r="H9737" t="s">
        <v>49852</v>
      </c>
      <c r="I9737">
        <v>2</v>
      </c>
      <c r="J9737" t="s">
        <v>49853</v>
      </c>
      <c r="O9737">
        <v>1530235</v>
      </c>
      <c r="P9737">
        <v>1</v>
      </c>
      <c r="Q9737">
        <v>6</v>
      </c>
      <c r="R9737" t="s">
        <v>2494</v>
      </c>
      <c r="S9737">
        <v>3405</v>
      </c>
    </row>
    <row r="9738" spans="1:19" x14ac:dyDescent="0.25">
      <c r="A9738">
        <v>13037683</v>
      </c>
      <c r="B9738" t="s">
        <v>49854</v>
      </c>
      <c r="C9738" s="1" t="s">
        <v>49855</v>
      </c>
      <c r="E9738">
        <v>1</v>
      </c>
      <c r="F9738">
        <v>0</v>
      </c>
      <c r="H9738" t="s">
        <v>49856</v>
      </c>
      <c r="J9738" t="s">
        <v>49857</v>
      </c>
      <c r="K9738" t="s">
        <v>49858</v>
      </c>
      <c r="M9738">
        <v>172729</v>
      </c>
      <c r="O9738">
        <v>172729</v>
      </c>
      <c r="P9738">
        <v>1</v>
      </c>
      <c r="Q9738">
        <v>0</v>
      </c>
      <c r="R9738" t="s">
        <v>49859</v>
      </c>
      <c r="S9738">
        <v>361</v>
      </c>
    </row>
    <row r="9739" spans="1:19" x14ac:dyDescent="0.25">
      <c r="A9739">
        <v>36012867</v>
      </c>
      <c r="B9739" t="s">
        <v>49860</v>
      </c>
      <c r="C9739" s="1" t="s">
        <v>49861</v>
      </c>
      <c r="E9739">
        <v>1</v>
      </c>
      <c r="F9739">
        <v>0</v>
      </c>
      <c r="H9739" t="s">
        <v>49862</v>
      </c>
      <c r="J9739" t="s">
        <v>49863</v>
      </c>
      <c r="O9739">
        <v>621609</v>
      </c>
      <c r="P9739">
        <v>1</v>
      </c>
      <c r="Q9739">
        <v>0</v>
      </c>
      <c r="R9739" t="s">
        <v>38308</v>
      </c>
      <c r="S9739">
        <v>36</v>
      </c>
    </row>
    <row r="9740" spans="1:19" x14ac:dyDescent="0.25">
      <c r="A9740">
        <v>20707416</v>
      </c>
      <c r="B9740" t="s">
        <v>49864</v>
      </c>
      <c r="C9740" s="1" t="s">
        <v>49865</v>
      </c>
      <c r="D9740">
        <v>20707709</v>
      </c>
      <c r="E9740">
        <v>3</v>
      </c>
      <c r="F9740">
        <v>1</v>
      </c>
      <c r="H9740" t="s">
        <v>49866</v>
      </c>
      <c r="J9740" t="s">
        <v>49867</v>
      </c>
      <c r="K9740" t="s">
        <v>49867</v>
      </c>
      <c r="M9740">
        <v>1242646</v>
      </c>
      <c r="O9740">
        <v>1394786</v>
      </c>
      <c r="P9740">
        <v>1</v>
      </c>
      <c r="Q9740">
        <v>1</v>
      </c>
      <c r="R9740" t="s">
        <v>49868</v>
      </c>
      <c r="S9740">
        <v>62</v>
      </c>
    </row>
    <row r="9741" spans="1:19" x14ac:dyDescent="0.25">
      <c r="A9741">
        <v>38903013</v>
      </c>
      <c r="B9741" t="s">
        <v>49869</v>
      </c>
      <c r="C9741" s="1" t="s">
        <v>49870</v>
      </c>
      <c r="E9741">
        <v>1</v>
      </c>
      <c r="F9741">
        <v>1</v>
      </c>
      <c r="H9741" t="s">
        <v>49871</v>
      </c>
      <c r="J9741" t="s">
        <v>49872</v>
      </c>
      <c r="O9741">
        <v>6706236</v>
      </c>
      <c r="P9741">
        <v>1</v>
      </c>
      <c r="Q9741">
        <v>0</v>
      </c>
      <c r="R9741" t="s">
        <v>49873</v>
      </c>
      <c r="S9741">
        <v>184</v>
      </c>
    </row>
    <row r="9742" spans="1:19" x14ac:dyDescent="0.25">
      <c r="A9742">
        <v>10382662</v>
      </c>
      <c r="B9742" t="s">
        <v>49874</v>
      </c>
      <c r="C9742" s="1" t="s">
        <v>49875</v>
      </c>
      <c r="D9742">
        <v>10441705</v>
      </c>
      <c r="E9742">
        <v>1</v>
      </c>
      <c r="F9742">
        <v>4</v>
      </c>
      <c r="H9742" t="s">
        <v>49876</v>
      </c>
      <c r="J9742" t="s">
        <v>49877</v>
      </c>
      <c r="O9742">
        <v>288078</v>
      </c>
      <c r="P9742">
        <v>1</v>
      </c>
      <c r="Q9742">
        <v>1</v>
      </c>
      <c r="R9742" t="s">
        <v>49878</v>
      </c>
      <c r="S9742">
        <v>156</v>
      </c>
    </row>
    <row r="9743" spans="1:19" x14ac:dyDescent="0.25">
      <c r="A9743">
        <v>29043042</v>
      </c>
      <c r="B9743" t="s">
        <v>49879</v>
      </c>
      <c r="C9743" t="s">
        <v>49880</v>
      </c>
      <c r="D9743">
        <v>29043102</v>
      </c>
      <c r="E9743">
        <v>2</v>
      </c>
      <c r="F9743">
        <v>0</v>
      </c>
      <c r="H9743" t="s">
        <v>49881</v>
      </c>
      <c r="J9743" t="s">
        <v>49882</v>
      </c>
      <c r="O9743">
        <v>4547747</v>
      </c>
      <c r="P9743">
        <v>1</v>
      </c>
      <c r="Q9743">
        <v>-5</v>
      </c>
      <c r="R9743" t="s">
        <v>49883</v>
      </c>
      <c r="S9743">
        <v>38</v>
      </c>
    </row>
    <row r="9744" spans="1:19" x14ac:dyDescent="0.25">
      <c r="A9744">
        <v>45345595</v>
      </c>
      <c r="B9744" t="s">
        <v>49884</v>
      </c>
      <c r="C9744" s="1" t="s">
        <v>49885</v>
      </c>
      <c r="E9744">
        <v>1</v>
      </c>
      <c r="F9744">
        <v>0</v>
      </c>
      <c r="H9744" t="s">
        <v>49886</v>
      </c>
      <c r="J9744" t="s">
        <v>49887</v>
      </c>
      <c r="O9744">
        <v>2715233</v>
      </c>
      <c r="P9744">
        <v>1</v>
      </c>
      <c r="Q9744">
        <v>0</v>
      </c>
      <c r="R9744" t="s">
        <v>49888</v>
      </c>
      <c r="S9744">
        <v>142</v>
      </c>
    </row>
    <row r="9745" spans="1:19" x14ac:dyDescent="0.25">
      <c r="A9745">
        <v>37039591</v>
      </c>
      <c r="B9745" t="s">
        <v>49889</v>
      </c>
      <c r="C9745" s="1" t="s">
        <v>49890</v>
      </c>
      <c r="E9745">
        <v>2</v>
      </c>
      <c r="F9745">
        <v>0</v>
      </c>
      <c r="H9745" t="s">
        <v>49891</v>
      </c>
      <c r="I9745">
        <v>2</v>
      </c>
      <c r="J9745" t="s">
        <v>49892</v>
      </c>
      <c r="K9745" t="s">
        <v>49892</v>
      </c>
      <c r="M9745">
        <v>3345644</v>
      </c>
      <c r="O9745">
        <v>3075987</v>
      </c>
      <c r="P9745">
        <v>1</v>
      </c>
      <c r="Q9745">
        <v>8</v>
      </c>
      <c r="R9745" t="s">
        <v>39823</v>
      </c>
      <c r="S9745">
        <v>4051</v>
      </c>
    </row>
    <row r="9746" spans="1:19" x14ac:dyDescent="0.25">
      <c r="A9746">
        <v>38180231</v>
      </c>
      <c r="B9746" t="s">
        <v>49893</v>
      </c>
      <c r="C9746" s="1" t="s">
        <v>49894</v>
      </c>
      <c r="E9746">
        <v>2</v>
      </c>
      <c r="F9746">
        <v>5</v>
      </c>
      <c r="H9746" t="s">
        <v>49895</v>
      </c>
      <c r="J9746" t="s">
        <v>49896</v>
      </c>
      <c r="K9746" t="s">
        <v>49896</v>
      </c>
      <c r="M9746">
        <v>1033581</v>
      </c>
      <c r="O9746">
        <v>2284724</v>
      </c>
      <c r="P9746">
        <v>1</v>
      </c>
      <c r="Q9746">
        <v>0</v>
      </c>
      <c r="R9746" t="s">
        <v>49897</v>
      </c>
      <c r="S9746">
        <v>1828</v>
      </c>
    </row>
    <row r="9747" spans="1:19" x14ac:dyDescent="0.25">
      <c r="A9747">
        <v>25454532</v>
      </c>
      <c r="B9747" t="s">
        <v>49898</v>
      </c>
      <c r="C9747" s="1" t="s">
        <v>49899</v>
      </c>
      <c r="D9747">
        <v>37239738</v>
      </c>
      <c r="E9747">
        <v>2</v>
      </c>
      <c r="F9747">
        <v>5</v>
      </c>
      <c r="H9747" t="s">
        <v>49900</v>
      </c>
      <c r="I9747">
        <v>1</v>
      </c>
      <c r="J9747" t="s">
        <v>49901</v>
      </c>
      <c r="K9747" t="s">
        <v>49902</v>
      </c>
      <c r="M9747">
        <v>1382869</v>
      </c>
      <c r="O9747">
        <v>1382869</v>
      </c>
      <c r="P9747">
        <v>1</v>
      </c>
      <c r="Q9747">
        <v>6</v>
      </c>
      <c r="R9747" t="s">
        <v>3872</v>
      </c>
      <c r="S9747">
        <v>2167</v>
      </c>
    </row>
    <row r="9748" spans="1:19" x14ac:dyDescent="0.25">
      <c r="A9748">
        <v>41778044</v>
      </c>
      <c r="B9748" t="s">
        <v>49903</v>
      </c>
      <c r="C9748" t="s">
        <v>49904</v>
      </c>
      <c r="E9748">
        <v>2</v>
      </c>
      <c r="F9748">
        <v>0</v>
      </c>
      <c r="H9748" t="s">
        <v>49905</v>
      </c>
      <c r="J9748" t="s">
        <v>49906</v>
      </c>
      <c r="K9748" t="s">
        <v>49906</v>
      </c>
      <c r="M9748">
        <v>2703401</v>
      </c>
      <c r="O9748">
        <v>2703401</v>
      </c>
      <c r="P9748">
        <v>1</v>
      </c>
      <c r="Q9748">
        <v>-1</v>
      </c>
      <c r="R9748" t="s">
        <v>49907</v>
      </c>
      <c r="S9748">
        <v>106</v>
      </c>
    </row>
    <row r="9749" spans="1:19" x14ac:dyDescent="0.25">
      <c r="A9749">
        <v>2260205</v>
      </c>
      <c r="B9749" t="s">
        <v>49908</v>
      </c>
      <c r="C9749" s="1" t="s">
        <v>49909</v>
      </c>
      <c r="D9749">
        <v>2260242</v>
      </c>
      <c r="E9749">
        <v>3</v>
      </c>
      <c r="F9749">
        <v>0</v>
      </c>
      <c r="H9749" t="s">
        <v>49910</v>
      </c>
      <c r="I9749">
        <v>2</v>
      </c>
      <c r="J9749" t="s">
        <v>49911</v>
      </c>
      <c r="K9749" t="s">
        <v>49911</v>
      </c>
      <c r="M9749">
        <v>1146308</v>
      </c>
      <c r="O9749">
        <v>84201</v>
      </c>
      <c r="P9749">
        <v>1</v>
      </c>
      <c r="Q9749">
        <v>5</v>
      </c>
      <c r="R9749" t="s">
        <v>49912</v>
      </c>
      <c r="S9749">
        <v>3470</v>
      </c>
    </row>
    <row r="9750" spans="1:19" x14ac:dyDescent="0.25">
      <c r="A9750">
        <v>24297860</v>
      </c>
      <c r="B9750" t="s">
        <v>49913</v>
      </c>
      <c r="C9750" s="1" t="s">
        <v>49914</v>
      </c>
      <c r="E9750">
        <v>2</v>
      </c>
      <c r="F9750">
        <v>0</v>
      </c>
      <c r="H9750" t="s">
        <v>49915</v>
      </c>
      <c r="J9750" t="s">
        <v>49916</v>
      </c>
      <c r="K9750" t="s">
        <v>49917</v>
      </c>
      <c r="M9750">
        <v>3341086</v>
      </c>
      <c r="O9750">
        <v>3341086</v>
      </c>
      <c r="P9750">
        <v>1</v>
      </c>
      <c r="Q9750">
        <v>0</v>
      </c>
      <c r="R9750" t="s">
        <v>49918</v>
      </c>
      <c r="S9750">
        <v>54</v>
      </c>
    </row>
    <row r="9751" spans="1:19" x14ac:dyDescent="0.25">
      <c r="A9751">
        <v>19003790</v>
      </c>
      <c r="B9751" t="s">
        <v>49919</v>
      </c>
      <c r="C9751" s="1" t="s">
        <v>49920</v>
      </c>
      <c r="E9751">
        <v>1</v>
      </c>
      <c r="F9751">
        <v>0</v>
      </c>
      <c r="H9751" t="s">
        <v>49921</v>
      </c>
      <c r="I9751">
        <v>1</v>
      </c>
      <c r="J9751" t="s">
        <v>49922</v>
      </c>
      <c r="K9751" t="s">
        <v>49923</v>
      </c>
      <c r="M9751">
        <v>871102</v>
      </c>
      <c r="O9751">
        <v>871102</v>
      </c>
      <c r="P9751">
        <v>1</v>
      </c>
      <c r="Q9751">
        <v>2</v>
      </c>
      <c r="R9751" t="s">
        <v>49924</v>
      </c>
      <c r="S9751">
        <v>2472</v>
      </c>
    </row>
    <row r="9752" spans="1:19" x14ac:dyDescent="0.25">
      <c r="A9752">
        <v>13437587</v>
      </c>
      <c r="B9752" t="s">
        <v>49925</v>
      </c>
      <c r="C9752" s="1" t="s">
        <v>49926</v>
      </c>
      <c r="E9752">
        <v>1</v>
      </c>
      <c r="F9752">
        <v>0</v>
      </c>
      <c r="H9752" t="s">
        <v>49927</v>
      </c>
      <c r="J9752" t="s">
        <v>49928</v>
      </c>
      <c r="K9752" t="s">
        <v>49929</v>
      </c>
      <c r="M9752">
        <v>868014</v>
      </c>
      <c r="O9752">
        <v>792826</v>
      </c>
      <c r="P9752">
        <v>1</v>
      </c>
      <c r="Q9752">
        <v>0</v>
      </c>
      <c r="R9752" t="s">
        <v>49930</v>
      </c>
      <c r="S9752">
        <v>1112</v>
      </c>
    </row>
    <row r="9753" spans="1:19" x14ac:dyDescent="0.25">
      <c r="A9753">
        <v>15723532</v>
      </c>
      <c r="B9753" t="s">
        <v>49931</v>
      </c>
      <c r="C9753" s="1" t="s">
        <v>49932</v>
      </c>
      <c r="E9753">
        <v>1</v>
      </c>
      <c r="F9753">
        <v>0</v>
      </c>
      <c r="H9753" t="s">
        <v>49933</v>
      </c>
      <c r="I9753">
        <v>2</v>
      </c>
      <c r="J9753" t="s">
        <v>49934</v>
      </c>
      <c r="K9753" t="s">
        <v>49935</v>
      </c>
      <c r="M9753">
        <v>1348195</v>
      </c>
      <c r="O9753">
        <v>326683</v>
      </c>
      <c r="P9753">
        <v>1</v>
      </c>
      <c r="Q9753">
        <v>8</v>
      </c>
      <c r="R9753" t="s">
        <v>49936</v>
      </c>
      <c r="S9753">
        <v>3706</v>
      </c>
    </row>
    <row r="9754" spans="1:19" x14ac:dyDescent="0.25">
      <c r="A9754">
        <v>5970732</v>
      </c>
      <c r="B9754" t="s">
        <v>49937</v>
      </c>
      <c r="C9754" s="1" t="s">
        <v>49938</v>
      </c>
      <c r="D9754">
        <v>5971288</v>
      </c>
      <c r="E9754">
        <v>3</v>
      </c>
      <c r="F9754">
        <v>0</v>
      </c>
      <c r="H9754" t="s">
        <v>49939</v>
      </c>
      <c r="J9754" t="s">
        <v>49940</v>
      </c>
      <c r="O9754">
        <v>1393924</v>
      </c>
      <c r="P9754">
        <v>1</v>
      </c>
      <c r="Q9754">
        <v>1</v>
      </c>
      <c r="R9754" t="s">
        <v>49941</v>
      </c>
      <c r="S9754">
        <v>238</v>
      </c>
    </row>
    <row r="9755" spans="1:19" x14ac:dyDescent="0.25">
      <c r="A9755">
        <v>14968464</v>
      </c>
      <c r="B9755" t="s">
        <v>49942</v>
      </c>
      <c r="C9755" s="1" t="s">
        <v>49943</v>
      </c>
      <c r="D9755">
        <v>17456685</v>
      </c>
      <c r="E9755">
        <v>3</v>
      </c>
      <c r="F9755">
        <v>0</v>
      </c>
      <c r="H9755" t="s">
        <v>49944</v>
      </c>
      <c r="I9755">
        <v>7</v>
      </c>
      <c r="J9755" t="s">
        <v>49945</v>
      </c>
      <c r="O9755">
        <v>2079191</v>
      </c>
      <c r="P9755">
        <v>1</v>
      </c>
      <c r="Q9755">
        <v>32</v>
      </c>
      <c r="R9755" t="s">
        <v>49946</v>
      </c>
      <c r="S9755">
        <v>11928</v>
      </c>
    </row>
    <row r="9756" spans="1:19" x14ac:dyDescent="0.25">
      <c r="A9756">
        <v>50518576</v>
      </c>
      <c r="B9756" t="s">
        <v>49947</v>
      </c>
      <c r="C9756" s="1" t="s">
        <v>49948</v>
      </c>
      <c r="E9756">
        <v>1</v>
      </c>
      <c r="F9756">
        <v>0</v>
      </c>
      <c r="H9756" t="s">
        <v>49949</v>
      </c>
      <c r="J9756" t="s">
        <v>49950</v>
      </c>
      <c r="K9756" t="s">
        <v>49950</v>
      </c>
      <c r="M9756">
        <v>8422953</v>
      </c>
      <c r="O9756">
        <v>9843492</v>
      </c>
      <c r="P9756">
        <v>1</v>
      </c>
      <c r="Q9756">
        <v>0</v>
      </c>
      <c r="R9756" t="s">
        <v>1466</v>
      </c>
      <c r="S9756">
        <v>39</v>
      </c>
    </row>
    <row r="9757" spans="1:19" x14ac:dyDescent="0.25">
      <c r="A9757">
        <v>45862050</v>
      </c>
      <c r="B9757" t="s">
        <v>49951</v>
      </c>
      <c r="C9757" s="1" t="s">
        <v>49952</v>
      </c>
      <c r="D9757">
        <v>45865998</v>
      </c>
      <c r="E9757">
        <v>2</v>
      </c>
      <c r="F9757">
        <v>3</v>
      </c>
      <c r="H9757" t="s">
        <v>49953</v>
      </c>
      <c r="I9757">
        <v>1</v>
      </c>
      <c r="J9757" t="s">
        <v>49954</v>
      </c>
      <c r="K9757" t="s">
        <v>49954</v>
      </c>
      <c r="M9757">
        <v>3090544</v>
      </c>
      <c r="O9757">
        <v>3090544</v>
      </c>
      <c r="P9757">
        <v>1</v>
      </c>
      <c r="Q9757">
        <v>1</v>
      </c>
      <c r="R9757" t="s">
        <v>49955</v>
      </c>
      <c r="S9757">
        <v>390</v>
      </c>
    </row>
    <row r="9758" spans="1:19" x14ac:dyDescent="0.25">
      <c r="A9758">
        <v>20167540</v>
      </c>
      <c r="B9758" t="s">
        <v>49956</v>
      </c>
      <c r="C9758" s="1" t="s">
        <v>49957</v>
      </c>
      <c r="D9758">
        <v>22407906</v>
      </c>
      <c r="E9758">
        <v>1</v>
      </c>
      <c r="F9758">
        <v>2</v>
      </c>
      <c r="H9758" t="s">
        <v>49958</v>
      </c>
      <c r="J9758" t="s">
        <v>49959</v>
      </c>
      <c r="K9758" t="s">
        <v>49960</v>
      </c>
      <c r="M9758">
        <v>1139854</v>
      </c>
      <c r="O9758">
        <v>1139854</v>
      </c>
      <c r="P9758">
        <v>1</v>
      </c>
      <c r="Q9758">
        <v>0</v>
      </c>
      <c r="R9758" t="s">
        <v>49961</v>
      </c>
      <c r="S9758">
        <v>163</v>
      </c>
    </row>
    <row r="9759" spans="1:19" x14ac:dyDescent="0.25">
      <c r="A9759">
        <v>7283200</v>
      </c>
      <c r="B9759" t="s">
        <v>49962</v>
      </c>
      <c r="C9759" s="1" t="s">
        <v>49963</v>
      </c>
      <c r="E9759">
        <v>1</v>
      </c>
      <c r="F9759">
        <v>3</v>
      </c>
      <c r="H9759" t="s">
        <v>49964</v>
      </c>
      <c r="J9759" t="s">
        <v>49965</v>
      </c>
      <c r="K9759" t="s">
        <v>49966</v>
      </c>
      <c r="M9759">
        <v>-1</v>
      </c>
      <c r="O9759">
        <v>26462</v>
      </c>
      <c r="P9759">
        <v>1</v>
      </c>
      <c r="Q9759">
        <v>7</v>
      </c>
      <c r="R9759" t="s">
        <v>10727</v>
      </c>
      <c r="S9759">
        <v>6899</v>
      </c>
    </row>
    <row r="9760" spans="1:19" x14ac:dyDescent="0.25">
      <c r="A9760">
        <v>15466225</v>
      </c>
      <c r="B9760" t="s">
        <v>49967</v>
      </c>
      <c r="C9760" s="1" t="s">
        <v>49968</v>
      </c>
      <c r="D9760">
        <v>15466769</v>
      </c>
      <c r="E9760">
        <v>1</v>
      </c>
      <c r="F9760">
        <v>0</v>
      </c>
      <c r="H9760" t="s">
        <v>49969</v>
      </c>
      <c r="J9760" t="s">
        <v>49970</v>
      </c>
      <c r="O9760">
        <v>1173112</v>
      </c>
      <c r="P9760">
        <v>1</v>
      </c>
      <c r="Q9760">
        <v>0</v>
      </c>
      <c r="R9760" t="s">
        <v>49971</v>
      </c>
      <c r="S9760">
        <v>51</v>
      </c>
    </row>
    <row r="9761" spans="1:19" x14ac:dyDescent="0.25">
      <c r="A9761">
        <v>30108697</v>
      </c>
      <c r="B9761" t="s">
        <v>49972</v>
      </c>
      <c r="C9761" s="1" t="s">
        <v>49973</v>
      </c>
      <c r="D9761">
        <v>30131952</v>
      </c>
      <c r="E9761">
        <v>1</v>
      </c>
      <c r="F9761">
        <v>0</v>
      </c>
      <c r="H9761" t="s">
        <v>49974</v>
      </c>
      <c r="J9761" t="s">
        <v>49975</v>
      </c>
      <c r="O9761">
        <v>914967</v>
      </c>
      <c r="P9761">
        <v>1</v>
      </c>
      <c r="Q9761">
        <v>-1</v>
      </c>
      <c r="R9761" t="s">
        <v>49976</v>
      </c>
      <c r="S9761">
        <v>140</v>
      </c>
    </row>
    <row r="9762" spans="1:19" x14ac:dyDescent="0.25">
      <c r="A9762">
        <v>8698877</v>
      </c>
      <c r="B9762" t="s">
        <v>49977</v>
      </c>
      <c r="C9762" t="s">
        <v>49978</v>
      </c>
      <c r="E9762">
        <v>0</v>
      </c>
      <c r="F9762">
        <v>4</v>
      </c>
      <c r="H9762" t="s">
        <v>49979</v>
      </c>
      <c r="J9762" t="s">
        <v>49980</v>
      </c>
      <c r="K9762" t="s">
        <v>49980</v>
      </c>
      <c r="M9762">
        <v>999924</v>
      </c>
      <c r="O9762">
        <v>594394</v>
      </c>
      <c r="P9762">
        <v>1</v>
      </c>
      <c r="Q9762">
        <v>0</v>
      </c>
      <c r="R9762" t="s">
        <v>49981</v>
      </c>
      <c r="S9762">
        <v>476</v>
      </c>
    </row>
    <row r="9763" spans="1:19" x14ac:dyDescent="0.25">
      <c r="A9763">
        <v>37463156</v>
      </c>
      <c r="B9763" t="s">
        <v>49982</v>
      </c>
      <c r="C9763" s="1" t="s">
        <v>49983</v>
      </c>
      <c r="D9763">
        <v>37464272</v>
      </c>
      <c r="E9763">
        <v>2</v>
      </c>
      <c r="F9763">
        <v>0</v>
      </c>
      <c r="H9763" t="s">
        <v>49984</v>
      </c>
      <c r="J9763" t="s">
        <v>49985</v>
      </c>
      <c r="K9763" t="s">
        <v>49986</v>
      </c>
      <c r="M9763">
        <v>790474</v>
      </c>
      <c r="O9763">
        <v>6386560</v>
      </c>
      <c r="P9763">
        <v>1</v>
      </c>
      <c r="Q9763">
        <v>1</v>
      </c>
      <c r="R9763" t="s">
        <v>49987</v>
      </c>
      <c r="S9763">
        <v>130</v>
      </c>
    </row>
    <row r="9764" spans="1:19" x14ac:dyDescent="0.25">
      <c r="A9764">
        <v>45418364</v>
      </c>
      <c r="B9764" t="s">
        <v>49988</v>
      </c>
      <c r="C9764" s="1" t="s">
        <v>49989</v>
      </c>
      <c r="E9764">
        <v>0</v>
      </c>
      <c r="F9764">
        <v>3</v>
      </c>
      <c r="H9764" t="s">
        <v>49990</v>
      </c>
      <c r="J9764" t="s">
        <v>49990</v>
      </c>
      <c r="O9764">
        <v>8389278</v>
      </c>
      <c r="P9764">
        <v>1</v>
      </c>
      <c r="Q9764">
        <v>2</v>
      </c>
      <c r="R9764" t="s">
        <v>49991</v>
      </c>
      <c r="S9764">
        <v>87</v>
      </c>
    </row>
    <row r="9765" spans="1:19" x14ac:dyDescent="0.25">
      <c r="A9765">
        <v>10266925</v>
      </c>
      <c r="B9765" t="s">
        <v>49992</v>
      </c>
      <c r="C9765" t="s">
        <v>49993</v>
      </c>
      <c r="D9765">
        <v>10267752</v>
      </c>
      <c r="E9765">
        <v>2</v>
      </c>
      <c r="F9765">
        <v>4</v>
      </c>
      <c r="H9765" t="s">
        <v>49994</v>
      </c>
      <c r="J9765" t="s">
        <v>49995</v>
      </c>
      <c r="K9765" t="s">
        <v>49995</v>
      </c>
      <c r="M9765">
        <v>179386</v>
      </c>
      <c r="O9765">
        <v>1212630</v>
      </c>
      <c r="P9765">
        <v>1</v>
      </c>
      <c r="Q9765">
        <v>0</v>
      </c>
      <c r="R9765" t="s">
        <v>45984</v>
      </c>
      <c r="S9765">
        <v>176</v>
      </c>
    </row>
    <row r="9766" spans="1:19" x14ac:dyDescent="0.25">
      <c r="A9766">
        <v>36025775</v>
      </c>
      <c r="B9766" t="s">
        <v>49996</v>
      </c>
      <c r="C9766" s="1" t="s">
        <v>49997</v>
      </c>
      <c r="E9766">
        <v>1</v>
      </c>
      <c r="F9766">
        <v>0</v>
      </c>
      <c r="H9766" t="s">
        <v>49998</v>
      </c>
      <c r="J9766" t="s">
        <v>49999</v>
      </c>
      <c r="O9766">
        <v>403332</v>
      </c>
      <c r="P9766">
        <v>1</v>
      </c>
      <c r="Q9766">
        <v>0</v>
      </c>
      <c r="R9766" t="s">
        <v>50000</v>
      </c>
      <c r="S9766">
        <v>37</v>
      </c>
    </row>
    <row r="9767" spans="1:19" x14ac:dyDescent="0.25">
      <c r="A9767">
        <v>46587268</v>
      </c>
      <c r="B9767" t="s">
        <v>50001</v>
      </c>
      <c r="C9767" s="1" t="s">
        <v>50002</v>
      </c>
      <c r="D9767">
        <v>46602456</v>
      </c>
      <c r="E9767">
        <v>1</v>
      </c>
      <c r="F9767">
        <v>0</v>
      </c>
      <c r="H9767" t="s">
        <v>50003</v>
      </c>
      <c r="J9767" t="s">
        <v>50004</v>
      </c>
      <c r="O9767">
        <v>783726</v>
      </c>
      <c r="P9767">
        <v>1</v>
      </c>
      <c r="Q9767">
        <v>0</v>
      </c>
      <c r="R9767" t="s">
        <v>50005</v>
      </c>
      <c r="S9767">
        <v>44</v>
      </c>
    </row>
    <row r="9768" spans="1:19" x14ac:dyDescent="0.25">
      <c r="A9768">
        <v>5041240</v>
      </c>
      <c r="B9768" t="s">
        <v>50006</v>
      </c>
      <c r="C9768" t="s">
        <v>50007</v>
      </c>
      <c r="E9768">
        <v>0</v>
      </c>
      <c r="F9768">
        <v>0</v>
      </c>
      <c r="H9768" t="s">
        <v>50008</v>
      </c>
      <c r="J9768" t="s">
        <v>50008</v>
      </c>
      <c r="O9768">
        <v>581042</v>
      </c>
      <c r="P9768">
        <v>1</v>
      </c>
      <c r="Q9768">
        <v>1</v>
      </c>
      <c r="R9768" t="s">
        <v>50009</v>
      </c>
      <c r="S9768">
        <v>316</v>
      </c>
    </row>
    <row r="9769" spans="1:19" x14ac:dyDescent="0.25">
      <c r="A9769">
        <v>14653002</v>
      </c>
      <c r="B9769" t="s">
        <v>50010</v>
      </c>
      <c r="C9769" s="1" t="s">
        <v>50011</v>
      </c>
      <c r="E9769">
        <v>1</v>
      </c>
      <c r="F9769">
        <v>3</v>
      </c>
      <c r="H9769" t="s">
        <v>50012</v>
      </c>
      <c r="J9769" t="s">
        <v>50013</v>
      </c>
      <c r="K9769" t="s">
        <v>50014</v>
      </c>
      <c r="M9769">
        <v>62576</v>
      </c>
      <c r="O9769">
        <v>27358</v>
      </c>
      <c r="P9769">
        <v>1</v>
      </c>
      <c r="Q9769">
        <v>0</v>
      </c>
      <c r="R9769" t="s">
        <v>50015</v>
      </c>
      <c r="S9769">
        <v>374</v>
      </c>
    </row>
    <row r="9770" spans="1:19" x14ac:dyDescent="0.25">
      <c r="A9770">
        <v>48758039</v>
      </c>
      <c r="B9770" t="s">
        <v>50016</v>
      </c>
      <c r="C9770" s="1" t="s">
        <v>50017</v>
      </c>
      <c r="D9770">
        <v>48758120</v>
      </c>
      <c r="E9770">
        <v>1</v>
      </c>
      <c r="F9770">
        <v>2</v>
      </c>
      <c r="H9770" t="s">
        <v>50018</v>
      </c>
      <c r="J9770" t="s">
        <v>50019</v>
      </c>
      <c r="K9770" t="s">
        <v>50020</v>
      </c>
      <c r="M9770">
        <v>924299</v>
      </c>
      <c r="N9770" t="s">
        <v>50021</v>
      </c>
      <c r="P9770">
        <v>1</v>
      </c>
      <c r="Q9770">
        <v>0</v>
      </c>
      <c r="R9770" t="s">
        <v>4205</v>
      </c>
      <c r="S9770">
        <v>32</v>
      </c>
    </row>
    <row r="9771" spans="1:19" x14ac:dyDescent="0.25">
      <c r="A9771">
        <v>43924172</v>
      </c>
      <c r="B9771" t="s">
        <v>50022</v>
      </c>
      <c r="C9771" s="1" t="s">
        <v>50023</v>
      </c>
      <c r="E9771">
        <v>0</v>
      </c>
      <c r="F9771">
        <v>3</v>
      </c>
      <c r="H9771" t="s">
        <v>50024</v>
      </c>
      <c r="J9771" t="s">
        <v>50025</v>
      </c>
      <c r="K9771" t="s">
        <v>50025</v>
      </c>
      <c r="M9771">
        <v>3585955</v>
      </c>
      <c r="O9771">
        <v>3585955</v>
      </c>
      <c r="P9771">
        <v>1</v>
      </c>
      <c r="Q9771">
        <v>0</v>
      </c>
      <c r="R9771" t="s">
        <v>50026</v>
      </c>
      <c r="S9771">
        <v>44</v>
      </c>
    </row>
    <row r="9772" spans="1:19" x14ac:dyDescent="0.25">
      <c r="A9772">
        <v>17799380</v>
      </c>
      <c r="B9772" t="s">
        <v>50027</v>
      </c>
      <c r="C9772" s="1" t="s">
        <v>50028</v>
      </c>
      <c r="E9772">
        <v>0</v>
      </c>
      <c r="F9772">
        <v>2</v>
      </c>
      <c r="H9772" t="s">
        <v>50029</v>
      </c>
      <c r="J9772" t="s">
        <v>50029</v>
      </c>
      <c r="O9772">
        <v>885792</v>
      </c>
      <c r="P9772">
        <v>1</v>
      </c>
      <c r="Q9772">
        <v>0</v>
      </c>
      <c r="R9772" t="s">
        <v>50030</v>
      </c>
      <c r="S9772">
        <v>101</v>
      </c>
    </row>
    <row r="9773" spans="1:19" x14ac:dyDescent="0.25">
      <c r="A9773">
        <v>17110310</v>
      </c>
      <c r="B9773" t="s">
        <v>50031</v>
      </c>
      <c r="C9773" s="1" t="s">
        <v>50032</v>
      </c>
      <c r="D9773">
        <v>17111982</v>
      </c>
      <c r="E9773">
        <v>1</v>
      </c>
      <c r="F9773">
        <v>0</v>
      </c>
      <c r="H9773" t="s">
        <v>50033</v>
      </c>
      <c r="J9773" t="s">
        <v>50034</v>
      </c>
      <c r="O9773">
        <v>2485691</v>
      </c>
      <c r="P9773">
        <v>1</v>
      </c>
      <c r="Q9773">
        <v>4</v>
      </c>
      <c r="R9773" t="s">
        <v>50035</v>
      </c>
      <c r="S9773">
        <v>8139</v>
      </c>
    </row>
    <row r="9774" spans="1:19" x14ac:dyDescent="0.25">
      <c r="A9774">
        <v>38396506</v>
      </c>
      <c r="B9774" t="s">
        <v>50036</v>
      </c>
      <c r="C9774" s="1" t="s">
        <v>50037</v>
      </c>
      <c r="E9774">
        <v>1</v>
      </c>
      <c r="F9774">
        <v>2</v>
      </c>
      <c r="H9774" t="s">
        <v>50038</v>
      </c>
      <c r="I9774">
        <v>1</v>
      </c>
      <c r="J9774" t="s">
        <v>50039</v>
      </c>
      <c r="K9774" t="s">
        <v>50039</v>
      </c>
      <c r="M9774">
        <v>686433</v>
      </c>
      <c r="O9774">
        <v>4652311</v>
      </c>
      <c r="P9774">
        <v>1</v>
      </c>
      <c r="Q9774">
        <v>1</v>
      </c>
      <c r="R9774" t="s">
        <v>8724</v>
      </c>
      <c r="S9774">
        <v>51</v>
      </c>
    </row>
    <row r="9775" spans="1:19" x14ac:dyDescent="0.25">
      <c r="A9775">
        <v>26156556</v>
      </c>
      <c r="B9775" t="s">
        <v>50040</v>
      </c>
      <c r="C9775" s="1" t="s">
        <v>50041</v>
      </c>
      <c r="D9775">
        <v>26163389</v>
      </c>
      <c r="E9775">
        <v>1</v>
      </c>
      <c r="F9775">
        <v>0</v>
      </c>
      <c r="H9775" t="s">
        <v>50042</v>
      </c>
      <c r="J9775" t="s">
        <v>50043</v>
      </c>
      <c r="K9775" t="s">
        <v>50043</v>
      </c>
      <c r="M9775">
        <v>1305344</v>
      </c>
      <c r="O9775">
        <v>112976</v>
      </c>
      <c r="P9775">
        <v>1</v>
      </c>
      <c r="Q9775">
        <v>1</v>
      </c>
      <c r="R9775" t="s">
        <v>50044</v>
      </c>
      <c r="S9775">
        <v>594</v>
      </c>
    </row>
    <row r="9776" spans="1:19" x14ac:dyDescent="0.25">
      <c r="A9776">
        <v>28238286</v>
      </c>
      <c r="B9776" t="s">
        <v>50045</v>
      </c>
      <c r="C9776" s="1" t="s">
        <v>50046</v>
      </c>
      <c r="E9776">
        <v>5</v>
      </c>
      <c r="F9776">
        <v>3</v>
      </c>
      <c r="H9776" t="s">
        <v>50047</v>
      </c>
      <c r="I9776">
        <v>2</v>
      </c>
      <c r="J9776" t="s">
        <v>50048</v>
      </c>
      <c r="K9776" t="s">
        <v>50048</v>
      </c>
      <c r="M9776">
        <v>781707</v>
      </c>
      <c r="O9776">
        <v>285549</v>
      </c>
      <c r="P9776">
        <v>1</v>
      </c>
      <c r="Q9776">
        <v>5</v>
      </c>
      <c r="R9776" t="s">
        <v>8078</v>
      </c>
      <c r="S9776">
        <v>849</v>
      </c>
    </row>
    <row r="9777" spans="1:19" x14ac:dyDescent="0.25">
      <c r="A9777">
        <v>27698940</v>
      </c>
      <c r="B9777" t="s">
        <v>50049</v>
      </c>
      <c r="C9777" s="1" t="s">
        <v>50050</v>
      </c>
      <c r="D9777">
        <v>27699004</v>
      </c>
      <c r="E9777">
        <v>1</v>
      </c>
      <c r="F9777">
        <v>1</v>
      </c>
      <c r="H9777" t="s">
        <v>50051</v>
      </c>
      <c r="J9777" t="s">
        <v>50052</v>
      </c>
      <c r="O9777">
        <v>3969279</v>
      </c>
      <c r="P9777">
        <v>1</v>
      </c>
      <c r="Q9777">
        <v>1</v>
      </c>
      <c r="R9777" t="s">
        <v>50053</v>
      </c>
      <c r="S9777">
        <v>53</v>
      </c>
    </row>
    <row r="9778" spans="1:19" x14ac:dyDescent="0.25">
      <c r="A9778">
        <v>5561859</v>
      </c>
      <c r="B9778" t="s">
        <v>50054</v>
      </c>
      <c r="C9778" s="1" t="s">
        <v>50055</v>
      </c>
      <c r="D9778">
        <v>5590564</v>
      </c>
      <c r="E9778">
        <v>3</v>
      </c>
      <c r="F9778">
        <v>0</v>
      </c>
      <c r="H9778" t="s">
        <v>50056</v>
      </c>
      <c r="I9778">
        <v>1</v>
      </c>
      <c r="J9778" t="s">
        <v>50057</v>
      </c>
      <c r="K9778" t="s">
        <v>50057</v>
      </c>
      <c r="M9778">
        <v>8376</v>
      </c>
      <c r="O9778">
        <v>149080</v>
      </c>
      <c r="P9778">
        <v>1</v>
      </c>
      <c r="Q9778">
        <v>3</v>
      </c>
      <c r="R9778" t="s">
        <v>50058</v>
      </c>
      <c r="S9778">
        <v>655</v>
      </c>
    </row>
    <row r="9779" spans="1:19" x14ac:dyDescent="0.25">
      <c r="A9779">
        <v>48241048</v>
      </c>
      <c r="B9779" t="s">
        <v>50059</v>
      </c>
      <c r="C9779" s="1" t="s">
        <v>50060</v>
      </c>
      <c r="D9779">
        <v>48242435</v>
      </c>
      <c r="E9779">
        <v>1</v>
      </c>
      <c r="F9779">
        <v>9</v>
      </c>
      <c r="H9779" t="s">
        <v>50061</v>
      </c>
      <c r="J9779" t="s">
        <v>50062</v>
      </c>
      <c r="K9779" t="s">
        <v>50063</v>
      </c>
      <c r="M9779">
        <v>5987525</v>
      </c>
      <c r="O9779">
        <v>5987525</v>
      </c>
      <c r="P9779">
        <v>1</v>
      </c>
      <c r="Q9779">
        <v>1</v>
      </c>
      <c r="R9779" t="s">
        <v>15842</v>
      </c>
      <c r="S9779">
        <v>60</v>
      </c>
    </row>
    <row r="9780" spans="1:19" x14ac:dyDescent="0.25">
      <c r="A9780">
        <v>47925602</v>
      </c>
      <c r="B9780" t="s">
        <v>50064</v>
      </c>
      <c r="C9780" s="1" t="s">
        <v>50065</v>
      </c>
      <c r="E9780">
        <v>0</v>
      </c>
      <c r="F9780">
        <v>0</v>
      </c>
      <c r="H9780" t="s">
        <v>50066</v>
      </c>
      <c r="J9780" t="s">
        <v>50066</v>
      </c>
      <c r="O9780">
        <v>7079343</v>
      </c>
      <c r="P9780">
        <v>1</v>
      </c>
      <c r="Q9780">
        <v>1</v>
      </c>
      <c r="R9780" t="s">
        <v>50067</v>
      </c>
      <c r="S9780">
        <v>115</v>
      </c>
    </row>
    <row r="9781" spans="1:19" x14ac:dyDescent="0.25">
      <c r="A9781">
        <v>5778758</v>
      </c>
      <c r="B9781" t="s">
        <v>50068</v>
      </c>
      <c r="C9781" t="s">
        <v>50069</v>
      </c>
      <c r="E9781">
        <v>3</v>
      </c>
      <c r="F9781">
        <v>1</v>
      </c>
      <c r="H9781" t="s">
        <v>50070</v>
      </c>
      <c r="J9781" t="s">
        <v>50071</v>
      </c>
      <c r="O9781">
        <v>723768</v>
      </c>
      <c r="P9781">
        <v>1</v>
      </c>
      <c r="Q9781">
        <v>0</v>
      </c>
      <c r="R9781" t="s">
        <v>28615</v>
      </c>
      <c r="S9781">
        <v>581</v>
      </c>
    </row>
    <row r="9782" spans="1:19" x14ac:dyDescent="0.25">
      <c r="A9782">
        <v>45640793</v>
      </c>
      <c r="B9782" t="s">
        <v>50072</v>
      </c>
      <c r="C9782" s="1" t="s">
        <v>50073</v>
      </c>
      <c r="E9782">
        <v>1</v>
      </c>
      <c r="F9782">
        <v>0</v>
      </c>
      <c r="H9782" t="s">
        <v>50074</v>
      </c>
      <c r="J9782" t="s">
        <v>50075</v>
      </c>
      <c r="O9782">
        <v>4933862</v>
      </c>
      <c r="P9782">
        <v>1</v>
      </c>
      <c r="Q9782">
        <v>0</v>
      </c>
      <c r="R9782" t="s">
        <v>27941</v>
      </c>
      <c r="S9782">
        <v>320</v>
      </c>
    </row>
    <row r="9783" spans="1:19" x14ac:dyDescent="0.25">
      <c r="A9783">
        <v>22453987</v>
      </c>
      <c r="B9783" t="s">
        <v>50076</v>
      </c>
      <c r="C9783" s="1" t="s">
        <v>50077</v>
      </c>
      <c r="E9783">
        <v>1</v>
      </c>
      <c r="F9783">
        <v>4</v>
      </c>
      <c r="H9783" t="s">
        <v>50078</v>
      </c>
      <c r="J9783" t="s">
        <v>50079</v>
      </c>
      <c r="K9783" t="s">
        <v>50080</v>
      </c>
      <c r="M9783">
        <v>899126</v>
      </c>
      <c r="O9783">
        <v>1250969</v>
      </c>
      <c r="P9783">
        <v>1</v>
      </c>
      <c r="Q9783">
        <v>0</v>
      </c>
      <c r="R9783" t="s">
        <v>229</v>
      </c>
      <c r="S9783">
        <v>756</v>
      </c>
    </row>
    <row r="9784" spans="1:19" x14ac:dyDescent="0.25">
      <c r="A9784">
        <v>43880952</v>
      </c>
      <c r="B9784" t="s">
        <v>50081</v>
      </c>
      <c r="C9784" s="1" t="s">
        <v>50082</v>
      </c>
      <c r="E9784">
        <v>1</v>
      </c>
      <c r="F9784">
        <v>9</v>
      </c>
      <c r="H9784" t="s">
        <v>50083</v>
      </c>
      <c r="J9784" t="s">
        <v>50084</v>
      </c>
      <c r="O9784">
        <v>1579329</v>
      </c>
      <c r="P9784">
        <v>1</v>
      </c>
      <c r="Q9784">
        <v>-1</v>
      </c>
      <c r="R9784" t="s">
        <v>12082</v>
      </c>
      <c r="S9784">
        <v>82</v>
      </c>
    </row>
    <row r="9785" spans="1:19" x14ac:dyDescent="0.25">
      <c r="A9785">
        <v>42865738</v>
      </c>
      <c r="B9785" t="s">
        <v>50085</v>
      </c>
      <c r="C9785" s="1" t="s">
        <v>50086</v>
      </c>
      <c r="D9785">
        <v>42865934</v>
      </c>
      <c r="E9785">
        <v>1</v>
      </c>
      <c r="F9785">
        <v>4</v>
      </c>
      <c r="H9785" t="s">
        <v>50087</v>
      </c>
      <c r="J9785" t="s">
        <v>50088</v>
      </c>
      <c r="O9785">
        <v>1695843</v>
      </c>
      <c r="P9785">
        <v>1</v>
      </c>
      <c r="Q9785">
        <v>0</v>
      </c>
      <c r="R9785" t="s">
        <v>819</v>
      </c>
      <c r="S9785">
        <v>125</v>
      </c>
    </row>
    <row r="9786" spans="1:19" x14ac:dyDescent="0.25">
      <c r="A9786">
        <v>11345199</v>
      </c>
      <c r="B9786" t="s">
        <v>50089</v>
      </c>
      <c r="C9786" s="1" t="s">
        <v>50090</v>
      </c>
      <c r="E9786">
        <v>3</v>
      </c>
      <c r="F9786">
        <v>3</v>
      </c>
      <c r="H9786" t="s">
        <v>50091</v>
      </c>
      <c r="J9786" t="s">
        <v>50092</v>
      </c>
      <c r="K9786" t="s">
        <v>50092</v>
      </c>
      <c r="M9786">
        <v>1440263</v>
      </c>
      <c r="O9786">
        <v>1440263</v>
      </c>
      <c r="P9786">
        <v>1</v>
      </c>
      <c r="Q9786">
        <v>-1</v>
      </c>
      <c r="R9786" t="s">
        <v>819</v>
      </c>
      <c r="S9786">
        <v>205</v>
      </c>
    </row>
    <row r="9787" spans="1:19" x14ac:dyDescent="0.25">
      <c r="A9787">
        <v>18101747</v>
      </c>
      <c r="B9787" t="s">
        <v>50093</v>
      </c>
      <c r="C9787" s="1" t="s">
        <v>50094</v>
      </c>
      <c r="E9787">
        <v>3</v>
      </c>
      <c r="F9787">
        <v>5</v>
      </c>
      <c r="H9787" t="s">
        <v>50095</v>
      </c>
      <c r="I9787">
        <v>1</v>
      </c>
      <c r="J9787" t="s">
        <v>50096</v>
      </c>
      <c r="K9787" t="s">
        <v>50096</v>
      </c>
      <c r="M9787">
        <v>1270789</v>
      </c>
      <c r="O9787">
        <v>1634969</v>
      </c>
      <c r="P9787">
        <v>1</v>
      </c>
      <c r="Q9787">
        <v>0</v>
      </c>
      <c r="R9787" t="s">
        <v>18473</v>
      </c>
      <c r="S9787">
        <v>797</v>
      </c>
    </row>
    <row r="9788" spans="1:19" x14ac:dyDescent="0.25">
      <c r="A9788">
        <v>17908588</v>
      </c>
      <c r="B9788" t="s">
        <v>50097</v>
      </c>
      <c r="C9788" s="1" t="s">
        <v>50098</v>
      </c>
      <c r="E9788">
        <v>1</v>
      </c>
      <c r="F9788">
        <v>12</v>
      </c>
      <c r="H9788" t="s">
        <v>50099</v>
      </c>
      <c r="J9788" t="s">
        <v>50100</v>
      </c>
      <c r="K9788" t="s">
        <v>18621</v>
      </c>
      <c r="M9788">
        <v>-1</v>
      </c>
      <c r="O9788">
        <v>2534758</v>
      </c>
      <c r="P9788">
        <v>1</v>
      </c>
      <c r="Q9788">
        <v>0</v>
      </c>
      <c r="R9788" t="s">
        <v>50101</v>
      </c>
      <c r="S9788">
        <v>595</v>
      </c>
    </row>
    <row r="9789" spans="1:19" x14ac:dyDescent="0.25">
      <c r="A9789">
        <v>38723925</v>
      </c>
      <c r="B9789" t="s">
        <v>50102</v>
      </c>
      <c r="C9789" s="1" t="s">
        <v>50103</v>
      </c>
      <c r="E9789">
        <v>1</v>
      </c>
      <c r="F9789">
        <v>0</v>
      </c>
      <c r="H9789" t="s">
        <v>50104</v>
      </c>
      <c r="J9789" t="s">
        <v>50105</v>
      </c>
      <c r="K9789" t="s">
        <v>50105</v>
      </c>
      <c r="M9789">
        <v>251173</v>
      </c>
      <c r="O9789">
        <v>280002</v>
      </c>
      <c r="P9789">
        <v>1</v>
      </c>
      <c r="Q9789">
        <v>0</v>
      </c>
      <c r="R9789" t="s">
        <v>50106</v>
      </c>
      <c r="S9789">
        <v>331</v>
      </c>
    </row>
    <row r="9790" spans="1:19" x14ac:dyDescent="0.25">
      <c r="A9790">
        <v>46666089</v>
      </c>
      <c r="B9790" t="s">
        <v>50107</v>
      </c>
      <c r="C9790" s="1" t="s">
        <v>50108</v>
      </c>
      <c r="E9790">
        <v>1</v>
      </c>
      <c r="F9790">
        <v>2</v>
      </c>
      <c r="H9790" t="s">
        <v>50109</v>
      </c>
      <c r="J9790" t="s">
        <v>50110</v>
      </c>
      <c r="K9790" t="s">
        <v>50110</v>
      </c>
      <c r="L9790" t="s">
        <v>50111</v>
      </c>
      <c r="O9790">
        <v>6930755</v>
      </c>
      <c r="P9790">
        <v>1</v>
      </c>
      <c r="Q9790">
        <v>-4</v>
      </c>
      <c r="R9790" t="s">
        <v>50112</v>
      </c>
      <c r="S9790">
        <v>388</v>
      </c>
    </row>
    <row r="9791" spans="1:19" x14ac:dyDescent="0.25">
      <c r="A9791">
        <v>12697499</v>
      </c>
      <c r="B9791" t="s">
        <v>50113</v>
      </c>
      <c r="C9791" s="1" t="s">
        <v>50114</v>
      </c>
      <c r="E9791">
        <v>1</v>
      </c>
      <c r="F9791">
        <v>1</v>
      </c>
      <c r="H9791" t="s">
        <v>50115</v>
      </c>
      <c r="J9791" t="s">
        <v>50116</v>
      </c>
      <c r="K9791" t="s">
        <v>50116</v>
      </c>
      <c r="M9791">
        <v>1295344</v>
      </c>
      <c r="O9791">
        <v>1715323</v>
      </c>
      <c r="P9791">
        <v>1</v>
      </c>
      <c r="Q9791">
        <v>0</v>
      </c>
      <c r="R9791" t="s">
        <v>10790</v>
      </c>
      <c r="S9791">
        <v>217</v>
      </c>
    </row>
    <row r="9792" spans="1:19" x14ac:dyDescent="0.25">
      <c r="A9792">
        <v>32990915</v>
      </c>
      <c r="B9792" t="s">
        <v>50117</v>
      </c>
      <c r="C9792" s="1" t="s">
        <v>50118</v>
      </c>
      <c r="E9792">
        <v>0</v>
      </c>
      <c r="F9792">
        <v>2</v>
      </c>
      <c r="H9792" t="s">
        <v>50119</v>
      </c>
      <c r="J9792" t="s">
        <v>50120</v>
      </c>
      <c r="K9792" t="s">
        <v>50120</v>
      </c>
      <c r="M9792">
        <v>513369</v>
      </c>
      <c r="O9792">
        <v>513369</v>
      </c>
      <c r="P9792">
        <v>1</v>
      </c>
      <c r="Q9792">
        <v>2</v>
      </c>
      <c r="R9792" t="s">
        <v>50121</v>
      </c>
      <c r="S9792">
        <v>469</v>
      </c>
    </row>
    <row r="9793" spans="1:19" x14ac:dyDescent="0.25">
      <c r="A9793">
        <v>2636330</v>
      </c>
      <c r="B9793" t="s">
        <v>50122</v>
      </c>
      <c r="C9793" s="1" t="s">
        <v>50123</v>
      </c>
      <c r="E9793">
        <v>4</v>
      </c>
      <c r="F9793">
        <v>3</v>
      </c>
      <c r="H9793" t="s">
        <v>50124</v>
      </c>
      <c r="I9793">
        <v>1</v>
      </c>
      <c r="J9793" t="s">
        <v>50125</v>
      </c>
      <c r="K9793" t="s">
        <v>50125</v>
      </c>
      <c r="M9793">
        <v>19756</v>
      </c>
      <c r="O9793">
        <v>316362</v>
      </c>
      <c r="P9793">
        <v>1</v>
      </c>
      <c r="Q9793">
        <v>3</v>
      </c>
      <c r="R9793" t="s">
        <v>50126</v>
      </c>
      <c r="S9793">
        <v>1230</v>
      </c>
    </row>
    <row r="9794" spans="1:19" x14ac:dyDescent="0.25">
      <c r="A9794">
        <v>49337927</v>
      </c>
      <c r="B9794" t="s">
        <v>50127</v>
      </c>
      <c r="C9794" s="1" t="s">
        <v>50128</v>
      </c>
      <c r="E9794">
        <v>0</v>
      </c>
      <c r="F9794">
        <v>8</v>
      </c>
      <c r="H9794" t="s">
        <v>50129</v>
      </c>
      <c r="J9794" t="s">
        <v>50130</v>
      </c>
      <c r="K9794" t="s">
        <v>50130</v>
      </c>
      <c r="M9794">
        <v>472495</v>
      </c>
      <c r="O9794">
        <v>9508591</v>
      </c>
      <c r="P9794">
        <v>1</v>
      </c>
      <c r="Q9794">
        <v>0</v>
      </c>
      <c r="R9794" t="s">
        <v>50131</v>
      </c>
      <c r="S9794">
        <v>361</v>
      </c>
    </row>
    <row r="9795" spans="1:19" x14ac:dyDescent="0.25">
      <c r="A9795">
        <v>5352687</v>
      </c>
      <c r="B9795" t="s">
        <v>50132</v>
      </c>
      <c r="C9795" s="1" t="s">
        <v>50133</v>
      </c>
      <c r="D9795">
        <v>5433490</v>
      </c>
      <c r="E9795">
        <v>2</v>
      </c>
      <c r="F9795">
        <v>3</v>
      </c>
      <c r="H9795" t="s">
        <v>50134</v>
      </c>
      <c r="J9795" t="s">
        <v>50135</v>
      </c>
      <c r="K9795" t="s">
        <v>50136</v>
      </c>
      <c r="M9795">
        <v>37651</v>
      </c>
      <c r="O9795">
        <v>37651</v>
      </c>
      <c r="P9795">
        <v>1</v>
      </c>
      <c r="Q9795">
        <v>0</v>
      </c>
      <c r="R9795" t="s">
        <v>50137</v>
      </c>
      <c r="S9795">
        <v>985</v>
      </c>
    </row>
    <row r="9796" spans="1:19" x14ac:dyDescent="0.25">
      <c r="A9796">
        <v>33834226</v>
      </c>
      <c r="B9796" t="s">
        <v>50138</v>
      </c>
      <c r="C9796" s="1" t="s">
        <v>50139</v>
      </c>
      <c r="E9796">
        <v>0</v>
      </c>
      <c r="F9796">
        <v>0</v>
      </c>
      <c r="H9796" t="s">
        <v>50140</v>
      </c>
      <c r="J9796" t="s">
        <v>50141</v>
      </c>
      <c r="K9796" t="s">
        <v>50141</v>
      </c>
      <c r="M9796">
        <v>1128349</v>
      </c>
      <c r="O9796">
        <v>4727085</v>
      </c>
      <c r="P9796">
        <v>1</v>
      </c>
      <c r="Q9796">
        <v>2</v>
      </c>
      <c r="R9796" t="s">
        <v>351</v>
      </c>
      <c r="S9796">
        <v>101</v>
      </c>
    </row>
    <row r="9797" spans="1:19" x14ac:dyDescent="0.25">
      <c r="A9797">
        <v>36270549</v>
      </c>
      <c r="B9797" t="s">
        <v>50142</v>
      </c>
      <c r="C9797" s="1" t="s">
        <v>50143</v>
      </c>
      <c r="D9797">
        <v>36270863</v>
      </c>
      <c r="E9797">
        <v>1</v>
      </c>
      <c r="F9797">
        <v>1</v>
      </c>
      <c r="H9797" t="s">
        <v>50144</v>
      </c>
      <c r="J9797" t="s">
        <v>50145</v>
      </c>
      <c r="K9797" t="s">
        <v>50146</v>
      </c>
      <c r="M9797">
        <v>1504946</v>
      </c>
      <c r="O9797">
        <v>1504946</v>
      </c>
      <c r="P9797">
        <v>1</v>
      </c>
      <c r="Q9797">
        <v>0</v>
      </c>
      <c r="R9797" t="s">
        <v>2771</v>
      </c>
      <c r="S9797">
        <v>124</v>
      </c>
    </row>
    <row r="9798" spans="1:19" x14ac:dyDescent="0.25">
      <c r="A9798">
        <v>50577090</v>
      </c>
      <c r="B9798" t="s">
        <v>50147</v>
      </c>
      <c r="C9798" s="1" t="s">
        <v>50148</v>
      </c>
      <c r="E9798">
        <v>2</v>
      </c>
      <c r="F9798">
        <v>0</v>
      </c>
      <c r="H9798" t="s">
        <v>50149</v>
      </c>
      <c r="I9798">
        <v>1</v>
      </c>
      <c r="J9798" t="s">
        <v>50150</v>
      </c>
      <c r="O9798">
        <v>2071387</v>
      </c>
      <c r="P9798">
        <v>1</v>
      </c>
      <c r="Q9798">
        <v>2</v>
      </c>
      <c r="R9798" t="s">
        <v>50151</v>
      </c>
      <c r="S9798">
        <v>271</v>
      </c>
    </row>
    <row r="9799" spans="1:19" x14ac:dyDescent="0.25">
      <c r="A9799">
        <v>30507354</v>
      </c>
      <c r="B9799" t="s">
        <v>50152</v>
      </c>
      <c r="C9799" s="1" t="s">
        <v>50153</v>
      </c>
      <c r="E9799">
        <v>1</v>
      </c>
      <c r="F9799">
        <v>6</v>
      </c>
      <c r="H9799" t="s">
        <v>50154</v>
      </c>
      <c r="J9799" t="s">
        <v>50155</v>
      </c>
      <c r="K9799" t="s">
        <v>50156</v>
      </c>
      <c r="M9799">
        <v>64046</v>
      </c>
      <c r="O9799">
        <v>175399</v>
      </c>
      <c r="P9799">
        <v>1</v>
      </c>
      <c r="Q9799">
        <v>5</v>
      </c>
      <c r="R9799" t="s">
        <v>574</v>
      </c>
      <c r="S9799">
        <v>149</v>
      </c>
    </row>
    <row r="9800" spans="1:19" x14ac:dyDescent="0.25">
      <c r="A9800">
        <v>50671416</v>
      </c>
      <c r="B9800" t="s">
        <v>50157</v>
      </c>
      <c r="C9800" s="1" t="s">
        <v>50158</v>
      </c>
      <c r="E9800">
        <v>2</v>
      </c>
      <c r="F9800">
        <v>0</v>
      </c>
      <c r="H9800" t="s">
        <v>50159</v>
      </c>
      <c r="J9800" t="s">
        <v>50160</v>
      </c>
      <c r="O9800">
        <v>5957146</v>
      </c>
      <c r="P9800">
        <v>1</v>
      </c>
      <c r="Q9800">
        <v>0</v>
      </c>
      <c r="R9800" t="s">
        <v>50161</v>
      </c>
      <c r="S9800">
        <v>37</v>
      </c>
    </row>
    <row r="9801" spans="1:19" x14ac:dyDescent="0.25">
      <c r="A9801">
        <v>51327486</v>
      </c>
      <c r="B9801" t="s">
        <v>50162</v>
      </c>
      <c r="C9801" s="1" t="s">
        <v>50163</v>
      </c>
      <c r="D9801">
        <v>51327565</v>
      </c>
      <c r="E9801">
        <v>1</v>
      </c>
      <c r="F9801">
        <v>4</v>
      </c>
      <c r="H9801" t="s">
        <v>50164</v>
      </c>
      <c r="J9801" t="s">
        <v>50165</v>
      </c>
      <c r="K9801" t="s">
        <v>50165</v>
      </c>
      <c r="M9801">
        <v>3956676</v>
      </c>
      <c r="O9801">
        <v>1350241</v>
      </c>
      <c r="P9801">
        <v>1</v>
      </c>
      <c r="Q9801">
        <v>-2</v>
      </c>
      <c r="R9801" t="s">
        <v>9673</v>
      </c>
      <c r="S9801">
        <v>35</v>
      </c>
    </row>
    <row r="9802" spans="1:19" x14ac:dyDescent="0.25">
      <c r="A9802">
        <v>13893889</v>
      </c>
      <c r="B9802" t="s">
        <v>50166</v>
      </c>
      <c r="C9802" s="1" t="s">
        <v>50167</v>
      </c>
      <c r="D9802">
        <v>13893901</v>
      </c>
      <c r="E9802">
        <v>2</v>
      </c>
      <c r="F9802">
        <v>5</v>
      </c>
      <c r="H9802" t="s">
        <v>50168</v>
      </c>
      <c r="J9802" t="s">
        <v>50169</v>
      </c>
      <c r="K9802" t="s">
        <v>50170</v>
      </c>
      <c r="M9802">
        <v>1424127</v>
      </c>
      <c r="O9802">
        <v>1424127</v>
      </c>
      <c r="P9802">
        <v>1</v>
      </c>
      <c r="Q9802">
        <v>5</v>
      </c>
      <c r="R9802" t="s">
        <v>50171</v>
      </c>
      <c r="S9802">
        <v>2324</v>
      </c>
    </row>
    <row r="9803" spans="1:19" x14ac:dyDescent="0.25">
      <c r="A9803">
        <v>30039772</v>
      </c>
      <c r="B9803" t="s">
        <v>50172</v>
      </c>
      <c r="C9803" s="1" t="s">
        <v>50173</v>
      </c>
      <c r="E9803">
        <v>1</v>
      </c>
      <c r="F9803">
        <v>0</v>
      </c>
      <c r="H9803" t="s">
        <v>50174</v>
      </c>
      <c r="J9803" t="s">
        <v>50175</v>
      </c>
      <c r="K9803" t="s">
        <v>50175</v>
      </c>
      <c r="M9803">
        <v>3599179</v>
      </c>
      <c r="O9803">
        <v>4863925</v>
      </c>
      <c r="P9803">
        <v>1</v>
      </c>
      <c r="Q9803">
        <v>1</v>
      </c>
      <c r="R9803" t="s">
        <v>50176</v>
      </c>
      <c r="S9803">
        <v>1546</v>
      </c>
    </row>
    <row r="9804" spans="1:19" x14ac:dyDescent="0.25">
      <c r="A9804">
        <v>38236181</v>
      </c>
      <c r="B9804" t="s">
        <v>50177</v>
      </c>
      <c r="C9804" s="1" t="s">
        <v>50178</v>
      </c>
      <c r="E9804">
        <v>0</v>
      </c>
      <c r="F9804">
        <v>3</v>
      </c>
      <c r="H9804" t="s">
        <v>50179</v>
      </c>
      <c r="J9804" t="s">
        <v>50179</v>
      </c>
      <c r="O9804">
        <v>6504175</v>
      </c>
      <c r="P9804">
        <v>1</v>
      </c>
      <c r="Q9804">
        <v>0</v>
      </c>
      <c r="R9804" t="s">
        <v>50180</v>
      </c>
      <c r="S9804">
        <v>59</v>
      </c>
    </row>
    <row r="9805" spans="1:19" x14ac:dyDescent="0.25">
      <c r="A9805">
        <v>3055906</v>
      </c>
      <c r="B9805" t="s">
        <v>50181</v>
      </c>
      <c r="C9805" t="s">
        <v>50182</v>
      </c>
      <c r="E9805">
        <v>1</v>
      </c>
      <c r="F9805">
        <v>0</v>
      </c>
      <c r="H9805" t="s">
        <v>50183</v>
      </c>
      <c r="J9805" t="s">
        <v>50184</v>
      </c>
      <c r="O9805">
        <v>22820</v>
      </c>
      <c r="P9805">
        <v>1</v>
      </c>
      <c r="Q9805">
        <v>4</v>
      </c>
      <c r="R9805" t="s">
        <v>50185</v>
      </c>
      <c r="S9805">
        <v>145</v>
      </c>
    </row>
    <row r="9806" spans="1:19" x14ac:dyDescent="0.25">
      <c r="A9806">
        <v>33529766</v>
      </c>
      <c r="B9806" t="s">
        <v>50186</v>
      </c>
      <c r="C9806" s="1" t="s">
        <v>50187</v>
      </c>
      <c r="D9806">
        <v>33530210</v>
      </c>
      <c r="E9806">
        <v>1</v>
      </c>
      <c r="F9806">
        <v>0</v>
      </c>
      <c r="H9806" t="s">
        <v>50188</v>
      </c>
      <c r="J9806" t="s">
        <v>50189</v>
      </c>
      <c r="K9806" t="s">
        <v>50190</v>
      </c>
      <c r="M9806">
        <v>5484206</v>
      </c>
      <c r="O9806">
        <v>5484206</v>
      </c>
      <c r="P9806">
        <v>1</v>
      </c>
      <c r="Q9806">
        <v>0</v>
      </c>
      <c r="R9806" t="s">
        <v>50191</v>
      </c>
      <c r="S9806">
        <v>696</v>
      </c>
    </row>
    <row r="9807" spans="1:19" x14ac:dyDescent="0.25">
      <c r="A9807">
        <v>19928513</v>
      </c>
      <c r="B9807" t="s">
        <v>50192</v>
      </c>
      <c r="C9807" s="1" t="s">
        <v>50193</v>
      </c>
      <c r="E9807">
        <v>1</v>
      </c>
      <c r="F9807">
        <v>9</v>
      </c>
      <c r="H9807" t="s">
        <v>50194</v>
      </c>
      <c r="J9807" t="s">
        <v>50195</v>
      </c>
      <c r="K9807" t="s">
        <v>50196</v>
      </c>
      <c r="M9807">
        <v>2983046</v>
      </c>
      <c r="O9807">
        <v>2983046</v>
      </c>
      <c r="P9807">
        <v>1</v>
      </c>
      <c r="Q9807">
        <v>0</v>
      </c>
      <c r="R9807" t="s">
        <v>351</v>
      </c>
      <c r="S9807">
        <v>1533</v>
      </c>
    </row>
    <row r="9808" spans="1:19" x14ac:dyDescent="0.25">
      <c r="A9808">
        <v>13174418</v>
      </c>
      <c r="B9808" t="s">
        <v>50197</v>
      </c>
      <c r="C9808" s="1" t="s">
        <v>50198</v>
      </c>
      <c r="D9808">
        <v>13181807</v>
      </c>
      <c r="E9808">
        <v>1</v>
      </c>
      <c r="F9808">
        <v>1</v>
      </c>
      <c r="H9808" t="s">
        <v>50199</v>
      </c>
      <c r="J9808" t="s">
        <v>50200</v>
      </c>
      <c r="O9808">
        <v>937910</v>
      </c>
      <c r="P9808">
        <v>1</v>
      </c>
      <c r="Q9808">
        <v>0</v>
      </c>
      <c r="R9808" t="s">
        <v>50201</v>
      </c>
      <c r="S9808">
        <v>206</v>
      </c>
    </row>
    <row r="9809" spans="1:19" x14ac:dyDescent="0.25">
      <c r="A9809">
        <v>7001174</v>
      </c>
      <c r="B9809" t="s">
        <v>50202</v>
      </c>
      <c r="C9809" s="1" t="s">
        <v>50203</v>
      </c>
      <c r="D9809">
        <v>7001276</v>
      </c>
      <c r="E9809">
        <v>2</v>
      </c>
      <c r="F9809">
        <v>0</v>
      </c>
      <c r="H9809" t="s">
        <v>50204</v>
      </c>
      <c r="J9809" t="s">
        <v>50205</v>
      </c>
      <c r="K9809" t="s">
        <v>50205</v>
      </c>
      <c r="M9809">
        <v>367456</v>
      </c>
      <c r="O9809">
        <v>711649</v>
      </c>
      <c r="P9809">
        <v>1</v>
      </c>
      <c r="Q9809">
        <v>0</v>
      </c>
      <c r="R9809" t="s">
        <v>50206</v>
      </c>
      <c r="S9809">
        <v>396</v>
      </c>
    </row>
    <row r="9810" spans="1:19" x14ac:dyDescent="0.25">
      <c r="A9810">
        <v>2619400</v>
      </c>
      <c r="B9810" t="s">
        <v>50207</v>
      </c>
      <c r="C9810" s="1" t="s">
        <v>50208</v>
      </c>
      <c r="D9810">
        <v>2619430</v>
      </c>
      <c r="E9810">
        <v>1</v>
      </c>
      <c r="F9810">
        <v>0</v>
      </c>
      <c r="H9810" t="s">
        <v>50209</v>
      </c>
      <c r="I9810">
        <v>4</v>
      </c>
      <c r="J9810" t="s">
        <v>50210</v>
      </c>
      <c r="O9810">
        <v>207258</v>
      </c>
      <c r="P9810">
        <v>1</v>
      </c>
      <c r="Q9810">
        <v>3</v>
      </c>
      <c r="R9810" t="s">
        <v>8000</v>
      </c>
      <c r="S9810">
        <v>976</v>
      </c>
    </row>
    <row r="9811" spans="1:19" x14ac:dyDescent="0.25">
      <c r="A9811">
        <v>24803907</v>
      </c>
      <c r="B9811" t="s">
        <v>50211</v>
      </c>
      <c r="C9811" s="1" t="s">
        <v>50212</v>
      </c>
      <c r="D9811">
        <v>24808201</v>
      </c>
      <c r="E9811">
        <v>1</v>
      </c>
      <c r="F9811">
        <v>0</v>
      </c>
      <c r="H9811" t="s">
        <v>50213</v>
      </c>
      <c r="J9811" t="s">
        <v>50214</v>
      </c>
      <c r="O9811">
        <v>315544</v>
      </c>
      <c r="P9811">
        <v>1</v>
      </c>
      <c r="Q9811">
        <v>0</v>
      </c>
      <c r="R9811" t="s">
        <v>50215</v>
      </c>
      <c r="S9811">
        <v>54</v>
      </c>
    </row>
    <row r="9812" spans="1:19" x14ac:dyDescent="0.25">
      <c r="A9812">
        <v>8746371</v>
      </c>
      <c r="B9812" t="s">
        <v>50216</v>
      </c>
      <c r="C9812" s="1" t="s">
        <v>50217</v>
      </c>
      <c r="D9812">
        <v>8746453</v>
      </c>
      <c r="E9812">
        <v>2</v>
      </c>
      <c r="F9812">
        <v>4</v>
      </c>
      <c r="H9812" t="s">
        <v>50218</v>
      </c>
      <c r="J9812" t="s">
        <v>50219</v>
      </c>
      <c r="K9812" t="s">
        <v>50220</v>
      </c>
      <c r="M9812">
        <v>1060018</v>
      </c>
      <c r="O9812">
        <v>1060018</v>
      </c>
      <c r="P9812">
        <v>1</v>
      </c>
      <c r="Q9812">
        <v>1</v>
      </c>
      <c r="R9812" t="s">
        <v>50221</v>
      </c>
      <c r="S9812">
        <v>2374</v>
      </c>
    </row>
    <row r="9813" spans="1:19" x14ac:dyDescent="0.25">
      <c r="A9813">
        <v>23545579</v>
      </c>
      <c r="B9813" t="s">
        <v>50222</v>
      </c>
      <c r="C9813" s="1" t="s">
        <v>50223</v>
      </c>
      <c r="E9813">
        <v>2</v>
      </c>
      <c r="F9813">
        <v>1</v>
      </c>
      <c r="H9813" t="s">
        <v>50224</v>
      </c>
      <c r="J9813" t="s">
        <v>50225</v>
      </c>
      <c r="K9813" t="s">
        <v>50226</v>
      </c>
      <c r="M9813">
        <v>2756409</v>
      </c>
      <c r="O9813">
        <v>3608969</v>
      </c>
      <c r="P9813">
        <v>1</v>
      </c>
      <c r="Q9813">
        <v>0</v>
      </c>
      <c r="R9813" t="s">
        <v>50227</v>
      </c>
      <c r="S9813">
        <v>67</v>
      </c>
    </row>
    <row r="9814" spans="1:19" x14ac:dyDescent="0.25">
      <c r="A9814">
        <v>20090847</v>
      </c>
      <c r="B9814" t="s">
        <v>50228</v>
      </c>
      <c r="C9814" s="1" t="s">
        <v>50229</v>
      </c>
      <c r="E9814">
        <v>1</v>
      </c>
      <c r="F9814">
        <v>0</v>
      </c>
      <c r="H9814" t="s">
        <v>50230</v>
      </c>
      <c r="J9814" t="s">
        <v>50231</v>
      </c>
      <c r="O9814">
        <v>1205092</v>
      </c>
      <c r="P9814">
        <v>1</v>
      </c>
      <c r="Q9814">
        <v>0</v>
      </c>
      <c r="R9814" t="s">
        <v>50232</v>
      </c>
      <c r="S9814">
        <v>495</v>
      </c>
    </row>
    <row r="9815" spans="1:19" x14ac:dyDescent="0.25">
      <c r="A9815">
        <v>49692183</v>
      </c>
      <c r="B9815" t="s">
        <v>50233</v>
      </c>
      <c r="C9815" s="1" t="s">
        <v>50234</v>
      </c>
      <c r="D9815">
        <v>49692407</v>
      </c>
      <c r="E9815">
        <v>2</v>
      </c>
      <c r="F9815">
        <v>0</v>
      </c>
      <c r="H9815" t="s">
        <v>50235</v>
      </c>
      <c r="J9815" t="s">
        <v>50236</v>
      </c>
      <c r="K9815" t="s">
        <v>50237</v>
      </c>
      <c r="M9815">
        <v>219640</v>
      </c>
      <c r="O9815">
        <v>9607187</v>
      </c>
      <c r="P9815">
        <v>1</v>
      </c>
      <c r="Q9815">
        <v>4</v>
      </c>
      <c r="R9815" t="s">
        <v>50238</v>
      </c>
      <c r="S9815">
        <v>168</v>
      </c>
    </row>
    <row r="9816" spans="1:19" x14ac:dyDescent="0.25">
      <c r="A9816">
        <v>46486408</v>
      </c>
      <c r="B9816" t="s">
        <v>50239</v>
      </c>
      <c r="C9816" s="1" t="s">
        <v>50240</v>
      </c>
      <c r="D9816">
        <v>46577478</v>
      </c>
      <c r="E9816">
        <v>1</v>
      </c>
      <c r="F9816">
        <v>6</v>
      </c>
      <c r="H9816" t="s">
        <v>50241</v>
      </c>
      <c r="J9816" t="s">
        <v>50242</v>
      </c>
      <c r="K9816" t="s">
        <v>50243</v>
      </c>
      <c r="M9816">
        <v>3931192</v>
      </c>
      <c r="O9816">
        <v>2628463</v>
      </c>
      <c r="P9816">
        <v>1</v>
      </c>
      <c r="Q9816">
        <v>2</v>
      </c>
      <c r="R9816" t="s">
        <v>50244</v>
      </c>
      <c r="S9816">
        <v>260</v>
      </c>
    </row>
    <row r="9817" spans="1:19" x14ac:dyDescent="0.25">
      <c r="A9817">
        <v>45707631</v>
      </c>
      <c r="B9817" t="s">
        <v>50245</v>
      </c>
      <c r="C9817" s="1" t="s">
        <v>50246</v>
      </c>
      <c r="D9817">
        <v>45708560</v>
      </c>
      <c r="E9817">
        <v>2</v>
      </c>
      <c r="F9817">
        <v>2</v>
      </c>
      <c r="H9817" t="s">
        <v>50247</v>
      </c>
      <c r="J9817" t="s">
        <v>50248</v>
      </c>
      <c r="O9817">
        <v>6852169</v>
      </c>
      <c r="P9817">
        <v>1</v>
      </c>
      <c r="Q9817">
        <v>0</v>
      </c>
      <c r="R9817" t="s">
        <v>50249</v>
      </c>
      <c r="S9817">
        <v>1003</v>
      </c>
    </row>
    <row r="9818" spans="1:19" x14ac:dyDescent="0.25">
      <c r="A9818">
        <v>31861085</v>
      </c>
      <c r="B9818" t="s">
        <v>50250</v>
      </c>
      <c r="C9818" s="1" t="s">
        <v>50251</v>
      </c>
      <c r="E9818">
        <v>1</v>
      </c>
      <c r="F9818">
        <v>1</v>
      </c>
      <c r="H9818" t="s">
        <v>50252</v>
      </c>
      <c r="J9818" t="s">
        <v>50253</v>
      </c>
      <c r="K9818" t="s">
        <v>50254</v>
      </c>
      <c r="M9818">
        <v>5198995</v>
      </c>
      <c r="O9818">
        <v>5198995</v>
      </c>
      <c r="P9818">
        <v>1</v>
      </c>
      <c r="Q9818">
        <v>0</v>
      </c>
      <c r="R9818" t="s">
        <v>50255</v>
      </c>
      <c r="S9818">
        <v>50</v>
      </c>
    </row>
    <row r="9819" spans="1:19" x14ac:dyDescent="0.25">
      <c r="A9819">
        <v>37265593</v>
      </c>
      <c r="B9819" t="s">
        <v>50256</v>
      </c>
      <c r="C9819" s="1" t="s">
        <v>50257</v>
      </c>
      <c r="E9819">
        <v>3</v>
      </c>
      <c r="F9819">
        <v>8</v>
      </c>
      <c r="H9819" t="s">
        <v>50258</v>
      </c>
      <c r="J9819" t="s">
        <v>50259</v>
      </c>
      <c r="O9819">
        <v>6258969</v>
      </c>
      <c r="P9819">
        <v>1</v>
      </c>
      <c r="Q9819">
        <v>-1</v>
      </c>
      <c r="R9819" t="s">
        <v>33701</v>
      </c>
      <c r="S9819">
        <v>808</v>
      </c>
    </row>
    <row r="9820" spans="1:19" x14ac:dyDescent="0.25">
      <c r="A9820">
        <v>41997426</v>
      </c>
      <c r="B9820" t="s">
        <v>50260</v>
      </c>
      <c r="C9820" s="1" t="s">
        <v>50261</v>
      </c>
      <c r="D9820">
        <v>44217101</v>
      </c>
      <c r="E9820">
        <v>3</v>
      </c>
      <c r="F9820">
        <v>0</v>
      </c>
      <c r="H9820" t="s">
        <v>50262</v>
      </c>
      <c r="I9820">
        <v>3</v>
      </c>
      <c r="J9820" t="s">
        <v>50263</v>
      </c>
      <c r="K9820" t="s">
        <v>50264</v>
      </c>
      <c r="M9820">
        <v>1049894</v>
      </c>
      <c r="O9820">
        <v>1049894</v>
      </c>
      <c r="P9820">
        <v>1</v>
      </c>
      <c r="Q9820">
        <v>13</v>
      </c>
      <c r="R9820" t="s">
        <v>50265</v>
      </c>
      <c r="S9820">
        <v>2100</v>
      </c>
    </row>
    <row r="9821" spans="1:19" x14ac:dyDescent="0.25">
      <c r="A9821">
        <v>51991782</v>
      </c>
      <c r="B9821" t="s">
        <v>50266</v>
      </c>
      <c r="C9821" s="1" t="s">
        <v>50267</v>
      </c>
      <c r="E9821">
        <v>1</v>
      </c>
      <c r="F9821">
        <v>0</v>
      </c>
      <c r="H9821" t="s">
        <v>50268</v>
      </c>
      <c r="J9821" t="s">
        <v>50269</v>
      </c>
      <c r="O9821">
        <v>6635775</v>
      </c>
      <c r="P9821">
        <v>1</v>
      </c>
      <c r="Q9821">
        <v>0</v>
      </c>
      <c r="R9821" t="s">
        <v>50270</v>
      </c>
      <c r="S9821">
        <v>34</v>
      </c>
    </row>
    <row r="9822" spans="1:19" x14ac:dyDescent="0.25">
      <c r="A9822">
        <v>40422573</v>
      </c>
      <c r="B9822" t="s">
        <v>50271</v>
      </c>
      <c r="C9822" s="1" t="s">
        <v>50272</v>
      </c>
      <c r="E9822">
        <v>0</v>
      </c>
      <c r="F9822">
        <v>3</v>
      </c>
      <c r="H9822" t="s">
        <v>50273</v>
      </c>
      <c r="J9822" t="s">
        <v>50274</v>
      </c>
      <c r="K9822" t="s">
        <v>50275</v>
      </c>
      <c r="M9822">
        <v>965051</v>
      </c>
      <c r="O9822">
        <v>6916794</v>
      </c>
      <c r="P9822">
        <v>1</v>
      </c>
      <c r="Q9822">
        <v>0</v>
      </c>
      <c r="R9822" t="s">
        <v>50276</v>
      </c>
      <c r="S9822">
        <v>457</v>
      </c>
    </row>
    <row r="9823" spans="1:19" x14ac:dyDescent="0.25">
      <c r="A9823">
        <v>45817414</v>
      </c>
      <c r="B9823" t="s">
        <v>50277</v>
      </c>
      <c r="C9823" s="1" t="s">
        <v>50278</v>
      </c>
      <c r="E9823">
        <v>1</v>
      </c>
      <c r="F9823">
        <v>1</v>
      </c>
      <c r="H9823" t="s">
        <v>50279</v>
      </c>
      <c r="J9823" t="s">
        <v>50280</v>
      </c>
      <c r="O9823">
        <v>4728835</v>
      </c>
      <c r="P9823">
        <v>1</v>
      </c>
      <c r="Q9823">
        <v>0</v>
      </c>
      <c r="R9823" t="s">
        <v>50281</v>
      </c>
      <c r="S9823">
        <v>168</v>
      </c>
    </row>
    <row r="9824" spans="1:19" x14ac:dyDescent="0.25">
      <c r="A9824">
        <v>35457106</v>
      </c>
      <c r="B9824" t="s">
        <v>50282</v>
      </c>
      <c r="C9824" s="1" t="s">
        <v>50283</v>
      </c>
      <c r="D9824">
        <v>35457947</v>
      </c>
      <c r="E9824">
        <v>1</v>
      </c>
      <c r="F9824">
        <v>0</v>
      </c>
      <c r="H9824" t="s">
        <v>50284</v>
      </c>
      <c r="J9824" t="s">
        <v>50285</v>
      </c>
      <c r="K9824" t="s">
        <v>50285</v>
      </c>
      <c r="M9824">
        <v>4781925</v>
      </c>
      <c r="O9824">
        <v>4781925</v>
      </c>
      <c r="P9824">
        <v>1</v>
      </c>
      <c r="Q9824">
        <v>4</v>
      </c>
      <c r="R9824" t="s">
        <v>50286</v>
      </c>
      <c r="S9824">
        <v>955</v>
      </c>
    </row>
    <row r="9825" spans="1:19" x14ac:dyDescent="0.25">
      <c r="A9825">
        <v>37565720</v>
      </c>
      <c r="B9825" t="s">
        <v>50287</v>
      </c>
      <c r="C9825" s="1" t="s">
        <v>50288</v>
      </c>
      <c r="E9825">
        <v>0</v>
      </c>
      <c r="F9825">
        <v>3</v>
      </c>
      <c r="H9825" t="s">
        <v>50289</v>
      </c>
      <c r="J9825" t="s">
        <v>50289</v>
      </c>
      <c r="O9825">
        <v>4477561</v>
      </c>
      <c r="P9825">
        <v>1</v>
      </c>
      <c r="Q9825">
        <v>0</v>
      </c>
      <c r="R9825" t="s">
        <v>50290</v>
      </c>
      <c r="S9825">
        <v>39</v>
      </c>
    </row>
    <row r="9826" spans="1:19" x14ac:dyDescent="0.25">
      <c r="A9826">
        <v>9840693</v>
      </c>
      <c r="B9826" t="s">
        <v>50291</v>
      </c>
      <c r="C9826" s="1" t="s">
        <v>50292</v>
      </c>
      <c r="D9826">
        <v>9881680</v>
      </c>
      <c r="E9826">
        <v>2</v>
      </c>
      <c r="F9826">
        <v>0</v>
      </c>
      <c r="H9826" t="s">
        <v>50293</v>
      </c>
      <c r="I9826">
        <v>1</v>
      </c>
      <c r="J9826" t="s">
        <v>50294</v>
      </c>
      <c r="O9826">
        <v>380384</v>
      </c>
      <c r="P9826">
        <v>1</v>
      </c>
      <c r="Q9826">
        <v>5</v>
      </c>
      <c r="R9826" t="s">
        <v>50295</v>
      </c>
      <c r="S9826">
        <v>3143</v>
      </c>
    </row>
    <row r="9827" spans="1:19" x14ac:dyDescent="0.25">
      <c r="A9827">
        <v>47613844</v>
      </c>
      <c r="B9827" t="s">
        <v>50296</v>
      </c>
      <c r="C9827" s="1" t="s">
        <v>50297</v>
      </c>
      <c r="E9827">
        <v>1</v>
      </c>
      <c r="F9827">
        <v>1</v>
      </c>
      <c r="H9827" t="s">
        <v>50298</v>
      </c>
      <c r="J9827" t="s">
        <v>50299</v>
      </c>
      <c r="K9827" t="s">
        <v>50299</v>
      </c>
      <c r="M9827">
        <v>118091</v>
      </c>
      <c r="O9827">
        <v>118091</v>
      </c>
      <c r="P9827">
        <v>1</v>
      </c>
      <c r="Q9827">
        <v>1</v>
      </c>
      <c r="R9827" t="s">
        <v>50300</v>
      </c>
      <c r="S9827">
        <v>464</v>
      </c>
    </row>
    <row r="9828" spans="1:19" x14ac:dyDescent="0.25">
      <c r="A9828">
        <v>15098875</v>
      </c>
      <c r="B9828" t="s">
        <v>50301</v>
      </c>
      <c r="C9828" s="1" t="s">
        <v>50302</v>
      </c>
      <c r="D9828">
        <v>15099008</v>
      </c>
      <c r="E9828">
        <v>1</v>
      </c>
      <c r="F9828">
        <v>0</v>
      </c>
      <c r="H9828" t="s">
        <v>50303</v>
      </c>
      <c r="J9828" t="s">
        <v>50304</v>
      </c>
      <c r="K9828" t="s">
        <v>50304</v>
      </c>
      <c r="M9828">
        <v>146622</v>
      </c>
      <c r="O9828">
        <v>1624450</v>
      </c>
      <c r="P9828">
        <v>1</v>
      </c>
      <c r="Q9828">
        <v>1</v>
      </c>
      <c r="R9828" t="s">
        <v>50305</v>
      </c>
      <c r="S9828">
        <v>299</v>
      </c>
    </row>
    <row r="9829" spans="1:19" x14ac:dyDescent="0.25">
      <c r="A9829">
        <v>35537748</v>
      </c>
      <c r="B9829" t="s">
        <v>50306</v>
      </c>
      <c r="C9829" s="1" t="s">
        <v>50307</v>
      </c>
      <c r="E9829">
        <v>1</v>
      </c>
      <c r="F9829">
        <v>0</v>
      </c>
      <c r="H9829" t="s">
        <v>50308</v>
      </c>
      <c r="J9829" t="s">
        <v>50309</v>
      </c>
      <c r="K9829" t="s">
        <v>50310</v>
      </c>
      <c r="M9829">
        <v>5958971</v>
      </c>
      <c r="O9829">
        <v>5958971</v>
      </c>
      <c r="P9829">
        <v>1</v>
      </c>
      <c r="Q9829">
        <v>0</v>
      </c>
      <c r="R9829" t="s">
        <v>50311</v>
      </c>
      <c r="S9829">
        <v>56</v>
      </c>
    </row>
    <row r="9830" spans="1:19" x14ac:dyDescent="0.25">
      <c r="A9830">
        <v>38720851</v>
      </c>
      <c r="B9830" t="s">
        <v>50312</v>
      </c>
      <c r="C9830" s="1" t="s">
        <v>50313</v>
      </c>
      <c r="D9830">
        <v>38723651</v>
      </c>
      <c r="E9830">
        <v>1</v>
      </c>
      <c r="F9830">
        <v>0</v>
      </c>
      <c r="H9830" t="s">
        <v>50314</v>
      </c>
      <c r="I9830">
        <v>1</v>
      </c>
      <c r="J9830" t="s">
        <v>50315</v>
      </c>
      <c r="O9830">
        <v>2740380</v>
      </c>
      <c r="P9830">
        <v>1</v>
      </c>
      <c r="Q9830">
        <v>3</v>
      </c>
      <c r="R9830" t="s">
        <v>50316</v>
      </c>
      <c r="S9830">
        <v>1616</v>
      </c>
    </row>
    <row r="9831" spans="1:19" x14ac:dyDescent="0.25">
      <c r="A9831">
        <v>23088690</v>
      </c>
      <c r="B9831" t="s">
        <v>50317</v>
      </c>
      <c r="C9831" s="1" t="s">
        <v>50318</v>
      </c>
      <c r="D9831">
        <v>23088790</v>
      </c>
      <c r="E9831">
        <v>1</v>
      </c>
      <c r="F9831">
        <v>0</v>
      </c>
      <c r="H9831" t="s">
        <v>50319</v>
      </c>
      <c r="J9831" t="s">
        <v>50320</v>
      </c>
      <c r="O9831">
        <v>1136433</v>
      </c>
      <c r="P9831">
        <v>1</v>
      </c>
      <c r="Q9831">
        <v>1</v>
      </c>
      <c r="R9831" t="s">
        <v>50321</v>
      </c>
      <c r="S9831">
        <v>912</v>
      </c>
    </row>
    <row r="9832" spans="1:19" x14ac:dyDescent="0.25">
      <c r="A9832">
        <v>40598343</v>
      </c>
      <c r="B9832" t="s">
        <v>50322</v>
      </c>
      <c r="C9832" s="1" t="s">
        <v>50323</v>
      </c>
      <c r="E9832">
        <v>1</v>
      </c>
      <c r="F9832">
        <v>0</v>
      </c>
      <c r="H9832" t="s">
        <v>50324</v>
      </c>
      <c r="J9832" t="s">
        <v>50325</v>
      </c>
      <c r="K9832" t="s">
        <v>50326</v>
      </c>
      <c r="M9832">
        <v>7159011</v>
      </c>
      <c r="O9832">
        <v>7159011</v>
      </c>
      <c r="P9832">
        <v>1</v>
      </c>
      <c r="Q9832">
        <v>0</v>
      </c>
      <c r="R9832" t="s">
        <v>50327</v>
      </c>
      <c r="S9832">
        <v>73</v>
      </c>
    </row>
    <row r="9833" spans="1:19" x14ac:dyDescent="0.25">
      <c r="A9833">
        <v>12730761</v>
      </c>
      <c r="B9833" t="s">
        <v>50328</v>
      </c>
      <c r="C9833" s="1" t="s">
        <v>50329</v>
      </c>
      <c r="D9833">
        <v>12732459</v>
      </c>
      <c r="E9833">
        <v>2</v>
      </c>
      <c r="F9833">
        <v>0</v>
      </c>
      <c r="H9833" t="s">
        <v>50330</v>
      </c>
      <c r="I9833">
        <v>1</v>
      </c>
      <c r="J9833" t="s">
        <v>50331</v>
      </c>
      <c r="K9833" t="s">
        <v>50332</v>
      </c>
      <c r="M9833">
        <v>1521606</v>
      </c>
      <c r="O9833">
        <v>584490</v>
      </c>
      <c r="P9833">
        <v>1</v>
      </c>
      <c r="Q9833">
        <v>1</v>
      </c>
      <c r="R9833" t="s">
        <v>50333</v>
      </c>
      <c r="S9833">
        <v>2499</v>
      </c>
    </row>
    <row r="9834" spans="1:19" x14ac:dyDescent="0.25">
      <c r="A9834">
        <v>44279875</v>
      </c>
      <c r="B9834" t="s">
        <v>50334</v>
      </c>
      <c r="C9834" s="1" t="s">
        <v>50335</v>
      </c>
      <c r="D9834">
        <v>44302217</v>
      </c>
      <c r="E9834">
        <v>1</v>
      </c>
      <c r="F9834">
        <v>0</v>
      </c>
      <c r="H9834" t="s">
        <v>50336</v>
      </c>
      <c r="I9834">
        <v>3</v>
      </c>
      <c r="J9834" t="s">
        <v>50337</v>
      </c>
      <c r="O9834">
        <v>3556382</v>
      </c>
      <c r="P9834">
        <v>1</v>
      </c>
      <c r="Q9834">
        <v>2</v>
      </c>
      <c r="R9834" t="s">
        <v>50338</v>
      </c>
      <c r="S9834">
        <v>626</v>
      </c>
    </row>
    <row r="9835" spans="1:19" x14ac:dyDescent="0.25">
      <c r="A9835">
        <v>19680774</v>
      </c>
      <c r="B9835" t="s">
        <v>50339</v>
      </c>
      <c r="C9835" s="1" t="s">
        <v>50340</v>
      </c>
      <c r="D9835">
        <v>19680938</v>
      </c>
      <c r="E9835">
        <v>2</v>
      </c>
      <c r="F9835">
        <v>0</v>
      </c>
      <c r="H9835" t="s">
        <v>50341</v>
      </c>
      <c r="J9835" t="s">
        <v>50342</v>
      </c>
      <c r="O9835">
        <v>1072960</v>
      </c>
      <c r="P9835">
        <v>1</v>
      </c>
      <c r="Q9835">
        <v>0</v>
      </c>
      <c r="R9835" t="s">
        <v>50343</v>
      </c>
      <c r="S9835">
        <v>35</v>
      </c>
    </row>
    <row r="9836" spans="1:19" x14ac:dyDescent="0.25">
      <c r="A9836">
        <v>9167745</v>
      </c>
      <c r="B9836" t="s">
        <v>50344</v>
      </c>
      <c r="C9836" s="1" t="s">
        <v>50345</v>
      </c>
      <c r="E9836">
        <v>6</v>
      </c>
      <c r="F9836">
        <v>7</v>
      </c>
      <c r="H9836" t="s">
        <v>50346</v>
      </c>
      <c r="I9836">
        <v>8</v>
      </c>
      <c r="J9836" t="s">
        <v>50347</v>
      </c>
      <c r="K9836" t="s">
        <v>50348</v>
      </c>
      <c r="M9836">
        <v>484230</v>
      </c>
      <c r="O9836">
        <v>484230</v>
      </c>
      <c r="P9836">
        <v>1</v>
      </c>
      <c r="Q9836">
        <v>48</v>
      </c>
      <c r="R9836" t="s">
        <v>50349</v>
      </c>
      <c r="S9836">
        <v>15200</v>
      </c>
    </row>
    <row r="9837" spans="1:19" x14ac:dyDescent="0.25">
      <c r="A9837">
        <v>3684422</v>
      </c>
      <c r="B9837" t="s">
        <v>50350</v>
      </c>
      <c r="C9837" s="1" t="s">
        <v>50351</v>
      </c>
      <c r="E9837">
        <v>2</v>
      </c>
      <c r="F9837">
        <v>0</v>
      </c>
      <c r="H9837" t="s">
        <v>50352</v>
      </c>
      <c r="J9837" t="s">
        <v>50353</v>
      </c>
      <c r="O9837">
        <v>444312</v>
      </c>
      <c r="P9837">
        <v>1</v>
      </c>
      <c r="Q9837">
        <v>0</v>
      </c>
      <c r="R9837" t="s">
        <v>50354</v>
      </c>
      <c r="S9837">
        <v>1667</v>
      </c>
    </row>
    <row r="9838" spans="1:19" x14ac:dyDescent="0.25">
      <c r="A9838">
        <v>13398110</v>
      </c>
      <c r="B9838" t="s">
        <v>50355</v>
      </c>
      <c r="C9838" s="1" t="s">
        <v>50356</v>
      </c>
      <c r="E9838">
        <v>0</v>
      </c>
      <c r="F9838">
        <v>2</v>
      </c>
      <c r="H9838" t="s">
        <v>50357</v>
      </c>
      <c r="J9838" t="s">
        <v>50357</v>
      </c>
      <c r="O9838">
        <v>842626</v>
      </c>
      <c r="P9838">
        <v>1</v>
      </c>
      <c r="Q9838">
        <v>0</v>
      </c>
      <c r="R9838" t="s">
        <v>780</v>
      </c>
      <c r="S9838">
        <v>248</v>
      </c>
    </row>
    <row r="9839" spans="1:19" x14ac:dyDescent="0.25">
      <c r="A9839">
        <v>2153103</v>
      </c>
      <c r="B9839" t="s">
        <v>50358</v>
      </c>
      <c r="C9839" s="1" t="s">
        <v>50359</v>
      </c>
      <c r="E9839">
        <v>3</v>
      </c>
      <c r="F9839">
        <v>0</v>
      </c>
      <c r="H9839" t="s">
        <v>50360</v>
      </c>
      <c r="I9839">
        <v>0</v>
      </c>
      <c r="J9839" t="s">
        <v>50361</v>
      </c>
      <c r="K9839" t="s">
        <v>50362</v>
      </c>
      <c r="M9839">
        <v>21234</v>
      </c>
      <c r="N9839" t="s">
        <v>50363</v>
      </c>
      <c r="P9839">
        <v>1</v>
      </c>
      <c r="Q9839">
        <v>2</v>
      </c>
      <c r="R9839" t="s">
        <v>50364</v>
      </c>
      <c r="S9839">
        <v>1721</v>
      </c>
    </row>
    <row r="9840" spans="1:19" x14ac:dyDescent="0.25">
      <c r="A9840">
        <v>49120693</v>
      </c>
      <c r="B9840" t="s">
        <v>50365</v>
      </c>
      <c r="C9840" s="1" t="s">
        <v>50366</v>
      </c>
      <c r="D9840">
        <v>49124404</v>
      </c>
      <c r="E9840">
        <v>1</v>
      </c>
      <c r="F9840">
        <v>2</v>
      </c>
      <c r="H9840" t="s">
        <v>50367</v>
      </c>
      <c r="J9840" t="s">
        <v>50368</v>
      </c>
      <c r="O9840">
        <v>468384</v>
      </c>
      <c r="P9840">
        <v>1</v>
      </c>
      <c r="Q9840">
        <v>0</v>
      </c>
      <c r="R9840" t="s">
        <v>22535</v>
      </c>
      <c r="S9840">
        <v>49</v>
      </c>
    </row>
    <row r="9841" spans="1:19" x14ac:dyDescent="0.25">
      <c r="A9841">
        <v>30548500</v>
      </c>
      <c r="B9841" t="s">
        <v>50369</v>
      </c>
      <c r="C9841" s="1" t="s">
        <v>50370</v>
      </c>
      <c r="E9841">
        <v>2</v>
      </c>
      <c r="F9841">
        <v>2</v>
      </c>
      <c r="H9841" t="s">
        <v>50371</v>
      </c>
      <c r="J9841" t="s">
        <v>50372</v>
      </c>
      <c r="K9841" t="s">
        <v>50373</v>
      </c>
      <c r="M9841">
        <v>3094533</v>
      </c>
      <c r="O9841">
        <v>4956644</v>
      </c>
      <c r="P9841">
        <v>1</v>
      </c>
      <c r="Q9841">
        <v>-1</v>
      </c>
      <c r="R9841" t="s">
        <v>50374</v>
      </c>
      <c r="S9841">
        <v>133</v>
      </c>
    </row>
    <row r="9842" spans="1:19" x14ac:dyDescent="0.25">
      <c r="A9842">
        <v>4651806</v>
      </c>
      <c r="B9842" t="s">
        <v>50375</v>
      </c>
      <c r="C9842" t="s">
        <v>50376</v>
      </c>
      <c r="D9842">
        <v>4652060</v>
      </c>
      <c r="E9842">
        <v>2</v>
      </c>
      <c r="F9842">
        <v>0</v>
      </c>
      <c r="H9842" t="s">
        <v>50377</v>
      </c>
      <c r="J9842" t="s">
        <v>50378</v>
      </c>
      <c r="K9842" t="s">
        <v>50379</v>
      </c>
      <c r="M9842">
        <v>21234</v>
      </c>
      <c r="O9842">
        <v>566095</v>
      </c>
      <c r="P9842">
        <v>1</v>
      </c>
      <c r="Q9842">
        <v>0</v>
      </c>
      <c r="R9842" t="s">
        <v>1374</v>
      </c>
      <c r="S9842">
        <v>1578</v>
      </c>
    </row>
    <row r="9843" spans="1:19" x14ac:dyDescent="0.25">
      <c r="A9843">
        <v>17562379</v>
      </c>
      <c r="B9843" t="s">
        <v>50380</v>
      </c>
      <c r="C9843" s="1" t="s">
        <v>50381</v>
      </c>
      <c r="E9843">
        <v>2</v>
      </c>
      <c r="F9843">
        <v>2</v>
      </c>
      <c r="H9843" t="s">
        <v>50382</v>
      </c>
      <c r="I9843">
        <v>3</v>
      </c>
      <c r="J9843" t="s">
        <v>50383</v>
      </c>
      <c r="K9843" t="s">
        <v>50383</v>
      </c>
      <c r="M9843">
        <v>2238226</v>
      </c>
      <c r="O9843">
        <v>1277639</v>
      </c>
      <c r="P9843">
        <v>1</v>
      </c>
      <c r="Q9843">
        <v>4</v>
      </c>
      <c r="R9843" t="s">
        <v>50384</v>
      </c>
      <c r="S9843">
        <v>29491</v>
      </c>
    </row>
    <row r="9844" spans="1:19" x14ac:dyDescent="0.25">
      <c r="A9844">
        <v>34288774</v>
      </c>
      <c r="B9844" t="s">
        <v>50385</v>
      </c>
      <c r="C9844" s="1" t="s">
        <v>50386</v>
      </c>
      <c r="D9844">
        <v>34288860</v>
      </c>
      <c r="E9844">
        <v>3</v>
      </c>
      <c r="F9844">
        <v>1</v>
      </c>
      <c r="H9844" t="s">
        <v>50387</v>
      </c>
      <c r="J9844" t="s">
        <v>50388</v>
      </c>
      <c r="K9844" t="s">
        <v>50389</v>
      </c>
      <c r="M9844">
        <v>4413307</v>
      </c>
      <c r="O9844">
        <v>2228126</v>
      </c>
      <c r="P9844">
        <v>1</v>
      </c>
      <c r="Q9844">
        <v>3</v>
      </c>
      <c r="R9844" t="s">
        <v>50390</v>
      </c>
      <c r="S9844">
        <v>116</v>
      </c>
    </row>
    <row r="9845" spans="1:19" x14ac:dyDescent="0.25">
      <c r="A9845">
        <v>23041218</v>
      </c>
      <c r="B9845" t="s">
        <v>50391</v>
      </c>
      <c r="C9845" s="1" t="s">
        <v>50392</v>
      </c>
      <c r="E9845">
        <v>2</v>
      </c>
      <c r="F9845">
        <v>0</v>
      </c>
      <c r="H9845" t="s">
        <v>50393</v>
      </c>
      <c r="I9845">
        <v>2</v>
      </c>
      <c r="J9845" t="s">
        <v>50394</v>
      </c>
      <c r="K9845" t="s">
        <v>50395</v>
      </c>
      <c r="M9845">
        <v>1609496</v>
      </c>
      <c r="O9845">
        <v>1609496</v>
      </c>
      <c r="P9845">
        <v>1</v>
      </c>
      <c r="Q9845">
        <v>0</v>
      </c>
      <c r="R9845" t="s">
        <v>50396</v>
      </c>
      <c r="S9845">
        <v>155</v>
      </c>
    </row>
    <row r="9846" spans="1:19" x14ac:dyDescent="0.25">
      <c r="A9846">
        <v>12072524</v>
      </c>
      <c r="B9846" t="s">
        <v>50397</v>
      </c>
      <c r="C9846" t="s">
        <v>50398</v>
      </c>
      <c r="E9846">
        <v>6</v>
      </c>
      <c r="F9846">
        <v>2</v>
      </c>
      <c r="H9846" t="s">
        <v>50399</v>
      </c>
      <c r="I9846">
        <v>5</v>
      </c>
      <c r="J9846" t="s">
        <v>50400</v>
      </c>
      <c r="K9846" t="s">
        <v>50401</v>
      </c>
      <c r="M9846">
        <v>212078</v>
      </c>
      <c r="O9846">
        <v>1616720</v>
      </c>
      <c r="P9846">
        <v>1</v>
      </c>
      <c r="Q9846">
        <v>12</v>
      </c>
      <c r="R9846" t="s">
        <v>50402</v>
      </c>
      <c r="S9846">
        <v>49288</v>
      </c>
    </row>
    <row r="9847" spans="1:19" x14ac:dyDescent="0.25">
      <c r="A9847">
        <v>49594127</v>
      </c>
      <c r="B9847" t="s">
        <v>50403</v>
      </c>
      <c r="C9847" s="1" t="s">
        <v>50404</v>
      </c>
      <c r="E9847">
        <v>1</v>
      </c>
      <c r="F9847">
        <v>4</v>
      </c>
      <c r="H9847" t="s">
        <v>50405</v>
      </c>
      <c r="J9847" t="s">
        <v>50406</v>
      </c>
      <c r="O9847">
        <v>3666866</v>
      </c>
      <c r="P9847">
        <v>1</v>
      </c>
      <c r="Q9847">
        <v>0</v>
      </c>
      <c r="R9847" t="s">
        <v>50407</v>
      </c>
      <c r="S9847">
        <v>39</v>
      </c>
    </row>
    <row r="9848" spans="1:19" x14ac:dyDescent="0.25">
      <c r="A9848">
        <v>50707700</v>
      </c>
      <c r="B9848" t="s">
        <v>50408</v>
      </c>
      <c r="C9848" s="1" t="s">
        <v>50409</v>
      </c>
      <c r="E9848">
        <v>2</v>
      </c>
      <c r="F9848">
        <v>5</v>
      </c>
      <c r="H9848" t="s">
        <v>50410</v>
      </c>
      <c r="J9848" t="s">
        <v>50411</v>
      </c>
      <c r="O9848">
        <v>2426488</v>
      </c>
      <c r="P9848">
        <v>1</v>
      </c>
      <c r="Q9848">
        <v>0</v>
      </c>
      <c r="R9848" t="s">
        <v>989</v>
      </c>
      <c r="S9848">
        <v>24</v>
      </c>
    </row>
    <row r="9849" spans="1:19" x14ac:dyDescent="0.25">
      <c r="A9849">
        <v>29041711</v>
      </c>
      <c r="B9849" t="s">
        <v>50412</v>
      </c>
      <c r="C9849" s="1" t="s">
        <v>50413</v>
      </c>
      <c r="D9849">
        <v>29041917</v>
      </c>
      <c r="E9849">
        <v>1</v>
      </c>
      <c r="F9849">
        <v>1</v>
      </c>
      <c r="H9849" t="s">
        <v>50414</v>
      </c>
      <c r="J9849" t="s">
        <v>50415</v>
      </c>
      <c r="K9849" t="s">
        <v>50416</v>
      </c>
      <c r="M9849">
        <v>526704</v>
      </c>
      <c r="O9849">
        <v>3751027</v>
      </c>
      <c r="P9849">
        <v>1</v>
      </c>
      <c r="Q9849">
        <v>0</v>
      </c>
      <c r="R9849" t="s">
        <v>50417</v>
      </c>
      <c r="S9849">
        <v>277</v>
      </c>
    </row>
    <row r="9850" spans="1:19" x14ac:dyDescent="0.25">
      <c r="A9850">
        <v>20427101</v>
      </c>
      <c r="B9850" t="s">
        <v>50418</v>
      </c>
      <c r="C9850" s="1" t="s">
        <v>50419</v>
      </c>
      <c r="D9850">
        <v>20427431</v>
      </c>
      <c r="E9850">
        <v>2</v>
      </c>
      <c r="F9850">
        <v>2</v>
      </c>
      <c r="H9850" t="s">
        <v>50420</v>
      </c>
      <c r="J9850" t="s">
        <v>50421</v>
      </c>
      <c r="O9850">
        <v>3065375</v>
      </c>
      <c r="P9850">
        <v>1</v>
      </c>
      <c r="Q9850">
        <v>0</v>
      </c>
      <c r="R9850" t="s">
        <v>50422</v>
      </c>
      <c r="S9850">
        <v>175</v>
      </c>
    </row>
    <row r="9851" spans="1:19" x14ac:dyDescent="0.25">
      <c r="A9851">
        <v>37107086</v>
      </c>
      <c r="B9851" t="s">
        <v>50423</v>
      </c>
      <c r="C9851" s="1" t="s">
        <v>50424</v>
      </c>
      <c r="D9851">
        <v>37109904</v>
      </c>
      <c r="E9851">
        <v>2</v>
      </c>
      <c r="F9851">
        <v>1</v>
      </c>
      <c r="H9851" t="s">
        <v>50425</v>
      </c>
      <c r="J9851" t="s">
        <v>50426</v>
      </c>
      <c r="K9851" t="s">
        <v>50426</v>
      </c>
      <c r="M9851">
        <v>3132173</v>
      </c>
      <c r="O9851">
        <v>4172241</v>
      </c>
      <c r="P9851">
        <v>1</v>
      </c>
      <c r="Q9851">
        <v>2</v>
      </c>
      <c r="R9851" t="s">
        <v>30998</v>
      </c>
      <c r="S9851">
        <v>542</v>
      </c>
    </row>
    <row r="9852" spans="1:19" x14ac:dyDescent="0.25">
      <c r="A9852">
        <v>38523590</v>
      </c>
      <c r="B9852" t="s">
        <v>50427</v>
      </c>
      <c r="C9852" s="1" t="s">
        <v>50428</v>
      </c>
      <c r="E9852">
        <v>2</v>
      </c>
      <c r="F9852">
        <v>0</v>
      </c>
      <c r="H9852" t="s">
        <v>50429</v>
      </c>
      <c r="J9852" t="s">
        <v>50430</v>
      </c>
      <c r="K9852" t="s">
        <v>50430</v>
      </c>
      <c r="M9852">
        <v>4131091</v>
      </c>
      <c r="O9852">
        <v>5048740</v>
      </c>
      <c r="P9852">
        <v>1</v>
      </c>
      <c r="Q9852">
        <v>0</v>
      </c>
      <c r="R9852" t="s">
        <v>8165</v>
      </c>
      <c r="S9852">
        <v>494</v>
      </c>
    </row>
    <row r="9853" spans="1:19" x14ac:dyDescent="0.25">
      <c r="A9853">
        <v>31727110</v>
      </c>
      <c r="B9853" t="s">
        <v>50431</v>
      </c>
      <c r="C9853" s="1" t="s">
        <v>50432</v>
      </c>
      <c r="E9853">
        <v>3</v>
      </c>
      <c r="F9853">
        <v>7</v>
      </c>
      <c r="H9853" t="s">
        <v>50433</v>
      </c>
      <c r="J9853" t="s">
        <v>50434</v>
      </c>
      <c r="O9853">
        <v>2556722</v>
      </c>
      <c r="P9853">
        <v>1</v>
      </c>
      <c r="Q9853">
        <v>0</v>
      </c>
      <c r="R9853" t="s">
        <v>15065</v>
      </c>
      <c r="S9853">
        <v>363</v>
      </c>
    </row>
    <row r="9854" spans="1:19" x14ac:dyDescent="0.25">
      <c r="A9854">
        <v>41635137</v>
      </c>
      <c r="B9854" t="s">
        <v>50435</v>
      </c>
      <c r="C9854" s="1" t="s">
        <v>50436</v>
      </c>
      <c r="E9854">
        <v>1</v>
      </c>
      <c r="F9854">
        <v>2</v>
      </c>
      <c r="H9854" t="s">
        <v>50437</v>
      </c>
      <c r="J9854" t="s">
        <v>50438</v>
      </c>
      <c r="K9854" t="s">
        <v>50439</v>
      </c>
      <c r="M9854">
        <v>7057336</v>
      </c>
      <c r="O9854">
        <v>7057336</v>
      </c>
      <c r="P9854">
        <v>1</v>
      </c>
      <c r="Q9854">
        <v>0</v>
      </c>
      <c r="R9854" t="s">
        <v>50440</v>
      </c>
      <c r="S9854">
        <v>411</v>
      </c>
    </row>
    <row r="9855" spans="1:19" x14ac:dyDescent="0.25">
      <c r="A9855">
        <v>47712007</v>
      </c>
      <c r="B9855" t="s">
        <v>50441</v>
      </c>
      <c r="C9855" s="1" t="s">
        <v>50442</v>
      </c>
      <c r="E9855">
        <v>0</v>
      </c>
      <c r="F9855">
        <v>1</v>
      </c>
      <c r="H9855" t="s">
        <v>50443</v>
      </c>
      <c r="J9855" t="s">
        <v>50443</v>
      </c>
      <c r="O9855">
        <v>4173287</v>
      </c>
      <c r="P9855">
        <v>1</v>
      </c>
      <c r="Q9855">
        <v>0</v>
      </c>
      <c r="R9855" t="s">
        <v>50444</v>
      </c>
      <c r="S9855">
        <v>18</v>
      </c>
    </row>
    <row r="9856" spans="1:19" x14ac:dyDescent="0.25">
      <c r="A9856">
        <v>34935860</v>
      </c>
      <c r="B9856" t="s">
        <v>50445</v>
      </c>
      <c r="C9856" t="s">
        <v>50446</v>
      </c>
      <c r="E9856">
        <v>1</v>
      </c>
      <c r="F9856">
        <v>0</v>
      </c>
      <c r="H9856" t="s">
        <v>50447</v>
      </c>
      <c r="J9856" t="s">
        <v>50448</v>
      </c>
      <c r="O9856">
        <v>2464836</v>
      </c>
      <c r="P9856">
        <v>1</v>
      </c>
      <c r="Q9856">
        <v>1</v>
      </c>
      <c r="R9856" t="s">
        <v>50449</v>
      </c>
      <c r="S9856">
        <v>390</v>
      </c>
    </row>
    <row r="9857" spans="1:19" x14ac:dyDescent="0.25">
      <c r="A9857">
        <v>26850663</v>
      </c>
      <c r="B9857" t="s">
        <v>50450</v>
      </c>
      <c r="C9857" s="1" t="s">
        <v>50451</v>
      </c>
      <c r="E9857">
        <v>2</v>
      </c>
      <c r="F9857">
        <v>3</v>
      </c>
      <c r="H9857" t="s">
        <v>50452</v>
      </c>
      <c r="J9857" t="s">
        <v>50453</v>
      </c>
      <c r="O9857">
        <v>4236861</v>
      </c>
      <c r="P9857">
        <v>1</v>
      </c>
      <c r="Q9857">
        <v>-2</v>
      </c>
      <c r="R9857" t="s">
        <v>7825</v>
      </c>
      <c r="S9857">
        <v>96</v>
      </c>
    </row>
    <row r="9858" spans="1:19" x14ac:dyDescent="0.25">
      <c r="A9858">
        <v>35754258</v>
      </c>
      <c r="B9858" t="s">
        <v>50454</v>
      </c>
      <c r="C9858" s="1" t="s">
        <v>50455</v>
      </c>
      <c r="E9858">
        <v>4</v>
      </c>
      <c r="F9858">
        <v>3</v>
      </c>
      <c r="H9858" t="s">
        <v>50456</v>
      </c>
      <c r="J9858" t="s">
        <v>50457</v>
      </c>
      <c r="K9858" t="s">
        <v>50457</v>
      </c>
      <c r="M9858">
        <v>2272357</v>
      </c>
      <c r="O9858">
        <v>5994454</v>
      </c>
      <c r="P9858">
        <v>1</v>
      </c>
      <c r="Q9858">
        <v>-2</v>
      </c>
      <c r="R9858" t="s">
        <v>50458</v>
      </c>
      <c r="S9858">
        <v>87</v>
      </c>
    </row>
    <row r="9859" spans="1:19" x14ac:dyDescent="0.25">
      <c r="A9859">
        <v>20429815</v>
      </c>
      <c r="B9859" t="s">
        <v>50459</v>
      </c>
      <c r="C9859" s="1" t="s">
        <v>50460</v>
      </c>
      <c r="D9859">
        <v>20430243</v>
      </c>
      <c r="E9859">
        <v>2</v>
      </c>
      <c r="F9859">
        <v>1</v>
      </c>
      <c r="H9859" t="s">
        <v>50461</v>
      </c>
      <c r="J9859" t="s">
        <v>50462</v>
      </c>
      <c r="K9859" t="s">
        <v>50463</v>
      </c>
      <c r="M9859">
        <v>1293036</v>
      </c>
      <c r="O9859">
        <v>1293036</v>
      </c>
      <c r="P9859">
        <v>1</v>
      </c>
      <c r="Q9859">
        <v>0</v>
      </c>
      <c r="R9859" t="s">
        <v>50464</v>
      </c>
      <c r="S9859">
        <v>6767</v>
      </c>
    </row>
    <row r="9860" spans="1:19" x14ac:dyDescent="0.25">
      <c r="A9860">
        <v>23931849</v>
      </c>
      <c r="B9860" t="s">
        <v>50465</v>
      </c>
      <c r="C9860" s="1" t="s">
        <v>50466</v>
      </c>
      <c r="D9860">
        <v>23931899</v>
      </c>
      <c r="E9860">
        <v>1</v>
      </c>
      <c r="F9860">
        <v>3</v>
      </c>
      <c r="H9860" t="s">
        <v>50467</v>
      </c>
      <c r="I9860">
        <v>1</v>
      </c>
      <c r="J9860" t="s">
        <v>50468</v>
      </c>
      <c r="K9860" t="s">
        <v>50468</v>
      </c>
      <c r="M9860">
        <v>66158</v>
      </c>
      <c r="O9860">
        <v>3590834</v>
      </c>
      <c r="P9860">
        <v>1</v>
      </c>
      <c r="Q9860">
        <v>-1</v>
      </c>
      <c r="R9860" t="s">
        <v>37267</v>
      </c>
      <c r="S9860">
        <v>63</v>
      </c>
    </row>
    <row r="9861" spans="1:19" x14ac:dyDescent="0.25">
      <c r="A9861">
        <v>24862088</v>
      </c>
      <c r="B9861" t="s">
        <v>50469</v>
      </c>
      <c r="C9861" s="1" t="s">
        <v>50470</v>
      </c>
      <c r="D9861">
        <v>24862148</v>
      </c>
      <c r="E9861">
        <v>1</v>
      </c>
      <c r="F9861">
        <v>0</v>
      </c>
      <c r="H9861" t="s">
        <v>50471</v>
      </c>
      <c r="J9861" t="s">
        <v>50472</v>
      </c>
      <c r="O9861">
        <v>1648371</v>
      </c>
      <c r="P9861">
        <v>1</v>
      </c>
      <c r="Q9861">
        <v>0</v>
      </c>
      <c r="R9861" t="s">
        <v>50473</v>
      </c>
      <c r="S9861">
        <v>170</v>
      </c>
    </row>
    <row r="9862" spans="1:19" x14ac:dyDescent="0.25">
      <c r="A9862">
        <v>9606211</v>
      </c>
      <c r="B9862" t="s">
        <v>50474</v>
      </c>
      <c r="C9862" s="1" t="s">
        <v>50475</v>
      </c>
      <c r="D9862">
        <v>9606339</v>
      </c>
      <c r="E9862">
        <v>2</v>
      </c>
      <c r="F9862">
        <v>1</v>
      </c>
      <c r="H9862" t="s">
        <v>50476</v>
      </c>
      <c r="J9862" t="s">
        <v>50477</v>
      </c>
      <c r="K9862" t="s">
        <v>50478</v>
      </c>
      <c r="M9862">
        <v>493939</v>
      </c>
      <c r="O9862">
        <v>713179</v>
      </c>
      <c r="P9862">
        <v>1</v>
      </c>
      <c r="Q9862">
        <v>0</v>
      </c>
      <c r="R9862" t="s">
        <v>2771</v>
      </c>
      <c r="S9862">
        <v>99</v>
      </c>
    </row>
    <row r="9863" spans="1:19" x14ac:dyDescent="0.25">
      <c r="A9863">
        <v>11654700</v>
      </c>
      <c r="B9863" t="s">
        <v>50479</v>
      </c>
      <c r="C9863" s="1" t="s">
        <v>50480</v>
      </c>
      <c r="D9863">
        <v>11658462</v>
      </c>
      <c r="E9863">
        <v>2</v>
      </c>
      <c r="F9863">
        <v>4</v>
      </c>
      <c r="H9863" t="s">
        <v>50481</v>
      </c>
      <c r="J9863" t="s">
        <v>50482</v>
      </c>
      <c r="O9863">
        <v>377011</v>
      </c>
      <c r="P9863">
        <v>1</v>
      </c>
      <c r="Q9863">
        <v>1</v>
      </c>
      <c r="R9863" t="s">
        <v>50483</v>
      </c>
      <c r="S9863">
        <v>1454</v>
      </c>
    </row>
    <row r="9864" spans="1:19" x14ac:dyDescent="0.25">
      <c r="A9864">
        <v>48485771</v>
      </c>
      <c r="B9864" t="s">
        <v>50484</v>
      </c>
      <c r="C9864" s="1" t="s">
        <v>50485</v>
      </c>
      <c r="E9864">
        <v>1</v>
      </c>
      <c r="F9864">
        <v>0</v>
      </c>
      <c r="H9864" t="s">
        <v>50486</v>
      </c>
      <c r="J9864" t="s">
        <v>50487</v>
      </c>
      <c r="K9864" t="s">
        <v>50488</v>
      </c>
      <c r="M9864">
        <v>9279272</v>
      </c>
      <c r="O9864">
        <v>9279272</v>
      </c>
      <c r="P9864">
        <v>1</v>
      </c>
      <c r="Q9864">
        <v>0</v>
      </c>
      <c r="R9864" t="s">
        <v>50489</v>
      </c>
      <c r="S9864">
        <v>263</v>
      </c>
    </row>
    <row r="9865" spans="1:19" x14ac:dyDescent="0.25">
      <c r="A9865">
        <v>51554755</v>
      </c>
      <c r="B9865" t="s">
        <v>50490</v>
      </c>
      <c r="C9865" s="1" t="s">
        <v>50491</v>
      </c>
      <c r="E9865">
        <v>1</v>
      </c>
      <c r="F9865">
        <v>0</v>
      </c>
      <c r="H9865" t="s">
        <v>50492</v>
      </c>
      <c r="J9865" t="s">
        <v>50493</v>
      </c>
      <c r="O9865">
        <v>9907366</v>
      </c>
      <c r="P9865">
        <v>1</v>
      </c>
      <c r="Q9865">
        <v>1</v>
      </c>
      <c r="R9865" t="s">
        <v>13064</v>
      </c>
      <c r="S9865">
        <v>251</v>
      </c>
    </row>
    <row r="9866" spans="1:19" x14ac:dyDescent="0.25">
      <c r="A9866">
        <v>7450324</v>
      </c>
      <c r="B9866" t="s">
        <v>50494</v>
      </c>
      <c r="C9866" s="1" t="s">
        <v>50495</v>
      </c>
      <c r="D9866">
        <v>7450348</v>
      </c>
      <c r="E9866">
        <v>4</v>
      </c>
      <c r="F9866">
        <v>1</v>
      </c>
      <c r="H9866" t="s">
        <v>50496</v>
      </c>
      <c r="I9866">
        <v>4</v>
      </c>
      <c r="J9866" t="s">
        <v>50497</v>
      </c>
      <c r="K9866" t="s">
        <v>50498</v>
      </c>
      <c r="M9866">
        <v>1069083</v>
      </c>
      <c r="O9866">
        <v>625740</v>
      </c>
      <c r="P9866">
        <v>1</v>
      </c>
      <c r="Q9866">
        <v>17</v>
      </c>
      <c r="R9866" t="s">
        <v>50499</v>
      </c>
      <c r="S9866">
        <v>18813</v>
      </c>
    </row>
    <row r="9867" spans="1:19" x14ac:dyDescent="0.25">
      <c r="A9867">
        <v>47936273</v>
      </c>
      <c r="B9867" t="s">
        <v>50500</v>
      </c>
      <c r="C9867" s="1" t="s">
        <v>50501</v>
      </c>
      <c r="E9867">
        <v>0</v>
      </c>
      <c r="F9867">
        <v>0</v>
      </c>
      <c r="H9867" t="s">
        <v>50502</v>
      </c>
      <c r="J9867" t="s">
        <v>50502</v>
      </c>
      <c r="O9867">
        <v>9129697</v>
      </c>
      <c r="P9867">
        <v>1</v>
      </c>
      <c r="Q9867">
        <v>2</v>
      </c>
      <c r="R9867" t="s">
        <v>50503</v>
      </c>
      <c r="S9867">
        <v>107</v>
      </c>
    </row>
    <row r="9868" spans="1:19" x14ac:dyDescent="0.25">
      <c r="A9868">
        <v>34867167</v>
      </c>
      <c r="B9868" t="s">
        <v>50504</v>
      </c>
      <c r="C9868" s="1" t="s">
        <v>50505</v>
      </c>
      <c r="D9868">
        <v>34867602</v>
      </c>
      <c r="E9868">
        <v>1</v>
      </c>
      <c r="F9868">
        <v>2</v>
      </c>
      <c r="H9868" t="s">
        <v>50506</v>
      </c>
      <c r="J9868" t="s">
        <v>50507</v>
      </c>
      <c r="O9868">
        <v>456186</v>
      </c>
      <c r="P9868">
        <v>1</v>
      </c>
      <c r="Q9868">
        <v>2</v>
      </c>
      <c r="R9868" t="s">
        <v>50508</v>
      </c>
      <c r="S9868">
        <v>122</v>
      </c>
    </row>
    <row r="9869" spans="1:19" x14ac:dyDescent="0.25">
      <c r="A9869">
        <v>15023769</v>
      </c>
      <c r="B9869" t="s">
        <v>50509</v>
      </c>
      <c r="C9869" s="1" t="s">
        <v>50510</v>
      </c>
      <c r="E9869">
        <v>2</v>
      </c>
      <c r="F9869">
        <v>0</v>
      </c>
      <c r="H9869" t="s">
        <v>50511</v>
      </c>
      <c r="J9869" t="s">
        <v>50512</v>
      </c>
      <c r="K9869" t="s">
        <v>50512</v>
      </c>
      <c r="M9869">
        <v>1749354</v>
      </c>
      <c r="O9869">
        <v>1749354</v>
      </c>
      <c r="P9869">
        <v>1</v>
      </c>
      <c r="Q9869">
        <v>0</v>
      </c>
      <c r="R9869" t="s">
        <v>50513</v>
      </c>
      <c r="S9869">
        <v>137</v>
      </c>
    </row>
    <row r="9870" spans="1:19" x14ac:dyDescent="0.25">
      <c r="A9870">
        <v>13014924</v>
      </c>
      <c r="B9870" t="s">
        <v>50514</v>
      </c>
      <c r="C9870" s="1" t="s">
        <v>50515</v>
      </c>
      <c r="D9870">
        <v>13053225</v>
      </c>
      <c r="E9870">
        <v>1</v>
      </c>
      <c r="F9870">
        <v>0</v>
      </c>
      <c r="H9870" t="s">
        <v>50516</v>
      </c>
      <c r="J9870" t="s">
        <v>50517</v>
      </c>
      <c r="K9870" t="s">
        <v>50518</v>
      </c>
      <c r="M9870">
        <v>673492</v>
      </c>
      <c r="O9870">
        <v>673492</v>
      </c>
      <c r="P9870">
        <v>1</v>
      </c>
      <c r="Q9870">
        <v>0</v>
      </c>
      <c r="R9870" t="s">
        <v>50519</v>
      </c>
      <c r="S9870">
        <v>346</v>
      </c>
    </row>
    <row r="9871" spans="1:19" x14ac:dyDescent="0.25">
      <c r="A9871">
        <v>18371751</v>
      </c>
      <c r="B9871" t="s">
        <v>50520</v>
      </c>
      <c r="C9871" s="1" t="s">
        <v>50521</v>
      </c>
      <c r="E9871">
        <v>2</v>
      </c>
      <c r="F9871">
        <v>4</v>
      </c>
      <c r="H9871" t="s">
        <v>50522</v>
      </c>
      <c r="I9871">
        <v>1</v>
      </c>
      <c r="J9871" t="s">
        <v>50523</v>
      </c>
      <c r="K9871" t="s">
        <v>50524</v>
      </c>
      <c r="M9871">
        <v>-1</v>
      </c>
      <c r="O9871">
        <v>1557485</v>
      </c>
      <c r="P9871">
        <v>1</v>
      </c>
      <c r="Q9871">
        <v>7</v>
      </c>
      <c r="R9871" t="s">
        <v>50525</v>
      </c>
      <c r="S9871">
        <v>18554</v>
      </c>
    </row>
    <row r="9872" spans="1:19" x14ac:dyDescent="0.25">
      <c r="A9872">
        <v>42845026</v>
      </c>
      <c r="B9872" t="s">
        <v>50526</v>
      </c>
      <c r="C9872" s="1" t="s">
        <v>50527</v>
      </c>
      <c r="D9872">
        <v>42850935</v>
      </c>
      <c r="E9872">
        <v>1</v>
      </c>
      <c r="F9872">
        <v>0</v>
      </c>
      <c r="H9872" t="s">
        <v>50528</v>
      </c>
      <c r="J9872" t="s">
        <v>50529</v>
      </c>
      <c r="O9872">
        <v>7524966</v>
      </c>
      <c r="P9872">
        <v>1</v>
      </c>
      <c r="Q9872">
        <v>2</v>
      </c>
      <c r="R9872" t="s">
        <v>50530</v>
      </c>
      <c r="S9872">
        <v>1360</v>
      </c>
    </row>
    <row r="9873" spans="1:19" x14ac:dyDescent="0.25">
      <c r="A9873">
        <v>25968961</v>
      </c>
      <c r="B9873" t="s">
        <v>50531</v>
      </c>
      <c r="C9873" s="1" t="s">
        <v>50532</v>
      </c>
      <c r="E9873">
        <v>0</v>
      </c>
      <c r="F9873">
        <v>2</v>
      </c>
      <c r="H9873" t="s">
        <v>50533</v>
      </c>
      <c r="J9873" t="s">
        <v>50534</v>
      </c>
      <c r="K9873" t="s">
        <v>50535</v>
      </c>
      <c r="M9873">
        <v>2504864</v>
      </c>
      <c r="O9873">
        <v>2504864</v>
      </c>
      <c r="P9873">
        <v>1</v>
      </c>
      <c r="Q9873">
        <v>0</v>
      </c>
      <c r="R9873" t="s">
        <v>50536</v>
      </c>
      <c r="S9873">
        <v>372</v>
      </c>
    </row>
    <row r="9874" spans="1:19" x14ac:dyDescent="0.25">
      <c r="A9874">
        <v>48863961</v>
      </c>
      <c r="B9874" t="s">
        <v>50537</v>
      </c>
      <c r="C9874" s="1" t="s">
        <v>50538</v>
      </c>
      <c r="E9874">
        <v>1</v>
      </c>
      <c r="F9874">
        <v>1</v>
      </c>
      <c r="H9874" t="s">
        <v>50539</v>
      </c>
      <c r="J9874" t="s">
        <v>50540</v>
      </c>
      <c r="K9874" t="s">
        <v>50541</v>
      </c>
      <c r="M9874">
        <v>4939915</v>
      </c>
      <c r="O9874">
        <v>7956454</v>
      </c>
      <c r="P9874">
        <v>1</v>
      </c>
      <c r="Q9874">
        <v>-1</v>
      </c>
      <c r="R9874" t="s">
        <v>50542</v>
      </c>
      <c r="S9874">
        <v>164</v>
      </c>
    </row>
    <row r="9875" spans="1:19" x14ac:dyDescent="0.25">
      <c r="A9875">
        <v>31889802</v>
      </c>
      <c r="B9875" t="s">
        <v>50543</v>
      </c>
      <c r="C9875" s="1" t="s">
        <v>50544</v>
      </c>
      <c r="E9875">
        <v>1</v>
      </c>
      <c r="F9875">
        <v>2</v>
      </c>
      <c r="H9875" t="s">
        <v>50545</v>
      </c>
      <c r="J9875" t="s">
        <v>50546</v>
      </c>
      <c r="O9875">
        <v>1615184</v>
      </c>
      <c r="P9875">
        <v>1</v>
      </c>
      <c r="Q9875">
        <v>0</v>
      </c>
      <c r="R9875" t="s">
        <v>50547</v>
      </c>
      <c r="S9875">
        <v>173</v>
      </c>
    </row>
    <row r="9876" spans="1:19" x14ac:dyDescent="0.25">
      <c r="A9876">
        <v>5123953</v>
      </c>
      <c r="B9876" t="s">
        <v>50548</v>
      </c>
      <c r="C9876" s="1" t="s">
        <v>50549</v>
      </c>
      <c r="D9876">
        <v>5123978</v>
      </c>
      <c r="E9876">
        <v>2</v>
      </c>
      <c r="F9876">
        <v>1</v>
      </c>
      <c r="H9876" t="s">
        <v>50550</v>
      </c>
      <c r="I9876">
        <v>3</v>
      </c>
      <c r="J9876" t="s">
        <v>50551</v>
      </c>
      <c r="O9876">
        <v>635026</v>
      </c>
      <c r="P9876">
        <v>1</v>
      </c>
      <c r="Q9876">
        <v>5</v>
      </c>
      <c r="R9876" t="s">
        <v>50552</v>
      </c>
      <c r="S9876">
        <v>4263</v>
      </c>
    </row>
    <row r="9877" spans="1:19" x14ac:dyDescent="0.25">
      <c r="A9877">
        <v>48723556</v>
      </c>
      <c r="B9877" t="s">
        <v>50553</v>
      </c>
      <c r="C9877" s="1" t="s">
        <v>50554</v>
      </c>
      <c r="E9877">
        <v>1</v>
      </c>
      <c r="F9877">
        <v>0</v>
      </c>
      <c r="H9877" t="s">
        <v>50555</v>
      </c>
      <c r="J9877" t="s">
        <v>50556</v>
      </c>
      <c r="O9877">
        <v>8336238</v>
      </c>
      <c r="P9877">
        <v>1</v>
      </c>
      <c r="Q9877">
        <v>0</v>
      </c>
      <c r="R9877" t="s">
        <v>1239</v>
      </c>
      <c r="S9877">
        <v>15</v>
      </c>
    </row>
    <row r="9878" spans="1:19" x14ac:dyDescent="0.25">
      <c r="A9878">
        <v>48583776</v>
      </c>
      <c r="B9878" t="s">
        <v>50557</v>
      </c>
      <c r="C9878" s="1" t="s">
        <v>50558</v>
      </c>
      <c r="D9878">
        <v>48593121</v>
      </c>
      <c r="E9878">
        <v>1</v>
      </c>
      <c r="F9878">
        <v>5</v>
      </c>
      <c r="H9878" t="s">
        <v>50559</v>
      </c>
      <c r="J9878" t="s">
        <v>50560</v>
      </c>
      <c r="O9878">
        <v>7572396</v>
      </c>
      <c r="P9878">
        <v>1</v>
      </c>
      <c r="Q9878">
        <v>0</v>
      </c>
      <c r="R9878" t="s">
        <v>50561</v>
      </c>
      <c r="S9878">
        <v>116</v>
      </c>
    </row>
    <row r="9879" spans="1:19" x14ac:dyDescent="0.25">
      <c r="A9879">
        <v>14314405</v>
      </c>
      <c r="B9879" t="s">
        <v>50562</v>
      </c>
      <c r="C9879" t="s">
        <v>50563</v>
      </c>
      <c r="E9879">
        <v>0</v>
      </c>
      <c r="F9879">
        <v>0</v>
      </c>
      <c r="H9879" t="s">
        <v>50564</v>
      </c>
      <c r="J9879" t="s">
        <v>50564</v>
      </c>
      <c r="O9879">
        <v>504459</v>
      </c>
      <c r="P9879">
        <v>1</v>
      </c>
      <c r="Q9879">
        <v>2</v>
      </c>
      <c r="R9879" t="s">
        <v>50565</v>
      </c>
      <c r="S9879">
        <v>75</v>
      </c>
    </row>
    <row r="9880" spans="1:19" x14ac:dyDescent="0.25">
      <c r="A9880">
        <v>31390785</v>
      </c>
      <c r="B9880" t="s">
        <v>50566</v>
      </c>
      <c r="C9880" s="1" t="s">
        <v>50567</v>
      </c>
      <c r="E9880">
        <v>1</v>
      </c>
      <c r="F9880">
        <v>2</v>
      </c>
      <c r="H9880" t="s">
        <v>50568</v>
      </c>
      <c r="J9880" t="s">
        <v>50569</v>
      </c>
      <c r="O9880">
        <v>5112244</v>
      </c>
      <c r="P9880">
        <v>1</v>
      </c>
      <c r="Q9880">
        <v>0</v>
      </c>
      <c r="R9880" t="s">
        <v>2771</v>
      </c>
      <c r="S9880">
        <v>28</v>
      </c>
    </row>
    <row r="9881" spans="1:19" x14ac:dyDescent="0.25">
      <c r="A9881">
        <v>20429516</v>
      </c>
      <c r="B9881" t="s">
        <v>50570</v>
      </c>
      <c r="C9881" s="1" t="s">
        <v>50571</v>
      </c>
      <c r="D9881">
        <v>20429659</v>
      </c>
      <c r="E9881">
        <v>1</v>
      </c>
      <c r="F9881">
        <v>8</v>
      </c>
      <c r="H9881" t="s">
        <v>50572</v>
      </c>
      <c r="J9881" t="s">
        <v>50573</v>
      </c>
      <c r="K9881" t="s">
        <v>50574</v>
      </c>
      <c r="M9881">
        <v>1251660</v>
      </c>
      <c r="O9881">
        <v>2370863</v>
      </c>
      <c r="P9881">
        <v>1</v>
      </c>
      <c r="Q9881">
        <v>2</v>
      </c>
      <c r="R9881" t="s">
        <v>50575</v>
      </c>
      <c r="S9881">
        <v>178</v>
      </c>
    </row>
    <row r="9882" spans="1:19" x14ac:dyDescent="0.25">
      <c r="A9882">
        <v>9123250</v>
      </c>
      <c r="B9882" t="s">
        <v>50576</v>
      </c>
      <c r="C9882" s="1" t="s">
        <v>50577</v>
      </c>
      <c r="D9882">
        <v>9123329</v>
      </c>
      <c r="E9882">
        <v>3</v>
      </c>
      <c r="F9882">
        <v>2</v>
      </c>
      <c r="H9882" t="s">
        <v>50578</v>
      </c>
      <c r="J9882" t="s">
        <v>50579</v>
      </c>
      <c r="K9882" t="s">
        <v>50580</v>
      </c>
      <c r="M9882">
        <v>180294</v>
      </c>
      <c r="O9882">
        <v>782419</v>
      </c>
      <c r="P9882">
        <v>1</v>
      </c>
      <c r="Q9882">
        <v>2</v>
      </c>
      <c r="R9882" t="s">
        <v>50581</v>
      </c>
      <c r="S9882">
        <v>1634</v>
      </c>
    </row>
    <row r="9883" spans="1:19" x14ac:dyDescent="0.25">
      <c r="A9883">
        <v>31214431</v>
      </c>
      <c r="B9883" t="s">
        <v>50582</v>
      </c>
      <c r="C9883" s="1" t="s">
        <v>50583</v>
      </c>
      <c r="E9883">
        <v>1</v>
      </c>
      <c r="F9883">
        <v>0</v>
      </c>
      <c r="H9883" t="s">
        <v>50584</v>
      </c>
      <c r="J9883" t="s">
        <v>50585</v>
      </c>
      <c r="K9883" t="s">
        <v>50586</v>
      </c>
      <c r="M9883">
        <v>2976830</v>
      </c>
      <c r="O9883">
        <v>5079097</v>
      </c>
      <c r="P9883">
        <v>1</v>
      </c>
      <c r="Q9883">
        <v>3</v>
      </c>
      <c r="R9883" t="s">
        <v>50587</v>
      </c>
      <c r="S9883">
        <v>666</v>
      </c>
    </row>
    <row r="9884" spans="1:19" x14ac:dyDescent="0.25">
      <c r="A9884">
        <v>10729995</v>
      </c>
      <c r="B9884" t="s">
        <v>50588</v>
      </c>
      <c r="C9884" s="1" t="s">
        <v>50589</v>
      </c>
      <c r="D9884">
        <v>10730403</v>
      </c>
      <c r="E9884">
        <v>1</v>
      </c>
      <c r="F9884">
        <v>1</v>
      </c>
      <c r="H9884" t="s">
        <v>50590</v>
      </c>
      <c r="I9884">
        <v>1</v>
      </c>
      <c r="J9884" t="s">
        <v>50591</v>
      </c>
      <c r="K9884" t="s">
        <v>50591</v>
      </c>
      <c r="M9884">
        <v>1033581</v>
      </c>
      <c r="O9884">
        <v>1307232</v>
      </c>
      <c r="P9884">
        <v>1</v>
      </c>
      <c r="Q9884">
        <v>0</v>
      </c>
      <c r="R9884" t="s">
        <v>50592</v>
      </c>
      <c r="S9884">
        <v>165</v>
      </c>
    </row>
    <row r="9885" spans="1:19" x14ac:dyDescent="0.25">
      <c r="A9885">
        <v>44681857</v>
      </c>
      <c r="B9885" t="s">
        <v>50593</v>
      </c>
      <c r="C9885" s="1" t="s">
        <v>50594</v>
      </c>
      <c r="E9885">
        <v>1</v>
      </c>
      <c r="F9885">
        <v>0</v>
      </c>
      <c r="H9885" t="s">
        <v>50595</v>
      </c>
      <c r="J9885" t="s">
        <v>50596</v>
      </c>
      <c r="O9885">
        <v>2595644</v>
      </c>
      <c r="P9885">
        <v>1</v>
      </c>
      <c r="Q9885">
        <v>0</v>
      </c>
      <c r="R9885" t="s">
        <v>50597</v>
      </c>
      <c r="S9885">
        <v>139</v>
      </c>
    </row>
    <row r="9886" spans="1:19" x14ac:dyDescent="0.25">
      <c r="A9886">
        <v>9658097</v>
      </c>
      <c r="B9886" t="s">
        <v>50598</v>
      </c>
      <c r="C9886" s="1" t="s">
        <v>50599</v>
      </c>
      <c r="E9886">
        <v>1</v>
      </c>
      <c r="F9886">
        <v>4</v>
      </c>
      <c r="H9886" t="s">
        <v>50600</v>
      </c>
      <c r="J9886" t="s">
        <v>50601</v>
      </c>
      <c r="K9886" t="s">
        <v>50601</v>
      </c>
      <c r="M9886">
        <v>918414</v>
      </c>
      <c r="O9886">
        <v>1262731</v>
      </c>
      <c r="P9886">
        <v>1</v>
      </c>
      <c r="Q9886">
        <v>4</v>
      </c>
      <c r="R9886" t="s">
        <v>50602</v>
      </c>
      <c r="S9886">
        <v>1044</v>
      </c>
    </row>
    <row r="9887" spans="1:19" x14ac:dyDescent="0.25">
      <c r="A9887">
        <v>11873905</v>
      </c>
      <c r="B9887" t="s">
        <v>50603</v>
      </c>
      <c r="C9887" s="1" t="s">
        <v>50604</v>
      </c>
      <c r="D9887">
        <v>11879580</v>
      </c>
      <c r="E9887">
        <v>5</v>
      </c>
      <c r="F9887">
        <v>1</v>
      </c>
      <c r="H9887" t="s">
        <v>50605</v>
      </c>
      <c r="I9887">
        <v>5</v>
      </c>
      <c r="J9887" t="s">
        <v>50606</v>
      </c>
      <c r="K9887" t="s">
        <v>50607</v>
      </c>
      <c r="M9887">
        <v>168868</v>
      </c>
      <c r="O9887">
        <v>389745</v>
      </c>
      <c r="P9887">
        <v>1</v>
      </c>
      <c r="Q9887">
        <v>25</v>
      </c>
      <c r="R9887" t="s">
        <v>50608</v>
      </c>
      <c r="S9887">
        <v>12853</v>
      </c>
    </row>
    <row r="9888" spans="1:19" x14ac:dyDescent="0.25">
      <c r="A9888">
        <v>23021413</v>
      </c>
      <c r="B9888" t="s">
        <v>50609</v>
      </c>
      <c r="C9888" s="1" t="s">
        <v>50610</v>
      </c>
      <c r="D9888">
        <v>27307164</v>
      </c>
      <c r="E9888">
        <v>1</v>
      </c>
      <c r="F9888">
        <v>1</v>
      </c>
      <c r="H9888" t="s">
        <v>50611</v>
      </c>
      <c r="J9888" t="s">
        <v>50612</v>
      </c>
      <c r="O9888">
        <v>2933202</v>
      </c>
      <c r="P9888">
        <v>1</v>
      </c>
      <c r="Q9888">
        <v>1</v>
      </c>
      <c r="R9888" t="s">
        <v>2771</v>
      </c>
      <c r="S9888">
        <v>1256</v>
      </c>
    </row>
    <row r="9889" spans="1:19" x14ac:dyDescent="0.25">
      <c r="A9889">
        <v>5909098</v>
      </c>
      <c r="B9889" t="s">
        <v>50613</v>
      </c>
      <c r="C9889" t="s">
        <v>50614</v>
      </c>
      <c r="D9889">
        <v>5909211</v>
      </c>
      <c r="E9889">
        <v>3</v>
      </c>
      <c r="F9889">
        <v>2</v>
      </c>
      <c r="H9889" t="s">
        <v>50615</v>
      </c>
      <c r="J9889" t="s">
        <v>50616</v>
      </c>
      <c r="O9889">
        <v>492293</v>
      </c>
      <c r="P9889">
        <v>1</v>
      </c>
      <c r="Q9889">
        <v>1</v>
      </c>
      <c r="R9889" t="s">
        <v>50617</v>
      </c>
      <c r="S9889">
        <v>983</v>
      </c>
    </row>
    <row r="9890" spans="1:19" x14ac:dyDescent="0.25">
      <c r="A9890">
        <v>6920741</v>
      </c>
      <c r="B9890" t="s">
        <v>50618</v>
      </c>
      <c r="C9890" s="1" t="s">
        <v>50619</v>
      </c>
      <c r="D9890">
        <v>6920772</v>
      </c>
      <c r="E9890">
        <v>1</v>
      </c>
      <c r="F9890">
        <v>0</v>
      </c>
      <c r="H9890" t="s">
        <v>50620</v>
      </c>
      <c r="I9890">
        <v>7</v>
      </c>
      <c r="J9890" t="s">
        <v>50621</v>
      </c>
      <c r="O9890">
        <v>641345</v>
      </c>
      <c r="P9890">
        <v>1</v>
      </c>
      <c r="Q9890">
        <v>15</v>
      </c>
      <c r="R9890" t="s">
        <v>6848</v>
      </c>
      <c r="S9890">
        <v>7894</v>
      </c>
    </row>
    <row r="9891" spans="1:19" x14ac:dyDescent="0.25">
      <c r="A9891">
        <v>32669600</v>
      </c>
      <c r="B9891" t="s">
        <v>50622</v>
      </c>
      <c r="C9891" s="1" t="s">
        <v>50623</v>
      </c>
      <c r="D9891">
        <v>32672336</v>
      </c>
      <c r="E9891">
        <v>1</v>
      </c>
      <c r="F9891">
        <v>0</v>
      </c>
      <c r="H9891" t="s">
        <v>50624</v>
      </c>
      <c r="J9891" t="s">
        <v>50625</v>
      </c>
      <c r="K9891" t="s">
        <v>50625</v>
      </c>
      <c r="M9891">
        <v>181087</v>
      </c>
      <c r="O9891">
        <v>5194801</v>
      </c>
      <c r="P9891">
        <v>1</v>
      </c>
      <c r="Q9891">
        <v>0</v>
      </c>
      <c r="R9891" t="s">
        <v>50626</v>
      </c>
      <c r="S9891">
        <v>593</v>
      </c>
    </row>
    <row r="9892" spans="1:19" x14ac:dyDescent="0.25">
      <c r="A9892">
        <v>32142153</v>
      </c>
      <c r="B9892" t="s">
        <v>50627</v>
      </c>
      <c r="C9892" t="s">
        <v>50628</v>
      </c>
      <c r="D9892">
        <v>32279907</v>
      </c>
      <c r="E9892">
        <v>2</v>
      </c>
      <c r="F9892">
        <v>0</v>
      </c>
      <c r="H9892" t="s">
        <v>50629</v>
      </c>
      <c r="J9892" t="s">
        <v>50630</v>
      </c>
      <c r="O9892">
        <v>3312738</v>
      </c>
      <c r="P9892">
        <v>1</v>
      </c>
      <c r="Q9892">
        <v>0</v>
      </c>
      <c r="R9892" t="s">
        <v>50631</v>
      </c>
      <c r="S9892">
        <v>1333</v>
      </c>
    </row>
    <row r="9893" spans="1:19" x14ac:dyDescent="0.25">
      <c r="A9893">
        <v>50038634</v>
      </c>
      <c r="B9893" t="s">
        <v>50632</v>
      </c>
      <c r="C9893" s="1" t="s">
        <v>50633</v>
      </c>
      <c r="E9893">
        <v>1</v>
      </c>
      <c r="F9893">
        <v>0</v>
      </c>
      <c r="H9893" t="s">
        <v>50634</v>
      </c>
      <c r="J9893" t="s">
        <v>50635</v>
      </c>
      <c r="K9893" t="s">
        <v>50636</v>
      </c>
      <c r="M9893">
        <v>3653211</v>
      </c>
      <c r="O9893">
        <v>3653211</v>
      </c>
      <c r="P9893">
        <v>1</v>
      </c>
      <c r="Q9893">
        <v>1</v>
      </c>
      <c r="R9893" t="s">
        <v>50637</v>
      </c>
      <c r="S9893">
        <v>89</v>
      </c>
    </row>
    <row r="9894" spans="1:19" x14ac:dyDescent="0.25">
      <c r="A9894">
        <v>13945059</v>
      </c>
      <c r="B9894" t="s">
        <v>50638</v>
      </c>
      <c r="C9894" s="1" t="s">
        <v>50639</v>
      </c>
      <c r="D9894">
        <v>13950924</v>
      </c>
      <c r="E9894">
        <v>2</v>
      </c>
      <c r="F9894">
        <v>1</v>
      </c>
      <c r="H9894" t="s">
        <v>50640</v>
      </c>
      <c r="J9894" t="s">
        <v>50641</v>
      </c>
      <c r="K9894" t="s">
        <v>50642</v>
      </c>
      <c r="M9894">
        <v>123695</v>
      </c>
      <c r="O9894">
        <v>1914461</v>
      </c>
      <c r="P9894">
        <v>1</v>
      </c>
      <c r="Q9894">
        <v>4</v>
      </c>
      <c r="R9894" t="s">
        <v>2301</v>
      </c>
      <c r="S9894">
        <v>116</v>
      </c>
    </row>
    <row r="9895" spans="1:19" x14ac:dyDescent="0.25">
      <c r="A9895">
        <v>6499097</v>
      </c>
      <c r="B9895" t="s">
        <v>50643</v>
      </c>
      <c r="C9895" s="1" t="s">
        <v>50644</v>
      </c>
      <c r="D9895">
        <v>6499571</v>
      </c>
      <c r="E9895">
        <v>1</v>
      </c>
      <c r="F9895">
        <v>2</v>
      </c>
      <c r="H9895" t="s">
        <v>50645</v>
      </c>
      <c r="J9895" t="s">
        <v>50646</v>
      </c>
      <c r="K9895" t="s">
        <v>50647</v>
      </c>
      <c r="M9895">
        <v>787893</v>
      </c>
      <c r="O9895">
        <v>1388553</v>
      </c>
      <c r="P9895">
        <v>1</v>
      </c>
      <c r="Q9895">
        <v>0</v>
      </c>
      <c r="R9895" t="s">
        <v>50648</v>
      </c>
      <c r="S9895">
        <v>69</v>
      </c>
    </row>
    <row r="9896" spans="1:19" x14ac:dyDescent="0.25">
      <c r="A9896">
        <v>41961821</v>
      </c>
      <c r="B9896" t="s">
        <v>50649</v>
      </c>
      <c r="C9896" s="1" t="s">
        <v>50650</v>
      </c>
      <c r="E9896">
        <v>1</v>
      </c>
      <c r="F9896">
        <v>4</v>
      </c>
      <c r="H9896" t="s">
        <v>50651</v>
      </c>
      <c r="J9896" t="s">
        <v>50652</v>
      </c>
      <c r="O9896">
        <v>7490671</v>
      </c>
      <c r="P9896">
        <v>1</v>
      </c>
      <c r="Q9896">
        <v>0</v>
      </c>
      <c r="R9896" t="s">
        <v>50653</v>
      </c>
      <c r="S9896">
        <v>51</v>
      </c>
    </row>
    <row r="9897" spans="1:19" x14ac:dyDescent="0.25">
      <c r="A9897">
        <v>44934006</v>
      </c>
      <c r="B9897" t="s">
        <v>50654</v>
      </c>
      <c r="C9897" s="1" t="s">
        <v>50655</v>
      </c>
      <c r="E9897">
        <v>0</v>
      </c>
      <c r="F9897">
        <v>0</v>
      </c>
      <c r="H9897" t="s">
        <v>50656</v>
      </c>
      <c r="J9897" t="s">
        <v>50656</v>
      </c>
      <c r="O9897">
        <v>6510469</v>
      </c>
      <c r="P9897">
        <v>1</v>
      </c>
      <c r="Q9897">
        <v>1</v>
      </c>
      <c r="R9897" t="s">
        <v>50657</v>
      </c>
      <c r="S9897">
        <v>92</v>
      </c>
    </row>
    <row r="9898" spans="1:19" x14ac:dyDescent="0.25">
      <c r="A9898">
        <v>11174628</v>
      </c>
      <c r="B9898" t="s">
        <v>50658</v>
      </c>
      <c r="C9898" s="1" t="s">
        <v>50659</v>
      </c>
      <c r="E9898">
        <v>6</v>
      </c>
      <c r="F9898">
        <v>3</v>
      </c>
      <c r="H9898" t="s">
        <v>50660</v>
      </c>
      <c r="I9898">
        <v>5</v>
      </c>
      <c r="J9898" t="s">
        <v>50661</v>
      </c>
      <c r="K9898" t="s">
        <v>50662</v>
      </c>
      <c r="M9898">
        <v>275567</v>
      </c>
      <c r="O9898">
        <v>1383359</v>
      </c>
      <c r="P9898">
        <v>1</v>
      </c>
      <c r="Q9898">
        <v>13</v>
      </c>
      <c r="R9898" t="s">
        <v>50663</v>
      </c>
      <c r="S9898">
        <v>3223</v>
      </c>
    </row>
    <row r="9899" spans="1:19" x14ac:dyDescent="0.25">
      <c r="A9899">
        <v>26962963</v>
      </c>
      <c r="B9899" t="s">
        <v>50664</v>
      </c>
      <c r="C9899" s="1" t="s">
        <v>50665</v>
      </c>
      <c r="D9899">
        <v>26962993</v>
      </c>
      <c r="E9899">
        <v>2</v>
      </c>
      <c r="F9899">
        <v>0</v>
      </c>
      <c r="H9899" t="s">
        <v>50666</v>
      </c>
      <c r="I9899">
        <v>4</v>
      </c>
      <c r="J9899" t="s">
        <v>50667</v>
      </c>
      <c r="K9899" t="s">
        <v>50668</v>
      </c>
      <c r="M9899">
        <v>771848</v>
      </c>
      <c r="O9899">
        <v>4255757</v>
      </c>
      <c r="P9899">
        <v>1</v>
      </c>
      <c r="Q9899">
        <v>3</v>
      </c>
      <c r="R9899" t="s">
        <v>27690</v>
      </c>
      <c r="S9899">
        <v>855</v>
      </c>
    </row>
    <row r="9900" spans="1:19" x14ac:dyDescent="0.25">
      <c r="A9900">
        <v>27424215</v>
      </c>
      <c r="B9900" t="s">
        <v>50669</v>
      </c>
      <c r="C9900" s="1" t="s">
        <v>50670</v>
      </c>
      <c r="E9900">
        <v>1</v>
      </c>
      <c r="F9900">
        <v>0</v>
      </c>
      <c r="H9900" t="s">
        <v>50671</v>
      </c>
      <c r="J9900" t="s">
        <v>50672</v>
      </c>
      <c r="K9900" t="s">
        <v>50673</v>
      </c>
      <c r="M9900">
        <v>3532990</v>
      </c>
      <c r="O9900">
        <v>3532990</v>
      </c>
      <c r="P9900">
        <v>1</v>
      </c>
      <c r="Q9900">
        <v>0</v>
      </c>
      <c r="R9900" t="s">
        <v>50674</v>
      </c>
      <c r="S9900">
        <v>70</v>
      </c>
    </row>
    <row r="9901" spans="1:19" x14ac:dyDescent="0.25">
      <c r="A9901">
        <v>37172836</v>
      </c>
      <c r="B9901" t="s">
        <v>50675</v>
      </c>
      <c r="C9901" s="1" t="s">
        <v>50676</v>
      </c>
      <c r="E9901">
        <v>1</v>
      </c>
      <c r="F9901">
        <v>1</v>
      </c>
      <c r="H9901" t="s">
        <v>50677</v>
      </c>
      <c r="J9901" t="s">
        <v>50678</v>
      </c>
      <c r="K9901" t="s">
        <v>50679</v>
      </c>
      <c r="M9901">
        <v>1226963</v>
      </c>
      <c r="O9901">
        <v>5152892</v>
      </c>
      <c r="P9901">
        <v>1</v>
      </c>
      <c r="Q9901">
        <v>-1</v>
      </c>
      <c r="R9901" t="s">
        <v>275</v>
      </c>
      <c r="S9901">
        <v>1284</v>
      </c>
    </row>
    <row r="9902" spans="1:19" x14ac:dyDescent="0.25">
      <c r="A9902">
        <v>8237508</v>
      </c>
      <c r="B9902" t="s">
        <v>50680</v>
      </c>
      <c r="C9902" s="1" t="s">
        <v>50681</v>
      </c>
      <c r="D9902">
        <v>8359320</v>
      </c>
      <c r="E9902">
        <v>1</v>
      </c>
      <c r="F9902">
        <v>1</v>
      </c>
      <c r="H9902" t="s">
        <v>50682</v>
      </c>
      <c r="J9902" t="s">
        <v>50683</v>
      </c>
      <c r="O9902">
        <v>1061174</v>
      </c>
      <c r="P9902">
        <v>1</v>
      </c>
      <c r="Q9902">
        <v>0</v>
      </c>
      <c r="R9902" t="s">
        <v>37679</v>
      </c>
      <c r="S9902">
        <v>74</v>
      </c>
    </row>
    <row r="9903" spans="1:19" x14ac:dyDescent="0.25">
      <c r="A9903">
        <v>29744409</v>
      </c>
      <c r="B9903" t="s">
        <v>50684</v>
      </c>
      <c r="C9903" s="1" t="s">
        <v>50685</v>
      </c>
      <c r="E9903">
        <v>2</v>
      </c>
      <c r="F9903">
        <v>0</v>
      </c>
      <c r="H9903" t="s">
        <v>50686</v>
      </c>
      <c r="J9903" t="s">
        <v>50687</v>
      </c>
      <c r="K9903" t="s">
        <v>50688</v>
      </c>
      <c r="M9903">
        <v>375953</v>
      </c>
      <c r="O9903">
        <v>375953</v>
      </c>
      <c r="P9903">
        <v>1</v>
      </c>
      <c r="Q9903">
        <v>0</v>
      </c>
      <c r="R9903" t="s">
        <v>50689</v>
      </c>
      <c r="S9903">
        <v>461</v>
      </c>
    </row>
    <row r="9904" spans="1:19" x14ac:dyDescent="0.25">
      <c r="A9904">
        <v>16880329</v>
      </c>
      <c r="B9904" t="s">
        <v>50690</v>
      </c>
      <c r="C9904" s="1" t="s">
        <v>50691</v>
      </c>
      <c r="D9904">
        <v>21578015</v>
      </c>
      <c r="E9904">
        <v>2</v>
      </c>
      <c r="F9904">
        <v>0</v>
      </c>
      <c r="H9904" t="s">
        <v>50692</v>
      </c>
      <c r="I9904">
        <v>2</v>
      </c>
      <c r="J9904" t="s">
        <v>50693</v>
      </c>
      <c r="O9904">
        <v>1562480</v>
      </c>
      <c r="P9904">
        <v>1</v>
      </c>
      <c r="Q9904">
        <v>1</v>
      </c>
      <c r="R9904" t="s">
        <v>50694</v>
      </c>
      <c r="S9904">
        <v>3465</v>
      </c>
    </row>
    <row r="9905" spans="1:19" x14ac:dyDescent="0.25">
      <c r="A9905">
        <v>7508903</v>
      </c>
      <c r="B9905" t="s">
        <v>50695</v>
      </c>
      <c r="C9905" s="1" t="s">
        <v>50696</v>
      </c>
      <c r="D9905">
        <v>7602135</v>
      </c>
      <c r="E9905">
        <v>1</v>
      </c>
      <c r="F9905">
        <v>0</v>
      </c>
      <c r="H9905" t="s">
        <v>50697</v>
      </c>
      <c r="J9905" t="s">
        <v>50698</v>
      </c>
      <c r="K9905" t="s">
        <v>50699</v>
      </c>
      <c r="M9905">
        <v>897760</v>
      </c>
      <c r="O9905">
        <v>897760</v>
      </c>
      <c r="P9905">
        <v>1</v>
      </c>
      <c r="Q9905">
        <v>8</v>
      </c>
      <c r="R9905" t="s">
        <v>50700</v>
      </c>
      <c r="S9905">
        <v>8548</v>
      </c>
    </row>
    <row r="9906" spans="1:19" x14ac:dyDescent="0.25">
      <c r="A9906">
        <v>51799857</v>
      </c>
      <c r="B9906" t="s">
        <v>50701</v>
      </c>
      <c r="C9906" s="1" t="s">
        <v>50702</v>
      </c>
      <c r="E9906">
        <v>1</v>
      </c>
      <c r="F9906">
        <v>0</v>
      </c>
      <c r="H9906" t="s">
        <v>50703</v>
      </c>
      <c r="J9906" t="s">
        <v>50704</v>
      </c>
      <c r="O9906">
        <v>8857259</v>
      </c>
      <c r="P9906">
        <v>1</v>
      </c>
      <c r="Q9906">
        <v>0</v>
      </c>
      <c r="R9906" t="s">
        <v>50705</v>
      </c>
      <c r="S9906">
        <v>122</v>
      </c>
    </row>
    <row r="9907" spans="1:19" x14ac:dyDescent="0.25">
      <c r="A9907">
        <v>8814547</v>
      </c>
      <c r="B9907" t="s">
        <v>50706</v>
      </c>
      <c r="C9907" s="1" t="s">
        <v>50707</v>
      </c>
      <c r="D9907">
        <v>8823662</v>
      </c>
      <c r="E9907">
        <v>1</v>
      </c>
      <c r="F9907">
        <v>0</v>
      </c>
      <c r="H9907" t="s">
        <v>50708</v>
      </c>
      <c r="I9907">
        <v>3</v>
      </c>
      <c r="J9907" t="s">
        <v>50709</v>
      </c>
      <c r="K9907" t="s">
        <v>50709</v>
      </c>
      <c r="M9907">
        <v>388180</v>
      </c>
      <c r="O9907">
        <v>353217</v>
      </c>
      <c r="P9907">
        <v>1</v>
      </c>
      <c r="Q9907">
        <v>2</v>
      </c>
      <c r="R9907" t="s">
        <v>50710</v>
      </c>
      <c r="S9907">
        <v>766</v>
      </c>
    </row>
    <row r="9908" spans="1:19" x14ac:dyDescent="0.25">
      <c r="A9908">
        <v>30952177</v>
      </c>
      <c r="B9908" t="s">
        <v>50711</v>
      </c>
      <c r="C9908" s="1" t="s">
        <v>50712</v>
      </c>
      <c r="D9908">
        <v>30953236</v>
      </c>
      <c r="E9908">
        <v>1</v>
      </c>
      <c r="F9908">
        <v>0</v>
      </c>
      <c r="H9908" t="s">
        <v>50713</v>
      </c>
      <c r="J9908" t="s">
        <v>50714</v>
      </c>
      <c r="K9908" t="s">
        <v>50714</v>
      </c>
      <c r="M9908">
        <v>4466482</v>
      </c>
      <c r="O9908">
        <v>4466482</v>
      </c>
      <c r="P9908">
        <v>1</v>
      </c>
      <c r="Q9908">
        <v>0</v>
      </c>
      <c r="R9908" t="s">
        <v>50715</v>
      </c>
      <c r="S9908">
        <v>66</v>
      </c>
    </row>
    <row r="9909" spans="1:19" x14ac:dyDescent="0.25">
      <c r="A9909">
        <v>43221381</v>
      </c>
      <c r="B9909" t="s">
        <v>50716</v>
      </c>
      <c r="C9909" s="1" t="s">
        <v>50717</v>
      </c>
      <c r="D9909">
        <v>43221726</v>
      </c>
      <c r="E9909">
        <v>1</v>
      </c>
      <c r="F9909">
        <v>4</v>
      </c>
      <c r="H9909" t="s">
        <v>50718</v>
      </c>
      <c r="J9909" t="s">
        <v>50719</v>
      </c>
      <c r="O9909">
        <v>7731109</v>
      </c>
      <c r="P9909">
        <v>1</v>
      </c>
      <c r="Q9909">
        <v>0</v>
      </c>
      <c r="R9909" t="s">
        <v>50720</v>
      </c>
      <c r="S9909">
        <v>66</v>
      </c>
    </row>
    <row r="9910" spans="1:19" x14ac:dyDescent="0.25">
      <c r="A9910">
        <v>46160848</v>
      </c>
      <c r="B9910" t="s">
        <v>50721</v>
      </c>
      <c r="C9910" s="1" t="s">
        <v>50722</v>
      </c>
      <c r="E9910">
        <v>1</v>
      </c>
      <c r="F9910">
        <v>0</v>
      </c>
      <c r="H9910" t="s">
        <v>50723</v>
      </c>
      <c r="J9910" t="s">
        <v>50724</v>
      </c>
      <c r="O9910">
        <v>6886614</v>
      </c>
      <c r="P9910">
        <v>1</v>
      </c>
      <c r="Q9910">
        <v>4</v>
      </c>
      <c r="R9910" t="s">
        <v>50725</v>
      </c>
      <c r="S9910">
        <v>128</v>
      </c>
    </row>
    <row r="9911" spans="1:19" x14ac:dyDescent="0.25">
      <c r="A9911">
        <v>46372098</v>
      </c>
      <c r="B9911" t="s">
        <v>50726</v>
      </c>
      <c r="C9911" t="s">
        <v>50727</v>
      </c>
      <c r="E9911">
        <v>1</v>
      </c>
      <c r="F9911">
        <v>1</v>
      </c>
      <c r="H9911" t="s">
        <v>50728</v>
      </c>
      <c r="J9911" t="s">
        <v>50729</v>
      </c>
      <c r="K9911" t="s">
        <v>50729</v>
      </c>
      <c r="M9911">
        <v>4253437</v>
      </c>
      <c r="O9911">
        <v>8486614</v>
      </c>
      <c r="P9911">
        <v>1</v>
      </c>
      <c r="Q9911">
        <v>-2</v>
      </c>
      <c r="R9911" t="s">
        <v>50730</v>
      </c>
      <c r="S9911">
        <v>40</v>
      </c>
    </row>
    <row r="9912" spans="1:19" x14ac:dyDescent="0.25">
      <c r="A9912">
        <v>5826455</v>
      </c>
      <c r="B9912" t="s">
        <v>50731</v>
      </c>
      <c r="C9912" s="1" t="s">
        <v>50732</v>
      </c>
      <c r="D9912">
        <v>5826533</v>
      </c>
      <c r="E9912">
        <v>1</v>
      </c>
      <c r="F9912">
        <v>0</v>
      </c>
      <c r="H9912" t="s">
        <v>50733</v>
      </c>
      <c r="I9912">
        <v>3</v>
      </c>
      <c r="J9912" t="s">
        <v>50734</v>
      </c>
      <c r="K9912" t="s">
        <v>50735</v>
      </c>
      <c r="M9912">
        <v>15168</v>
      </c>
      <c r="O9912">
        <v>614112</v>
      </c>
      <c r="P9912">
        <v>1</v>
      </c>
      <c r="Q9912">
        <v>6</v>
      </c>
      <c r="R9912" t="s">
        <v>50736</v>
      </c>
      <c r="S9912">
        <v>3910</v>
      </c>
    </row>
    <row r="9913" spans="1:19" x14ac:dyDescent="0.25">
      <c r="A9913">
        <v>23809193</v>
      </c>
      <c r="B9913" t="s">
        <v>50737</v>
      </c>
      <c r="C9913" s="1" t="s">
        <v>50738</v>
      </c>
      <c r="E9913">
        <v>0</v>
      </c>
      <c r="F9913">
        <v>2</v>
      </c>
      <c r="H9913" t="s">
        <v>50739</v>
      </c>
      <c r="J9913" t="s">
        <v>50740</v>
      </c>
      <c r="K9913" t="s">
        <v>50740</v>
      </c>
      <c r="M9913">
        <v>569751</v>
      </c>
      <c r="O9913">
        <v>2628921</v>
      </c>
      <c r="P9913">
        <v>1</v>
      </c>
      <c r="Q9913">
        <v>0</v>
      </c>
      <c r="R9913" t="s">
        <v>8031</v>
      </c>
      <c r="S9913">
        <v>76</v>
      </c>
    </row>
    <row r="9914" spans="1:19" x14ac:dyDescent="0.25">
      <c r="A9914">
        <v>12034972</v>
      </c>
      <c r="B9914" t="s">
        <v>50741</v>
      </c>
      <c r="C9914" s="1" t="s">
        <v>50742</v>
      </c>
      <c r="D9914">
        <v>12048488</v>
      </c>
      <c r="E9914">
        <v>1</v>
      </c>
      <c r="F9914">
        <v>0</v>
      </c>
      <c r="H9914" t="s">
        <v>50743</v>
      </c>
      <c r="I9914">
        <v>2</v>
      </c>
      <c r="J9914" t="s">
        <v>50744</v>
      </c>
      <c r="K9914" t="s">
        <v>50744</v>
      </c>
      <c r="M9914">
        <v>977087</v>
      </c>
      <c r="O9914">
        <v>692841</v>
      </c>
      <c r="P9914">
        <v>1</v>
      </c>
      <c r="Q9914">
        <v>1</v>
      </c>
      <c r="R9914" t="s">
        <v>50745</v>
      </c>
      <c r="S9914">
        <v>452</v>
      </c>
    </row>
    <row r="9915" spans="1:19" x14ac:dyDescent="0.25">
      <c r="A9915">
        <v>19083955</v>
      </c>
      <c r="B9915" t="s">
        <v>50746</v>
      </c>
      <c r="C9915" s="1" t="s">
        <v>50747</v>
      </c>
      <c r="D9915">
        <v>19143163</v>
      </c>
      <c r="E9915">
        <v>1</v>
      </c>
      <c r="F9915">
        <v>1</v>
      </c>
      <c r="H9915" t="s">
        <v>50748</v>
      </c>
      <c r="J9915" t="s">
        <v>50749</v>
      </c>
      <c r="K9915" t="s">
        <v>50750</v>
      </c>
      <c r="M9915">
        <v>-1</v>
      </c>
      <c r="O9915">
        <v>869638</v>
      </c>
      <c r="P9915">
        <v>1</v>
      </c>
      <c r="Q9915">
        <v>1</v>
      </c>
      <c r="R9915" t="s">
        <v>50751</v>
      </c>
      <c r="S9915">
        <v>240</v>
      </c>
    </row>
    <row r="9916" spans="1:19" x14ac:dyDescent="0.25">
      <c r="A9916">
        <v>34357153</v>
      </c>
      <c r="B9916" t="s">
        <v>50752</v>
      </c>
      <c r="C9916" s="1" t="s">
        <v>50753</v>
      </c>
      <c r="E9916">
        <v>1</v>
      </c>
      <c r="F9916">
        <v>7</v>
      </c>
      <c r="H9916" t="s">
        <v>50754</v>
      </c>
      <c r="J9916" t="s">
        <v>50755</v>
      </c>
      <c r="K9916" t="s">
        <v>50756</v>
      </c>
      <c r="M9916">
        <v>566901</v>
      </c>
      <c r="O9916">
        <v>4885256</v>
      </c>
      <c r="P9916">
        <v>1</v>
      </c>
      <c r="Q9916">
        <v>1</v>
      </c>
      <c r="R9916" t="s">
        <v>50757</v>
      </c>
      <c r="S9916">
        <v>969</v>
      </c>
    </row>
    <row r="9917" spans="1:19" x14ac:dyDescent="0.25">
      <c r="A9917">
        <v>15096178</v>
      </c>
      <c r="B9917" t="s">
        <v>50758</v>
      </c>
      <c r="C9917" s="1" t="s">
        <v>50759</v>
      </c>
      <c r="D9917">
        <v>15096521</v>
      </c>
      <c r="E9917">
        <v>1</v>
      </c>
      <c r="F9917">
        <v>0</v>
      </c>
      <c r="H9917" t="s">
        <v>50760</v>
      </c>
      <c r="I9917">
        <v>1</v>
      </c>
      <c r="J9917" t="s">
        <v>50761</v>
      </c>
      <c r="K9917" t="s">
        <v>50761</v>
      </c>
      <c r="M9917">
        <v>304974</v>
      </c>
      <c r="O9917">
        <v>304974</v>
      </c>
      <c r="P9917">
        <v>1</v>
      </c>
      <c r="Q9917">
        <v>0</v>
      </c>
      <c r="R9917" t="s">
        <v>1655</v>
      </c>
      <c r="S9917">
        <v>2535</v>
      </c>
    </row>
    <row r="9918" spans="1:19" x14ac:dyDescent="0.25">
      <c r="A9918">
        <v>53362078</v>
      </c>
      <c r="B9918" t="s">
        <v>50762</v>
      </c>
      <c r="C9918" s="1" t="s">
        <v>50763</v>
      </c>
      <c r="D9918">
        <v>53362095</v>
      </c>
      <c r="E9918">
        <v>2</v>
      </c>
      <c r="F9918">
        <v>2</v>
      </c>
      <c r="H9918" t="s">
        <v>50764</v>
      </c>
      <c r="J9918" t="s">
        <v>50765</v>
      </c>
      <c r="K9918" t="s">
        <v>50766</v>
      </c>
      <c r="M9918">
        <v>1144035</v>
      </c>
      <c r="O9918">
        <v>6782134</v>
      </c>
      <c r="P9918">
        <v>1</v>
      </c>
      <c r="Q9918">
        <v>1</v>
      </c>
      <c r="R9918" t="s">
        <v>3266</v>
      </c>
      <c r="S9918">
        <v>25</v>
      </c>
    </row>
    <row r="9919" spans="1:19" x14ac:dyDescent="0.25">
      <c r="A9919">
        <v>20983024</v>
      </c>
      <c r="B9919" t="s">
        <v>50767</v>
      </c>
      <c r="C9919" s="1" t="s">
        <v>50768</v>
      </c>
      <c r="D9919">
        <v>20983349</v>
      </c>
      <c r="E9919">
        <v>1</v>
      </c>
      <c r="F9919">
        <v>0</v>
      </c>
      <c r="H9919" t="s">
        <v>50769</v>
      </c>
      <c r="J9919" t="s">
        <v>50770</v>
      </c>
      <c r="K9919" t="s">
        <v>50771</v>
      </c>
      <c r="L9919" t="s">
        <v>50772</v>
      </c>
      <c r="O9919">
        <v>1054937</v>
      </c>
      <c r="P9919">
        <v>1</v>
      </c>
      <c r="Q9919">
        <v>0</v>
      </c>
      <c r="R9919" t="s">
        <v>50773</v>
      </c>
      <c r="S9919">
        <v>968</v>
      </c>
    </row>
    <row r="9920" spans="1:19" x14ac:dyDescent="0.25">
      <c r="A9920">
        <v>23812063</v>
      </c>
      <c r="B9920" t="s">
        <v>50774</v>
      </c>
      <c r="C9920" s="1" t="s">
        <v>50775</v>
      </c>
      <c r="D9920">
        <v>23812255</v>
      </c>
      <c r="E9920">
        <v>1</v>
      </c>
      <c r="F9920">
        <v>0</v>
      </c>
      <c r="H9920" t="s">
        <v>50776</v>
      </c>
      <c r="J9920" t="s">
        <v>50777</v>
      </c>
      <c r="O9920">
        <v>892029</v>
      </c>
      <c r="P9920">
        <v>1</v>
      </c>
      <c r="Q9920">
        <v>1</v>
      </c>
      <c r="R9920" t="s">
        <v>50778</v>
      </c>
      <c r="S9920">
        <v>1799</v>
      </c>
    </row>
    <row r="9921" spans="1:19" x14ac:dyDescent="0.25">
      <c r="A9921">
        <v>14484701</v>
      </c>
      <c r="B9921" t="s">
        <v>50779</v>
      </c>
      <c r="C9921" s="1" t="s">
        <v>50780</v>
      </c>
      <c r="E9921">
        <v>3</v>
      </c>
      <c r="F9921">
        <v>0</v>
      </c>
      <c r="H9921" t="s">
        <v>50781</v>
      </c>
      <c r="J9921" t="s">
        <v>50782</v>
      </c>
      <c r="O9921">
        <v>1813926</v>
      </c>
      <c r="P9921">
        <v>1</v>
      </c>
      <c r="Q9921">
        <v>-2</v>
      </c>
      <c r="R9921" t="s">
        <v>50783</v>
      </c>
      <c r="S9921">
        <v>1034</v>
      </c>
    </row>
    <row r="9922" spans="1:19" x14ac:dyDescent="0.25">
      <c r="A9922">
        <v>38821371</v>
      </c>
      <c r="B9922" t="s">
        <v>50784</v>
      </c>
      <c r="C9922" s="1" t="s">
        <v>50785</v>
      </c>
      <c r="E9922">
        <v>0</v>
      </c>
      <c r="F9922">
        <v>7</v>
      </c>
      <c r="H9922" t="s">
        <v>50786</v>
      </c>
      <c r="J9922" t="s">
        <v>50787</v>
      </c>
      <c r="K9922" t="s">
        <v>50788</v>
      </c>
      <c r="M9922">
        <v>-1</v>
      </c>
      <c r="O9922">
        <v>5173029</v>
      </c>
      <c r="P9922">
        <v>1</v>
      </c>
      <c r="Q9922">
        <v>0</v>
      </c>
      <c r="R9922" t="s">
        <v>50789</v>
      </c>
      <c r="S9922">
        <v>98</v>
      </c>
    </row>
    <row r="9923" spans="1:19" x14ac:dyDescent="0.25">
      <c r="A9923">
        <v>49470638</v>
      </c>
      <c r="B9923" t="s">
        <v>50790</v>
      </c>
      <c r="C9923" s="1" t="s">
        <v>50791</v>
      </c>
      <c r="D9923">
        <v>49471087</v>
      </c>
      <c r="E9923">
        <v>1</v>
      </c>
      <c r="F9923">
        <v>0</v>
      </c>
      <c r="H9923" t="s">
        <v>50792</v>
      </c>
      <c r="J9923" t="s">
        <v>50793</v>
      </c>
      <c r="O9923">
        <v>6611818</v>
      </c>
      <c r="P9923">
        <v>1</v>
      </c>
      <c r="Q9923">
        <v>0</v>
      </c>
      <c r="R9923" t="s">
        <v>50794</v>
      </c>
      <c r="S9923">
        <v>617</v>
      </c>
    </row>
    <row r="9924" spans="1:19" x14ac:dyDescent="0.25">
      <c r="A9924">
        <v>6264610</v>
      </c>
      <c r="B9924" t="s">
        <v>50795</v>
      </c>
      <c r="C9924" s="1" t="s">
        <v>50796</v>
      </c>
      <c r="E9924">
        <v>1</v>
      </c>
      <c r="F9924">
        <v>0</v>
      </c>
      <c r="H9924" t="s">
        <v>50797</v>
      </c>
      <c r="J9924" t="s">
        <v>50798</v>
      </c>
      <c r="O9924">
        <v>787371</v>
      </c>
      <c r="P9924">
        <v>1</v>
      </c>
      <c r="Q9924">
        <v>0</v>
      </c>
      <c r="R9924" t="s">
        <v>50799</v>
      </c>
      <c r="S9924">
        <v>471</v>
      </c>
    </row>
    <row r="9925" spans="1:19" x14ac:dyDescent="0.25">
      <c r="A9925">
        <v>14400058</v>
      </c>
      <c r="B9925" t="s">
        <v>50800</v>
      </c>
      <c r="C9925" s="1" t="s">
        <v>50801</v>
      </c>
      <c r="D9925">
        <v>14400178</v>
      </c>
      <c r="E9925">
        <v>3</v>
      </c>
      <c r="F9925">
        <v>2</v>
      </c>
      <c r="H9925" t="s">
        <v>50802</v>
      </c>
      <c r="J9925" t="s">
        <v>50803</v>
      </c>
      <c r="K9925" t="s">
        <v>50804</v>
      </c>
      <c r="M9925">
        <v>1395941</v>
      </c>
      <c r="O9925">
        <v>1921872</v>
      </c>
      <c r="P9925">
        <v>1</v>
      </c>
      <c r="Q9925">
        <v>1</v>
      </c>
      <c r="R9925" t="s">
        <v>43743</v>
      </c>
      <c r="S9925">
        <v>83</v>
      </c>
    </row>
    <row r="9926" spans="1:19" x14ac:dyDescent="0.25">
      <c r="A9926">
        <v>15420364</v>
      </c>
      <c r="B9926" t="s">
        <v>50805</v>
      </c>
      <c r="C9926" s="1" t="s">
        <v>50806</v>
      </c>
      <c r="E9926">
        <v>2</v>
      </c>
      <c r="F9926">
        <v>2</v>
      </c>
      <c r="H9926" t="s">
        <v>50807</v>
      </c>
      <c r="J9926" t="s">
        <v>50808</v>
      </c>
      <c r="K9926" t="s">
        <v>50808</v>
      </c>
      <c r="M9926">
        <v>45816</v>
      </c>
      <c r="O9926">
        <v>1345260</v>
      </c>
      <c r="P9926">
        <v>1</v>
      </c>
      <c r="Q9926">
        <v>0</v>
      </c>
      <c r="R9926" t="s">
        <v>50809</v>
      </c>
      <c r="S9926">
        <v>987</v>
      </c>
    </row>
    <row r="9927" spans="1:19" x14ac:dyDescent="0.25">
      <c r="A9927">
        <v>30439518</v>
      </c>
      <c r="B9927" t="s">
        <v>50810</v>
      </c>
      <c r="C9927" s="1" t="s">
        <v>50811</v>
      </c>
      <c r="E9927">
        <v>1</v>
      </c>
      <c r="F9927">
        <v>0</v>
      </c>
      <c r="H9927" t="s">
        <v>50812</v>
      </c>
      <c r="J9927" t="s">
        <v>50813</v>
      </c>
      <c r="K9927" t="s">
        <v>50814</v>
      </c>
      <c r="M9927">
        <v>1318939</v>
      </c>
      <c r="O9927">
        <v>1318939</v>
      </c>
      <c r="P9927">
        <v>1</v>
      </c>
      <c r="Q9927">
        <v>0</v>
      </c>
      <c r="R9927" t="s">
        <v>50815</v>
      </c>
      <c r="S9927">
        <v>79</v>
      </c>
    </row>
    <row r="9928" spans="1:19" x14ac:dyDescent="0.25">
      <c r="A9928">
        <v>40021849</v>
      </c>
      <c r="B9928" t="s">
        <v>50816</v>
      </c>
      <c r="C9928" s="1" t="s">
        <v>50817</v>
      </c>
      <c r="D9928">
        <v>40049354</v>
      </c>
      <c r="E9928">
        <v>1</v>
      </c>
      <c r="F9928">
        <v>0</v>
      </c>
      <c r="H9928" t="s">
        <v>50818</v>
      </c>
      <c r="J9928" t="s">
        <v>50819</v>
      </c>
      <c r="O9928">
        <v>5776970</v>
      </c>
      <c r="P9928">
        <v>1</v>
      </c>
      <c r="Q9928">
        <v>1</v>
      </c>
      <c r="R9928" t="s">
        <v>50820</v>
      </c>
      <c r="S9928">
        <v>393</v>
      </c>
    </row>
    <row r="9929" spans="1:19" x14ac:dyDescent="0.25">
      <c r="A9929">
        <v>26888606</v>
      </c>
      <c r="B9929" t="s">
        <v>50821</v>
      </c>
      <c r="C9929" s="1" t="s">
        <v>50822</v>
      </c>
      <c r="E9929">
        <v>1</v>
      </c>
      <c r="F9929">
        <v>2</v>
      </c>
      <c r="H9929" t="s">
        <v>50823</v>
      </c>
      <c r="J9929" t="s">
        <v>50824</v>
      </c>
      <c r="K9929" t="s">
        <v>50825</v>
      </c>
      <c r="M9929">
        <v>636019</v>
      </c>
      <c r="O9929">
        <v>4112518</v>
      </c>
      <c r="P9929">
        <v>1</v>
      </c>
      <c r="Q9929">
        <v>-1</v>
      </c>
      <c r="R9929" t="s">
        <v>50826</v>
      </c>
      <c r="S9929">
        <v>295</v>
      </c>
    </row>
    <row r="9930" spans="1:19" x14ac:dyDescent="0.25">
      <c r="A9930">
        <v>25998393</v>
      </c>
      <c r="B9930" t="s">
        <v>50827</v>
      </c>
      <c r="C9930" s="1" t="s">
        <v>50828</v>
      </c>
      <c r="E9930">
        <v>1</v>
      </c>
      <c r="F9930">
        <v>0</v>
      </c>
      <c r="H9930" t="s">
        <v>50829</v>
      </c>
      <c r="J9930" t="s">
        <v>50830</v>
      </c>
      <c r="O9930">
        <v>3475817</v>
      </c>
      <c r="P9930">
        <v>1</v>
      </c>
      <c r="Q9930">
        <v>0</v>
      </c>
      <c r="R9930" t="s">
        <v>5746</v>
      </c>
      <c r="S9930">
        <v>150</v>
      </c>
    </row>
    <row r="9931" spans="1:19" x14ac:dyDescent="0.25">
      <c r="A9931">
        <v>47392514</v>
      </c>
      <c r="B9931" t="s">
        <v>50831</v>
      </c>
      <c r="C9931" s="1" t="s">
        <v>50832</v>
      </c>
      <c r="D9931">
        <v>47393202</v>
      </c>
      <c r="E9931">
        <v>2</v>
      </c>
      <c r="F9931">
        <v>4</v>
      </c>
      <c r="H9931" t="s">
        <v>50833</v>
      </c>
      <c r="J9931" t="s">
        <v>50834</v>
      </c>
      <c r="O9931">
        <v>8627804</v>
      </c>
      <c r="P9931">
        <v>1</v>
      </c>
      <c r="Q9931">
        <v>0</v>
      </c>
      <c r="R9931" t="s">
        <v>50835</v>
      </c>
      <c r="S9931">
        <v>575</v>
      </c>
    </row>
    <row r="9932" spans="1:19" x14ac:dyDescent="0.25">
      <c r="A9932">
        <v>44216996</v>
      </c>
      <c r="B9932" t="s">
        <v>50836</v>
      </c>
      <c r="C9932" s="1" t="s">
        <v>50837</v>
      </c>
      <c r="D9932">
        <v>44217087</v>
      </c>
      <c r="E9932">
        <v>2</v>
      </c>
      <c r="F9932">
        <v>4</v>
      </c>
      <c r="H9932" t="s">
        <v>50838</v>
      </c>
      <c r="J9932" t="s">
        <v>50839</v>
      </c>
      <c r="K9932" t="s">
        <v>50840</v>
      </c>
      <c r="M9932">
        <v>270371</v>
      </c>
      <c r="O9932">
        <v>7834288</v>
      </c>
      <c r="P9932">
        <v>1</v>
      </c>
      <c r="Q9932">
        <v>0</v>
      </c>
      <c r="R9932" t="s">
        <v>50841</v>
      </c>
      <c r="S9932">
        <v>274</v>
      </c>
    </row>
    <row r="9933" spans="1:19" x14ac:dyDescent="0.25">
      <c r="A9933">
        <v>48374166</v>
      </c>
      <c r="B9933" t="s">
        <v>50842</v>
      </c>
      <c r="C9933" t="s">
        <v>50843</v>
      </c>
      <c r="E9933">
        <v>1</v>
      </c>
      <c r="F9933">
        <v>1</v>
      </c>
      <c r="H9933" t="s">
        <v>50844</v>
      </c>
      <c r="J9933" t="s">
        <v>50845</v>
      </c>
      <c r="O9933">
        <v>9249460</v>
      </c>
      <c r="P9933">
        <v>1</v>
      </c>
      <c r="Q9933">
        <v>2</v>
      </c>
      <c r="R9933" t="s">
        <v>50846</v>
      </c>
      <c r="S9933">
        <v>364</v>
      </c>
    </row>
    <row r="9934" spans="1:19" x14ac:dyDescent="0.25">
      <c r="A9934">
        <v>40333314</v>
      </c>
      <c r="B9934" t="s">
        <v>50847</v>
      </c>
      <c r="C9934" s="1" t="s">
        <v>50848</v>
      </c>
      <c r="E9934">
        <v>1</v>
      </c>
      <c r="F9934">
        <v>7</v>
      </c>
      <c r="H9934" t="s">
        <v>50849</v>
      </c>
      <c r="I9934">
        <v>0</v>
      </c>
      <c r="J9934" t="s">
        <v>50850</v>
      </c>
      <c r="K9934" t="s">
        <v>50850</v>
      </c>
      <c r="M9934">
        <v>5021321</v>
      </c>
      <c r="O9934">
        <v>5415849</v>
      </c>
      <c r="P9934">
        <v>1</v>
      </c>
      <c r="Q9934">
        <v>-1</v>
      </c>
      <c r="R9934" t="s">
        <v>759</v>
      </c>
      <c r="S9934">
        <v>727</v>
      </c>
    </row>
    <row r="9935" spans="1:19" x14ac:dyDescent="0.25">
      <c r="A9935">
        <v>37038910</v>
      </c>
      <c r="B9935" t="s">
        <v>50851</v>
      </c>
      <c r="C9935" s="1" t="s">
        <v>50852</v>
      </c>
      <c r="E9935">
        <v>1</v>
      </c>
      <c r="F9935">
        <v>0</v>
      </c>
      <c r="H9935" t="s">
        <v>50853</v>
      </c>
      <c r="J9935" t="s">
        <v>50854</v>
      </c>
      <c r="O9935">
        <v>4135591</v>
      </c>
      <c r="P9935">
        <v>1</v>
      </c>
      <c r="Q9935">
        <v>0</v>
      </c>
      <c r="R9935" t="s">
        <v>50855</v>
      </c>
      <c r="S9935">
        <v>154</v>
      </c>
    </row>
    <row r="9936" spans="1:19" x14ac:dyDescent="0.25">
      <c r="A9936">
        <v>53188618</v>
      </c>
      <c r="B9936" t="s">
        <v>50856</v>
      </c>
      <c r="C9936" s="1" t="s">
        <v>50857</v>
      </c>
      <c r="E9936">
        <v>1</v>
      </c>
      <c r="F9936">
        <v>13</v>
      </c>
      <c r="H9936" t="s">
        <v>50858</v>
      </c>
      <c r="I9936">
        <v>1</v>
      </c>
      <c r="J9936" t="s">
        <v>50859</v>
      </c>
      <c r="K9936" t="s">
        <v>50860</v>
      </c>
      <c r="M9936">
        <v>10047601</v>
      </c>
      <c r="O9936">
        <v>10047601</v>
      </c>
      <c r="P9936">
        <v>1</v>
      </c>
      <c r="Q9936">
        <v>0</v>
      </c>
      <c r="R9936" t="s">
        <v>50861</v>
      </c>
      <c r="S9936">
        <v>58</v>
      </c>
    </row>
    <row r="9937" spans="1:19" x14ac:dyDescent="0.25">
      <c r="A9937">
        <v>13947498</v>
      </c>
      <c r="B9937" t="s">
        <v>50862</v>
      </c>
      <c r="C9937" s="1" t="s">
        <v>50863</v>
      </c>
      <c r="D9937">
        <v>13948818</v>
      </c>
      <c r="E9937">
        <v>1</v>
      </c>
      <c r="F9937">
        <v>6</v>
      </c>
      <c r="H9937" t="s">
        <v>50864</v>
      </c>
      <c r="I9937">
        <v>0</v>
      </c>
      <c r="J9937" t="s">
        <v>50865</v>
      </c>
      <c r="K9937" t="s">
        <v>50865</v>
      </c>
      <c r="M9937">
        <v>868014</v>
      </c>
      <c r="O9937">
        <v>1346297</v>
      </c>
      <c r="P9937">
        <v>1</v>
      </c>
      <c r="Q9937">
        <v>4</v>
      </c>
      <c r="R9937" t="s">
        <v>50866</v>
      </c>
      <c r="S9937">
        <v>830</v>
      </c>
    </row>
    <row r="9938" spans="1:19" x14ac:dyDescent="0.25">
      <c r="A9938">
        <v>24543419</v>
      </c>
      <c r="B9938" t="s">
        <v>50867</v>
      </c>
      <c r="C9938" s="1" t="s">
        <v>50868</v>
      </c>
      <c r="D9938">
        <v>24543740</v>
      </c>
      <c r="E9938">
        <v>1</v>
      </c>
      <c r="F9938">
        <v>4</v>
      </c>
      <c r="H9938" t="s">
        <v>50869</v>
      </c>
      <c r="J9938" t="s">
        <v>50870</v>
      </c>
      <c r="K9938" t="s">
        <v>50871</v>
      </c>
      <c r="M9938">
        <v>954743</v>
      </c>
      <c r="O9938">
        <v>954743</v>
      </c>
      <c r="P9938">
        <v>1</v>
      </c>
      <c r="Q9938">
        <v>0</v>
      </c>
      <c r="R9938" t="s">
        <v>50872</v>
      </c>
      <c r="S9938">
        <v>269</v>
      </c>
    </row>
    <row r="9939" spans="1:19" x14ac:dyDescent="0.25">
      <c r="A9939">
        <v>18185981</v>
      </c>
      <c r="B9939" t="s">
        <v>50873</v>
      </c>
      <c r="C9939" s="1" t="s">
        <v>50874</v>
      </c>
      <c r="D9939">
        <v>18186719</v>
      </c>
      <c r="E9939">
        <v>3</v>
      </c>
      <c r="F9939">
        <v>11</v>
      </c>
      <c r="H9939" t="s">
        <v>50875</v>
      </c>
      <c r="I9939">
        <v>1</v>
      </c>
      <c r="J9939" t="s">
        <v>50876</v>
      </c>
      <c r="O9939">
        <v>934658</v>
      </c>
      <c r="P9939">
        <v>1</v>
      </c>
      <c r="Q9939">
        <v>0</v>
      </c>
      <c r="R9939" t="s">
        <v>50877</v>
      </c>
      <c r="S9939">
        <v>200</v>
      </c>
    </row>
    <row r="9940" spans="1:19" x14ac:dyDescent="0.25">
      <c r="A9940">
        <v>51949972</v>
      </c>
      <c r="B9940" t="s">
        <v>50878</v>
      </c>
      <c r="C9940" s="1" t="s">
        <v>50879</v>
      </c>
      <c r="E9940">
        <v>1</v>
      </c>
      <c r="F9940">
        <v>3</v>
      </c>
      <c r="H9940" t="s">
        <v>50880</v>
      </c>
      <c r="J9940" t="s">
        <v>50881</v>
      </c>
      <c r="O9940">
        <v>3523340</v>
      </c>
      <c r="P9940">
        <v>1</v>
      </c>
      <c r="Q9940">
        <v>6</v>
      </c>
      <c r="R9940" t="s">
        <v>50882</v>
      </c>
      <c r="S9940">
        <v>119</v>
      </c>
    </row>
    <row r="9941" spans="1:19" x14ac:dyDescent="0.25">
      <c r="A9941">
        <v>45061203</v>
      </c>
      <c r="B9941" t="s">
        <v>50883</v>
      </c>
      <c r="C9941" s="1" t="s">
        <v>50884</v>
      </c>
      <c r="D9941">
        <v>45087941</v>
      </c>
      <c r="E9941">
        <v>1</v>
      </c>
      <c r="F9941">
        <v>0</v>
      </c>
      <c r="H9941" t="s">
        <v>50885</v>
      </c>
      <c r="I9941">
        <v>1</v>
      </c>
      <c r="J9941" t="s">
        <v>50886</v>
      </c>
      <c r="K9941" t="s">
        <v>50887</v>
      </c>
      <c r="M9941">
        <v>634824</v>
      </c>
      <c r="O9941">
        <v>447338</v>
      </c>
      <c r="P9941">
        <v>1</v>
      </c>
      <c r="Q9941">
        <v>1</v>
      </c>
      <c r="R9941" t="s">
        <v>50888</v>
      </c>
      <c r="S9941">
        <v>287</v>
      </c>
    </row>
    <row r="9942" spans="1:19" x14ac:dyDescent="0.25">
      <c r="A9942">
        <v>24063736</v>
      </c>
      <c r="B9942" t="s">
        <v>50889</v>
      </c>
      <c r="C9942" s="1" t="s">
        <v>50890</v>
      </c>
      <c r="D9942">
        <v>24064822</v>
      </c>
      <c r="E9942">
        <v>1</v>
      </c>
      <c r="F9942">
        <v>0</v>
      </c>
      <c r="H9942" t="s">
        <v>50891</v>
      </c>
      <c r="J9942" t="s">
        <v>50892</v>
      </c>
      <c r="O9942">
        <v>781754</v>
      </c>
      <c r="P9942">
        <v>1</v>
      </c>
      <c r="Q9942">
        <v>0</v>
      </c>
      <c r="R9942" t="s">
        <v>50893</v>
      </c>
      <c r="S9942">
        <v>442</v>
      </c>
    </row>
    <row r="9943" spans="1:19" x14ac:dyDescent="0.25">
      <c r="A9943">
        <v>33653677</v>
      </c>
      <c r="B9943" t="s">
        <v>50894</v>
      </c>
      <c r="C9943" s="1" t="s">
        <v>50895</v>
      </c>
      <c r="E9943">
        <v>0</v>
      </c>
      <c r="F9943">
        <v>3</v>
      </c>
      <c r="H9943" t="s">
        <v>50896</v>
      </c>
      <c r="J9943" t="s">
        <v>50896</v>
      </c>
      <c r="O9943">
        <v>1234654</v>
      </c>
      <c r="P9943">
        <v>1</v>
      </c>
      <c r="Q9943">
        <v>0</v>
      </c>
      <c r="R9943" t="s">
        <v>50897</v>
      </c>
      <c r="S9943">
        <v>25</v>
      </c>
    </row>
    <row r="9944" spans="1:19" x14ac:dyDescent="0.25">
      <c r="A9944">
        <v>32530511</v>
      </c>
      <c r="B9944" t="s">
        <v>50898</v>
      </c>
      <c r="C9944" s="1" t="s">
        <v>50899</v>
      </c>
      <c r="D9944">
        <v>32530765</v>
      </c>
      <c r="E9944">
        <v>1</v>
      </c>
      <c r="F9944">
        <v>3</v>
      </c>
      <c r="H9944" t="s">
        <v>50900</v>
      </c>
      <c r="J9944" t="s">
        <v>50901</v>
      </c>
      <c r="O9944">
        <v>5231078</v>
      </c>
      <c r="P9944">
        <v>1</v>
      </c>
      <c r="Q9944">
        <v>-1</v>
      </c>
      <c r="R9944" t="s">
        <v>45840</v>
      </c>
      <c r="S9944">
        <v>40</v>
      </c>
    </row>
    <row r="9945" spans="1:19" x14ac:dyDescent="0.25">
      <c r="A9945">
        <v>1622289</v>
      </c>
      <c r="B9945" t="s">
        <v>50902</v>
      </c>
      <c r="C9945" s="1" t="s">
        <v>50903</v>
      </c>
      <c r="D9945">
        <v>1622313</v>
      </c>
      <c r="E9945">
        <v>3</v>
      </c>
      <c r="F9945">
        <v>0</v>
      </c>
      <c r="H9945" t="s">
        <v>50904</v>
      </c>
      <c r="J9945" t="s">
        <v>50905</v>
      </c>
      <c r="O9945">
        <v>179446</v>
      </c>
      <c r="P9945">
        <v>1</v>
      </c>
      <c r="Q9945">
        <v>1</v>
      </c>
      <c r="R9945" t="s">
        <v>6042</v>
      </c>
      <c r="S9945">
        <v>1363</v>
      </c>
    </row>
    <row r="9946" spans="1:19" x14ac:dyDescent="0.25">
      <c r="A9946">
        <v>25845816</v>
      </c>
      <c r="B9946" t="s">
        <v>50906</v>
      </c>
      <c r="C9946" s="1" t="s">
        <v>50907</v>
      </c>
      <c r="E9946">
        <v>3</v>
      </c>
      <c r="F9946">
        <v>1</v>
      </c>
      <c r="H9946" t="s">
        <v>50908</v>
      </c>
      <c r="J9946" t="s">
        <v>50909</v>
      </c>
      <c r="O9946">
        <v>1640374</v>
      </c>
      <c r="P9946">
        <v>1</v>
      </c>
      <c r="Q9946">
        <v>1</v>
      </c>
      <c r="R9946" t="s">
        <v>50910</v>
      </c>
      <c r="S9946">
        <v>169</v>
      </c>
    </row>
    <row r="9947" spans="1:19" x14ac:dyDescent="0.25">
      <c r="A9947">
        <v>1321502</v>
      </c>
      <c r="B9947" t="s">
        <v>50911</v>
      </c>
      <c r="C9947" s="1" t="s">
        <v>50912</v>
      </c>
      <c r="D9947">
        <v>1321641</v>
      </c>
      <c r="E9947">
        <v>1</v>
      </c>
      <c r="F9947">
        <v>0</v>
      </c>
      <c r="H9947" t="s">
        <v>50913</v>
      </c>
      <c r="J9947" t="s">
        <v>50914</v>
      </c>
      <c r="N9947" t="s">
        <v>50915</v>
      </c>
      <c r="P9947">
        <v>1</v>
      </c>
      <c r="Q9947">
        <v>0</v>
      </c>
      <c r="R9947" t="s">
        <v>515</v>
      </c>
      <c r="S9947">
        <v>241</v>
      </c>
    </row>
    <row r="9948" spans="1:19" x14ac:dyDescent="0.25">
      <c r="A9948">
        <v>28774891</v>
      </c>
      <c r="B9948" t="s">
        <v>50916</v>
      </c>
      <c r="C9948" s="1" t="s">
        <v>50917</v>
      </c>
      <c r="E9948">
        <v>1</v>
      </c>
      <c r="F9948">
        <v>2</v>
      </c>
      <c r="H9948" t="s">
        <v>50918</v>
      </c>
      <c r="J9948" t="s">
        <v>50919</v>
      </c>
      <c r="K9948" t="s">
        <v>50920</v>
      </c>
      <c r="M9948">
        <v>4581685</v>
      </c>
      <c r="O9948">
        <v>4581685</v>
      </c>
      <c r="P9948">
        <v>1</v>
      </c>
      <c r="Q9948">
        <v>1</v>
      </c>
      <c r="R9948" t="s">
        <v>50921</v>
      </c>
      <c r="S9948">
        <v>771</v>
      </c>
    </row>
    <row r="9949" spans="1:19" x14ac:dyDescent="0.25">
      <c r="A9949">
        <v>4367494</v>
      </c>
      <c r="B9949" t="s">
        <v>50922</v>
      </c>
      <c r="C9949" s="1" t="s">
        <v>50923</v>
      </c>
      <c r="E9949">
        <v>1</v>
      </c>
      <c r="F9949">
        <v>0</v>
      </c>
      <c r="H9949" t="s">
        <v>50924</v>
      </c>
      <c r="J9949" t="s">
        <v>50925</v>
      </c>
      <c r="K9949" t="s">
        <v>50926</v>
      </c>
      <c r="M9949">
        <v>532416</v>
      </c>
      <c r="O9949">
        <v>532416</v>
      </c>
      <c r="P9949">
        <v>1</v>
      </c>
      <c r="Q9949">
        <v>2</v>
      </c>
      <c r="R9949" t="s">
        <v>50927</v>
      </c>
      <c r="S9949">
        <v>2636</v>
      </c>
    </row>
    <row r="9950" spans="1:19" x14ac:dyDescent="0.25">
      <c r="A9950">
        <v>32544439</v>
      </c>
      <c r="B9950" t="s">
        <v>50928</v>
      </c>
      <c r="C9950" s="1" t="s">
        <v>50929</v>
      </c>
      <c r="D9950">
        <v>32544891</v>
      </c>
      <c r="E9950">
        <v>1</v>
      </c>
      <c r="F9950">
        <v>0</v>
      </c>
      <c r="H9950" t="s">
        <v>50930</v>
      </c>
      <c r="J9950" t="s">
        <v>50931</v>
      </c>
      <c r="K9950" t="s">
        <v>50932</v>
      </c>
      <c r="M9950">
        <v>1173037</v>
      </c>
      <c r="O9950">
        <v>1173037</v>
      </c>
      <c r="P9950">
        <v>1</v>
      </c>
      <c r="Q9950">
        <v>0</v>
      </c>
      <c r="R9950" t="s">
        <v>50933</v>
      </c>
      <c r="S9950">
        <v>54</v>
      </c>
    </row>
    <row r="9951" spans="1:19" x14ac:dyDescent="0.25">
      <c r="A9951">
        <v>41336490</v>
      </c>
      <c r="B9951" t="s">
        <v>50934</v>
      </c>
      <c r="C9951" s="1" t="s">
        <v>50935</v>
      </c>
      <c r="E9951">
        <v>1</v>
      </c>
      <c r="F9951">
        <v>0</v>
      </c>
      <c r="H9951" t="s">
        <v>50936</v>
      </c>
      <c r="J9951" t="s">
        <v>50937</v>
      </c>
      <c r="K9951" t="s">
        <v>50938</v>
      </c>
      <c r="M9951">
        <v>983912</v>
      </c>
      <c r="O9951">
        <v>7275082</v>
      </c>
      <c r="P9951">
        <v>1</v>
      </c>
      <c r="Q9951">
        <v>-1</v>
      </c>
      <c r="R9951" t="s">
        <v>50939</v>
      </c>
      <c r="S9951">
        <v>35</v>
      </c>
    </row>
    <row r="9952" spans="1:19" x14ac:dyDescent="0.25">
      <c r="A9952">
        <v>17352681</v>
      </c>
      <c r="B9952" t="s">
        <v>50940</v>
      </c>
      <c r="C9952" s="1" t="s">
        <v>50941</v>
      </c>
      <c r="D9952">
        <v>17435893</v>
      </c>
      <c r="E9952">
        <v>1</v>
      </c>
      <c r="F9952">
        <v>0</v>
      </c>
      <c r="H9952" t="s">
        <v>50942</v>
      </c>
      <c r="J9952" t="s">
        <v>50943</v>
      </c>
      <c r="O9952">
        <v>773228</v>
      </c>
      <c r="P9952">
        <v>1</v>
      </c>
      <c r="Q9952">
        <v>1</v>
      </c>
      <c r="R9952" t="s">
        <v>50944</v>
      </c>
      <c r="S9952">
        <v>697</v>
      </c>
    </row>
    <row r="9953" spans="1:19" x14ac:dyDescent="0.25">
      <c r="A9953">
        <v>16819843</v>
      </c>
      <c r="B9953" t="s">
        <v>50945</v>
      </c>
      <c r="C9953" s="1" t="s">
        <v>50946</v>
      </c>
      <c r="E9953">
        <v>1</v>
      </c>
      <c r="F9953">
        <v>0</v>
      </c>
      <c r="H9953" t="s">
        <v>50947</v>
      </c>
      <c r="J9953" t="s">
        <v>50948</v>
      </c>
      <c r="O9953">
        <v>695030</v>
      </c>
      <c r="P9953">
        <v>1</v>
      </c>
      <c r="Q9953">
        <v>0</v>
      </c>
      <c r="R9953" t="s">
        <v>50949</v>
      </c>
      <c r="S9953">
        <v>91</v>
      </c>
    </row>
    <row r="9954" spans="1:19" x14ac:dyDescent="0.25">
      <c r="A9954">
        <v>8700268</v>
      </c>
      <c r="B9954" t="s">
        <v>50950</v>
      </c>
      <c r="C9954" s="1" t="s">
        <v>50951</v>
      </c>
      <c r="D9954">
        <v>8700372</v>
      </c>
      <c r="E9954">
        <v>1</v>
      </c>
      <c r="F9954">
        <v>0</v>
      </c>
      <c r="H9954" t="s">
        <v>50952</v>
      </c>
      <c r="J9954" t="s">
        <v>50953</v>
      </c>
      <c r="K9954" t="s">
        <v>50953</v>
      </c>
      <c r="M9954">
        <v>3617815</v>
      </c>
      <c r="O9954">
        <v>107922</v>
      </c>
      <c r="P9954">
        <v>1</v>
      </c>
      <c r="Q9954">
        <v>2</v>
      </c>
      <c r="R9954" t="s">
        <v>1333</v>
      </c>
      <c r="S9954">
        <v>132</v>
      </c>
    </row>
    <row r="9955" spans="1:19" x14ac:dyDescent="0.25">
      <c r="A9955">
        <v>32517901</v>
      </c>
      <c r="B9955" t="s">
        <v>50954</v>
      </c>
      <c r="C9955" s="1" t="s">
        <v>50955</v>
      </c>
      <c r="D9955">
        <v>32519660</v>
      </c>
      <c r="E9955">
        <v>2</v>
      </c>
      <c r="F9955">
        <v>0</v>
      </c>
      <c r="H9955" t="s">
        <v>50956</v>
      </c>
      <c r="J9955" t="s">
        <v>50957</v>
      </c>
      <c r="O9955">
        <v>2420002</v>
      </c>
      <c r="P9955">
        <v>1</v>
      </c>
      <c r="Q9955">
        <v>0</v>
      </c>
      <c r="R9955" t="s">
        <v>50958</v>
      </c>
      <c r="S9955">
        <v>845</v>
      </c>
    </row>
    <row r="9956" spans="1:19" x14ac:dyDescent="0.25">
      <c r="A9956">
        <v>51647647</v>
      </c>
      <c r="B9956" t="s">
        <v>50959</v>
      </c>
      <c r="C9956" s="1" t="s">
        <v>50960</v>
      </c>
      <c r="E9956">
        <v>0</v>
      </c>
      <c r="F9956">
        <v>6</v>
      </c>
      <c r="H9956" t="s">
        <v>50961</v>
      </c>
      <c r="J9956" t="s">
        <v>50962</v>
      </c>
      <c r="K9956" t="s">
        <v>50962</v>
      </c>
      <c r="M9956">
        <v>10169484</v>
      </c>
      <c r="O9956">
        <v>10169484</v>
      </c>
      <c r="P9956">
        <v>1</v>
      </c>
      <c r="Q9956">
        <v>0</v>
      </c>
      <c r="R9956" t="s">
        <v>50963</v>
      </c>
      <c r="S9956">
        <v>76</v>
      </c>
    </row>
    <row r="9957" spans="1:19" x14ac:dyDescent="0.25">
      <c r="A9957">
        <v>47543513</v>
      </c>
      <c r="B9957" t="s">
        <v>50964</v>
      </c>
      <c r="C9957" s="1" t="s">
        <v>50965</v>
      </c>
      <c r="E9957">
        <v>2</v>
      </c>
      <c r="F9957">
        <v>3</v>
      </c>
      <c r="H9957" t="s">
        <v>50966</v>
      </c>
      <c r="J9957" t="s">
        <v>50967</v>
      </c>
      <c r="K9957" t="s">
        <v>50968</v>
      </c>
      <c r="M9957">
        <v>418556</v>
      </c>
      <c r="O9957">
        <v>8316494</v>
      </c>
      <c r="P9957">
        <v>1</v>
      </c>
      <c r="Q9957">
        <v>-1</v>
      </c>
      <c r="R9957" t="s">
        <v>50969</v>
      </c>
      <c r="S9957">
        <v>192</v>
      </c>
    </row>
    <row r="9958" spans="1:19" x14ac:dyDescent="0.25">
      <c r="A9958">
        <v>39414094</v>
      </c>
      <c r="B9958" t="s">
        <v>50970</v>
      </c>
      <c r="C9958" s="1" t="s">
        <v>50971</v>
      </c>
      <c r="E9958">
        <v>1</v>
      </c>
      <c r="F9958">
        <v>0</v>
      </c>
      <c r="H9958" t="s">
        <v>50972</v>
      </c>
      <c r="J9958" t="s">
        <v>50973</v>
      </c>
      <c r="O9958">
        <v>2936491</v>
      </c>
      <c r="P9958">
        <v>1</v>
      </c>
      <c r="Q9958">
        <v>0</v>
      </c>
      <c r="R9958" t="s">
        <v>50974</v>
      </c>
      <c r="S9958">
        <v>659</v>
      </c>
    </row>
    <row r="9959" spans="1:19" x14ac:dyDescent="0.25">
      <c r="A9959">
        <v>26148492</v>
      </c>
      <c r="B9959" t="s">
        <v>50975</v>
      </c>
      <c r="C9959" s="1" t="s">
        <v>50976</v>
      </c>
      <c r="D9959">
        <v>26148915</v>
      </c>
      <c r="E9959">
        <v>2</v>
      </c>
      <c r="F9959">
        <v>3</v>
      </c>
      <c r="H9959" t="s">
        <v>50977</v>
      </c>
      <c r="J9959" t="s">
        <v>50978</v>
      </c>
      <c r="K9959" t="s">
        <v>50979</v>
      </c>
      <c r="M9959">
        <v>900873</v>
      </c>
      <c r="O9959">
        <v>4100023</v>
      </c>
      <c r="P9959">
        <v>1</v>
      </c>
      <c r="Q9959">
        <v>0</v>
      </c>
      <c r="R9959" t="s">
        <v>50980</v>
      </c>
      <c r="S9959">
        <v>89</v>
      </c>
    </row>
    <row r="9960" spans="1:19" x14ac:dyDescent="0.25">
      <c r="A9960">
        <v>41936756</v>
      </c>
      <c r="B9960" t="s">
        <v>50981</v>
      </c>
      <c r="C9960" s="1" t="s">
        <v>50982</v>
      </c>
      <c r="D9960">
        <v>41937599</v>
      </c>
      <c r="E9960">
        <v>1</v>
      </c>
      <c r="F9960">
        <v>1</v>
      </c>
      <c r="H9960" t="s">
        <v>50983</v>
      </c>
      <c r="J9960" t="s">
        <v>50984</v>
      </c>
      <c r="K9960" t="s">
        <v>50985</v>
      </c>
      <c r="M9960">
        <v>3740920</v>
      </c>
      <c r="O9960">
        <v>3740920</v>
      </c>
      <c r="P9960">
        <v>1</v>
      </c>
      <c r="Q9960">
        <v>1</v>
      </c>
      <c r="R9960" t="s">
        <v>3969</v>
      </c>
      <c r="S9960">
        <v>23</v>
      </c>
    </row>
    <row r="9961" spans="1:19" x14ac:dyDescent="0.25">
      <c r="A9961">
        <v>25043420</v>
      </c>
      <c r="B9961" t="s">
        <v>50986</v>
      </c>
      <c r="C9961" s="1" t="s">
        <v>50987</v>
      </c>
      <c r="E9961">
        <v>2</v>
      </c>
      <c r="F9961">
        <v>0</v>
      </c>
      <c r="H9961" t="s">
        <v>50988</v>
      </c>
      <c r="I9961">
        <v>1</v>
      </c>
      <c r="J9961" t="s">
        <v>50989</v>
      </c>
      <c r="O9961">
        <v>3892442</v>
      </c>
      <c r="P9961">
        <v>1</v>
      </c>
      <c r="Q9961">
        <v>1</v>
      </c>
      <c r="R9961" t="s">
        <v>50990</v>
      </c>
      <c r="S9961">
        <v>1144</v>
      </c>
    </row>
    <row r="9962" spans="1:19" x14ac:dyDescent="0.25">
      <c r="A9962">
        <v>32357043</v>
      </c>
      <c r="B9962" t="s">
        <v>50991</v>
      </c>
      <c r="C9962" s="1" t="s">
        <v>50992</v>
      </c>
      <c r="D9962">
        <v>32357423</v>
      </c>
      <c r="E9962">
        <v>1</v>
      </c>
      <c r="F9962">
        <v>0</v>
      </c>
      <c r="H9962" t="s">
        <v>50993</v>
      </c>
      <c r="J9962" t="s">
        <v>50994</v>
      </c>
      <c r="K9962" t="s">
        <v>50994</v>
      </c>
      <c r="M9962">
        <v>3540365</v>
      </c>
      <c r="O9962">
        <v>838893</v>
      </c>
      <c r="P9962">
        <v>1</v>
      </c>
      <c r="Q9962">
        <v>0</v>
      </c>
      <c r="R9962" t="s">
        <v>50995</v>
      </c>
      <c r="S9962">
        <v>70</v>
      </c>
    </row>
    <row r="9963" spans="1:19" x14ac:dyDescent="0.25">
      <c r="A9963">
        <v>13654250</v>
      </c>
      <c r="B9963" t="s">
        <v>50996</v>
      </c>
      <c r="C9963" s="1" t="s">
        <v>50997</v>
      </c>
      <c r="D9963">
        <v>13686788</v>
      </c>
      <c r="E9963">
        <v>2</v>
      </c>
      <c r="F9963">
        <v>4</v>
      </c>
      <c r="H9963" t="s">
        <v>50998</v>
      </c>
      <c r="J9963" t="s">
        <v>50999</v>
      </c>
      <c r="O9963">
        <v>303221</v>
      </c>
      <c r="P9963">
        <v>1</v>
      </c>
      <c r="Q9963">
        <v>0</v>
      </c>
      <c r="R9963" t="s">
        <v>51000</v>
      </c>
      <c r="S9963">
        <v>229</v>
      </c>
    </row>
    <row r="9964" spans="1:19" x14ac:dyDescent="0.25">
      <c r="A9964">
        <v>38591817</v>
      </c>
      <c r="B9964" t="s">
        <v>51001</v>
      </c>
      <c r="C9964" s="1" t="s">
        <v>51002</v>
      </c>
      <c r="E9964">
        <v>1</v>
      </c>
      <c r="F9964">
        <v>0</v>
      </c>
      <c r="H9964" t="s">
        <v>51003</v>
      </c>
      <c r="J9964" t="s">
        <v>51004</v>
      </c>
      <c r="K9964" t="s">
        <v>51005</v>
      </c>
      <c r="M9964">
        <v>-1</v>
      </c>
      <c r="O9964">
        <v>6640086</v>
      </c>
      <c r="P9964">
        <v>1</v>
      </c>
      <c r="Q9964">
        <v>1</v>
      </c>
      <c r="R9964" t="s">
        <v>51006</v>
      </c>
      <c r="S9964">
        <v>718</v>
      </c>
    </row>
    <row r="9965" spans="1:19" x14ac:dyDescent="0.25">
      <c r="A9965">
        <v>40176492</v>
      </c>
      <c r="B9965" t="s">
        <v>51007</v>
      </c>
      <c r="C9965" s="1" t="s">
        <v>51008</v>
      </c>
      <c r="E9965">
        <v>0</v>
      </c>
      <c r="F9965">
        <v>6</v>
      </c>
      <c r="H9965" t="s">
        <v>51009</v>
      </c>
      <c r="I9965">
        <v>0</v>
      </c>
      <c r="J9965" t="s">
        <v>51009</v>
      </c>
      <c r="N9965" t="s">
        <v>51010</v>
      </c>
      <c r="P9965">
        <v>1</v>
      </c>
      <c r="Q9965">
        <v>0</v>
      </c>
      <c r="R9965" t="s">
        <v>51011</v>
      </c>
      <c r="S9965">
        <v>44</v>
      </c>
    </row>
    <row r="9966" spans="1:19" x14ac:dyDescent="0.25">
      <c r="A9966">
        <v>49972535</v>
      </c>
      <c r="B9966" t="s">
        <v>51012</v>
      </c>
      <c r="C9966" s="1" t="s">
        <v>51013</v>
      </c>
      <c r="E9966">
        <v>2</v>
      </c>
      <c r="F9966">
        <v>3</v>
      </c>
      <c r="H9966" t="s">
        <v>51014</v>
      </c>
      <c r="J9966" t="s">
        <v>51015</v>
      </c>
      <c r="O9966">
        <v>9650970</v>
      </c>
      <c r="P9966">
        <v>1</v>
      </c>
      <c r="Q9966">
        <v>2</v>
      </c>
      <c r="R9966" t="s">
        <v>13424</v>
      </c>
      <c r="S9966">
        <v>45</v>
      </c>
    </row>
    <row r="9967" spans="1:19" x14ac:dyDescent="0.25">
      <c r="A9967">
        <v>47636441</v>
      </c>
      <c r="B9967" t="s">
        <v>51016</v>
      </c>
      <c r="C9967" s="1" t="s">
        <v>51017</v>
      </c>
      <c r="D9967">
        <v>47636619</v>
      </c>
      <c r="E9967">
        <v>1</v>
      </c>
      <c r="F9967">
        <v>0</v>
      </c>
      <c r="H9967" t="s">
        <v>51018</v>
      </c>
      <c r="J9967" t="s">
        <v>51019</v>
      </c>
      <c r="K9967" t="s">
        <v>51019</v>
      </c>
      <c r="M9967">
        <v>766708</v>
      </c>
      <c r="O9967">
        <v>766708</v>
      </c>
      <c r="P9967">
        <v>1</v>
      </c>
      <c r="Q9967">
        <v>2</v>
      </c>
      <c r="R9967" t="s">
        <v>51020</v>
      </c>
      <c r="S9967">
        <v>221</v>
      </c>
    </row>
    <row r="9968" spans="1:19" x14ac:dyDescent="0.25">
      <c r="A9968">
        <v>42419442</v>
      </c>
      <c r="B9968" t="s">
        <v>51021</v>
      </c>
      <c r="C9968" t="s">
        <v>51022</v>
      </c>
      <c r="D9968">
        <v>42419618</v>
      </c>
      <c r="E9968">
        <v>1</v>
      </c>
      <c r="F9968">
        <v>8</v>
      </c>
      <c r="H9968" t="s">
        <v>51023</v>
      </c>
      <c r="I9968">
        <v>0</v>
      </c>
      <c r="J9968" t="s">
        <v>51024</v>
      </c>
      <c r="O9968">
        <v>7594961</v>
      </c>
      <c r="P9968">
        <v>1</v>
      </c>
      <c r="Q9968">
        <v>0</v>
      </c>
      <c r="R9968" t="s">
        <v>51025</v>
      </c>
      <c r="S9968">
        <v>293</v>
      </c>
    </row>
    <row r="9969" spans="1:19" x14ac:dyDescent="0.25">
      <c r="A9969">
        <v>31230286</v>
      </c>
      <c r="B9969" t="s">
        <v>51026</v>
      </c>
      <c r="C9969" s="1" t="s">
        <v>51027</v>
      </c>
      <c r="D9969">
        <v>31230383</v>
      </c>
      <c r="E9969">
        <v>2</v>
      </c>
      <c r="F9969">
        <v>0</v>
      </c>
      <c r="H9969" t="s">
        <v>51028</v>
      </c>
      <c r="J9969" t="s">
        <v>51029</v>
      </c>
      <c r="K9969" t="s">
        <v>51030</v>
      </c>
      <c r="M9969">
        <v>3140273</v>
      </c>
      <c r="O9969">
        <v>4883079</v>
      </c>
      <c r="P9969">
        <v>1</v>
      </c>
      <c r="Q9969">
        <v>0</v>
      </c>
      <c r="R9969" t="s">
        <v>1333</v>
      </c>
      <c r="S9969">
        <v>52</v>
      </c>
    </row>
    <row r="9970" spans="1:19" x14ac:dyDescent="0.25">
      <c r="A9970">
        <v>23347409</v>
      </c>
      <c r="B9970" t="s">
        <v>51031</v>
      </c>
      <c r="C9970" s="1" t="s">
        <v>51032</v>
      </c>
      <c r="D9970">
        <v>23347617</v>
      </c>
      <c r="E9970">
        <v>1</v>
      </c>
      <c r="F9970">
        <v>0</v>
      </c>
      <c r="H9970" t="s">
        <v>51033</v>
      </c>
      <c r="J9970" t="s">
        <v>51034</v>
      </c>
      <c r="O9970">
        <v>942308</v>
      </c>
      <c r="P9970">
        <v>1</v>
      </c>
      <c r="Q9970">
        <v>0</v>
      </c>
      <c r="R9970" t="s">
        <v>51035</v>
      </c>
      <c r="S9970">
        <v>63</v>
      </c>
    </row>
    <row r="9971" spans="1:19" x14ac:dyDescent="0.25">
      <c r="A9971">
        <v>13432005</v>
      </c>
      <c r="B9971" t="s">
        <v>51036</v>
      </c>
      <c r="C9971" s="1" t="s">
        <v>51037</v>
      </c>
      <c r="E9971">
        <v>1</v>
      </c>
      <c r="F9971">
        <v>0</v>
      </c>
      <c r="H9971" t="s">
        <v>51038</v>
      </c>
      <c r="J9971" t="s">
        <v>51039</v>
      </c>
      <c r="K9971" t="s">
        <v>51039</v>
      </c>
      <c r="M9971">
        <v>1281195</v>
      </c>
      <c r="O9971">
        <v>1281195</v>
      </c>
      <c r="P9971">
        <v>1</v>
      </c>
      <c r="Q9971">
        <v>0</v>
      </c>
      <c r="R9971" t="s">
        <v>51040</v>
      </c>
      <c r="S9971">
        <v>1288</v>
      </c>
    </row>
    <row r="9972" spans="1:19" x14ac:dyDescent="0.25">
      <c r="A9972">
        <v>41065937</v>
      </c>
      <c r="B9972" t="s">
        <v>51041</v>
      </c>
      <c r="C9972" s="1" t="s">
        <v>51042</v>
      </c>
      <c r="E9972">
        <v>0</v>
      </c>
      <c r="F9972">
        <v>0</v>
      </c>
      <c r="H9972" t="s">
        <v>51043</v>
      </c>
      <c r="J9972" t="s">
        <v>51044</v>
      </c>
      <c r="K9972" t="s">
        <v>51044</v>
      </c>
      <c r="M9972">
        <v>1226963</v>
      </c>
      <c r="O9972">
        <v>334643</v>
      </c>
      <c r="P9972">
        <v>1</v>
      </c>
      <c r="Q9972">
        <v>2</v>
      </c>
      <c r="R9972" t="s">
        <v>51045</v>
      </c>
      <c r="S9972">
        <v>146</v>
      </c>
    </row>
    <row r="9973" spans="1:19" x14ac:dyDescent="0.25">
      <c r="A9973">
        <v>50700236</v>
      </c>
      <c r="B9973" t="s">
        <v>51046</v>
      </c>
      <c r="C9973" s="1" t="s">
        <v>51047</v>
      </c>
      <c r="E9973">
        <v>1</v>
      </c>
      <c r="F9973">
        <v>0</v>
      </c>
      <c r="H9973" t="s">
        <v>51048</v>
      </c>
      <c r="J9973" t="s">
        <v>51049</v>
      </c>
      <c r="O9973">
        <v>4507873</v>
      </c>
      <c r="P9973">
        <v>1</v>
      </c>
      <c r="Q9973">
        <v>0</v>
      </c>
      <c r="R9973" t="s">
        <v>51050</v>
      </c>
      <c r="S9973">
        <v>89</v>
      </c>
    </row>
    <row r="9974" spans="1:19" x14ac:dyDescent="0.25">
      <c r="A9974">
        <v>39423424</v>
      </c>
      <c r="B9974" t="s">
        <v>51051</v>
      </c>
      <c r="C9974" t="s">
        <v>51052</v>
      </c>
      <c r="E9974">
        <v>0</v>
      </c>
      <c r="F9974">
        <v>3</v>
      </c>
      <c r="H9974" t="s">
        <v>51053</v>
      </c>
      <c r="J9974" t="s">
        <v>51053</v>
      </c>
      <c r="O9974">
        <v>6606611</v>
      </c>
      <c r="P9974">
        <v>1</v>
      </c>
      <c r="Q9974">
        <v>0</v>
      </c>
      <c r="R9974" t="s">
        <v>51054</v>
      </c>
      <c r="S9974">
        <v>176</v>
      </c>
    </row>
    <row r="9975" spans="1:19" x14ac:dyDescent="0.25">
      <c r="A9975">
        <v>39620825</v>
      </c>
      <c r="B9975" t="s">
        <v>51055</v>
      </c>
      <c r="C9975" s="1" t="s">
        <v>51056</v>
      </c>
      <c r="D9975">
        <v>39634069</v>
      </c>
      <c r="E9975">
        <v>1</v>
      </c>
      <c r="F9975">
        <v>0</v>
      </c>
      <c r="H9975" t="s">
        <v>51057</v>
      </c>
      <c r="J9975" t="s">
        <v>51058</v>
      </c>
      <c r="O9975">
        <v>3982428</v>
      </c>
      <c r="P9975">
        <v>1</v>
      </c>
      <c r="Q9975">
        <v>1</v>
      </c>
      <c r="R9975" t="s">
        <v>51059</v>
      </c>
      <c r="S9975">
        <v>413</v>
      </c>
    </row>
    <row r="9976" spans="1:19" x14ac:dyDescent="0.25">
      <c r="A9976">
        <v>4572194</v>
      </c>
      <c r="B9976" t="s">
        <v>51060</v>
      </c>
      <c r="C9976" s="1" t="s">
        <v>51061</v>
      </c>
      <c r="D9976">
        <v>4572205</v>
      </c>
      <c r="E9976">
        <v>4</v>
      </c>
      <c r="F9976">
        <v>1</v>
      </c>
      <c r="H9976" t="s">
        <v>51062</v>
      </c>
      <c r="I9976">
        <v>13</v>
      </c>
      <c r="J9976" t="s">
        <v>51063</v>
      </c>
      <c r="O9976">
        <v>535198</v>
      </c>
      <c r="P9976">
        <v>1</v>
      </c>
      <c r="Q9976">
        <v>79</v>
      </c>
      <c r="R9976" t="s">
        <v>855</v>
      </c>
      <c r="S9976">
        <v>101689</v>
      </c>
    </row>
    <row r="9977" spans="1:19" x14ac:dyDescent="0.25">
      <c r="A9977">
        <v>32732052</v>
      </c>
      <c r="B9977" t="s">
        <v>51064</v>
      </c>
      <c r="C9977" s="1" t="s">
        <v>51065</v>
      </c>
      <c r="D9977">
        <v>32732190</v>
      </c>
      <c r="E9977">
        <v>2</v>
      </c>
      <c r="F9977">
        <v>2</v>
      </c>
      <c r="H9977" t="s">
        <v>51066</v>
      </c>
      <c r="J9977" t="s">
        <v>51067</v>
      </c>
      <c r="O9977">
        <v>3284126</v>
      </c>
      <c r="P9977">
        <v>1</v>
      </c>
      <c r="Q9977">
        <v>0</v>
      </c>
      <c r="R9977" t="s">
        <v>4734</v>
      </c>
      <c r="S9977">
        <v>101</v>
      </c>
    </row>
    <row r="9978" spans="1:19" x14ac:dyDescent="0.25">
      <c r="A9978">
        <v>41968433</v>
      </c>
      <c r="B9978" t="s">
        <v>51068</v>
      </c>
      <c r="C9978" s="1" t="s">
        <v>51069</v>
      </c>
      <c r="D9978">
        <v>41968670</v>
      </c>
      <c r="E9978">
        <v>1</v>
      </c>
      <c r="F9978">
        <v>2</v>
      </c>
      <c r="H9978" t="s">
        <v>51070</v>
      </c>
      <c r="J9978" t="s">
        <v>51071</v>
      </c>
      <c r="K9978" t="s">
        <v>51071</v>
      </c>
      <c r="M9978">
        <v>13302</v>
      </c>
      <c r="O9978">
        <v>4322280</v>
      </c>
      <c r="P9978">
        <v>1</v>
      </c>
      <c r="Q9978">
        <v>0</v>
      </c>
      <c r="R9978" t="s">
        <v>51072</v>
      </c>
      <c r="S9978">
        <v>139</v>
      </c>
    </row>
    <row r="9979" spans="1:19" x14ac:dyDescent="0.25">
      <c r="A9979">
        <v>41140347</v>
      </c>
      <c r="B9979" t="s">
        <v>51073</v>
      </c>
      <c r="C9979" s="1" t="s">
        <v>51074</v>
      </c>
      <c r="E9979">
        <v>1</v>
      </c>
      <c r="F9979">
        <v>5</v>
      </c>
      <c r="H9979" t="s">
        <v>51075</v>
      </c>
      <c r="J9979" t="s">
        <v>51076</v>
      </c>
      <c r="O9979">
        <v>2281274</v>
      </c>
      <c r="P9979">
        <v>1</v>
      </c>
      <c r="Q9979">
        <v>1</v>
      </c>
      <c r="R9979" t="s">
        <v>51077</v>
      </c>
      <c r="S9979">
        <v>40</v>
      </c>
    </row>
    <row r="9980" spans="1:19" x14ac:dyDescent="0.25">
      <c r="A9980">
        <v>15157352</v>
      </c>
      <c r="B9980" t="s">
        <v>51078</v>
      </c>
      <c r="C9980" s="1" t="s">
        <v>51079</v>
      </c>
      <c r="D9980">
        <v>15157510</v>
      </c>
      <c r="E9980">
        <v>1</v>
      </c>
      <c r="F9980">
        <v>0</v>
      </c>
      <c r="H9980" t="s">
        <v>51080</v>
      </c>
      <c r="J9980" t="s">
        <v>51081</v>
      </c>
      <c r="O9980">
        <v>335355</v>
      </c>
      <c r="P9980">
        <v>1</v>
      </c>
      <c r="Q9980">
        <v>1</v>
      </c>
      <c r="R9980" t="s">
        <v>51082</v>
      </c>
      <c r="S9980">
        <v>863</v>
      </c>
    </row>
    <row r="9981" spans="1:19" x14ac:dyDescent="0.25">
      <c r="A9981">
        <v>33843330</v>
      </c>
      <c r="B9981" t="s">
        <v>51083</v>
      </c>
      <c r="C9981" s="1" t="s">
        <v>51084</v>
      </c>
      <c r="D9981">
        <v>33843531</v>
      </c>
      <c r="E9981">
        <v>3</v>
      </c>
      <c r="F9981">
        <v>5</v>
      </c>
      <c r="H9981" t="s">
        <v>51085</v>
      </c>
      <c r="J9981" t="s">
        <v>51086</v>
      </c>
      <c r="K9981" t="s">
        <v>51086</v>
      </c>
      <c r="M9981">
        <v>5051819</v>
      </c>
      <c r="O9981">
        <v>5051819</v>
      </c>
      <c r="P9981">
        <v>1</v>
      </c>
      <c r="Q9981">
        <v>0</v>
      </c>
      <c r="R9981" t="s">
        <v>819</v>
      </c>
      <c r="S9981">
        <v>152</v>
      </c>
    </row>
    <row r="9982" spans="1:19" x14ac:dyDescent="0.25">
      <c r="A9982">
        <v>31778107</v>
      </c>
      <c r="B9982" t="s">
        <v>51087</v>
      </c>
      <c r="C9982" s="1" t="s">
        <v>51088</v>
      </c>
      <c r="D9982">
        <v>31778389</v>
      </c>
      <c r="E9982">
        <v>3</v>
      </c>
      <c r="F9982">
        <v>7</v>
      </c>
      <c r="H9982" t="s">
        <v>51089</v>
      </c>
      <c r="J9982" t="s">
        <v>51090</v>
      </c>
      <c r="K9982" t="s">
        <v>51091</v>
      </c>
      <c r="M9982">
        <v>383904</v>
      </c>
      <c r="O9982">
        <v>2097382</v>
      </c>
      <c r="P9982">
        <v>1</v>
      </c>
      <c r="Q9982">
        <v>2</v>
      </c>
      <c r="R9982" t="s">
        <v>1446</v>
      </c>
      <c r="S9982">
        <v>12240</v>
      </c>
    </row>
    <row r="9983" spans="1:19" x14ac:dyDescent="0.25">
      <c r="A9983">
        <v>35831933</v>
      </c>
      <c r="B9983" t="s">
        <v>51092</v>
      </c>
      <c r="C9983" s="1" t="s">
        <v>51093</v>
      </c>
      <c r="D9983">
        <v>35832001</v>
      </c>
      <c r="E9983">
        <v>2</v>
      </c>
      <c r="F9983">
        <v>1</v>
      </c>
      <c r="H9983" t="s">
        <v>51094</v>
      </c>
      <c r="J9983" t="s">
        <v>51095</v>
      </c>
      <c r="O9983">
        <v>371684</v>
      </c>
      <c r="P9983">
        <v>1</v>
      </c>
      <c r="Q9983">
        <v>0</v>
      </c>
      <c r="R9983" t="s">
        <v>51096</v>
      </c>
      <c r="S9983">
        <v>51</v>
      </c>
    </row>
    <row r="9984" spans="1:19" x14ac:dyDescent="0.25">
      <c r="A9984">
        <v>48188152</v>
      </c>
      <c r="B9984" t="s">
        <v>51097</v>
      </c>
      <c r="C9984" s="1" t="s">
        <v>51098</v>
      </c>
      <c r="D9984">
        <v>48202199</v>
      </c>
      <c r="E9984">
        <v>2</v>
      </c>
      <c r="F9984">
        <v>0</v>
      </c>
      <c r="H9984" t="s">
        <v>51099</v>
      </c>
      <c r="J9984" t="s">
        <v>51100</v>
      </c>
      <c r="K9984" t="s">
        <v>51101</v>
      </c>
      <c r="M9984">
        <v>3304471</v>
      </c>
      <c r="O9984">
        <v>9198280</v>
      </c>
      <c r="P9984">
        <v>1</v>
      </c>
      <c r="Q9984">
        <v>2</v>
      </c>
      <c r="R9984" t="s">
        <v>8000</v>
      </c>
      <c r="S9984">
        <v>40</v>
      </c>
    </row>
    <row r="9985" spans="1:19" x14ac:dyDescent="0.25">
      <c r="A9985">
        <v>44073681</v>
      </c>
      <c r="B9985" t="s">
        <v>51102</v>
      </c>
      <c r="C9985" s="1" t="s">
        <v>51103</v>
      </c>
      <c r="E9985">
        <v>1</v>
      </c>
      <c r="F9985">
        <v>2</v>
      </c>
      <c r="H9985" t="s">
        <v>51104</v>
      </c>
      <c r="I9985">
        <v>0</v>
      </c>
      <c r="J9985" t="s">
        <v>51105</v>
      </c>
      <c r="K9985" t="s">
        <v>51105</v>
      </c>
      <c r="M9985">
        <v>1192111</v>
      </c>
      <c r="O9985">
        <v>8037424</v>
      </c>
      <c r="P9985">
        <v>1</v>
      </c>
      <c r="Q9985">
        <v>-1</v>
      </c>
      <c r="R9985" t="s">
        <v>51106</v>
      </c>
      <c r="S9985">
        <v>38</v>
      </c>
    </row>
    <row r="9986" spans="1:19" x14ac:dyDescent="0.25">
      <c r="A9986">
        <v>11792945</v>
      </c>
      <c r="B9986" t="s">
        <v>51107</v>
      </c>
      <c r="C9986" s="1" t="s">
        <v>51108</v>
      </c>
      <c r="D9986">
        <v>11807949</v>
      </c>
      <c r="E9986">
        <v>1</v>
      </c>
      <c r="F9986">
        <v>2</v>
      </c>
      <c r="H9986" t="s">
        <v>51109</v>
      </c>
      <c r="I9986">
        <v>0</v>
      </c>
      <c r="J9986" t="s">
        <v>51110</v>
      </c>
      <c r="K9986" t="s">
        <v>51110</v>
      </c>
      <c r="M9986">
        <v>5174469</v>
      </c>
      <c r="O9986">
        <v>1024920</v>
      </c>
      <c r="P9986">
        <v>1</v>
      </c>
      <c r="Q9986">
        <v>2</v>
      </c>
      <c r="R9986" t="s">
        <v>51111</v>
      </c>
      <c r="S9986">
        <v>2361</v>
      </c>
    </row>
    <row r="9987" spans="1:19" x14ac:dyDescent="0.25">
      <c r="A9987">
        <v>3068571</v>
      </c>
      <c r="B9987" t="s">
        <v>51112</v>
      </c>
      <c r="C9987" s="1" t="s">
        <v>51113</v>
      </c>
      <c r="E9987">
        <v>1</v>
      </c>
      <c r="F9987">
        <v>2</v>
      </c>
      <c r="H9987" t="s">
        <v>51114</v>
      </c>
      <c r="J9987" t="s">
        <v>51115</v>
      </c>
      <c r="K9987" t="s">
        <v>51116</v>
      </c>
      <c r="M9987">
        <v>114066</v>
      </c>
      <c r="O9987">
        <v>363436</v>
      </c>
      <c r="P9987">
        <v>1</v>
      </c>
      <c r="Q9987">
        <v>0</v>
      </c>
      <c r="R9987" t="s">
        <v>12851</v>
      </c>
      <c r="S9987">
        <v>1808</v>
      </c>
    </row>
    <row r="9988" spans="1:19" x14ac:dyDescent="0.25">
      <c r="A9988">
        <v>27222241</v>
      </c>
      <c r="B9988" t="s">
        <v>51117</v>
      </c>
      <c r="C9988" s="1" t="s">
        <v>51118</v>
      </c>
      <c r="E9988">
        <v>1</v>
      </c>
      <c r="F9988">
        <v>0</v>
      </c>
      <c r="H9988" t="s">
        <v>51119</v>
      </c>
      <c r="J9988" t="s">
        <v>51120</v>
      </c>
      <c r="O9988">
        <v>4310395</v>
      </c>
      <c r="P9988">
        <v>1</v>
      </c>
      <c r="Q9988">
        <v>0</v>
      </c>
      <c r="R9988" t="s">
        <v>51121</v>
      </c>
      <c r="S9988">
        <v>145</v>
      </c>
    </row>
    <row r="9989" spans="1:19" x14ac:dyDescent="0.25">
      <c r="A9989">
        <v>38955682</v>
      </c>
      <c r="B9989" t="s">
        <v>51122</v>
      </c>
      <c r="C9989" s="1" t="s">
        <v>51123</v>
      </c>
      <c r="D9989">
        <v>38958836</v>
      </c>
      <c r="E9989">
        <v>2</v>
      </c>
      <c r="F9989">
        <v>0</v>
      </c>
      <c r="H9989" t="s">
        <v>51124</v>
      </c>
      <c r="I9989">
        <v>1</v>
      </c>
      <c r="J9989" t="s">
        <v>51125</v>
      </c>
      <c r="O9989">
        <v>5547034</v>
      </c>
      <c r="P9989">
        <v>1</v>
      </c>
      <c r="Q9989">
        <v>1</v>
      </c>
      <c r="R9989" t="s">
        <v>51126</v>
      </c>
      <c r="S9989">
        <v>70</v>
      </c>
    </row>
    <row r="9990" spans="1:19" x14ac:dyDescent="0.25">
      <c r="A9990">
        <v>37551880</v>
      </c>
      <c r="B9990" t="s">
        <v>51127</v>
      </c>
      <c r="C9990" s="1" t="s">
        <v>51128</v>
      </c>
      <c r="D9990">
        <v>37571570</v>
      </c>
      <c r="E9990">
        <v>2</v>
      </c>
      <c r="F9990">
        <v>0</v>
      </c>
      <c r="H9990" t="s">
        <v>51129</v>
      </c>
      <c r="J9990" t="s">
        <v>51130</v>
      </c>
      <c r="K9990" t="s">
        <v>51130</v>
      </c>
      <c r="M9990">
        <v>5790481</v>
      </c>
      <c r="O9990">
        <v>5790481</v>
      </c>
      <c r="P9990">
        <v>1</v>
      </c>
      <c r="Q9990">
        <v>1</v>
      </c>
      <c r="R9990" t="s">
        <v>51131</v>
      </c>
      <c r="S9990">
        <v>1271</v>
      </c>
    </row>
    <row r="9991" spans="1:19" x14ac:dyDescent="0.25">
      <c r="A9991">
        <v>42829793</v>
      </c>
      <c r="B9991" t="s">
        <v>51132</v>
      </c>
      <c r="C9991" s="1" t="s">
        <v>51133</v>
      </c>
      <c r="E9991">
        <v>0</v>
      </c>
      <c r="F9991">
        <v>7</v>
      </c>
      <c r="H9991" t="s">
        <v>51134</v>
      </c>
      <c r="J9991" t="s">
        <v>51135</v>
      </c>
      <c r="K9991" t="s">
        <v>51136</v>
      </c>
      <c r="M9991">
        <v>1969919</v>
      </c>
      <c r="O9991">
        <v>7229649</v>
      </c>
      <c r="P9991">
        <v>1</v>
      </c>
      <c r="Q9991">
        <v>0</v>
      </c>
      <c r="R9991" t="s">
        <v>51137</v>
      </c>
      <c r="S9991">
        <v>251</v>
      </c>
    </row>
    <row r="9992" spans="1:19" x14ac:dyDescent="0.25">
      <c r="A9992">
        <v>47143576</v>
      </c>
      <c r="B9992" t="s">
        <v>51138</v>
      </c>
      <c r="C9992" s="1" t="s">
        <v>51139</v>
      </c>
      <c r="D9992">
        <v>47147843</v>
      </c>
      <c r="E9992">
        <v>1</v>
      </c>
      <c r="F9992">
        <v>0</v>
      </c>
      <c r="H9992" t="s">
        <v>51140</v>
      </c>
      <c r="I9992">
        <v>1</v>
      </c>
      <c r="J9992" t="s">
        <v>51141</v>
      </c>
      <c r="K9992" t="s">
        <v>51142</v>
      </c>
      <c r="M9992">
        <v>4966342</v>
      </c>
      <c r="O9992">
        <v>4966342</v>
      </c>
      <c r="P9992">
        <v>1</v>
      </c>
      <c r="Q9992">
        <v>1</v>
      </c>
      <c r="R9992" t="s">
        <v>51143</v>
      </c>
      <c r="S9992">
        <v>355</v>
      </c>
    </row>
    <row r="9993" spans="1:19" x14ac:dyDescent="0.25">
      <c r="A9993">
        <v>36026846</v>
      </c>
      <c r="B9993" t="s">
        <v>51144</v>
      </c>
      <c r="C9993" s="1" t="s">
        <v>51145</v>
      </c>
      <c r="E9993">
        <v>2</v>
      </c>
      <c r="F9993">
        <v>1</v>
      </c>
      <c r="H9993" t="s">
        <v>51146</v>
      </c>
      <c r="J9993" t="s">
        <v>51147</v>
      </c>
      <c r="K9993" t="s">
        <v>51148</v>
      </c>
      <c r="M9993">
        <v>3154233</v>
      </c>
      <c r="O9993">
        <v>3154233</v>
      </c>
      <c r="P9993">
        <v>1</v>
      </c>
      <c r="Q9993">
        <v>7</v>
      </c>
      <c r="R9993" t="s">
        <v>51149</v>
      </c>
      <c r="S9993">
        <v>2884</v>
      </c>
    </row>
    <row r="9994" spans="1:19" x14ac:dyDescent="0.25">
      <c r="A9994">
        <v>36665053</v>
      </c>
      <c r="B9994" t="s">
        <v>51150</v>
      </c>
      <c r="C9994" s="1" t="s">
        <v>51151</v>
      </c>
      <c r="D9994">
        <v>36665210</v>
      </c>
      <c r="E9994">
        <v>1</v>
      </c>
      <c r="F9994">
        <v>3</v>
      </c>
      <c r="H9994" t="s">
        <v>51152</v>
      </c>
      <c r="J9994" t="s">
        <v>51153</v>
      </c>
      <c r="K9994" t="s">
        <v>51153</v>
      </c>
      <c r="M9994">
        <v>1306132</v>
      </c>
      <c r="O9994">
        <v>1306132</v>
      </c>
      <c r="P9994">
        <v>1</v>
      </c>
      <c r="Q9994">
        <v>0</v>
      </c>
      <c r="R9994" t="s">
        <v>574</v>
      </c>
      <c r="S9994">
        <v>217</v>
      </c>
    </row>
    <row r="9995" spans="1:19" x14ac:dyDescent="0.25">
      <c r="A9995">
        <v>28694968</v>
      </c>
      <c r="B9995" t="s">
        <v>51154</v>
      </c>
      <c r="C9995" s="1" t="s">
        <v>51155</v>
      </c>
      <c r="D9995">
        <v>28695265</v>
      </c>
      <c r="E9995">
        <v>3</v>
      </c>
      <c r="F9995">
        <v>2</v>
      </c>
      <c r="H9995" t="s">
        <v>51156</v>
      </c>
      <c r="I9995">
        <v>1</v>
      </c>
      <c r="J9995" t="s">
        <v>51157</v>
      </c>
      <c r="K9995" t="s">
        <v>51157</v>
      </c>
      <c r="M9995">
        <v>1080354</v>
      </c>
      <c r="O9995">
        <v>1514042</v>
      </c>
      <c r="P9995">
        <v>1</v>
      </c>
      <c r="Q9995">
        <v>2</v>
      </c>
      <c r="R9995" t="s">
        <v>51158</v>
      </c>
      <c r="S9995">
        <v>48</v>
      </c>
    </row>
    <row r="9996" spans="1:19" x14ac:dyDescent="0.25">
      <c r="A9996">
        <v>12915776</v>
      </c>
      <c r="B9996" t="s">
        <v>51159</v>
      </c>
      <c r="C9996" s="1" t="s">
        <v>51160</v>
      </c>
      <c r="D9996">
        <v>12915809</v>
      </c>
      <c r="E9996">
        <v>3</v>
      </c>
      <c r="F9996">
        <v>3</v>
      </c>
      <c r="H9996" t="s">
        <v>51161</v>
      </c>
      <c r="I9996">
        <v>0</v>
      </c>
      <c r="J9996" t="s">
        <v>51162</v>
      </c>
      <c r="K9996" t="s">
        <v>51163</v>
      </c>
      <c r="M9996">
        <v>1427138</v>
      </c>
      <c r="O9996">
        <v>934703</v>
      </c>
      <c r="P9996">
        <v>1</v>
      </c>
      <c r="Q9996">
        <v>0</v>
      </c>
      <c r="R9996" t="s">
        <v>989</v>
      </c>
      <c r="S9996">
        <v>328</v>
      </c>
    </row>
    <row r="9997" spans="1:19" x14ac:dyDescent="0.25">
      <c r="A9997">
        <v>48303882</v>
      </c>
      <c r="B9997" t="s">
        <v>51164</v>
      </c>
      <c r="C9997" s="1" t="s">
        <v>51165</v>
      </c>
      <c r="E9997">
        <v>0</v>
      </c>
      <c r="F9997">
        <v>0</v>
      </c>
      <c r="H9997" t="s">
        <v>51166</v>
      </c>
      <c r="I9997">
        <v>1</v>
      </c>
      <c r="J9997" t="s">
        <v>51167</v>
      </c>
      <c r="K9997" t="s">
        <v>51167</v>
      </c>
      <c r="M9997">
        <v>3408904</v>
      </c>
      <c r="O9997">
        <v>3408904</v>
      </c>
      <c r="P9997">
        <v>1</v>
      </c>
      <c r="Q9997">
        <v>1</v>
      </c>
      <c r="R9997" t="s">
        <v>51168</v>
      </c>
      <c r="S9997">
        <v>142</v>
      </c>
    </row>
    <row r="9998" spans="1:19" x14ac:dyDescent="0.25">
      <c r="A9998">
        <v>23927314</v>
      </c>
      <c r="B9998" t="s">
        <v>51169</v>
      </c>
      <c r="C9998" s="1" t="s">
        <v>51170</v>
      </c>
      <c r="D9998">
        <v>23927783</v>
      </c>
      <c r="E9998">
        <v>1</v>
      </c>
      <c r="F9998">
        <v>0</v>
      </c>
      <c r="H9998" t="s">
        <v>51171</v>
      </c>
      <c r="I9998">
        <v>1</v>
      </c>
      <c r="J9998" t="s">
        <v>51172</v>
      </c>
      <c r="O9998">
        <v>2710542</v>
      </c>
      <c r="P9998">
        <v>1</v>
      </c>
      <c r="Q9998">
        <v>0</v>
      </c>
      <c r="R9998" t="s">
        <v>51173</v>
      </c>
      <c r="S9998">
        <v>4405</v>
      </c>
    </row>
    <row r="9999" spans="1:19" x14ac:dyDescent="0.25">
      <c r="A9999">
        <v>37752993</v>
      </c>
      <c r="B9999" t="s">
        <v>51174</v>
      </c>
      <c r="C9999" s="1" t="s">
        <v>51175</v>
      </c>
      <c r="E9999">
        <v>2</v>
      </c>
      <c r="F9999">
        <v>0</v>
      </c>
      <c r="H9999" t="s">
        <v>51176</v>
      </c>
      <c r="J9999" t="s">
        <v>51177</v>
      </c>
      <c r="O9999">
        <v>6450675</v>
      </c>
      <c r="P9999">
        <v>1</v>
      </c>
      <c r="Q9999">
        <v>0</v>
      </c>
      <c r="R9999" t="s">
        <v>51178</v>
      </c>
      <c r="S9999">
        <v>612</v>
      </c>
    </row>
    <row r="10000" spans="1:19" x14ac:dyDescent="0.25">
      <c r="A10000">
        <v>41530548</v>
      </c>
      <c r="B10000" t="s">
        <v>51179</v>
      </c>
      <c r="C10000" s="1" t="s">
        <v>51180</v>
      </c>
      <c r="E10000">
        <v>1</v>
      </c>
      <c r="F10000">
        <v>0</v>
      </c>
      <c r="H10000" t="s">
        <v>51181</v>
      </c>
      <c r="J10000" t="s">
        <v>51182</v>
      </c>
      <c r="K10000" t="s">
        <v>51182</v>
      </c>
      <c r="M10000">
        <v>7148638</v>
      </c>
      <c r="O10000">
        <v>7255439</v>
      </c>
      <c r="P10000">
        <v>1</v>
      </c>
      <c r="Q10000">
        <v>0</v>
      </c>
      <c r="R10000" t="s">
        <v>7856</v>
      </c>
      <c r="S10000">
        <v>70</v>
      </c>
    </row>
    <row r="10001" spans="1:19" x14ac:dyDescent="0.25">
      <c r="A10001">
        <v>49175114</v>
      </c>
      <c r="B10001" t="s">
        <v>51183</v>
      </c>
      <c r="C10001" s="1" t="s">
        <v>51184</v>
      </c>
      <c r="E10001">
        <v>0</v>
      </c>
      <c r="F10001">
        <v>3</v>
      </c>
      <c r="H10001" t="s">
        <v>51185</v>
      </c>
      <c r="I10001">
        <v>1</v>
      </c>
      <c r="J10001" t="s">
        <v>51185</v>
      </c>
      <c r="O10001">
        <v>9459188</v>
      </c>
      <c r="P10001">
        <v>1</v>
      </c>
      <c r="Q10001">
        <v>1</v>
      </c>
      <c r="R10001" t="s">
        <v>1767</v>
      </c>
      <c r="S10001">
        <v>27</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posts_question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Haibo Yan</cp:lastModifiedBy>
  <dcterms:created xsi:type="dcterms:W3CDTF">2019-02-05T18:13:28Z</dcterms:created>
  <dcterms:modified xsi:type="dcterms:W3CDTF">2019-02-05T18:13:29Z</dcterms:modified>
</cp:coreProperties>
</file>